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726"/>
  <workbookPr defaultThemeVersion="166925"/>
  <mc:AlternateContent xmlns:mc="http://schemas.openxmlformats.org/markup-compatibility/2006">
    <mc:Choice Requires="x15">
      <x15ac:absPath xmlns:x15ac="http://schemas.microsoft.com/office/spreadsheetml/2010/11/ac" url="C:\Users\s124129\Documents\GitHub\Energy-community-potential-model\Energy community potential model\"/>
    </mc:Choice>
  </mc:AlternateContent>
  <xr:revisionPtr revIDLastSave="0" documentId="13_ncr:1_{437DE201-C62A-4650-B8B4-660B61C045C3}" xr6:coauthVersionLast="47" xr6:coauthVersionMax="47" xr10:uidLastSave="{00000000-0000-0000-0000-000000000000}"/>
  <bookViews>
    <workbookView xWindow="-108" yWindow="-108" windowWidth="23256" windowHeight="12576" xr2:uid="{00000000-000D-0000-FFFF-FFFF00000000}"/>
  </bookViews>
  <sheets>
    <sheet name="neighborhoods_netherlands" sheetId="2" r:id="rId1"/>
  </sheets>
  <calcPr calcId="0"/>
</workbook>
</file>

<file path=xl/sharedStrings.xml><?xml version="1.0" encoding="utf-8"?>
<sst xmlns="http://schemas.openxmlformats.org/spreadsheetml/2006/main" count="98570" uniqueCount="69767">
  <si>
    <t>statcode</t>
  </si>
  <si>
    <t>jrstatcode</t>
  </si>
  <si>
    <t>statnaam</t>
  </si>
  <si>
    <t>gmCode</t>
  </si>
  <si>
    <t>rubriek</t>
  </si>
  <si>
    <t>id</t>
  </si>
  <si>
    <t>fuuid</t>
  </si>
  <si>
    <t>longitude</t>
  </si>
  <si>
    <t>latitude</t>
  </si>
  <si>
    <t>BU04820101</t>
  </si>
  <si>
    <t>2021BU04820101</t>
  </si>
  <si>
    <t>Cortgene</t>
  </si>
  <si>
    <t>GM0482</t>
  </si>
  <si>
    <t>buurt</t>
  </si>
  <si>
    <t>buurt_gegeneraliseerd_2021.dd3d7525-2aec-467b-8018-74a22044b1ca</t>
  </si>
  <si>
    <t>BU04820102</t>
  </si>
  <si>
    <t>2021BU04820102</t>
  </si>
  <si>
    <t>Redersbuurt</t>
  </si>
  <si>
    <t>buurt_gegeneraliseerd_2021.fe5e069f-4d5f-4c59-a8ad-dc14d247dd12</t>
  </si>
  <si>
    <t>BU04820103</t>
  </si>
  <si>
    <t>2021BU04820103</t>
  </si>
  <si>
    <t>kerkbuurt</t>
  </si>
  <si>
    <t>buurt_gegeneraliseerd_2021.5a5e740a-89c8-4b0f-859e-1fb5e387095d</t>
  </si>
  <si>
    <t>BU04820104</t>
  </si>
  <si>
    <t>2021BU04820104</t>
  </si>
  <si>
    <t>Polderbuurt</t>
  </si>
  <si>
    <t>buurt_gegeneraliseerd_2021.7c36fbbd-69d0-419c-a9bf-963f72b1e5ea</t>
  </si>
  <si>
    <t>BU04820105</t>
  </si>
  <si>
    <t>2021BU04820105</t>
  </si>
  <si>
    <t>De Werven</t>
  </si>
  <si>
    <t>buurt_gegeneraliseerd_2021.dcad1bc8-ec04-4564-a858-43688e810ba0</t>
  </si>
  <si>
    <t>BU04820201</t>
  </si>
  <si>
    <t>2021BU04820201</t>
  </si>
  <si>
    <t>Dijk</t>
  </si>
  <si>
    <t>buurt_gegeneraliseerd_2021.6f67e9b5-9be5-4227-b5e0-6f855b35e678</t>
  </si>
  <si>
    <t>BU04820202</t>
  </si>
  <si>
    <t>2021BU04820202</t>
  </si>
  <si>
    <t>Vogelbuurt</t>
  </si>
  <si>
    <t>buurt_gegeneraliseerd_2021.1e0553d1-3ea6-4d01-a192-e231454cc583</t>
  </si>
  <si>
    <t>BU04820203</t>
  </si>
  <si>
    <t>2021BU04820203</t>
  </si>
  <si>
    <t>Waterland</t>
  </si>
  <si>
    <t>buurt_gegeneraliseerd_2021.69a02043-515d-491f-95d9-acf0b5c5d016</t>
  </si>
  <si>
    <t>BU04820204</t>
  </si>
  <si>
    <t>2021BU04820204</t>
  </si>
  <si>
    <t>Groene Long</t>
  </si>
  <si>
    <t>buurt_gegeneraliseerd_2021.3d03f0b3-a847-4b10-aaff-e6c44c7b04ce</t>
  </si>
  <si>
    <t>BU04820205</t>
  </si>
  <si>
    <t>2021BU04820205</t>
  </si>
  <si>
    <t>Rivierenbuurt</t>
  </si>
  <si>
    <t>buurt_gegeneraliseerd_2021.4b76cc99-b509-414d-9c02-9ba230b64d4b</t>
  </si>
  <si>
    <t>BU04820206</t>
  </si>
  <si>
    <t>2021BU04820206</t>
  </si>
  <si>
    <t>Nieuw Kinderdijk</t>
  </si>
  <si>
    <t>buurt_gegeneraliseerd_2021.92d4ca3d-2902-4686-a59f-b11c6415b87a</t>
  </si>
  <si>
    <t>BU04820301</t>
  </si>
  <si>
    <t>2021BU04820301</t>
  </si>
  <si>
    <t>Zeelt</t>
  </si>
  <si>
    <t>buurt_gegeneraliseerd_2021.b3fb3529-0185-4b10-98c8-ae63be80108d</t>
  </si>
  <si>
    <t>BU04820302</t>
  </si>
  <si>
    <t>2021BU04820302</t>
  </si>
  <si>
    <t>Middelland</t>
  </si>
  <si>
    <t>buurt_gegeneraliseerd_2021.e6c94f38-fea4-460d-a6d0-5b93ea2c97f4</t>
  </si>
  <si>
    <t>BU04820303</t>
  </si>
  <si>
    <t>2021BU04820303</t>
  </si>
  <si>
    <t>Blokweer Noord</t>
  </si>
  <si>
    <t>buurt_gegeneraliseerd_2021.e2359e41-ef98-43b7-941a-c08f671681b2</t>
  </si>
  <si>
    <t>BU04820304</t>
  </si>
  <si>
    <t>2021BU04820304</t>
  </si>
  <si>
    <t>Blokweer Zuid</t>
  </si>
  <si>
    <t>buurt_gegeneraliseerd_2021.d15bbe17-3a1c-4db5-8800-ec63ccff987d</t>
  </si>
  <si>
    <t>BU04820305</t>
  </si>
  <si>
    <t>2021BU04820305</t>
  </si>
  <si>
    <t>Drentsebuurt</t>
  </si>
  <si>
    <t>buurt_gegeneraliseerd_2021.38d97647-7c17-4748-a5e7-a758f1d66938</t>
  </si>
  <si>
    <t>BU04820306</t>
  </si>
  <si>
    <t>2021BU04820306</t>
  </si>
  <si>
    <t>Florabuurt</t>
  </si>
  <si>
    <t>buurt_gegeneraliseerd_2021.ba76d8c9-066b-4541-86bc-499ebcdb7988</t>
  </si>
  <si>
    <t>BU04820307</t>
  </si>
  <si>
    <t>2021BU04820307</t>
  </si>
  <si>
    <t>Staatsliedenbuurt</t>
  </si>
  <si>
    <t>buurt_gegeneraliseerd_2021.ffac4910-88fb-4ada-9446-1a68475efe46</t>
  </si>
  <si>
    <t>BU04820401</t>
  </si>
  <si>
    <t>2021BU04820401</t>
  </si>
  <si>
    <t>Schildersbuurt</t>
  </si>
  <si>
    <t>buurt_gegeneraliseerd_2021.2c709301-833b-4d41-9391-8f3f9e671a92</t>
  </si>
  <si>
    <t>BU04820402</t>
  </si>
  <si>
    <t>2021BU04820402</t>
  </si>
  <si>
    <t>Schrijversbuurt</t>
  </si>
  <si>
    <t>buurt_gegeneraliseerd_2021.c37f2858-670e-4834-bdb9-6d971dda27ca</t>
  </si>
  <si>
    <t>BU04820403</t>
  </si>
  <si>
    <t>2021BU04820403</t>
  </si>
  <si>
    <t>Klein Alblas</t>
  </si>
  <si>
    <t>buurt_gegeneraliseerd_2021.1087e378-eaed-4598-a50d-16c6efb6882e</t>
  </si>
  <si>
    <t>BU04820404</t>
  </si>
  <si>
    <t>2021BU04820404</t>
  </si>
  <si>
    <t>Oranjebuurt</t>
  </si>
  <si>
    <t>buurt_gegeneraliseerd_2021.fdbb705e-02c9-45b1-b670-bffe67050380</t>
  </si>
  <si>
    <t>BU04820501</t>
  </si>
  <si>
    <t>2021BU04820501</t>
  </si>
  <si>
    <t>Vinkenwaard</t>
  </si>
  <si>
    <t>buurt_gegeneraliseerd_2021.e69aec3e-c1c2-471d-b6ed-f35c34512bfe</t>
  </si>
  <si>
    <t>BU04820502</t>
  </si>
  <si>
    <t>2021BU04820502</t>
  </si>
  <si>
    <t>Hoogendijk</t>
  </si>
  <si>
    <t>buurt_gegeneraliseerd_2021.20c27266-5eda-4077-bc22-d9d902fa1d60</t>
  </si>
  <si>
    <t>BU04820503</t>
  </si>
  <si>
    <t>2021BU04820503</t>
  </si>
  <si>
    <t>Nieuwland</t>
  </si>
  <si>
    <t>buurt_gegeneraliseerd_2021.d672f6df-a8f5-4c10-8cea-d65a44a4c6d3</t>
  </si>
  <si>
    <t>BU04820601</t>
  </si>
  <si>
    <t>2021BU04820601</t>
  </si>
  <si>
    <t>Polder Blokweer</t>
  </si>
  <si>
    <t>buurt_gegeneraliseerd_2021.83fea015-7b71-4b19-b9b0-d218e0c35f42</t>
  </si>
  <si>
    <t>BU04820602</t>
  </si>
  <si>
    <t>2021BU04820602</t>
  </si>
  <si>
    <t>Polder Kortland</t>
  </si>
  <si>
    <t>buurt_gegeneraliseerd_2021.96bdac60-9f2c-4cf9-a9f1-2c971dd60023</t>
  </si>
  <si>
    <t>BU04820603</t>
  </si>
  <si>
    <t>2021BU04820603</t>
  </si>
  <si>
    <t>Polder Souburgh</t>
  </si>
  <si>
    <t>buurt_gegeneraliseerd_2021.8c256b92-bd51-44f0-b0ec-f07ca76bb7f2</t>
  </si>
  <si>
    <t>BU04820604</t>
  </si>
  <si>
    <t>2021BU04820604</t>
  </si>
  <si>
    <t>Polder Vinkenwaard</t>
  </si>
  <si>
    <t>buurt_gegeneraliseerd_2021.c2800ab6-9a1a-4611-8454-1ba636057237</t>
  </si>
  <si>
    <t>BU04890101</t>
  </si>
  <si>
    <t>2021BU04890101</t>
  </si>
  <si>
    <t>Centrum</t>
  </si>
  <si>
    <t>GM0489</t>
  </si>
  <si>
    <t>buurt_gegeneraliseerd_2021.be4f7996-f90b-4e0e-86a8-fa3be364240d</t>
  </si>
  <si>
    <t>BU04890102</t>
  </si>
  <si>
    <t>2021BU04890102</t>
  </si>
  <si>
    <t>Centrum Oost</t>
  </si>
  <si>
    <t>buurt_gegeneraliseerd_2021.1d190833-f31b-42d8-b089-25c18376251a</t>
  </si>
  <si>
    <t>BU04890103</t>
  </si>
  <si>
    <t>2021BU04890103</t>
  </si>
  <si>
    <t>Centrum West</t>
  </si>
  <si>
    <t>buurt_gegeneraliseerd_2021.3eb0129f-a57e-461b-b858-4fadefcb290f</t>
  </si>
  <si>
    <t>BU04890204</t>
  </si>
  <si>
    <t>2021BU04890204</t>
  </si>
  <si>
    <t>Noord 1</t>
  </si>
  <si>
    <t>buurt_gegeneraliseerd_2021.b7bf38e7-c63c-4857-86bf-01971b1287f5</t>
  </si>
  <si>
    <t>BU04890205</t>
  </si>
  <si>
    <t>2021BU04890205</t>
  </si>
  <si>
    <t>Noord 2</t>
  </si>
  <si>
    <t>buurt_gegeneraliseerd_2021.4fa73d59-9d57-48b9-9f89-a474cfa6a583</t>
  </si>
  <si>
    <t>BU04890206</t>
  </si>
  <si>
    <t>2021BU04890206</t>
  </si>
  <si>
    <t>Noord 3</t>
  </si>
  <si>
    <t>buurt_gegeneraliseerd_2021.4b39d4c6-af73-4ab7-9890-5380933a5b51</t>
  </si>
  <si>
    <t>BU04890207</t>
  </si>
  <si>
    <t>2021BU04890207</t>
  </si>
  <si>
    <t>Noord 4</t>
  </si>
  <si>
    <t>buurt_gegeneraliseerd_2021.5d64d22f-8cf6-424e-8423-8ed605146b74</t>
  </si>
  <si>
    <t>BU04890308</t>
  </si>
  <si>
    <t>2021BU04890308</t>
  </si>
  <si>
    <t>Binnenland</t>
  </si>
  <si>
    <t>buurt_gegeneraliseerd_2021.d763c6b7-6161-44fb-915d-cb0d10c63ebd</t>
  </si>
  <si>
    <t>BU04890409</t>
  </si>
  <si>
    <t>2021BU04890409</t>
  </si>
  <si>
    <t>Oranjewijk 1</t>
  </si>
  <si>
    <t>buurt_gegeneraliseerd_2021.eb459d11-22be-4ceb-8f7b-2e31f86c9e75</t>
  </si>
  <si>
    <t>BU04890410</t>
  </si>
  <si>
    <t>2021BU04890410</t>
  </si>
  <si>
    <t>Oranjewijk 2</t>
  </si>
  <si>
    <t>buurt_gegeneraliseerd_2021.f1b13fdd-e9f9-4aff-a3f2-5c6e72a5cb48</t>
  </si>
  <si>
    <t>BU04890511</t>
  </si>
  <si>
    <t>2021BU04890511</t>
  </si>
  <si>
    <t>Buitenoord 1</t>
  </si>
  <si>
    <t>buurt_gegeneraliseerd_2021.fc1cda16-a934-448f-80b4-7d044330f28c</t>
  </si>
  <si>
    <t>BU04890512</t>
  </si>
  <si>
    <t>2021BU04890512</t>
  </si>
  <si>
    <t>Buitenoord 2</t>
  </si>
  <si>
    <t>buurt_gegeneraliseerd_2021.68e962e8-7a30-4eba-ba9b-76e838e4dfda</t>
  </si>
  <si>
    <t>BU04890513</t>
  </si>
  <si>
    <t>2021BU04890513</t>
  </si>
  <si>
    <t>Buitenoord 3</t>
  </si>
  <si>
    <t>buurt_gegeneraliseerd_2021.5b515995-b367-4861-bc06-dfe8fa9e0a6c</t>
  </si>
  <si>
    <t>BU04890614</t>
  </si>
  <si>
    <t>2021BU04890614</t>
  </si>
  <si>
    <t>Ter Leede</t>
  </si>
  <si>
    <t>buurt_gegeneraliseerd_2021.dec2dcd9-487a-41ce-badb-ab6c54c1a20f</t>
  </si>
  <si>
    <t>BU04890715</t>
  </si>
  <si>
    <t>2021BU04890715</t>
  </si>
  <si>
    <t>Paddewei</t>
  </si>
  <si>
    <t>buurt_gegeneraliseerd_2021.f0d171b1-681e-402c-9ec1-5ae4042bf905</t>
  </si>
  <si>
    <t>BU04890816</t>
  </si>
  <si>
    <t>2021BU04890816</t>
  </si>
  <si>
    <t>Molenvliet 1</t>
  </si>
  <si>
    <t>buurt_gegeneraliseerd_2021.e8b05088-8960-48b4-a668-e0fdc0cc866b</t>
  </si>
  <si>
    <t>BU04890817</t>
  </si>
  <si>
    <t>2021BU04890817</t>
  </si>
  <si>
    <t>Molenvliet 2</t>
  </si>
  <si>
    <t>buurt_gegeneraliseerd_2021.8ab73f1b-959e-4499-b70e-bd6f49ff0a6f</t>
  </si>
  <si>
    <t>BU04890918</t>
  </si>
  <si>
    <t>2021BU04890918</t>
  </si>
  <si>
    <t>Nieuweland 1</t>
  </si>
  <si>
    <t>buurt_gegeneraliseerd_2021.1eebec9e-4825-46a8-9d4e-0cbcc2253ff9</t>
  </si>
  <si>
    <t>BU04890919</t>
  </si>
  <si>
    <t>2021BU04890919</t>
  </si>
  <si>
    <t>Nieuweland 2</t>
  </si>
  <si>
    <t>buurt_gegeneraliseerd_2021.ba0a31bd-b2d8-466a-a4f5-055d9fbc01ba</t>
  </si>
  <si>
    <t>BU04890920</t>
  </si>
  <si>
    <t>2021BU04890920</t>
  </si>
  <si>
    <t>Nieuweland 3</t>
  </si>
  <si>
    <t>buurt_gegeneraliseerd_2021.902c4ce4-35ff-4617-baf2-b9a5f0a144bb</t>
  </si>
  <si>
    <t>BU04890921</t>
  </si>
  <si>
    <t>2021BU04890921</t>
  </si>
  <si>
    <t>Nieuweland 4</t>
  </si>
  <si>
    <t>buurt_gegeneraliseerd_2021.11b4f0f0-a33f-4bd4-a0f5-385fa0982055</t>
  </si>
  <si>
    <t>BU04890922</t>
  </si>
  <si>
    <t>2021BU04890922</t>
  </si>
  <si>
    <t>Nieuweland 5</t>
  </si>
  <si>
    <t>buurt_gegeneraliseerd_2021.7f06292b-a555-41b0-8edd-464902bf9921</t>
  </si>
  <si>
    <t>BU04891023</t>
  </si>
  <si>
    <t>2021BU04891023</t>
  </si>
  <si>
    <t>Dorpzicht</t>
  </si>
  <si>
    <t>buurt_gegeneraliseerd_2021.d1474ea8-233a-42c1-b4ed-5760abf8f78b</t>
  </si>
  <si>
    <t>BU04891124</t>
  </si>
  <si>
    <t>2021BU04891124</t>
  </si>
  <si>
    <t>Bijdorp</t>
  </si>
  <si>
    <t>buurt_gegeneraliseerd_2021.c92033f0-cdb5-4171-b94c-50a74c78206f</t>
  </si>
  <si>
    <t>BU04893053</t>
  </si>
  <si>
    <t>2021BU04893053</t>
  </si>
  <si>
    <t>Kooiwalbos</t>
  </si>
  <si>
    <t>buurt_gegeneraliseerd_2021.b6f45276-ffed-409b-9cd2-d7e749c7cda1</t>
  </si>
  <si>
    <t>BU04893054</t>
  </si>
  <si>
    <t>2021BU04893054</t>
  </si>
  <si>
    <t>Dordtsestraatweg</t>
  </si>
  <si>
    <t>buurt_gegeneraliseerd_2021.13f22e65-9fac-4bee-822c-9112832555b8</t>
  </si>
  <si>
    <t>BU04893161</t>
  </si>
  <si>
    <t>2021BU04893161</t>
  </si>
  <si>
    <t>Achterzeedijk West</t>
  </si>
  <si>
    <t>buurt_gegeneraliseerd_2021.c9dafeea-d5d3-47b5-bb1d-d5ff4df1b8cc</t>
  </si>
  <si>
    <t>BU04893162</t>
  </si>
  <si>
    <t>2021BU04893162</t>
  </si>
  <si>
    <t>Achterzeedijk Oost</t>
  </si>
  <si>
    <t>buurt_gegeneraliseerd_2021.5772a6d6-2472-40d9-b66d-92929cda0a54</t>
  </si>
  <si>
    <t>BU04893163</t>
  </si>
  <si>
    <t>2021BU04893163</t>
  </si>
  <si>
    <t>Noldijk</t>
  </si>
  <si>
    <t>buurt_gegeneraliseerd_2021.a4ae6b13-8426-4d8d-b1da-1bb9f4d77f9f</t>
  </si>
  <si>
    <t>BU04893164</t>
  </si>
  <si>
    <t>2021BU04893164</t>
  </si>
  <si>
    <t>Kilweg</t>
  </si>
  <si>
    <t>buurt_gegeneraliseerd_2021.bbd6b28b-8f37-4486-b5f3-51127a4f2d5c</t>
  </si>
  <si>
    <t>BU04895070</t>
  </si>
  <si>
    <t>2021BU04895070</t>
  </si>
  <si>
    <t>BT Reijerswaard</t>
  </si>
  <si>
    <t>buurt_gegeneraliseerd_2021.d9d0c59b-07b8-49ca-b641-e9d4aacfe590</t>
  </si>
  <si>
    <t>BU04895071</t>
  </si>
  <si>
    <t>2021BU04895071</t>
  </si>
  <si>
    <t>BT Cornelisland</t>
  </si>
  <si>
    <t>buurt_gegeneraliseerd_2021.5eb852a8-1e0a-4e8c-9ec2-51c563ba021c</t>
  </si>
  <si>
    <t>BU04895072</t>
  </si>
  <si>
    <t>2021BU04895072</t>
  </si>
  <si>
    <t>BT Dierenstein</t>
  </si>
  <si>
    <t>buurt_gegeneraliseerd_2021.d6262bcc-5ed3-413e-b395-f14ece1464c0</t>
  </si>
  <si>
    <t>BU04895073</t>
  </si>
  <si>
    <t>2021BU04895073</t>
  </si>
  <si>
    <t>BT Veiling</t>
  </si>
  <si>
    <t>buurt_gegeneraliseerd_2021.56350728-3bf1-43de-a370-7f2a99fc082a</t>
  </si>
  <si>
    <t>BU04895074</t>
  </si>
  <si>
    <t>2021BU04895074</t>
  </si>
  <si>
    <t>BT Handelscentrum</t>
  </si>
  <si>
    <t>buurt_gegeneraliseerd_2021.8bd40e7e-df2f-46d4-8fb0-f4408ee9410d</t>
  </si>
  <si>
    <t>BU04895075</t>
  </si>
  <si>
    <t>2021BU04895075</t>
  </si>
  <si>
    <t>BT Gebroken Meeldijk</t>
  </si>
  <si>
    <t>buurt_gegeneraliseerd_2021.71d4c716-e684-4211-900c-544963cc73de</t>
  </si>
  <si>
    <t>BU04895076</t>
  </si>
  <si>
    <t>2021BU04895076</t>
  </si>
  <si>
    <t>BT Ziedewij</t>
  </si>
  <si>
    <t>buurt_gegeneraliseerd_2021.d55e95cd-409c-4d06-88d6-200e93d70b01</t>
  </si>
  <si>
    <t>BU04895077</t>
  </si>
  <si>
    <t>2021BU04895077</t>
  </si>
  <si>
    <t>BT Bijdorp</t>
  </si>
  <si>
    <t>buurt_gegeneraliseerd_2021.a90b3a39-3a88-4291-bee1-169617b3a596</t>
  </si>
  <si>
    <t>BU04895080</t>
  </si>
  <si>
    <t>2021BU04895080</t>
  </si>
  <si>
    <t>BT Achterzeedijk</t>
  </si>
  <si>
    <t>buurt_gegeneraliseerd_2021.15e66d34-9eed-402f-913b-2e68849d7f0f</t>
  </si>
  <si>
    <t>BU05020110</t>
  </si>
  <si>
    <t>2021BU05020110</t>
  </si>
  <si>
    <t>IJsseldijk</t>
  </si>
  <si>
    <t>GM0502</t>
  </si>
  <si>
    <t>buurt_gegeneraliseerd_2021.8341ed3c-07e4-4b45-9d73-19646963af7f</t>
  </si>
  <si>
    <t>BU05020111</t>
  </si>
  <si>
    <t>2021BU05020111</t>
  </si>
  <si>
    <t>Redebuurt</t>
  </si>
  <si>
    <t>buurt_gegeneraliseerd_2021.8744a5f8-dc97-444d-b0ec-01dcfe80faae</t>
  </si>
  <si>
    <t>BU05020112</t>
  </si>
  <si>
    <t>2021BU05020112</t>
  </si>
  <si>
    <t>Rendier/Navigatiebuurt</t>
  </si>
  <si>
    <t>buurt_gegeneraliseerd_2021.127c3deb-7718-4cd2-9dc1-fb25328b7cd9</t>
  </si>
  <si>
    <t>BU05020113</t>
  </si>
  <si>
    <t>2021BU05020113</t>
  </si>
  <si>
    <t>Zeeheldenbuurt-west</t>
  </si>
  <si>
    <t>buurt_gegeneraliseerd_2021.c85094a2-0bba-4584-a54b-ee9b4f164f43</t>
  </si>
  <si>
    <t>BU05020114</t>
  </si>
  <si>
    <t>2021BU05020114</t>
  </si>
  <si>
    <t>Zeeheldenbuurt-oost</t>
  </si>
  <si>
    <t>buurt_gegeneraliseerd_2021.7c6cf345-e2c3-4c24-b15c-ac8ab83f8ad4</t>
  </si>
  <si>
    <t>BU05020115</t>
  </si>
  <si>
    <t>2021BU05020115</t>
  </si>
  <si>
    <t>Chopinbuurt</t>
  </si>
  <si>
    <t>buurt_gegeneraliseerd_2021.04a0bba1-2424-4810-b355-01b0761880bc</t>
  </si>
  <si>
    <t>BU05020118</t>
  </si>
  <si>
    <t>2021BU05020118</t>
  </si>
  <si>
    <t>Rossinibuurt</t>
  </si>
  <si>
    <t>buurt_gegeneraliseerd_2021.77ee74e2-0fe5-4b2f-a722-e126bcd45f21</t>
  </si>
  <si>
    <t>BU05020119</t>
  </si>
  <si>
    <t>2021BU05020119</t>
  </si>
  <si>
    <t>Puccinibuurt</t>
  </si>
  <si>
    <t>buurt_gegeneraliseerd_2021.c9e053d7-320b-4415-b4d3-9510d5bce261</t>
  </si>
  <si>
    <t>BU05020991</t>
  </si>
  <si>
    <t>2021BU05020991</t>
  </si>
  <si>
    <t>Fascinatio-west</t>
  </si>
  <si>
    <t>buurt_gegeneraliseerd_2021.1d5cf332-703d-43e2-a687-72f9bc65ccc8</t>
  </si>
  <si>
    <t>BU05020992</t>
  </si>
  <si>
    <t>2021BU05020992</t>
  </si>
  <si>
    <t>Fascinatio-oost</t>
  </si>
  <si>
    <t>buurt_gegeneraliseerd_2021.8fa5ada6-0be6-41ea-9713-ab2a26eb5c70</t>
  </si>
  <si>
    <t>BU05020995</t>
  </si>
  <si>
    <t>2021BU05020995</t>
  </si>
  <si>
    <t>Rivium 1e straat</t>
  </si>
  <si>
    <t>buurt_gegeneraliseerd_2021.9c40dca8-c107-4fab-82a2-25b5fb990264</t>
  </si>
  <si>
    <t>BU05020996</t>
  </si>
  <si>
    <t>2021BU05020996</t>
  </si>
  <si>
    <t>AWZI Rivium</t>
  </si>
  <si>
    <t>buurt_gegeneraliseerd_2021.e1f09d67-27f3-484b-8d5a-0fb8f20c2b1d</t>
  </si>
  <si>
    <t>BU05020997</t>
  </si>
  <si>
    <t>2021BU05020997</t>
  </si>
  <si>
    <t>Rivium 2e straat</t>
  </si>
  <si>
    <t>buurt_gegeneraliseerd_2021.7701fc17-53d6-4755-a43f-c60f07140f76</t>
  </si>
  <si>
    <t>BU05020998</t>
  </si>
  <si>
    <t>2021BU05020998</t>
  </si>
  <si>
    <t>Rivium Promenade</t>
  </si>
  <si>
    <t>buurt_gegeneraliseerd_2021.c8bff4d6-eaf1-4bb2-afc8-8dc0bdf520b2</t>
  </si>
  <si>
    <t>BU05050100</t>
  </si>
  <si>
    <t>2021BU05050100</t>
  </si>
  <si>
    <t>Nieuwe Haven en omgeving</t>
  </si>
  <si>
    <t>GM0505</t>
  </si>
  <si>
    <t>buurt_gegeneraliseerd_2021.751ae9ae-80b2-4713-a709-a3c3f1f911ef</t>
  </si>
  <si>
    <t>BU05050101</t>
  </si>
  <si>
    <t>2021BU05050101</t>
  </si>
  <si>
    <t>Groenmarkt en omgeving</t>
  </si>
  <si>
    <t>buurt_gegeneraliseerd_2021.641ddf33-354b-493f-88ad-76f8a8438553</t>
  </si>
  <si>
    <t>BU05050102</t>
  </si>
  <si>
    <t>2021BU05050102</t>
  </si>
  <si>
    <t>Grote Markt en omgeving</t>
  </si>
  <si>
    <t>buurt_gegeneraliseerd_2021.c39cf918-4b05-4e49-8c5c-0cffa8a79629</t>
  </si>
  <si>
    <t>BU05050103</t>
  </si>
  <si>
    <t>2021BU05050103</t>
  </si>
  <si>
    <t>Wijnstraat en omgeving</t>
  </si>
  <si>
    <t>buurt_gegeneraliseerd_2021.9a86fe3d-97ae-4327-9717-e0b73d75ec90</t>
  </si>
  <si>
    <t>BU05050104</t>
  </si>
  <si>
    <t>2021BU05050104</t>
  </si>
  <si>
    <t>Kalkhaven</t>
  </si>
  <si>
    <t>buurt_gegeneraliseerd_2021.68cc7b24-169e-40a0-98cc-896e8e1f2396</t>
  </si>
  <si>
    <t>BU05050105</t>
  </si>
  <si>
    <t>2021BU05050105</t>
  </si>
  <si>
    <t>Achterhakkers en omgeving</t>
  </si>
  <si>
    <t>buurt_gegeneraliseerd_2021.bea5dc5e-b96b-4f6a-90b1-7d86f7a4503e</t>
  </si>
  <si>
    <t>BU05050106</t>
  </si>
  <si>
    <t>2021BU05050106</t>
  </si>
  <si>
    <t>Boogjes en omgeving</t>
  </si>
  <si>
    <t>buurt_gegeneraliseerd_2021.1c6d9e6d-0474-4ef0-99cc-515547240fab</t>
  </si>
  <si>
    <t>BU05050107</t>
  </si>
  <si>
    <t>2021BU05050107</t>
  </si>
  <si>
    <t>Lombard en omgeving</t>
  </si>
  <si>
    <t>buurt_gegeneraliseerd_2021.3a34f9b3-c6f1-4542-957a-d3ed1c38df2a</t>
  </si>
  <si>
    <t>BU05050108</t>
  </si>
  <si>
    <t>2021BU05050108</t>
  </si>
  <si>
    <t>buurt_gegeneraliseerd_2021.68bbe1a3-7fde-46ab-82d3-d15c4d0de838</t>
  </si>
  <si>
    <t>BU05050109</t>
  </si>
  <si>
    <t>2021BU05050109</t>
  </si>
  <si>
    <t>Augustijnenkamp en omgeving</t>
  </si>
  <si>
    <t>buurt_gegeneraliseerd_2021.b4778fce-fddd-44e2-a897-e50a563e3224</t>
  </si>
  <si>
    <t>BU05050110</t>
  </si>
  <si>
    <t>2021BU05050110</t>
  </si>
  <si>
    <t>Geldelozepad en omgeving</t>
  </si>
  <si>
    <t>buurt_gegeneraliseerd_2021.3cd163fe-8c19-4bc2-8cb1-55a506748141</t>
  </si>
  <si>
    <t>BU05050111</t>
  </si>
  <si>
    <t>2021BU05050111</t>
  </si>
  <si>
    <t>Rozenhof en omgeving</t>
  </si>
  <si>
    <t>buurt_gegeneraliseerd_2021.266182bc-4bfe-46a0-bd12-e3a33de323c9</t>
  </si>
  <si>
    <t>BU05050112</t>
  </si>
  <si>
    <t>2021BU05050112</t>
  </si>
  <si>
    <t>Beverwijcksplein en omgeving</t>
  </si>
  <si>
    <t>buurt_gegeneraliseerd_2021.b2ec941c-8248-4c76-a173-8229b19a21a4</t>
  </si>
  <si>
    <t>BU05050113</t>
  </si>
  <si>
    <t>2021BU05050113</t>
  </si>
  <si>
    <t>Burgemeester de Raadtsingel en omgeving</t>
  </si>
  <si>
    <t>buurt_gegeneraliseerd_2021.3d20099a-0899-4313-b20f-c7377b7f5c33</t>
  </si>
  <si>
    <t>BU05050114</t>
  </si>
  <si>
    <t>2021BU05050114</t>
  </si>
  <si>
    <t>Kon. Wilhelminastraat en omgeving</t>
  </si>
  <si>
    <t>buurt_gegeneraliseerd_2021.399702d3-ae2d-46af-86a8-737db606e119</t>
  </si>
  <si>
    <t>BU05050200</t>
  </si>
  <si>
    <t>2021BU05050200</t>
  </si>
  <si>
    <t>Bleijenhoek</t>
  </si>
  <si>
    <t>buurt_gegeneraliseerd_2021.2c39005c-98d0-404f-885e-fd8f84d68eb0</t>
  </si>
  <si>
    <t>BU05050201</t>
  </si>
  <si>
    <t>2021BU05050201</t>
  </si>
  <si>
    <t>Stadswerven</t>
  </si>
  <si>
    <t>buurt_gegeneraliseerd_2021.bc2b15bb-e50f-4801-a858-0e8ff29549bb</t>
  </si>
  <si>
    <t>BU05050202</t>
  </si>
  <si>
    <t>2021BU05050202</t>
  </si>
  <si>
    <t>Lijnbaan</t>
  </si>
  <si>
    <t>buurt_gegeneraliseerd_2021.3ee5a9ab-acd1-4fa3-922a-1a00b4a31702</t>
  </si>
  <si>
    <t>BU05050203</t>
  </si>
  <si>
    <t>2021BU05050203</t>
  </si>
  <si>
    <t>Matena's Pad en omgeving</t>
  </si>
  <si>
    <t>buurt_gegeneraliseerd_2021.3ee4beae-494c-43ce-aaa3-a2b9a3be489e</t>
  </si>
  <si>
    <t>BU05050204</t>
  </si>
  <si>
    <t>2021BU05050204</t>
  </si>
  <si>
    <t>Merwestein-Noord</t>
  </si>
  <si>
    <t>buurt_gegeneraliseerd_2021.7611ef47-daf2-4e2d-bb8d-6c18c9a3ab55</t>
  </si>
  <si>
    <t>BU05050205</t>
  </si>
  <si>
    <t>2021BU05050205</t>
  </si>
  <si>
    <t>Kasperspad en omgeving</t>
  </si>
  <si>
    <t>buurt_gegeneraliseerd_2021.45e9203c-df02-4bd2-bc4a-1141c829ec0b</t>
  </si>
  <si>
    <t>BU05050206</t>
  </si>
  <si>
    <t>2021BU05050206</t>
  </si>
  <si>
    <t>Park Merwestein en omgeving</t>
  </si>
  <si>
    <t>buurt_gegeneraliseerd_2021.89acaecd-3c55-4fc4-bbd5-7364fc379bbb</t>
  </si>
  <si>
    <t>BU05050300</t>
  </si>
  <si>
    <t>2021BU05050300</t>
  </si>
  <si>
    <t>Zuidendijk</t>
  </si>
  <si>
    <t>buurt_gegeneraliseerd_2021.a2963905-6d55-430b-b1e2-fcb0adbc8e08</t>
  </si>
  <si>
    <t>BU05050301</t>
  </si>
  <si>
    <t>2021BU05050301</t>
  </si>
  <si>
    <t>Viottakade en omgeving</t>
  </si>
  <si>
    <t>buurt_gegeneraliseerd_2021.09d32e9e-fcec-471c-bd2a-ffa8d0c4e029</t>
  </si>
  <si>
    <t>BU05050302</t>
  </si>
  <si>
    <t>2021BU05050302</t>
  </si>
  <si>
    <t>Erasmuslaan en omgeving</t>
  </si>
  <si>
    <t>buurt_gegeneraliseerd_2021.39061646-2443-477f-bba3-acaeca9ec1cb</t>
  </si>
  <si>
    <t>BU05050303</t>
  </si>
  <si>
    <t>2021BU05050303</t>
  </si>
  <si>
    <t>Breitnerstraat en omgeving</t>
  </si>
  <si>
    <t>buurt_gegeneraliseerd_2021.0afe04e4-b596-4e73-869b-4c7ef7883d74</t>
  </si>
  <si>
    <t>BU05050304</t>
  </si>
  <si>
    <t>2021BU05050304</t>
  </si>
  <si>
    <t>Jacob Marisstraat en omgeving</t>
  </si>
  <si>
    <t>buurt_gegeneraliseerd_2021.500600a1-e3ea-4c4c-b9d4-fcb6f8d083ce</t>
  </si>
  <si>
    <t>BU05050305</t>
  </si>
  <si>
    <t>2021BU05050305</t>
  </si>
  <si>
    <t>Krispijnse Driehoek</t>
  </si>
  <si>
    <t>buurt_gegeneraliseerd_2021.7921197f-ed0c-47a3-9243-934d1277154b</t>
  </si>
  <si>
    <t>BU05050306</t>
  </si>
  <si>
    <t>2021BU05050306</t>
  </si>
  <si>
    <t>Jacob Catsstraat en omgeving</t>
  </si>
  <si>
    <t>buurt_gegeneraliseerd_2021.82ce4057-3a2e-4590-a74b-b324e85fb501</t>
  </si>
  <si>
    <t>BU05050307</t>
  </si>
  <si>
    <t>2021BU05050307</t>
  </si>
  <si>
    <t>Rembrandtlaan en omgeving</t>
  </si>
  <si>
    <t>buurt_gegeneraliseerd_2021.a50b59d4-d4ad-4385-8cd3-0232961be53d</t>
  </si>
  <si>
    <t>BU05050400</t>
  </si>
  <si>
    <t>2021BU05050400</t>
  </si>
  <si>
    <t>Pr. Bernhardstraat en omgeving</t>
  </si>
  <si>
    <t>buurt_gegeneraliseerd_2021.21a14856-cd8e-40bf-8c01-c5ae0500a337</t>
  </si>
  <si>
    <t>BU05050401</t>
  </si>
  <si>
    <t>2021BU05050401</t>
  </si>
  <si>
    <t>Waldeck Pyrmontweg en omgeving</t>
  </si>
  <si>
    <t>buurt_gegeneraliseerd_2021.48e03766-5d52-429b-bd86-6fd54a78acca</t>
  </si>
  <si>
    <t>BU05050402</t>
  </si>
  <si>
    <t>2021BU05050402</t>
  </si>
  <si>
    <t>Anna Paulownastraat en omgeving</t>
  </si>
  <si>
    <t>buurt_gegeneraliseerd_2021.6aa38085-5c69-41f9-b299-a0e88404d5da</t>
  </si>
  <si>
    <t>BU05050403</t>
  </si>
  <si>
    <t>2021BU05050403</t>
  </si>
  <si>
    <t>Emmastraat en omgeving</t>
  </si>
  <si>
    <t>buurt_gegeneraliseerd_2021.08dbcbdf-a589-47ad-96d3-d1303aaa5326</t>
  </si>
  <si>
    <t>BU05050404</t>
  </si>
  <si>
    <t>2021BU05050404</t>
  </si>
  <si>
    <t>Bloemenbuurt</t>
  </si>
  <si>
    <t>buurt_gegeneraliseerd_2021.e86f3c71-2b01-4e65-9a86-0d5a97df6521</t>
  </si>
  <si>
    <t>BU05050405</t>
  </si>
  <si>
    <t>2021BU05050405</t>
  </si>
  <si>
    <t>Weizigtpark</t>
  </si>
  <si>
    <t>buurt_gegeneraliseerd_2021.315c4d12-8922-470e-9873-265eff95549d</t>
  </si>
  <si>
    <t>BU05050406</t>
  </si>
  <si>
    <t>2021BU05050406</t>
  </si>
  <si>
    <t>Nieuweweg en omgeving</t>
  </si>
  <si>
    <t>buurt_gegeneraliseerd_2021.096afa08-7bbf-462d-a62a-1504613ee7b0</t>
  </si>
  <si>
    <t>BU05050500</t>
  </si>
  <si>
    <t>2021BU05050500</t>
  </si>
  <si>
    <t>Wantijpark en omgeving</t>
  </si>
  <si>
    <t>buurt_gegeneraliseerd_2021.4e979a6b-7dce-4e4e-bc2a-faf0e91cb366</t>
  </si>
  <si>
    <t>BU05050501</t>
  </si>
  <si>
    <t>2021BU05050501</t>
  </si>
  <si>
    <t>Transvaalstraat en omgeving</t>
  </si>
  <si>
    <t>buurt_gegeneraliseerd_2021.c6f1d849-44fe-4b3b-b561-8284bc2a5e5e</t>
  </si>
  <si>
    <t>BU05050502</t>
  </si>
  <si>
    <t>2021BU05050502</t>
  </si>
  <si>
    <t>Indische Buurt-Zuid</t>
  </si>
  <si>
    <t>buurt_gegeneraliseerd_2021.ff39f724-2edd-4afd-8545-d84fae6e8624</t>
  </si>
  <si>
    <t>BU05050503</t>
  </si>
  <si>
    <t>2021BU05050503</t>
  </si>
  <si>
    <t>Indische Buurt-Noord</t>
  </si>
  <si>
    <t>buurt_gegeneraliseerd_2021.8b9c445f-7542-48db-9c6f-e013935c920f</t>
  </si>
  <si>
    <t>BU05050504</t>
  </si>
  <si>
    <t>2021BU05050504</t>
  </si>
  <si>
    <t>Boeroestraat en omgeving</t>
  </si>
  <si>
    <t>buurt_gegeneraliseerd_2021.81242641-0fa3-4e0e-8ff2-1852c22d616c</t>
  </si>
  <si>
    <t>BU05050505</t>
  </si>
  <si>
    <t>2021BU05050505</t>
  </si>
  <si>
    <t>Vogelplein-Aalscholverstraat en omgeving</t>
  </si>
  <si>
    <t>buurt_gegeneraliseerd_2021.56e50ee0-cdd0-4f63-81ca-7e6d1d8e57da</t>
  </si>
  <si>
    <t>BU05050506</t>
  </si>
  <si>
    <t>2021BU05050506</t>
  </si>
  <si>
    <t>Hoekenessestraat en omgeving</t>
  </si>
  <si>
    <t>buurt_gegeneraliseerd_2021.04311901-0f79-486a-a9a4-2c8e13d5eee0</t>
  </si>
  <si>
    <t>BU05050507</t>
  </si>
  <si>
    <t>2021BU05050507</t>
  </si>
  <si>
    <t>Standhasenstraat en omgeving</t>
  </si>
  <si>
    <t>buurt_gegeneraliseerd_2021.00b97fbb-b503-46e3-87e7-3f141fc0d0b2</t>
  </si>
  <si>
    <t>BU05050508</t>
  </si>
  <si>
    <t>2021BU05050508</t>
  </si>
  <si>
    <t>Heysterbachstraat en omgeving</t>
  </si>
  <si>
    <t>buurt_gegeneraliseerd_2021.cc1e987b-27ac-481a-8be5-d54be1e3f33d</t>
  </si>
  <si>
    <t>BU05050509</t>
  </si>
  <si>
    <t>2021BU05050509</t>
  </si>
  <si>
    <t>Maria Montessorilaan en omgeving</t>
  </si>
  <si>
    <t>buurt_gegeneraliseerd_2021.61eaed3c-0c46-4981-84f1-0e98cfef3703</t>
  </si>
  <si>
    <t>BU05050510</t>
  </si>
  <si>
    <t>2021BU05050510</t>
  </si>
  <si>
    <t>Sportterrein Krommedijk</t>
  </si>
  <si>
    <t>buurt_gegeneraliseerd_2021.680d0929-4d1f-4e8b-8717-574f120db915</t>
  </si>
  <si>
    <t>BU05050600</t>
  </si>
  <si>
    <t>2021BU05050600</t>
  </si>
  <si>
    <t>Plein 1940-1945 en omgeving</t>
  </si>
  <si>
    <t>buurt_gegeneraliseerd_2021.7f0dd809-1151-4b14-92cc-73f304255ec9</t>
  </si>
  <si>
    <t>BU05050601</t>
  </si>
  <si>
    <t>2021BU05050601</t>
  </si>
  <si>
    <t>Beekmanstraat en omgeving</t>
  </si>
  <si>
    <t>buurt_gegeneraliseerd_2021.3b975721-8a23-4891-85b9-5ac62971cb27</t>
  </si>
  <si>
    <t>BU05050602</t>
  </si>
  <si>
    <t>2021BU05050602</t>
  </si>
  <si>
    <t>Noorderkwartier</t>
  </si>
  <si>
    <t>buurt_gegeneraliseerd_2021.57341677-2517-4b80-8924-04d1b0be0cfa</t>
  </si>
  <si>
    <t>BU05050603</t>
  </si>
  <si>
    <t>2021BU05050603</t>
  </si>
  <si>
    <t>Amerstraat en omgeving</t>
  </si>
  <si>
    <t>buurt_gegeneraliseerd_2021.d138772d-0825-4f41-826a-81e385b00d54</t>
  </si>
  <si>
    <t>BU05050604</t>
  </si>
  <si>
    <t>2021BU05050604</t>
  </si>
  <si>
    <t>Merwedepolder-West</t>
  </si>
  <si>
    <t>buurt_gegeneraliseerd_2021.02321b3b-44b1-4d9c-9cbb-ab2da92ed4d0</t>
  </si>
  <si>
    <t>BU05050605</t>
  </si>
  <si>
    <t>2021BU05050605</t>
  </si>
  <si>
    <t>Merwedepolder-Oost</t>
  </si>
  <si>
    <t>buurt_gegeneraliseerd_2021.0ce8e083-5d05-4231-8a9a-656b0eb49a76</t>
  </si>
  <si>
    <t>BU05050606</t>
  </si>
  <si>
    <t>2021BU05050606</t>
  </si>
  <si>
    <t>Spaarbekken</t>
  </si>
  <si>
    <t>buurt_gegeneraliseerd_2021.84380bfb-1c9c-4e7c-8ae6-e73825038b74</t>
  </si>
  <si>
    <t>BU05050607</t>
  </si>
  <si>
    <t>2021BU05050607</t>
  </si>
  <si>
    <t>1e Merwedehaven en omgeving</t>
  </si>
  <si>
    <t>buurt_gegeneraliseerd_2021.94ac239e-55bc-4054-a9fd-d70b08c8d6c5</t>
  </si>
  <si>
    <t>BU05050608</t>
  </si>
  <si>
    <t>2021BU05050608</t>
  </si>
  <si>
    <t>2e Merwedehaven en omgeving</t>
  </si>
  <si>
    <t>buurt_gegeneraliseerd_2021.fac9b7ca-0ec8-4213-9972-beca4d79f68c</t>
  </si>
  <si>
    <t>BU05050700</t>
  </si>
  <si>
    <t>2021BU05050700</t>
  </si>
  <si>
    <t>Admiraalsplein</t>
  </si>
  <si>
    <t>buurt_gegeneraliseerd_2021.ce0c3cc0-64b1-4f87-b801-82373007f8fc</t>
  </si>
  <si>
    <t>BU05050701</t>
  </si>
  <si>
    <t>2021BU05050701</t>
  </si>
  <si>
    <t>Van Kinsbergenstraat en omgeving</t>
  </si>
  <si>
    <t>buurt_gegeneraliseerd_2021.298b3756-ffe9-4867-9260-60558018eb39</t>
  </si>
  <si>
    <t>BU05050702</t>
  </si>
  <si>
    <t>2021BU05050702</t>
  </si>
  <si>
    <t>Cornelis Evertsenstraat en omgeving</t>
  </si>
  <si>
    <t>buurt_gegeneraliseerd_2021.af452d1a-8f56-41aa-b4bb-d02d0035a005</t>
  </si>
  <si>
    <t>BU05050703</t>
  </si>
  <si>
    <t>2021BU05050703</t>
  </si>
  <si>
    <t>Dorus Rijkersstraat en omgeving</t>
  </si>
  <si>
    <t>buurt_gegeneraliseerd_2021.726146ee-cb3d-46eb-a0a4-11f2171a663b</t>
  </si>
  <si>
    <t>BU05050704</t>
  </si>
  <si>
    <t>2021BU05050704</t>
  </si>
  <si>
    <t>Van Ewijckstraat en omgeving</t>
  </si>
  <si>
    <t>buurt_gegeneraliseerd_2021.633fc525-4464-48b5-8c7e-7ed2bb7cdb86</t>
  </si>
  <si>
    <t>BU05050705</t>
  </si>
  <si>
    <t>2021BU05050705</t>
  </si>
  <si>
    <t>Zeehavenlaan en omgeving</t>
  </si>
  <si>
    <t>buurt_gegeneraliseerd_2021.fa86c9c9-2462-4fac-9587-3fcaf3352ed1</t>
  </si>
  <si>
    <t>BU05050706</t>
  </si>
  <si>
    <t>2021BU05050706</t>
  </si>
  <si>
    <t>Laan der Verenigde Naties Noord</t>
  </si>
  <si>
    <t>buurt_gegeneraliseerd_2021.9db6d1d0-e697-4107-837a-a10b77c553cc</t>
  </si>
  <si>
    <t>BU05050707</t>
  </si>
  <si>
    <t>2021BU05050707</t>
  </si>
  <si>
    <t>Dordtse Hout</t>
  </si>
  <si>
    <t>buurt_gegeneraliseerd_2021.6bc36c67-225f-4121-9e06-f456ae311c72</t>
  </si>
  <si>
    <t>BU05050800</t>
  </si>
  <si>
    <t>2021BU05050800</t>
  </si>
  <si>
    <t>Crabbehof-Zuid</t>
  </si>
  <si>
    <t>buurt_gegeneraliseerd_2021.488317ec-ba16-4da8-ab8c-f427edff64cc</t>
  </si>
  <si>
    <t>BU05050801</t>
  </si>
  <si>
    <t>2021BU05050801</t>
  </si>
  <si>
    <t>Crabbehof-Noord</t>
  </si>
  <si>
    <t>buurt_gegeneraliseerd_2021.d2160068-f72b-4b55-878e-2489fb6f613d</t>
  </si>
  <si>
    <t>BU05050802</t>
  </si>
  <si>
    <t>2021BU05050802</t>
  </si>
  <si>
    <t>Zuidhoven</t>
  </si>
  <si>
    <t>buurt_gegeneraliseerd_2021.7adca852-2117-4e4f-a34b-782f06bf1680</t>
  </si>
  <si>
    <t>BU05050900</t>
  </si>
  <si>
    <t>2021BU05050900</t>
  </si>
  <si>
    <t>Sterrenburg 1-West</t>
  </si>
  <si>
    <t>buurt_gegeneraliseerd_2021.2ab3a788-fcf5-420b-b53b-d833fb9d43b7</t>
  </si>
  <si>
    <t>BU05050901</t>
  </si>
  <si>
    <t>2021BU05050901</t>
  </si>
  <si>
    <t>Sterrenburg 1-Oost</t>
  </si>
  <si>
    <t>buurt_gegeneraliseerd_2021.e59c5351-c1fb-478b-95c7-5d3b0e5a5d69</t>
  </si>
  <si>
    <t>BU05050902</t>
  </si>
  <si>
    <t>2021BU05050902</t>
  </si>
  <si>
    <t>Waterman en omgeving</t>
  </si>
  <si>
    <t>buurt_gegeneraliseerd_2021.0ea96991-4445-4b8a-87ad-78c4bb492a26</t>
  </si>
  <si>
    <t>BU05050903</t>
  </si>
  <si>
    <t>2021BU05050903</t>
  </si>
  <si>
    <t>Driehoek en omgeving</t>
  </si>
  <si>
    <t>buurt_gegeneraliseerd_2021.f375cac8-5807-4858-a8ac-383e252be913</t>
  </si>
  <si>
    <t>BU05050904</t>
  </si>
  <si>
    <t>2021BU05050904</t>
  </si>
  <si>
    <t>Blaauwweg en omgeving</t>
  </si>
  <si>
    <t>buurt_gegeneraliseerd_2021.01bf3da0-9dae-433d-8b57-ce349163ce7e</t>
  </si>
  <si>
    <t>BU05050905</t>
  </si>
  <si>
    <t>2021BU05050905</t>
  </si>
  <si>
    <t>Minnaertweg en omgeving</t>
  </si>
  <si>
    <t>buurt_gegeneraliseerd_2021.3db3680a-99b0-43fb-a480-e97a1a045cfb</t>
  </si>
  <si>
    <t>BU05050906</t>
  </si>
  <si>
    <t>2021BU05050906</t>
  </si>
  <si>
    <t>Mildenburg en omgeving</t>
  </si>
  <si>
    <t>buurt_gegeneraliseerd_2021.1582ee86-0708-425b-9bca-c44b2406314f</t>
  </si>
  <si>
    <t>BU05050907</t>
  </si>
  <si>
    <t>2021BU05050907</t>
  </si>
  <si>
    <t>Zuilenburg en omgeving</t>
  </si>
  <si>
    <t>buurt_gegeneraliseerd_2021.c115c373-7b7a-47d9-8470-9fb6c002b4a7</t>
  </si>
  <si>
    <t>BU05050908</t>
  </si>
  <si>
    <t>2021BU05050908</t>
  </si>
  <si>
    <t>Vredenburg en omgeving</t>
  </si>
  <si>
    <t>buurt_gegeneraliseerd_2021.701d14b7-a275-42bc-a8ed-3996c89b3d75</t>
  </si>
  <si>
    <t>BU05050909</t>
  </si>
  <si>
    <t>2021BU05050909</t>
  </si>
  <si>
    <t>Wittenstein en omgeving</t>
  </si>
  <si>
    <t>buurt_gegeneraliseerd_2021.8534d685-153c-4c31-9916-320c92adc8f6</t>
  </si>
  <si>
    <t>BU05050910</t>
  </si>
  <si>
    <t>2021BU05050910</t>
  </si>
  <si>
    <t>Smitsweg</t>
  </si>
  <si>
    <t>buurt_gegeneraliseerd_2021.cd3f7b0b-710a-4a32-9f60-9c0cb4ee8a8e</t>
  </si>
  <si>
    <t>BU05051000</t>
  </si>
  <si>
    <t>2021BU05051000</t>
  </si>
  <si>
    <t>Vissersdijk-West</t>
  </si>
  <si>
    <t>buurt_gegeneraliseerd_2021.484bedf0-4772-4404-8ff9-d607b5f87d1c</t>
  </si>
  <si>
    <t>BU05051001</t>
  </si>
  <si>
    <t>2021BU05051001</t>
  </si>
  <si>
    <t>Vissersdijk-Beneden</t>
  </si>
  <si>
    <t>buurt_gegeneraliseerd_2021.0dc837e3-fb8c-4d36-9fe1-cef113ac536b</t>
  </si>
  <si>
    <t>BU05051002</t>
  </si>
  <si>
    <t>2021BU05051002</t>
  </si>
  <si>
    <t>Vissersdijk-Oost</t>
  </si>
  <si>
    <t>buurt_gegeneraliseerd_2021.bbedee10-0d36-451a-aa3c-b4e46f1a3b69</t>
  </si>
  <si>
    <t>BU05051003</t>
  </si>
  <si>
    <t>2021BU05051003</t>
  </si>
  <si>
    <t>Egstraat en omgeving</t>
  </si>
  <si>
    <t>buurt_gegeneraliseerd_2021.d2a40e4b-6725-4fec-bf61-e7d29e22539d</t>
  </si>
  <si>
    <t>BU05051004</t>
  </si>
  <si>
    <t>2021BU05051004</t>
  </si>
  <si>
    <t>Oudendijk en omgeving</t>
  </si>
  <si>
    <t>buurt_gegeneraliseerd_2021.d6994b1a-a59a-4b4f-8070-9eabbe95c585</t>
  </si>
  <si>
    <t>BU05051005</t>
  </si>
  <si>
    <t>2021BU05051005</t>
  </si>
  <si>
    <t>Vissersdijk-Noord</t>
  </si>
  <si>
    <t>buurt_gegeneraliseerd_2021.b2ec4a42-7c1f-48a7-b282-a0107ed5eaab</t>
  </si>
  <si>
    <t>BU05051006</t>
  </si>
  <si>
    <t>2021BU05051006</t>
  </si>
  <si>
    <t>Dubbeldam-Noord</t>
  </si>
  <si>
    <t>buurt_gegeneraliseerd_2021.77bee857-b875-415a-b4f3-d8035593d0f0</t>
  </si>
  <si>
    <t>BU05051007</t>
  </si>
  <si>
    <t>2021BU05051007</t>
  </si>
  <si>
    <t>Dubbeldam-Zuid</t>
  </si>
  <si>
    <t>buurt_gegeneraliseerd_2021.835ce2d7-663f-429b-a820-7be10a717ef4</t>
  </si>
  <si>
    <t>BU05051008</t>
  </si>
  <si>
    <t>2021BU05051008</t>
  </si>
  <si>
    <t>Bastion locatie</t>
  </si>
  <si>
    <t>buurt_gegeneraliseerd_2021.caa460c8-10e3-4e00-bf2a-f9061c0bcf02</t>
  </si>
  <si>
    <t>BU05051009</t>
  </si>
  <si>
    <t>2021BU05051009</t>
  </si>
  <si>
    <t>Locatie Karel Lotsyweg</t>
  </si>
  <si>
    <t>buurt_gegeneraliseerd_2021.ecab3e32-c1e9-4ec8-a4a7-57d2e64f86cd</t>
  </si>
  <si>
    <t>BU05051010</t>
  </si>
  <si>
    <t>2021BU05051010</t>
  </si>
  <si>
    <t>Albert Schweitzerplaats</t>
  </si>
  <si>
    <t>buurt_gegeneraliseerd_2021.eb011034-a76b-4dda-a9ef-6afb6dd57009</t>
  </si>
  <si>
    <t>BU05051011</t>
  </si>
  <si>
    <t>2021BU05051011</t>
  </si>
  <si>
    <t>De Hoven</t>
  </si>
  <si>
    <t>buurt_gegeneraliseerd_2021.cdd54840-5437-4d03-a8df-2782c45a27c7</t>
  </si>
  <si>
    <t>BU05051012</t>
  </si>
  <si>
    <t>2021BU05051012</t>
  </si>
  <si>
    <t>Zuidpolder</t>
  </si>
  <si>
    <t>buurt_gegeneraliseerd_2021.14c135be-7318-4685-9827-2a180423cc34</t>
  </si>
  <si>
    <t>BU05051013</t>
  </si>
  <si>
    <t>2021BU05051013</t>
  </si>
  <si>
    <t>Belthure Park</t>
  </si>
  <si>
    <t>buurt_gegeneraliseerd_2021.53c369c6-7c1e-4b8a-8067-aef2c5c68b58</t>
  </si>
  <si>
    <t>BU05051100</t>
  </si>
  <si>
    <t>2021BU05051100</t>
  </si>
  <si>
    <t>Amazone en omgeving</t>
  </si>
  <si>
    <t>buurt_gegeneraliseerd_2021.ee462f46-af4c-496b-865b-9979208ed601</t>
  </si>
  <si>
    <t>BU05051101</t>
  </si>
  <si>
    <t>2021BU05051101</t>
  </si>
  <si>
    <t>Palissander en omgeving</t>
  </si>
  <si>
    <t>buurt_gegeneraliseerd_2021.8b401867-0a61-4302-a3ce-58e2fecbc5e8</t>
  </si>
  <si>
    <t>BU05051102</t>
  </si>
  <si>
    <t>2021BU05051102</t>
  </si>
  <si>
    <t>Azobe en omgeving</t>
  </si>
  <si>
    <t>buurt_gegeneraliseerd_2021.a3e141df-bd62-4703-8733-041cc4260914</t>
  </si>
  <si>
    <t>BU05051103</t>
  </si>
  <si>
    <t>2021BU05051103</t>
  </si>
  <si>
    <t>Iroko en omgeving</t>
  </si>
  <si>
    <t>buurt_gegeneraliseerd_2021.d2484a55-66d6-4a37-99cf-5e91615383ce</t>
  </si>
  <si>
    <t>BU05051104</t>
  </si>
  <si>
    <t>2021BU05051104</t>
  </si>
  <si>
    <t>Bedrijventerrein Groene Zoom</t>
  </si>
  <si>
    <t>buurt_gegeneraliseerd_2021.bbdad5b4-d4d7-4dad-aeeb-00d8d47dbd2a</t>
  </si>
  <si>
    <t>BU05051105</t>
  </si>
  <si>
    <t>2021BU05051105</t>
  </si>
  <si>
    <t>Van Ravesteijn-erf en omgeving</t>
  </si>
  <si>
    <t>buurt_gegeneraliseerd_2021.cfa4c742-1b92-40c7-882f-d4a90cf59fe5</t>
  </si>
  <si>
    <t>BU05051106</t>
  </si>
  <si>
    <t>2021BU05051106</t>
  </si>
  <si>
    <t>Van den Broek-erf en omgeving</t>
  </si>
  <si>
    <t>buurt_gegeneraliseerd_2021.7080b03f-b6d1-4f17-92fd-d4ba8fe17760</t>
  </si>
  <si>
    <t>BU05051107</t>
  </si>
  <si>
    <t>2021BU05051107</t>
  </si>
  <si>
    <t>Suze Groeneweg-erf en omgeving</t>
  </si>
  <si>
    <t>buurt_gegeneraliseerd_2021.90163bee-1a93-458f-9981-3e9a9dbfffc3</t>
  </si>
  <si>
    <t>BU05051108</t>
  </si>
  <si>
    <t>2021BU05051108</t>
  </si>
  <si>
    <t>Joke Smit-erf en omgeving</t>
  </si>
  <si>
    <t>buurt_gegeneraliseerd_2021.a76ea01f-a537-4a04-aedb-b85ac1925119</t>
  </si>
  <si>
    <t>BU05051109</t>
  </si>
  <si>
    <t>2021BU05051109</t>
  </si>
  <si>
    <t>Pearl Buck-erf en omgeving</t>
  </si>
  <si>
    <t>buurt_gegeneraliseerd_2021.e0f76bfa-1800-40d3-ab68-02c95add38d5</t>
  </si>
  <si>
    <t>BU05051110</t>
  </si>
  <si>
    <t>2021BU05051110</t>
  </si>
  <si>
    <t>Aletta Jacobs-erf en omgeving</t>
  </si>
  <si>
    <t>buurt_gegeneraliseerd_2021.bc859f32-73fe-4fb7-8c18-95bff9c1770e</t>
  </si>
  <si>
    <t>BU05051111</t>
  </si>
  <si>
    <t>2021BU05051111</t>
  </si>
  <si>
    <t>Johanna Naber-erf en omgeving</t>
  </si>
  <si>
    <t>buurt_gegeneraliseerd_2021.df850398-5997-42de-a673-f504bf725430</t>
  </si>
  <si>
    <t>BU05051112</t>
  </si>
  <si>
    <t>2021BU05051112</t>
  </si>
  <si>
    <t>Bildersteeg en omgeving</t>
  </si>
  <si>
    <t>buurt_gegeneraliseerd_2021.fc150ec6-1984-40b2-bd2c-593ca7428fef</t>
  </si>
  <si>
    <t>BU05051900</t>
  </si>
  <si>
    <t>2021BU05051900</t>
  </si>
  <si>
    <t>Weeskinderendijk en Dokweg</t>
  </si>
  <si>
    <t>buurt_gegeneraliseerd_2021.a16b3b26-7538-4e38-b6a2-b1e8848169bc</t>
  </si>
  <si>
    <t>BU05051901</t>
  </si>
  <si>
    <t>2021BU05051901</t>
  </si>
  <si>
    <t>Handelskade en 's-Gravendeelsedijk</t>
  </si>
  <si>
    <t>buurt_gegeneraliseerd_2021.665dae1f-d1e9-4c01-8703-bd5717d1e251</t>
  </si>
  <si>
    <t>BU05051902</t>
  </si>
  <si>
    <t>2021BU05051902</t>
  </si>
  <si>
    <t>Voltastraat en omgeving - De Put</t>
  </si>
  <si>
    <t>buurt_gegeneraliseerd_2021.2ca1ca5a-d431-4503-bedb-fcbbf78c9ce7</t>
  </si>
  <si>
    <t>BU05051903</t>
  </si>
  <si>
    <t>2021BU05051903</t>
  </si>
  <si>
    <t>Louterbloemen</t>
  </si>
  <si>
    <t>buurt_gegeneraliseerd_2021.4cd86fee-6b57-407d-b8fb-e7bd20ead694</t>
  </si>
  <si>
    <t>BU05051904</t>
  </si>
  <si>
    <t>2021BU05051904</t>
  </si>
  <si>
    <t>Wilhelminahaven</t>
  </si>
  <si>
    <t>buurt_gegeneraliseerd_2021.0e03399e-305f-44eb-a5d6-600172659338</t>
  </si>
  <si>
    <t>BU05051905</t>
  </si>
  <si>
    <t>2021BU05051905</t>
  </si>
  <si>
    <t>Julianahaven</t>
  </si>
  <si>
    <t>buurt_gegeneraliseerd_2021.a218a417-968c-443a-9e11-988703388db6</t>
  </si>
  <si>
    <t>BU05051906</t>
  </si>
  <si>
    <t>2021BU05051906</t>
  </si>
  <si>
    <t>Krabbegors</t>
  </si>
  <si>
    <t>buurt_gegeneraliseerd_2021.eec0e869-1532-4ca2-85ef-f7e11cf3a6c2</t>
  </si>
  <si>
    <t>BU05051907</t>
  </si>
  <si>
    <t>2021BU05051907</t>
  </si>
  <si>
    <t>Krabbepolder</t>
  </si>
  <si>
    <t>buurt_gegeneraliseerd_2021.66f5f40d-30bd-4a75-b628-48ca790775c5</t>
  </si>
  <si>
    <t>BU05051909</t>
  </si>
  <si>
    <t>2021BU05051909</t>
  </si>
  <si>
    <t>Wieldrecht</t>
  </si>
  <si>
    <t>buurt_gegeneraliseerd_2021.6dcbc716-1cdd-4ca7-849e-2937100305a4</t>
  </si>
  <si>
    <t>BU05051910</t>
  </si>
  <si>
    <t>2021BU05051910</t>
  </si>
  <si>
    <t>Dordtse Kil I</t>
  </si>
  <si>
    <t>buurt_gegeneraliseerd_2021.78e61fec-c854-4c94-815a-e66588b82b37</t>
  </si>
  <si>
    <t>BU05051911</t>
  </si>
  <si>
    <t>2021BU05051911</t>
  </si>
  <si>
    <t>Amstelwijck-West</t>
  </si>
  <si>
    <t>buurt_gegeneraliseerd_2021.df78dfc2-c991-4c40-8616-72b9a3020f0e</t>
  </si>
  <si>
    <t>BU05051912</t>
  </si>
  <si>
    <t>2021BU05051912</t>
  </si>
  <si>
    <t>Schotman terrein</t>
  </si>
  <si>
    <t>buurt_gegeneraliseerd_2021.080c1222-485b-4a78-83c5-4dc3d9a62434</t>
  </si>
  <si>
    <t>BU05051913</t>
  </si>
  <si>
    <t>2021BU05051913</t>
  </si>
  <si>
    <t>Locatie Refaja</t>
  </si>
  <si>
    <t>buurt_gegeneraliseerd_2021.67233834-083d-4171-a216-65e517cb10e4</t>
  </si>
  <si>
    <t>BU05051914</t>
  </si>
  <si>
    <t>2021BU05051914</t>
  </si>
  <si>
    <t>Amstelwijck</t>
  </si>
  <si>
    <t>buurt_gegeneraliseerd_2021.98c2ed7c-7342-473a-bc77-7377c234dbd7</t>
  </si>
  <si>
    <t>BU05051915</t>
  </si>
  <si>
    <t>2021BU05051915</t>
  </si>
  <si>
    <t>Tweede Tol</t>
  </si>
  <si>
    <t>buurt_gegeneraliseerd_2021.7c8ef2d5-5877-447a-af8f-3babec975c66</t>
  </si>
  <si>
    <t>BU05051916</t>
  </si>
  <si>
    <t>2021BU05051916</t>
  </si>
  <si>
    <t>Dordtse Kil II</t>
  </si>
  <si>
    <t>buurt_gegeneraliseerd_2021.0f2bebbf-00a3-4b8a-93f0-77e6ff02cd53</t>
  </si>
  <si>
    <t>BU05051917</t>
  </si>
  <si>
    <t>2021BU05051917</t>
  </si>
  <si>
    <t>Dordtse Kil III</t>
  </si>
  <si>
    <t>buurt_gegeneraliseerd_2021.073aa79c-8fdb-4600-83c5-af4ab41803ae</t>
  </si>
  <si>
    <t>BU05051918</t>
  </si>
  <si>
    <t>2021BU05051918</t>
  </si>
  <si>
    <t>Oostkil</t>
  </si>
  <si>
    <t>buurt_gegeneraliseerd_2021.060203a2-50fd-449d-8c97-96febbf949be</t>
  </si>
  <si>
    <t>BU05051919</t>
  </si>
  <si>
    <t>2021BU05051919</t>
  </si>
  <si>
    <t>Dordtse Kil IV</t>
  </si>
  <si>
    <t>buurt_gegeneraliseerd_2021.2bdc5983-3540-4bcf-9e50-8fc9f78c83d4</t>
  </si>
  <si>
    <t>BU05059800</t>
  </si>
  <si>
    <t>2021BU05059800</t>
  </si>
  <si>
    <t>Merwelanden</t>
  </si>
  <si>
    <t>buurt_gegeneraliseerd_2021.0349d570-5e28-4d9e-a758-39e3b97cee85</t>
  </si>
  <si>
    <t>BU05059801</t>
  </si>
  <si>
    <t>2021BU05059801</t>
  </si>
  <si>
    <t>3e Merwedehaven</t>
  </si>
  <si>
    <t>buurt_gegeneraliseerd_2021.2bca6da1-be49-4fcf-9571-e0ad04e52667</t>
  </si>
  <si>
    <t>BU05059804</t>
  </si>
  <si>
    <t>2021BU05059804</t>
  </si>
  <si>
    <t>Dordtse Biesbosch</t>
  </si>
  <si>
    <t>buurt_gegeneraliseerd_2021.780289aa-0aac-4b73-befb-329f76c96560</t>
  </si>
  <si>
    <t>BU05059805</t>
  </si>
  <si>
    <t>2021BU05059805</t>
  </si>
  <si>
    <t>Bovenpolder</t>
  </si>
  <si>
    <t>buurt_gegeneraliseerd_2021.313236fb-7b71-43b7-bfea-fba85bbdd744</t>
  </si>
  <si>
    <t>BU05120900</t>
  </si>
  <si>
    <t>2021BU05120900</t>
  </si>
  <si>
    <t>Avelingen West</t>
  </si>
  <si>
    <t>GM0512</t>
  </si>
  <si>
    <t>buurt_gegeneraliseerd_2021.7ec72789-f4ff-4996-8c09-c5adccade153</t>
  </si>
  <si>
    <t>BU05121000</t>
  </si>
  <si>
    <t>2021BU05121000</t>
  </si>
  <si>
    <t>Molenvliet</t>
  </si>
  <si>
    <t>buurt_gegeneraliseerd_2021.3cdb9623-7d1e-4692-9680-81aba4738250</t>
  </si>
  <si>
    <t>BU05121800</t>
  </si>
  <si>
    <t>2021BU05121800</t>
  </si>
  <si>
    <t>Landelijk gebied West</t>
  </si>
  <si>
    <t>buurt_gegeneraliseerd_2021.1cdd7b19-af00-4fd0-a392-8fdca3533e8f</t>
  </si>
  <si>
    <t>BU05310101</t>
  </si>
  <si>
    <t>2021BU05310101</t>
  </si>
  <si>
    <t>Dorp</t>
  </si>
  <si>
    <t>GM0531</t>
  </si>
  <si>
    <t>buurt_gegeneraliseerd_2021.77f2e2bc-f5de-4d72-a5a9-ba46063db093</t>
  </si>
  <si>
    <t>BU05310102</t>
  </si>
  <si>
    <t>2021BU05310102</t>
  </si>
  <si>
    <t>Oostendam</t>
  </si>
  <si>
    <t>buurt_gegeneraliseerd_2021.a6ded3f3-9f03-457e-b733-e97ec495e437</t>
  </si>
  <si>
    <t>BU05310103</t>
  </si>
  <si>
    <t>2021BU05310103</t>
  </si>
  <si>
    <t>Kruiswiel</t>
  </si>
  <si>
    <t>buurt_gegeneraliseerd_2021.3809631f-caca-45cb-822d-ff997f14bb72</t>
  </si>
  <si>
    <t>BU05310201</t>
  </si>
  <si>
    <t>2021BU05310201</t>
  </si>
  <si>
    <t>Krommeweg-Noord</t>
  </si>
  <si>
    <t>buurt_gegeneraliseerd_2021.1919b394-ba13-4128-b495-83c8aaec07eb</t>
  </si>
  <si>
    <t>BU05310202</t>
  </si>
  <si>
    <t>2021BU05310202</t>
  </si>
  <si>
    <t>Krommeweg-Zuid</t>
  </si>
  <si>
    <t>buurt_gegeneraliseerd_2021.83be5a31-3a23-4175-93a4-42921635a2e0</t>
  </si>
  <si>
    <t>BU05310203</t>
  </si>
  <si>
    <t>2021BU05310203</t>
  </si>
  <si>
    <t>De Sandeling</t>
  </si>
  <si>
    <t>buurt_gegeneraliseerd_2021.6b3db202-26fa-48ba-9c12-26549fdbdc7e</t>
  </si>
  <si>
    <t>BU05310204</t>
  </si>
  <si>
    <t>2021BU05310204</t>
  </si>
  <si>
    <t>Ambachtszone</t>
  </si>
  <si>
    <t>buurt_gegeneraliseerd_2021.d2c3073c-6b06-4f7c-a4ee-121fa05c65d1</t>
  </si>
  <si>
    <t>BU05310301</t>
  </si>
  <si>
    <t>2021BU05310301</t>
  </si>
  <si>
    <t>Volgerlanden-West</t>
  </si>
  <si>
    <t>buurt_gegeneraliseerd_2021.74c5f479-69a7-459e-bc45-36160b1c17ab</t>
  </si>
  <si>
    <t>BU05310302</t>
  </si>
  <si>
    <t>2021BU05310302</t>
  </si>
  <si>
    <t>Volgerlanden-Oost</t>
  </si>
  <si>
    <t>buurt_gegeneraliseerd_2021.bab7923e-86d1-404a-86c9-f04afbaeaf85</t>
  </si>
  <si>
    <t>BU05310400</t>
  </si>
  <si>
    <t>2021BU05310400</t>
  </si>
  <si>
    <t>Sandelingen-Ambacht</t>
  </si>
  <si>
    <t>buurt_gegeneraliseerd_2021.f55cef28-507c-4c69-913a-df37a01ece27</t>
  </si>
  <si>
    <t>BU05310501</t>
  </si>
  <si>
    <t>2021BU05310501</t>
  </si>
  <si>
    <t>Antoniapolder</t>
  </si>
  <si>
    <t>buurt_gegeneraliseerd_2021.e83c6f76-4da1-4b1e-b6f8-690953b9df79</t>
  </si>
  <si>
    <t>BU05310502</t>
  </si>
  <si>
    <t>2021BU05310502</t>
  </si>
  <si>
    <t>Noordoevers</t>
  </si>
  <si>
    <t>buurt_gegeneraliseerd_2021.33bdd6ad-9832-49f1-a4a8-84b23a8bef0a</t>
  </si>
  <si>
    <t>BU05420000</t>
  </si>
  <si>
    <t>2021BU05420000</t>
  </si>
  <si>
    <t>Oud Krimpen</t>
  </si>
  <si>
    <t>GM0542</t>
  </si>
  <si>
    <t>buurt_gegeneraliseerd_2021.a8a94660-5ea1-4069-9296-e61151e9bec8</t>
  </si>
  <si>
    <t>BU05420001</t>
  </si>
  <si>
    <t>2021BU05420001</t>
  </si>
  <si>
    <t>Kortland-Noord</t>
  </si>
  <si>
    <t>buurt_gegeneraliseerd_2021.c9f87c93-e9e0-42f3-916d-585a65eb64b3</t>
  </si>
  <si>
    <t>BU05420002</t>
  </si>
  <si>
    <t>2021BU05420002</t>
  </si>
  <si>
    <t>Kortland-Zuid</t>
  </si>
  <si>
    <t>buurt_gegeneraliseerd_2021.db492318-c73e-49a3-8135-d4d8b547d190</t>
  </si>
  <si>
    <t>BU05420004</t>
  </si>
  <si>
    <t>2021BU05420004</t>
  </si>
  <si>
    <t>Langeland</t>
  </si>
  <si>
    <t>buurt_gegeneraliseerd_2021.fa048817-4994-4457-8103-0d5a836cb8bb</t>
  </si>
  <si>
    <t>BU05420005</t>
  </si>
  <si>
    <t>2021BU05420005</t>
  </si>
  <si>
    <t>Lansingh-Zuid</t>
  </si>
  <si>
    <t>buurt_gegeneraliseerd_2021.03a81fd1-5916-4d17-b093-ac798dfe923b</t>
  </si>
  <si>
    <t>BU05900001</t>
  </si>
  <si>
    <t>2021BU05900001</t>
  </si>
  <si>
    <t>Westpolder</t>
  </si>
  <si>
    <t>GM0590</t>
  </si>
  <si>
    <t>buurt_gegeneraliseerd_2021.e5d56277-70d7-498c-8d65-b169ca480d21</t>
  </si>
  <si>
    <t>BU05900002</t>
  </si>
  <si>
    <t>2021BU05900002</t>
  </si>
  <si>
    <t>buurt_gegeneraliseerd_2021.f97cbdc8-1439-4d94-bd2f-d73cfcd66908</t>
  </si>
  <si>
    <t>BU05900003</t>
  </si>
  <si>
    <t>2021BU05900003</t>
  </si>
  <si>
    <t>Kraaihoek</t>
  </si>
  <si>
    <t>buurt_gegeneraliseerd_2021.0fa22745-9a58-4e2d-9bce-a43de512d817</t>
  </si>
  <si>
    <t>BU05900004</t>
  </si>
  <si>
    <t>2021BU05900004</t>
  </si>
  <si>
    <t>Middenpolder</t>
  </si>
  <si>
    <t>buurt_gegeneraliseerd_2021.8e3de01e-9723-4cdb-9dc6-52c08a5fd461</t>
  </si>
  <si>
    <t>BU05900005</t>
  </si>
  <si>
    <t>2021BU05900005</t>
  </si>
  <si>
    <t>Wilgendonk</t>
  </si>
  <si>
    <t>buurt_gegeneraliseerd_2021.767c72ac-8433-4996-aaaf-70f428d71774</t>
  </si>
  <si>
    <t>BU05900006</t>
  </si>
  <si>
    <t>2021BU05900006</t>
  </si>
  <si>
    <t>Oosteind en De Kooy</t>
  </si>
  <si>
    <t>buurt_gegeneraliseerd_2021.2d6da3db-29f3-4a29-bfa9-02c5ac216998</t>
  </si>
  <si>
    <t>BU05900007</t>
  </si>
  <si>
    <t>2021BU05900007</t>
  </si>
  <si>
    <t>Oostpolder</t>
  </si>
  <si>
    <t>buurt_gegeneraliseerd_2021.90878f80-6f11-4bfe-bf8a-39f3b1846991</t>
  </si>
  <si>
    <t>BU05900008</t>
  </si>
  <si>
    <t>2021BU05900008</t>
  </si>
  <si>
    <t>Vriesenpolder</t>
  </si>
  <si>
    <t>buurt_gegeneraliseerd_2021.c3327153-0599-45ce-a904-870413805239</t>
  </si>
  <si>
    <t>BU05970100</t>
  </si>
  <si>
    <t>2021BU05970100</t>
  </si>
  <si>
    <t>GM0597</t>
  </si>
  <si>
    <t>buurt_gegeneraliseerd_2021.3ccf7fa3-fc60-4dc1-9206-4494a18215c1</t>
  </si>
  <si>
    <t>BU05970200</t>
  </si>
  <si>
    <t>2021BU05970200</t>
  </si>
  <si>
    <t>West</t>
  </si>
  <si>
    <t>buurt_gegeneraliseerd_2021.c92f17b3-3ef5-4821-be3a-e2451e125ec5</t>
  </si>
  <si>
    <t>BU05970300</t>
  </si>
  <si>
    <t>2021BU05970300</t>
  </si>
  <si>
    <t>Oost</t>
  </si>
  <si>
    <t>buurt_gegeneraliseerd_2021.7dda1e72-4e81-4754-9ffd-d74aa830751d</t>
  </si>
  <si>
    <t>BU05970400</t>
  </si>
  <si>
    <t>2021BU05970400</t>
  </si>
  <si>
    <t>Drievliet</t>
  </si>
  <si>
    <t>buurt_gegeneraliseerd_2021.6154bd8b-4831-42d3-8d18-afdf5e8142c6</t>
  </si>
  <si>
    <t>BU05970500</t>
  </si>
  <si>
    <t>2021BU05970500</t>
  </si>
  <si>
    <t>Het Zand</t>
  </si>
  <si>
    <t>buurt_gegeneraliseerd_2021.f949eab5-b97b-4cbd-ad84-3f3c823d32cb</t>
  </si>
  <si>
    <t>BU05970600</t>
  </si>
  <si>
    <t>2021BU05970600</t>
  </si>
  <si>
    <t>Slikkerveer</t>
  </si>
  <si>
    <t>buurt_gegeneraliseerd_2021.4e44ef2e-674a-49ba-bfb2-6e1bd7bdd078</t>
  </si>
  <si>
    <t>BU05970700</t>
  </si>
  <si>
    <t>2021BU05970700</t>
  </si>
  <si>
    <t>Bolnes</t>
  </si>
  <si>
    <t>buurt_gegeneraliseerd_2021.12418007-6d85-409e-90be-99532df14c3d</t>
  </si>
  <si>
    <t>BU05970800</t>
  </si>
  <si>
    <t>2021BU05970800</t>
  </si>
  <si>
    <t>Rijsoord</t>
  </si>
  <si>
    <t>buurt_gegeneraliseerd_2021.a82209e6-a428-4b6b-a47d-573439273062</t>
  </si>
  <si>
    <t>BU05970900</t>
  </si>
  <si>
    <t>2021BU05970900</t>
  </si>
  <si>
    <t>buurt_gegeneraliseerd_2021.a489e372-c707-4ba0-a9b8-0b47a7f98c28</t>
  </si>
  <si>
    <t>BU05971000</t>
  </si>
  <si>
    <t>2021BU05971000</t>
  </si>
  <si>
    <t>Donkersloot</t>
  </si>
  <si>
    <t>buurt_gegeneraliseerd_2021.9aa3add7-d300-4f54-89ea-7d37b01898a3</t>
  </si>
  <si>
    <t>BU05971100</t>
  </si>
  <si>
    <t>2021BU05971100</t>
  </si>
  <si>
    <t>Verenambacht</t>
  </si>
  <si>
    <t>buurt_gegeneraliseerd_2021.66759f4f-2886-40f6-a03a-793c2a13dde0</t>
  </si>
  <si>
    <t>BU05971200</t>
  </si>
  <si>
    <t>2021BU05971200</t>
  </si>
  <si>
    <t>Cornelisland</t>
  </si>
  <si>
    <t>buurt_gegeneraliseerd_2021.eec23b20-074a-4f77-bc3d-0f65d26fbd70</t>
  </si>
  <si>
    <t>BU06100101</t>
  </si>
  <si>
    <t>2021BU06100101</t>
  </si>
  <si>
    <t>Baanhoek-West</t>
  </si>
  <si>
    <t>GM0610</t>
  </si>
  <si>
    <t>buurt_gegeneraliseerd_2021.ee206936-8dd3-4b00-90b0-bccbf09a5c71</t>
  </si>
  <si>
    <t>BU06100102</t>
  </si>
  <si>
    <t>2021BU06100102</t>
  </si>
  <si>
    <t>Baanhoek-Bedrijven</t>
  </si>
  <si>
    <t>buurt_gegeneraliseerd_2021.b824fdf3-5d52-4d18-8180-c8e3826eb21a</t>
  </si>
  <si>
    <t>BU06100103</t>
  </si>
  <si>
    <t>2021BU06100103</t>
  </si>
  <si>
    <t>De Weren</t>
  </si>
  <si>
    <t>buurt_gegeneraliseerd_2021.25a50a7c-d291-452c-97ef-b916c67a6fd6</t>
  </si>
  <si>
    <t>BU06100104</t>
  </si>
  <si>
    <t>2021BU06100104</t>
  </si>
  <si>
    <t>Benedenveer</t>
  </si>
  <si>
    <t>buurt_gegeneraliseerd_2021.208ea315-24c3-4bc7-bcdf-610ecbcd4891</t>
  </si>
  <si>
    <t>BU06100105</t>
  </si>
  <si>
    <t>2021BU06100105</t>
  </si>
  <si>
    <t>Baanhoek-Oost</t>
  </si>
  <si>
    <t>buurt_gegeneraliseerd_2021.d83ae2a8-5654-485f-81e4-a77799e5d8be</t>
  </si>
  <si>
    <t>BU06100106</t>
  </si>
  <si>
    <t>2021BU06100106</t>
  </si>
  <si>
    <t>Prickwaert en Weresteijn</t>
  </si>
  <si>
    <t>buurt_gegeneraliseerd_2021.2f80a3b9-341f-448d-95c3-3b3b3c88a711</t>
  </si>
  <si>
    <t>BU06100107</t>
  </si>
  <si>
    <t>2021BU06100107</t>
  </si>
  <si>
    <t>buurt_gegeneraliseerd_2021.2a36dc43-f331-4d5d-9665-6af6ac2a71ec</t>
  </si>
  <si>
    <t>BU06100108</t>
  </si>
  <si>
    <t>2021BU06100108</t>
  </si>
  <si>
    <t>Molendijk</t>
  </si>
  <si>
    <t>buurt_gegeneraliseerd_2021.fdbd4489-7a95-46d5-8e14-7e2c4a5862c9</t>
  </si>
  <si>
    <t>BU06100109</t>
  </si>
  <si>
    <t>2021BU06100109</t>
  </si>
  <si>
    <t>Bedrijventerrein Het Plaatje</t>
  </si>
  <si>
    <t>buurt_gegeneraliseerd_2021.3b7a03db-79f9-4dfa-8351-4db79652af1a</t>
  </si>
  <si>
    <t>BU06100201</t>
  </si>
  <si>
    <t>2021BU06100201</t>
  </si>
  <si>
    <t>Rivierenbuurt-Noord</t>
  </si>
  <si>
    <t>buurt_gegeneraliseerd_2021.54184be5-32ff-4338-8156-037f2dcee6a2</t>
  </si>
  <si>
    <t>BU06100202</t>
  </si>
  <si>
    <t>2021BU06100202</t>
  </si>
  <si>
    <t>Rivierenbuurt-Zuid</t>
  </si>
  <si>
    <t>buurt_gegeneraliseerd_2021.2284d829-613d-4880-999d-a8ba5fdc0967</t>
  </si>
  <si>
    <t>BU06100203</t>
  </si>
  <si>
    <t>2021BU06100203</t>
  </si>
  <si>
    <t>Kerkbuurt-West</t>
  </si>
  <si>
    <t>buurt_gegeneraliseerd_2021.d7e103e6-af0c-4f11-abd1-aa719955dcfe</t>
  </si>
  <si>
    <t>BU06100204</t>
  </si>
  <si>
    <t>2021BU06100204</t>
  </si>
  <si>
    <t>Buitenuitbreiding-West</t>
  </si>
  <si>
    <t>buurt_gegeneraliseerd_2021.89ce7913-1169-4697-a4fb-feeb7e205bef</t>
  </si>
  <si>
    <t>BU06100205</t>
  </si>
  <si>
    <t>2021BU06100205</t>
  </si>
  <si>
    <t>Bedrijventerrein Kerkerak</t>
  </si>
  <si>
    <t>buurt_gegeneraliseerd_2021.e1df0fca-05ce-437c-8f71-508fab8e8ab8</t>
  </si>
  <si>
    <t>BU06100206</t>
  </si>
  <si>
    <t>2021BU06100206</t>
  </si>
  <si>
    <t>Stationsweg</t>
  </si>
  <si>
    <t>buurt_gegeneraliseerd_2021.ed411b49-454c-4012-9349-e979f66bcf65</t>
  </si>
  <si>
    <t>BU06100207</t>
  </si>
  <si>
    <t>2021BU06100207</t>
  </si>
  <si>
    <t>buurt_gegeneraliseerd_2021.dcb3a277-f6bd-4749-a541-0c7119f758db</t>
  </si>
  <si>
    <t>BU06100208</t>
  </si>
  <si>
    <t>2021BU06100208</t>
  </si>
  <si>
    <t>Winklerplein-Noord</t>
  </si>
  <si>
    <t>buurt_gegeneraliseerd_2021.6edf327d-d111-41c3-8e5b-e232d4ad8140</t>
  </si>
  <si>
    <t>BU06100209</t>
  </si>
  <si>
    <t>2021BU06100209</t>
  </si>
  <si>
    <t>Winklerplein-Zuid</t>
  </si>
  <si>
    <t>buurt_gegeneraliseerd_2021.d8f54e0e-8a2f-4657-baac-37c62eaad956</t>
  </si>
  <si>
    <t>BU06100210</t>
  </si>
  <si>
    <t>2021BU06100210</t>
  </si>
  <si>
    <t>Kerkbuurt-Oost</t>
  </si>
  <si>
    <t>buurt_gegeneraliseerd_2021.8d6db8fd-71df-42c2-bfe8-a60e24fb5cce</t>
  </si>
  <si>
    <t>BU06100211</t>
  </si>
  <si>
    <t>2021BU06100211</t>
  </si>
  <si>
    <t>Buitenuitbreiding-Oost</t>
  </si>
  <si>
    <t>buurt_gegeneraliseerd_2021.9233dc54-d34b-49b5-a83f-1eeb7d87a180</t>
  </si>
  <si>
    <t>BU06100301</t>
  </si>
  <si>
    <t>2021BU06100301</t>
  </si>
  <si>
    <t>Vogelbuurt-Noord</t>
  </si>
  <si>
    <t>buurt_gegeneraliseerd_2021.5ff1af4a-54b1-4e01-8e51-66d3fd8d2e21</t>
  </si>
  <si>
    <t>BU06100302</t>
  </si>
  <si>
    <t>2021BU06100302</t>
  </si>
  <si>
    <t>Vogelbuurt-Zuid</t>
  </si>
  <si>
    <t>buurt_gegeneraliseerd_2021.944078d5-cdd7-4f30-bef3-fc978edb452e</t>
  </si>
  <si>
    <t>BU06100303</t>
  </si>
  <si>
    <t>2021BU06100303</t>
  </si>
  <si>
    <t>Middenveer</t>
  </si>
  <si>
    <t>buurt_gegeneraliseerd_2021.b03cdc39-f638-4a42-946f-5cde53d29762</t>
  </si>
  <si>
    <t>BU06100304</t>
  </si>
  <si>
    <t>2021BU06100304</t>
  </si>
  <si>
    <t>Rivierdijk-West</t>
  </si>
  <si>
    <t>buurt_gegeneraliseerd_2021.777b812a-e82b-4637-8370-cc0bc7fc37bc</t>
  </si>
  <si>
    <t>BU06100305</t>
  </si>
  <si>
    <t>2021BU06100305</t>
  </si>
  <si>
    <t>De Grienden</t>
  </si>
  <si>
    <t>buurt_gegeneraliseerd_2021.3ca664db-2b42-412e-bcc9-9f3e029b5a33</t>
  </si>
  <si>
    <t>BU06100306</t>
  </si>
  <si>
    <t>2021BU06100306</t>
  </si>
  <si>
    <t>Rivierdijk-Midden</t>
  </si>
  <si>
    <t>buurt_gegeneraliseerd_2021.0b6e48a8-19c0-4136-96e6-e07d8c74e550</t>
  </si>
  <si>
    <t>BU06100307</t>
  </si>
  <si>
    <t>2021BU06100307</t>
  </si>
  <si>
    <t>Rivierdijk-Oost</t>
  </si>
  <si>
    <t>buurt_gegeneraliseerd_2021.3cd44c3e-47ab-4f17-b565-385ce85950c3</t>
  </si>
  <si>
    <t>BU06100401</t>
  </si>
  <si>
    <t>2021BU06100401</t>
  </si>
  <si>
    <t>Het Buitengebied</t>
  </si>
  <si>
    <t>buurt_gegeneraliseerd_2021.852b0069-fc11-423e-ac5c-f45ee5105cc7</t>
  </si>
  <si>
    <t>BU06100402</t>
  </si>
  <si>
    <t>2021BU06100402</t>
  </si>
  <si>
    <t>Bedrijventerrein De Driehoek</t>
  </si>
  <si>
    <t>buurt_gegeneraliseerd_2021.4b15fa11-c10d-42d5-b47e-96622a53e6c7</t>
  </si>
  <si>
    <t>BU06100403</t>
  </si>
  <si>
    <t>2021BU06100403</t>
  </si>
  <si>
    <t>Bedrijventerrein Nijverwaard</t>
  </si>
  <si>
    <t>buurt_gegeneraliseerd_2021.c30b3130-b72b-4d9b-8286-af31169b0655</t>
  </si>
  <si>
    <t>BU06100404</t>
  </si>
  <si>
    <t>2021BU06100404</t>
  </si>
  <si>
    <t>Bedrijventerrein Stationspark</t>
  </si>
  <si>
    <t>buurt_gegeneraliseerd_2021.2bbe4bad-08c1-4e90-a594-9e027b680e29</t>
  </si>
  <si>
    <t>BU06100405</t>
  </si>
  <si>
    <t>2021BU06100405</t>
  </si>
  <si>
    <t>Sportpark</t>
  </si>
  <si>
    <t>buurt_gegeneraliseerd_2021.422ede8e-7625-473d-8172-1b5e61797d09</t>
  </si>
  <si>
    <t>BU06100406</t>
  </si>
  <si>
    <t>2021BU06100406</t>
  </si>
  <si>
    <t>Bedrijventerrein Noordoost-Kwadrant</t>
  </si>
  <si>
    <t>buurt_gegeneraliseerd_2021.693b2e73-b59a-4bc1-894b-9d9f5cd9a0c2</t>
  </si>
  <si>
    <t>BU06420101</t>
  </si>
  <si>
    <t>2021BU06420101</t>
  </si>
  <si>
    <t>Slagveld en Omgeving</t>
  </si>
  <si>
    <t>GM0642</t>
  </si>
  <si>
    <t>buurt_gegeneraliseerd_2021.d190e13b-13d3-4c3a-ba80-32c7c9747e91</t>
  </si>
  <si>
    <t>BU06420102</t>
  </si>
  <si>
    <t>2021BU06420102</t>
  </si>
  <si>
    <t>Veerplein - Oostkeetshaven</t>
  </si>
  <si>
    <t>buurt_gegeneraliseerd_2021.7faf04f0-1fd9-4b20-9bc7-f97d0d6f7567</t>
  </si>
  <si>
    <t>BU06420103</t>
  </si>
  <si>
    <t>2021BU06420103</t>
  </si>
  <si>
    <t>Drinkwaterbedrijf</t>
  </si>
  <si>
    <t>buurt_gegeneraliseerd_2021.af37db56-1579-411f-9571-04265b04d86e</t>
  </si>
  <si>
    <t>BU06420104</t>
  </si>
  <si>
    <t>2021BU06420104</t>
  </si>
  <si>
    <t>Balkengat</t>
  </si>
  <si>
    <t>buurt_gegeneraliseerd_2021.d4154f9b-40d2-4d16-9701-72a10caf9ac7</t>
  </si>
  <si>
    <t>BU06420105</t>
  </si>
  <si>
    <t>2021BU06420105</t>
  </si>
  <si>
    <t>Noordpark</t>
  </si>
  <si>
    <t>buurt_gegeneraliseerd_2021.5a9146a4-357c-4e51-a856-86c40d07351a</t>
  </si>
  <si>
    <t>BU06420106</t>
  </si>
  <si>
    <t>2021BU06420106</t>
  </si>
  <si>
    <t>Industriegebied Ringdijk</t>
  </si>
  <si>
    <t>buurt_gegeneraliseerd_2021.3255bb0c-668c-4a49-b836-9c781fc0856e</t>
  </si>
  <si>
    <t>BU06420107</t>
  </si>
  <si>
    <t>2021BU06420107</t>
  </si>
  <si>
    <t>Staatsliedenbuurt-Noord</t>
  </si>
  <si>
    <t>buurt_gegeneraliseerd_2021.56a8b947-ebde-45ae-bd2d-976815d55304</t>
  </si>
  <si>
    <t>BU06420108</t>
  </si>
  <si>
    <t>2021BU06420108</t>
  </si>
  <si>
    <t>Europesebuurt</t>
  </si>
  <si>
    <t>buurt_gegeneraliseerd_2021.ee649d2b-619e-48e3-940b-889c83f74d7d</t>
  </si>
  <si>
    <t>BU06420109</t>
  </si>
  <si>
    <t>2021BU06420109</t>
  </si>
  <si>
    <t>Staatsliedenbuurt-Zuid</t>
  </si>
  <si>
    <t>buurt_gegeneraliseerd_2021.adf590b4-ea85-40ac-9eb5-98c61ba7069e</t>
  </si>
  <si>
    <t>BU06420110</t>
  </si>
  <si>
    <t>2021BU06420110</t>
  </si>
  <si>
    <t>Oud- en Gerbrandyplein</t>
  </si>
  <si>
    <t>buurt_gegeneraliseerd_2021.01d72635-3835-4750-b20c-48dcae02cb5c</t>
  </si>
  <si>
    <t>BU06420111</t>
  </si>
  <si>
    <t>2021BU06420111</t>
  </si>
  <si>
    <t>Winkelcentrum Walburg</t>
  </si>
  <si>
    <t>buurt_gegeneraliseerd_2021.4db739c9-9814-45e1-b0d8-c0a472f50d01</t>
  </si>
  <si>
    <t>BU06420112</t>
  </si>
  <si>
    <t>2021BU06420112</t>
  </si>
  <si>
    <t>De Were en omgeving</t>
  </si>
  <si>
    <t>buurt_gegeneraliseerd_2021.fc7d9023-0fb4-483f-9d56-9262c442bc40</t>
  </si>
  <si>
    <t>BU06420113</t>
  </si>
  <si>
    <t>2021BU06420113</t>
  </si>
  <si>
    <t>Lievershil en omgeving</t>
  </si>
  <si>
    <t>buurt_gegeneraliseerd_2021.41adf438-7912-466c-b535-be3353121638</t>
  </si>
  <si>
    <t>BU06420114</t>
  </si>
  <si>
    <t>2021BU06420114</t>
  </si>
  <si>
    <t>Eem- en Zonnestein</t>
  </si>
  <si>
    <t>buurt_gegeneraliseerd_2021.405fa201-8fc1-4869-9dc8-8872d94f9320</t>
  </si>
  <si>
    <t>BU06420115</t>
  </si>
  <si>
    <t>2021BU06420115</t>
  </si>
  <si>
    <t>Swanendrif-Zuid</t>
  </si>
  <si>
    <t>buurt_gegeneraliseerd_2021.d89e4272-c835-4a9e-a035-4a61a95561e1</t>
  </si>
  <si>
    <t>BU06420201</t>
  </si>
  <si>
    <t>2021BU06420201</t>
  </si>
  <si>
    <t>Veerplein - De Werf</t>
  </si>
  <si>
    <t>buurt_gegeneraliseerd_2021.bc9575c1-928d-422f-b624-40b7e60d89b9</t>
  </si>
  <si>
    <t>BU06420202</t>
  </si>
  <si>
    <t>2021BU06420202</t>
  </si>
  <si>
    <t>Euryza</t>
  </si>
  <si>
    <t>buurt_gegeneraliseerd_2021.2caa7dd4-d54b-45b0-a732-1f9a69ff4a04</t>
  </si>
  <si>
    <t>BU06420203</t>
  </si>
  <si>
    <t>2021BU06420203</t>
  </si>
  <si>
    <t>Westkeetshaven</t>
  </si>
  <si>
    <t>buurt_gegeneraliseerd_2021.77e3c994-2442-43ed-8436-b75327c37694</t>
  </si>
  <si>
    <t>BU06420204</t>
  </si>
  <si>
    <t>2021BU06420204</t>
  </si>
  <si>
    <t>Brugweg</t>
  </si>
  <si>
    <t>buurt_gegeneraliseerd_2021.cb3ee72e-2f9e-476c-bdcf-09631c105685</t>
  </si>
  <si>
    <t>BU06420205</t>
  </si>
  <si>
    <t>2021BU06420205</t>
  </si>
  <si>
    <t>Corridor-Oost</t>
  </si>
  <si>
    <t>buurt_gegeneraliseerd_2021.6cd321d2-1de8-4241-a5e4-13abe2b1a403</t>
  </si>
  <si>
    <t>BU06420206</t>
  </si>
  <si>
    <t>2021BU06420206</t>
  </si>
  <si>
    <t>Voormalig veilingterrein</t>
  </si>
  <si>
    <t>buurt_gegeneraliseerd_2021.420c41f2-22b2-497d-a31a-6af75116db89</t>
  </si>
  <si>
    <t>BU06420207</t>
  </si>
  <si>
    <t>2021BU06420207</t>
  </si>
  <si>
    <t>Burgemeester Doornplein en omgeving</t>
  </si>
  <si>
    <t>buurt_gegeneraliseerd_2021.423a99d9-b077-4b07-a35c-908dc19b1e48</t>
  </si>
  <si>
    <t>BU06420208</t>
  </si>
  <si>
    <t>2021BU06420208</t>
  </si>
  <si>
    <t>Prins Bernhardstraat en omgeving</t>
  </si>
  <si>
    <t>buurt_gegeneraliseerd_2021.56c484b7-1f4b-44f9-92c8-b31198107ddf</t>
  </si>
  <si>
    <t>BU06420209</t>
  </si>
  <si>
    <t>2021BU06420209</t>
  </si>
  <si>
    <t>Juliandorp</t>
  </si>
  <si>
    <t>buurt_gegeneraliseerd_2021.9be33818-de79-4891-9ced-ecfb738fd180</t>
  </si>
  <si>
    <t>BU06420301</t>
  </si>
  <si>
    <t>2021BU06420301</t>
  </si>
  <si>
    <t>Industriegebied Develpoort</t>
  </si>
  <si>
    <t>buurt_gegeneraliseerd_2021.11b5ec83-a98a-4dfb-89d5-bd8776072b15</t>
  </si>
  <si>
    <t>BU06420302</t>
  </si>
  <si>
    <t>2021BU06420302</t>
  </si>
  <si>
    <t>Corridor-West</t>
  </si>
  <si>
    <t>buurt_gegeneraliseerd_2021.b9f78718-d9a5-40fa-afdb-232cde1470bb</t>
  </si>
  <si>
    <t>BU06420303</t>
  </si>
  <si>
    <t>2021BU06420303</t>
  </si>
  <si>
    <t>buurt_gegeneraliseerd_2021.14aa86ad-02b4-458a-b323-6b0c5bf5a0d0</t>
  </si>
  <si>
    <t>BU06420304</t>
  </si>
  <si>
    <t>2021BU06420304</t>
  </si>
  <si>
    <t>Sterrenbeeldenbuurt</t>
  </si>
  <si>
    <t>buurt_gegeneraliseerd_2021.8da80665-e0b3-47fc-a626-8fc74d2992cf</t>
  </si>
  <si>
    <t>BU06420305</t>
  </si>
  <si>
    <t>2021BU06420305</t>
  </si>
  <si>
    <t>Planetenbuurt</t>
  </si>
  <si>
    <t>buurt_gegeneraliseerd_2021.8a500948-b286-4262-99e7-b985a7513164</t>
  </si>
  <si>
    <t>BU06420306</t>
  </si>
  <si>
    <t>2021BU06420306</t>
  </si>
  <si>
    <t>Begraafplaats Noord</t>
  </si>
  <si>
    <t>buurt_gegeneraliseerd_2021.ef013db1-5f7f-44dd-831e-01b49c8ad805</t>
  </si>
  <si>
    <t>BU06420307</t>
  </si>
  <si>
    <t>2021BU06420307</t>
  </si>
  <si>
    <t>Officiervliet-Oost</t>
  </si>
  <si>
    <t>buurt_gegeneraliseerd_2021.8954f6c2-1ef0-4243-b87b-13def90d9404</t>
  </si>
  <si>
    <t>BU06420308</t>
  </si>
  <si>
    <t>2021BU06420308</t>
  </si>
  <si>
    <t>Officiervliet-West</t>
  </si>
  <si>
    <t>buurt_gegeneraliseerd_2021.4c8bc4bd-a29a-4d81-8ea2-824cd00bd5c0</t>
  </si>
  <si>
    <t>BU06420309</t>
  </si>
  <si>
    <t>2021BU06420309</t>
  </si>
  <si>
    <t>Ter Steeghe</t>
  </si>
  <si>
    <t>buurt_gegeneraliseerd_2021.11fc3cd8-60d9-4e07-8871-5dd214990f53</t>
  </si>
  <si>
    <t>BU06420310</t>
  </si>
  <si>
    <t>2021BU06420310</t>
  </si>
  <si>
    <t>Pilotenbuurt</t>
  </si>
  <si>
    <t>buurt_gegeneraliseerd_2021.d598bb8c-6cb8-4f96-bba5-1d6ca4378678</t>
  </si>
  <si>
    <t>BU06420311</t>
  </si>
  <si>
    <t>2021BU06420311</t>
  </si>
  <si>
    <t>Langeraarstraat en omgeving</t>
  </si>
  <si>
    <t>buurt_gegeneraliseerd_2021.fbe99352-e61f-4276-a184-d2c7aca86d05</t>
  </si>
  <si>
    <t>BU06420312</t>
  </si>
  <si>
    <t>2021BU06420312</t>
  </si>
  <si>
    <t>Hoveniersplein - Griend</t>
  </si>
  <si>
    <t>buurt_gegeneraliseerd_2021.0591151f-364c-4eb5-9ed0-7aa9992ac5d2</t>
  </si>
  <si>
    <t>BU06420313</t>
  </si>
  <si>
    <t>2021BU06420313</t>
  </si>
  <si>
    <t>Prinsessenbuurt</t>
  </si>
  <si>
    <t>buurt_gegeneraliseerd_2021.093470e1-cd08-49e4-845a-cc54e83d7ff0</t>
  </si>
  <si>
    <t>BU06420401</t>
  </si>
  <si>
    <t>2021BU06420401</t>
  </si>
  <si>
    <t>De Hoge Devel</t>
  </si>
  <si>
    <t>buurt_gegeneraliseerd_2021.8aa65d32-5fdd-45d7-8846-1bbab26561a0</t>
  </si>
  <si>
    <t>BU06420402</t>
  </si>
  <si>
    <t>2021BU06420402</t>
  </si>
  <si>
    <t>Componistenbuurt-Zuid</t>
  </si>
  <si>
    <t>buurt_gegeneraliseerd_2021.4e620e7b-aaba-49f1-b223-a20e1737bfb2</t>
  </si>
  <si>
    <t>BU06420403</t>
  </si>
  <si>
    <t>2021BU06420403</t>
  </si>
  <si>
    <t>Componistenbuurt-Midden</t>
  </si>
  <si>
    <t>buurt_gegeneraliseerd_2021.4d4b756a-a61d-47a6-98eb-69c4a908e4a9</t>
  </si>
  <si>
    <t>BU06420404</t>
  </si>
  <si>
    <t>2021BU06420404</t>
  </si>
  <si>
    <t>Componistenbuurt-Noord</t>
  </si>
  <si>
    <t>buurt_gegeneraliseerd_2021.84200795-856c-458f-9ad0-575715c3b6ad</t>
  </si>
  <si>
    <t>BU06420405</t>
  </si>
  <si>
    <t>2021BU06420405</t>
  </si>
  <si>
    <t>Oudeland en Meubelmaker</t>
  </si>
  <si>
    <t>buurt_gegeneraliseerd_2021.437f54a5-3590-4b79-8854-ed924decf9c7</t>
  </si>
  <si>
    <t>BU06420406</t>
  </si>
  <si>
    <t>2021BU06420406</t>
  </si>
  <si>
    <t>Klarinetsingel en omgeving</t>
  </si>
  <si>
    <t>buurt_gegeneraliseerd_2021.9a69173f-d399-48bd-8e5c-2f7529499db3</t>
  </si>
  <si>
    <t>BU06420407</t>
  </si>
  <si>
    <t>2021BU06420407</t>
  </si>
  <si>
    <t>Sonate en omgeving</t>
  </si>
  <si>
    <t>buurt_gegeneraliseerd_2021.0b023b8c-22aa-4985-aa52-fec4105d646d</t>
  </si>
  <si>
    <t>BU06420408</t>
  </si>
  <si>
    <t>2021BU06420408</t>
  </si>
  <si>
    <t>De As</t>
  </si>
  <si>
    <t>buurt_gegeneraliseerd_2021.68894fd8-c2ba-48f8-bd3b-6a1002421d3b</t>
  </si>
  <si>
    <t>BU06420409</t>
  </si>
  <si>
    <t>2021BU06420409</t>
  </si>
  <si>
    <t>Park Molenvliet</t>
  </si>
  <si>
    <t>buurt_gegeneraliseerd_2021.1748a4b5-01a2-4e88-99d8-512b1efa66a5</t>
  </si>
  <si>
    <t>BU06420410</t>
  </si>
  <si>
    <t>2021BU06420410</t>
  </si>
  <si>
    <t>Industriegebied Molenvliet</t>
  </si>
  <si>
    <t>buurt_gegeneraliseerd_2021.e720ba32-e76f-4eb8-846e-ca391a93b292</t>
  </si>
  <si>
    <t>BU06420501</t>
  </si>
  <si>
    <t>2021BU06420501</t>
  </si>
  <si>
    <t>Noordzijde De Hoge Devel</t>
  </si>
  <si>
    <t>buurt_gegeneraliseerd_2021.411a9949-24d4-4f5e-a23f-3361c0e44b5b</t>
  </si>
  <si>
    <t>BU06420502</t>
  </si>
  <si>
    <t>2021BU06420502</t>
  </si>
  <si>
    <t>Develsteincollege</t>
  </si>
  <si>
    <t>buurt_gegeneraliseerd_2021.a296ae29-791d-4ecb-b116-12dfa83258e1</t>
  </si>
  <si>
    <t>BU06420503</t>
  </si>
  <si>
    <t>2021BU06420503</t>
  </si>
  <si>
    <t>Swinhove - De Lus</t>
  </si>
  <si>
    <t>buurt_gegeneraliseerd_2021.98a65c6e-303e-4cce-bc41-a3d558f693b7</t>
  </si>
  <si>
    <t>BU06420504</t>
  </si>
  <si>
    <t>2021BU06420504</t>
  </si>
  <si>
    <t>Koloniënbuurt</t>
  </si>
  <si>
    <t>buurt_gegeneraliseerd_2021.7b66603a-97b8-4c5c-9625-17a21cfb5576</t>
  </si>
  <si>
    <t>BU06420505</t>
  </si>
  <si>
    <t>2021BU06420505</t>
  </si>
  <si>
    <t>Meerdervoort</t>
  </si>
  <si>
    <t>buurt_gegeneraliseerd_2021.68af99e2-3f90-472a-be3e-7c9ec48f98e1</t>
  </si>
  <si>
    <t>BU06420506</t>
  </si>
  <si>
    <t>2021BU06420506</t>
  </si>
  <si>
    <t>Dichtersbuurt-Midden</t>
  </si>
  <si>
    <t>buurt_gegeneraliseerd_2021.87f62979-b1de-4d76-82d6-9b50c93d21e9</t>
  </si>
  <si>
    <t>BU06420507</t>
  </si>
  <si>
    <t>2021BU06420507</t>
  </si>
  <si>
    <t>Dichtersbuurt-West</t>
  </si>
  <si>
    <t>buurt_gegeneraliseerd_2021.64f53d25-755e-4ce0-a9f6-6fb06c26e888</t>
  </si>
  <si>
    <t>BU06420508</t>
  </si>
  <si>
    <t>2021BU06420508</t>
  </si>
  <si>
    <t>Verzetsheldenbuurt</t>
  </si>
  <si>
    <t>buurt_gegeneraliseerd_2021.404dadb6-6637-436f-949e-5b496269e71b</t>
  </si>
  <si>
    <t>BU06420509</t>
  </si>
  <si>
    <t>2021BU06420509</t>
  </si>
  <si>
    <t>Kapiteinflats</t>
  </si>
  <si>
    <t>buurt_gegeneraliseerd_2021.9b2584b3-f741-403b-a8fa-53f5fd06889a</t>
  </si>
  <si>
    <t>BU06420510</t>
  </si>
  <si>
    <t>2021BU06420510</t>
  </si>
  <si>
    <t>Zeeheldenbuurt</t>
  </si>
  <si>
    <t>buurt_gegeneraliseerd_2021.ad5c27c0-9ec2-4426-a05a-324f1f782e0d</t>
  </si>
  <si>
    <t>BU06420511</t>
  </si>
  <si>
    <t>2021BU06420511</t>
  </si>
  <si>
    <t>Bloemenbuurt M(adelief) - Z(onnenbloem)</t>
  </si>
  <si>
    <t>buurt_gegeneraliseerd_2021.2479e23d-3216-49b5-a192-d7aa7eafb920</t>
  </si>
  <si>
    <t>BU06420512</t>
  </si>
  <si>
    <t>2021BU06420512</t>
  </si>
  <si>
    <t>Bloemenbuurt D(ahlia) - G(eranium)</t>
  </si>
  <si>
    <t>buurt_gegeneraliseerd_2021.32b518e6-7fd8-4e9f-9932-08648f81c54b</t>
  </si>
  <si>
    <t>BU06420513</t>
  </si>
  <si>
    <t>2021BU06420513</t>
  </si>
  <si>
    <t>Bloemenbuurt B(egonia) - C(rocus)</t>
  </si>
  <si>
    <t>buurt_gegeneraliseerd_2021.5b2167ae-ac94-432a-8ae3-5af48d7c9e8f</t>
  </si>
  <si>
    <t>BU06420514</t>
  </si>
  <si>
    <t>2021BU06420514</t>
  </si>
  <si>
    <t>Bloemenbuurt H(yacinth) - L(Obelia)</t>
  </si>
  <si>
    <t>buurt_gegeneraliseerd_2021.3661612e-1d36-4cde-af09-709db4b87e6f</t>
  </si>
  <si>
    <t>BU06420515</t>
  </si>
  <si>
    <t>2021BU06420515</t>
  </si>
  <si>
    <t>Bloemenbuurt A(kelei)</t>
  </si>
  <si>
    <t>buurt_gegeneraliseerd_2021.949d7350-88fd-45e7-afe2-dd183a2cf893</t>
  </si>
  <si>
    <t>BU06420601</t>
  </si>
  <si>
    <t>2021BU06420601</t>
  </si>
  <si>
    <t>IJsvogelplein</t>
  </si>
  <si>
    <t>buurt_gegeneraliseerd_2021.abd3e33a-f33c-488c-8979-3fb8f7bd7215</t>
  </si>
  <si>
    <t>BU06420602</t>
  </si>
  <si>
    <t>2021BU06420602</t>
  </si>
  <si>
    <t>Vogelbuurt-Oost</t>
  </si>
  <si>
    <t>buurt_gegeneraliseerd_2021.d74201d0-a4ec-467d-bf90-87a473db5fa9</t>
  </si>
  <si>
    <t>BU06420603</t>
  </si>
  <si>
    <t>2021BU06420603</t>
  </si>
  <si>
    <t>Ooievaar- en Vinkplein</t>
  </si>
  <si>
    <t>buurt_gegeneraliseerd_2021.e3961ca5-9b98-46c4-a53f-26c72f5d94e0</t>
  </si>
  <si>
    <t>BU06420604</t>
  </si>
  <si>
    <t>2021BU06420604</t>
  </si>
  <si>
    <t>Vogelbuurt-West</t>
  </si>
  <si>
    <t>buurt_gegeneraliseerd_2021.1f674b49-9a0a-4857-aa7f-e8910b976ad6</t>
  </si>
  <si>
    <t>BU06420605</t>
  </si>
  <si>
    <t>2021BU06420605</t>
  </si>
  <si>
    <t>Leeuwerik- en Fazantplein</t>
  </si>
  <si>
    <t>buurt_gegeneraliseerd_2021.919ac3b3-5a05-47ff-ab6a-cee6931671bd</t>
  </si>
  <si>
    <t>BU06420606</t>
  </si>
  <si>
    <t>2021BU06420606</t>
  </si>
  <si>
    <t>Moermond-Zuid</t>
  </si>
  <si>
    <t>buurt_gegeneraliseerd_2021.2a11eedf-447f-4d19-9b84-a406b48b3f03</t>
  </si>
  <si>
    <t>BU06420607</t>
  </si>
  <si>
    <t>2021BU06420607</t>
  </si>
  <si>
    <t>Boshuizen - Rechteren</t>
  </si>
  <si>
    <t>buurt_gegeneraliseerd_2021.366d4d84-07b4-4ae5-91c3-a50c300dd2ae</t>
  </si>
  <si>
    <t>BU06420608</t>
  </si>
  <si>
    <t>2021BU06420608</t>
  </si>
  <si>
    <t>Assumburg - Lunenburg</t>
  </si>
  <si>
    <t>buurt_gegeneraliseerd_2021.6681bbc0-ee36-432e-b92e-833ac376c1eb</t>
  </si>
  <si>
    <t>BU06420609</t>
  </si>
  <si>
    <t>2021BU06420609</t>
  </si>
  <si>
    <t>Hilverbeek en omgeving</t>
  </si>
  <si>
    <t>buurt_gegeneraliseerd_2021.3e0f809f-214b-42d8-8e2d-b8e98370f8cd</t>
  </si>
  <si>
    <t>BU06420610</t>
  </si>
  <si>
    <t>2021BU06420610</t>
  </si>
  <si>
    <t>Develzijde Nederhoven</t>
  </si>
  <si>
    <t>buurt_gegeneraliseerd_2021.f147cfd3-67e0-4a54-9410-20dd6e7beea4</t>
  </si>
  <si>
    <t>BU06420701</t>
  </si>
  <si>
    <t>2021BU06420701</t>
  </si>
  <si>
    <t>Industriegebied Groote Lindt</t>
  </si>
  <si>
    <t>buurt_gegeneraliseerd_2021.873700f0-6596-4f03-bc19-29804cb3fc12</t>
  </si>
  <si>
    <t>BU06420702</t>
  </si>
  <si>
    <t>2021BU06420702</t>
  </si>
  <si>
    <t>De Geer-Oost</t>
  </si>
  <si>
    <t>buurt_gegeneraliseerd_2021.96a6bfa4-2004-4ccf-84ba-bc42368a341a</t>
  </si>
  <si>
    <t>BU06420703</t>
  </si>
  <si>
    <t>2021BU06420703</t>
  </si>
  <si>
    <t>De Geer-West</t>
  </si>
  <si>
    <t>buurt_gegeneraliseerd_2021.54b34410-b259-43c5-8427-d36986fc7626</t>
  </si>
  <si>
    <t>BU06420704</t>
  </si>
  <si>
    <t>2021BU06420704</t>
  </si>
  <si>
    <t>Achterlindtsestraat</t>
  </si>
  <si>
    <t>buurt_gegeneraliseerd_2021.acb784c8-fb5a-4349-a4a1-ca1e943ba6cd</t>
  </si>
  <si>
    <t>BU06420705</t>
  </si>
  <si>
    <t>2021BU06420705</t>
  </si>
  <si>
    <t>Kijfhoek</t>
  </si>
  <si>
    <t>buurt_gegeneraliseerd_2021.b4000087-55de-4e00-a55e-889d83138f2e</t>
  </si>
  <si>
    <t>BU06420706</t>
  </si>
  <si>
    <t>2021BU06420706</t>
  </si>
  <si>
    <t>Emplacement "Kijfhoek"</t>
  </si>
  <si>
    <t>buurt_gegeneraliseerd_2021.e753f26d-cc90-4f8e-ac53-8f436d422ea3</t>
  </si>
  <si>
    <t>BU06420707</t>
  </si>
  <si>
    <t>2021BU06420707</t>
  </si>
  <si>
    <t>Groenesteeg - Langeweg</t>
  </si>
  <si>
    <t>buurt_gegeneraliseerd_2021.adbd0fca-7ede-48a1-ad56-bad437f3a93e</t>
  </si>
  <si>
    <t>BU06420708</t>
  </si>
  <si>
    <t>2021BU06420708</t>
  </si>
  <si>
    <t>Bakestein</t>
  </si>
  <si>
    <t>buurt_gegeneraliseerd_2021.8a153bd9-abf7-42e5-b070-8a8b11135f16</t>
  </si>
  <si>
    <t>BU06420801</t>
  </si>
  <si>
    <t>2021BU06420801</t>
  </si>
  <si>
    <t>Molenweg-West</t>
  </si>
  <si>
    <t>buurt_gegeneraliseerd_2021.cf1ecebf-b172-43c7-bbaa-b7fa51a986f6</t>
  </si>
  <si>
    <t>BU06420802</t>
  </si>
  <si>
    <t>2021BU06420802</t>
  </si>
  <si>
    <t>Dorp-Noordoost</t>
  </si>
  <si>
    <t>buurt_gegeneraliseerd_2021.7ea8728e-cdf6-43d2-8957-125b214765ac</t>
  </si>
  <si>
    <t>BU06420803</t>
  </si>
  <si>
    <t>2021BU06420803</t>
  </si>
  <si>
    <t>Dorp-Zuidoost</t>
  </si>
  <si>
    <t>buurt_gegeneraliseerd_2021.c61d261e-b66c-4f15-b676-618907b91537</t>
  </si>
  <si>
    <t>BU06420804</t>
  </si>
  <si>
    <t>2021BU06420804</t>
  </si>
  <si>
    <t>Dorp-Zuid</t>
  </si>
  <si>
    <t>buurt_gegeneraliseerd_2021.9cb1e7c2-8291-45cc-8fd1-cc1cca67ca31</t>
  </si>
  <si>
    <t>BU06420805</t>
  </si>
  <si>
    <t>2021BU06420805</t>
  </si>
  <si>
    <t>Bedrijventerrein Gors-Noord</t>
  </si>
  <si>
    <t>buurt_gegeneraliseerd_2021.24aab2e5-81ae-4a1f-ae4b-fb938704f5ad</t>
  </si>
  <si>
    <t>BU06420901</t>
  </si>
  <si>
    <t>2021BU06420901</t>
  </si>
  <si>
    <t>Emplacement Kijfhoek en Langeweg</t>
  </si>
  <si>
    <t>buurt_gegeneraliseerd_2021.e5b765f5-a1c6-48de-9af8-5d27c7c71c30</t>
  </si>
  <si>
    <t>BU06420902</t>
  </si>
  <si>
    <t>2021BU06420902</t>
  </si>
  <si>
    <t>Sportcomplex "De Molenwei"</t>
  </si>
  <si>
    <t>buurt_gegeneraliseerd_2021.a9873190-91c5-4e29-a5b9-dc331dc9ceb0</t>
  </si>
  <si>
    <t>BU06420903</t>
  </si>
  <si>
    <t>2021BU06420903</t>
  </si>
  <si>
    <t>Polder Heerjansdam</t>
  </si>
  <si>
    <t>buurt_gegeneraliseerd_2021.1e82e082-6925-46ea-b86f-0c597881733e</t>
  </si>
  <si>
    <t>BU06420904</t>
  </si>
  <si>
    <t>2021BU06420904</t>
  </si>
  <si>
    <t>Kleine Lindt Polder</t>
  </si>
  <si>
    <t>buurt_gegeneraliseerd_2021.7feae2f6-d659-42c0-b73f-5c71fa13b44e</t>
  </si>
  <si>
    <t>BU06420905</t>
  </si>
  <si>
    <t>2021BU06420905</t>
  </si>
  <si>
    <t>Hooge Nespolder</t>
  </si>
  <si>
    <t>buurt_gegeneraliseerd_2021.79c2f9b7-0375-417e-8228-12ab7e079a32</t>
  </si>
  <si>
    <t>BU06420906</t>
  </si>
  <si>
    <t>2021BU06420906</t>
  </si>
  <si>
    <t>Het Buitenland en omgeving</t>
  </si>
  <si>
    <t>buurt_gegeneraliseerd_2021.8e0d3f61-8752-4363-a0ee-cf90ae83f237</t>
  </si>
  <si>
    <t>BU06420907</t>
  </si>
  <si>
    <t>2021BU06420907</t>
  </si>
  <si>
    <t>Bedrijventerrein Gors-Zuid</t>
  </si>
  <si>
    <t>buurt_gegeneraliseerd_2021.2f0c385b-b4b8-4b79-afa8-72cfdc4135f6</t>
  </si>
  <si>
    <t>BU19310000</t>
  </si>
  <si>
    <t>2021BU19310000</t>
  </si>
  <si>
    <t>Tiendhoek</t>
  </si>
  <si>
    <t>GM1931</t>
  </si>
  <si>
    <t>buurt_gegeneraliseerd_2021.cb2b996c-52db-4d27-8a9f-6435834605ac</t>
  </si>
  <si>
    <t>BU19310001</t>
  </si>
  <si>
    <t>2021BU19310001</t>
  </si>
  <si>
    <t>Schuwacht</t>
  </si>
  <si>
    <t>buurt_gegeneraliseerd_2021.8fd07615-9cfb-44b4-983b-1e76040118b6</t>
  </si>
  <si>
    <t>BU19310002</t>
  </si>
  <si>
    <t>2021BU19310002</t>
  </si>
  <si>
    <t>Opperduit</t>
  </si>
  <si>
    <t>buurt_gegeneraliseerd_2021.d24a6a7a-087f-431d-86a6-9467e6a73187</t>
  </si>
  <si>
    <t>BU19310003</t>
  </si>
  <si>
    <t>2021BU19310003</t>
  </si>
  <si>
    <t>Tiendweg-West</t>
  </si>
  <si>
    <t>buurt_gegeneraliseerd_2021.3024b7fd-86bb-4bc4-a3dd-4e019104cd70</t>
  </si>
  <si>
    <t>BU19310004</t>
  </si>
  <si>
    <t>2021BU19310004</t>
  </si>
  <si>
    <t>Lekkerkerk-Oost</t>
  </si>
  <si>
    <t>buurt_gegeneraliseerd_2021.0003b0fd-a440-4e51-b746-eaf61c6d0c01</t>
  </si>
  <si>
    <t>BU19310005</t>
  </si>
  <si>
    <t>2021BU19310005</t>
  </si>
  <si>
    <t>buurt_gegeneraliseerd_2021.0f0f9324-a774-4dc0-8fd6-52d83b5fd2d3</t>
  </si>
  <si>
    <t>BU19310006</t>
  </si>
  <si>
    <t>2021BU19310006</t>
  </si>
  <si>
    <t>Koninginnenbuurt</t>
  </si>
  <si>
    <t>buurt_gegeneraliseerd_2021.ae0b7851-7711-41fb-8610-2a4f0c1776a1</t>
  </si>
  <si>
    <t>BU19310007</t>
  </si>
  <si>
    <t>2021BU19310007</t>
  </si>
  <si>
    <t>Wibautsraat en Lorentzweg</t>
  </si>
  <si>
    <t>buurt_gegeneraliseerd_2021.2cc0a109-3f81-4dc3-b957-a405b519ec0d</t>
  </si>
  <si>
    <t>BU19310008</t>
  </si>
  <si>
    <t>2021BU19310008</t>
  </si>
  <si>
    <t>Molenwerf en omstreken</t>
  </si>
  <si>
    <t>buurt_gegeneraliseerd_2021.d4f09ca4-ff24-42a0-a5b7-7f07fb085069</t>
  </si>
  <si>
    <t>BU19310009</t>
  </si>
  <si>
    <t>2021BU19310009</t>
  </si>
  <si>
    <t>Voorstraat en Centrum</t>
  </si>
  <si>
    <t>buurt_gegeneraliseerd_2021.f0b049a9-2349-4dee-b8cb-221939c2e553</t>
  </si>
  <si>
    <t>BU19310010</t>
  </si>
  <si>
    <t>2021BU19310010</t>
  </si>
  <si>
    <t>Industrieterrein</t>
  </si>
  <si>
    <t>buurt_gegeneraliseerd_2021.2ee98b60-d3d3-4e85-932e-f4d965597c2a</t>
  </si>
  <si>
    <t>BU19310011</t>
  </si>
  <si>
    <t>2021BU19310011</t>
  </si>
  <si>
    <t>Verspr. huizen Lekkerkerk</t>
  </si>
  <si>
    <t>buurt_gegeneraliseerd_2021.f47fc3af-e441-4b42-87a7-7fdd748c6000</t>
  </si>
  <si>
    <t>BU19310100</t>
  </si>
  <si>
    <t>2021BU19310100</t>
  </si>
  <si>
    <t>Hoofdstraat</t>
  </si>
  <si>
    <t>buurt_gegeneraliseerd_2021.733f2f2c-6a3b-460c-a1b0-0637c39cee9b</t>
  </si>
  <si>
    <t>BU19310101</t>
  </si>
  <si>
    <t>2021BU19310101</t>
  </si>
  <si>
    <t>Binnen Krimpen</t>
  </si>
  <si>
    <t>buurt_gegeneraliseerd_2021.9dee6c03-7137-4194-a3e8-88d72efbb685</t>
  </si>
  <si>
    <t>BU19310102</t>
  </si>
  <si>
    <t>2021BU19310102</t>
  </si>
  <si>
    <t>Beroepenbuurt</t>
  </si>
  <si>
    <t>buurt_gegeneraliseerd_2021.64304790-f955-48be-9c91-752d0fb7b4f1</t>
  </si>
  <si>
    <t>BU19310103</t>
  </si>
  <si>
    <t>2021BU19310103</t>
  </si>
  <si>
    <t>Krimpen-Oost</t>
  </si>
  <si>
    <t>buurt_gegeneraliseerd_2021.8e2358d7-40a9-48eb-b973-e48badd9413c</t>
  </si>
  <si>
    <t>BU19310104</t>
  </si>
  <si>
    <t>2021BU19310104</t>
  </si>
  <si>
    <t>Zaag</t>
  </si>
  <si>
    <t>buurt_gegeneraliseerd_2021.771bba55-894c-466a-b730-a56dca374bd4</t>
  </si>
  <si>
    <t>BU19310105</t>
  </si>
  <si>
    <t>2021BU19310105</t>
  </si>
  <si>
    <t>Tiendweg Noord</t>
  </si>
  <si>
    <t>buurt_gegeneraliseerd_2021.7354d795-b428-4d20-bddb-cae18dde34aa</t>
  </si>
  <si>
    <t>BU19310106</t>
  </si>
  <si>
    <t>2021BU19310106</t>
  </si>
  <si>
    <t>Krimpen Centrum</t>
  </si>
  <si>
    <t>buurt_gegeneraliseerd_2021.ec886a8b-f90c-456b-bbda-87c02ddc1540</t>
  </si>
  <si>
    <t>BU19310107</t>
  </si>
  <si>
    <t>2021BU19310107</t>
  </si>
  <si>
    <t>Industrieterrein Krimpen</t>
  </si>
  <si>
    <t>buurt_gegeneraliseerd_2021.dc9d865c-3c61-473b-a5fc-49df2e7c213b</t>
  </si>
  <si>
    <t>BU19310108</t>
  </si>
  <si>
    <t>2021BU19310108</t>
  </si>
  <si>
    <t>Lekdijk</t>
  </si>
  <si>
    <t>buurt_gegeneraliseerd_2021.bbcec4ae-190e-41ca-94b9-55d973715e5f</t>
  </si>
  <si>
    <t>BU19310109</t>
  </si>
  <si>
    <t>2021BU19310109</t>
  </si>
  <si>
    <t>Verspr. huizen Krimpen aan de Lek</t>
  </si>
  <si>
    <t>buurt_gegeneraliseerd_2021.cf935b16-14ad-487d-98ba-c12fa151ff6a</t>
  </si>
  <si>
    <t>BU19310209</t>
  </si>
  <si>
    <t>2021BU19310209</t>
  </si>
  <si>
    <t>Verspr. huizen Ouderkerk Oost</t>
  </si>
  <si>
    <t>buurt_gegeneraliseerd_2021.2516804d-ae14-4126-8dc4-804187ceec97</t>
  </si>
  <si>
    <t>BU19310500</t>
  </si>
  <si>
    <t>2021BU19310500</t>
  </si>
  <si>
    <t>Bergstoep</t>
  </si>
  <si>
    <t>buurt_gegeneraliseerd_2021.7b204541-3a08-45c6-a7a4-a472e3564f1d</t>
  </si>
  <si>
    <t>BU19310501</t>
  </si>
  <si>
    <t>2021BU19310501</t>
  </si>
  <si>
    <t>Lekdijk-West en Provinciale weg (ged.)</t>
  </si>
  <si>
    <t>buurt_gegeneraliseerd_2021.4a2a5439-b47f-4ba4-82e1-5905e2833d0a</t>
  </si>
  <si>
    <t>BU19590101</t>
  </si>
  <si>
    <t>2021BU19590101</t>
  </si>
  <si>
    <t>Centrum Werkendam</t>
  </si>
  <si>
    <t>GM1959</t>
  </si>
  <si>
    <t>buurt_gegeneraliseerd_2021.70daa10e-653b-4184-a50b-552df598519d</t>
  </si>
  <si>
    <t>BU19590102</t>
  </si>
  <si>
    <t>2021BU19590102</t>
  </si>
  <si>
    <t>Burchtpolder</t>
  </si>
  <si>
    <t>buurt_gegeneraliseerd_2021.8136ce04-2042-4038-a3cd-1d18946800d4</t>
  </si>
  <si>
    <t>BU19590103</t>
  </si>
  <si>
    <t>2021BU19590103</t>
  </si>
  <si>
    <t>Welgelegen</t>
  </si>
  <si>
    <t>buurt_gegeneraliseerd_2021.792a2603-5df8-4c6d-bd1c-5c77c888425c</t>
  </si>
  <si>
    <t>BU19590104</t>
  </si>
  <si>
    <t>2021BU19590104</t>
  </si>
  <si>
    <t>Werkense polder</t>
  </si>
  <si>
    <t>buurt_gegeneraliseerd_2021.49eeb541-88a2-4802-8b37-a33b82382861</t>
  </si>
  <si>
    <t>BU19590105</t>
  </si>
  <si>
    <t>2021BU19590105</t>
  </si>
  <si>
    <t>Vervoornepolder noord</t>
  </si>
  <si>
    <t>buurt_gegeneraliseerd_2021.ec7cc53e-b1f3-4bf4-ab96-a81da3dff5d4</t>
  </si>
  <si>
    <t>BU19590106</t>
  </si>
  <si>
    <t>2021BU19590106</t>
  </si>
  <si>
    <t>Vervoornepolder zuid</t>
  </si>
  <si>
    <t>buurt_gegeneraliseerd_2021.4626fab1-ce78-473a-a56e-a3eb0a53647d</t>
  </si>
  <si>
    <t>BU19590107</t>
  </si>
  <si>
    <t>2021BU19590107</t>
  </si>
  <si>
    <t>Bedrijventerrein Werkendam</t>
  </si>
  <si>
    <t>buurt_gegeneraliseerd_2021.8768f20d-5c35-48e6-a921-d3baf50fea46</t>
  </si>
  <si>
    <t>BU19590191</t>
  </si>
  <si>
    <t>2021BU19590191</t>
  </si>
  <si>
    <t>Buitengebied Werkendam noord</t>
  </si>
  <si>
    <t>buurt_gegeneraliseerd_2021.255b1817-da91-4539-9cbc-aa99056ae234</t>
  </si>
  <si>
    <t>BU19590192</t>
  </si>
  <si>
    <t>2021BU19590192</t>
  </si>
  <si>
    <t>Buitengebied Werkendam zuid</t>
  </si>
  <si>
    <t>buurt_gegeneraliseerd_2021.df92d0be-1036-466c-9148-79365195d44d</t>
  </si>
  <si>
    <t>BU19590193</t>
  </si>
  <si>
    <t>2021BU19590193</t>
  </si>
  <si>
    <t>Buitengebied Oostwaard</t>
  </si>
  <si>
    <t>buurt_gegeneraliseerd_2021.c958ea3a-0146-44cb-915b-3fbd7ff5c2aa</t>
  </si>
  <si>
    <t>BU19590194</t>
  </si>
  <si>
    <t>2021BU19590194</t>
  </si>
  <si>
    <t>Buitengebied Biesbosch</t>
  </si>
  <si>
    <t>buurt_gegeneraliseerd_2021.f36e853f-8e5b-4cd7-903b-4c83d21f6014</t>
  </si>
  <si>
    <t>BU19590202</t>
  </si>
  <si>
    <t>2021BU19590202</t>
  </si>
  <si>
    <t>Sleeuwijk oost</t>
  </si>
  <si>
    <t>buurt_gegeneraliseerd_2021.a37ddf37-7c3b-4910-8c9a-e4630bc7a08b</t>
  </si>
  <si>
    <t>BU19590291</t>
  </si>
  <si>
    <t>2021BU19590291</t>
  </si>
  <si>
    <t>Buitengebied Sleeuwijk</t>
  </si>
  <si>
    <t>buurt_gegeneraliseerd_2021.9adc632a-8cc1-45ca-98a2-ac9df6bd3550</t>
  </si>
  <si>
    <t>BU19590301</t>
  </si>
  <si>
    <t>2021BU19590301</t>
  </si>
  <si>
    <t>Nieuwendijk</t>
  </si>
  <si>
    <t>buurt_gegeneraliseerd_2021.0dff2311-967c-445c-82d7-50c20ea661d6</t>
  </si>
  <si>
    <t>BU19590391</t>
  </si>
  <si>
    <t>2021BU19590391</t>
  </si>
  <si>
    <t>Buitengebied Nieuwendijk noordoost</t>
  </si>
  <si>
    <t>buurt_gegeneraliseerd_2021.1c2b5536-2b81-4dfe-9496-bade0556a8e2</t>
  </si>
  <si>
    <t>BU19590392</t>
  </si>
  <si>
    <t>2021BU19590392</t>
  </si>
  <si>
    <t>Buitengebied Nieuwendijk zuid</t>
  </si>
  <si>
    <t>buurt_gegeneraliseerd_2021.ad4b2dd9-b1c4-4474-abff-c55102f09f48</t>
  </si>
  <si>
    <t>BU19590401</t>
  </si>
  <si>
    <t>2021BU19590401</t>
  </si>
  <si>
    <t>Hank</t>
  </si>
  <si>
    <t>buurt_gegeneraliseerd_2021.ed636793-9bb5-435a-9713-7331d591f006</t>
  </si>
  <si>
    <t>BU19590402</t>
  </si>
  <si>
    <t>2021BU19590402</t>
  </si>
  <si>
    <t>Kurenpolder</t>
  </si>
  <si>
    <t>buurt_gegeneraliseerd_2021.17a47814-9d9f-4449-9192-71e8ed7bcfc3</t>
  </si>
  <si>
    <t>BU19590491</t>
  </si>
  <si>
    <t>2021BU19590491</t>
  </si>
  <si>
    <t>Buitengebied Hank oost</t>
  </si>
  <si>
    <t>buurt_gegeneraliseerd_2021.d919608e-4caa-44fe-9393-9bab70370568</t>
  </si>
  <si>
    <t>BU19590492</t>
  </si>
  <si>
    <t>2021BU19590492</t>
  </si>
  <si>
    <t>Buitengebied Hank west</t>
  </si>
  <si>
    <t>buurt_gegeneraliseerd_2021.327da5ac-e56b-49a9-b813-52aa1931694a</t>
  </si>
  <si>
    <t>BU19590592</t>
  </si>
  <si>
    <t>2021BU19590592</t>
  </si>
  <si>
    <t>Buitengebied Dussen zuid</t>
  </si>
  <si>
    <t>buurt_gegeneraliseerd_2021.47851c82-f8e3-4099-acc0-b20843473d3d</t>
  </si>
  <si>
    <t>BU19591201</t>
  </si>
  <si>
    <t>2021BU19591201</t>
  </si>
  <si>
    <t>Almkerk west</t>
  </si>
  <si>
    <t>buurt_gegeneraliseerd_2021.fcc803f8-180e-4547-bee8-f7fac82f7122</t>
  </si>
  <si>
    <t>BU19591203</t>
  </si>
  <si>
    <t>2021BU19591203</t>
  </si>
  <si>
    <t>Uppel</t>
  </si>
  <si>
    <t>buurt_gegeneraliseerd_2021.599867f5-30d4-401d-9e33-81d17d1bf1f3</t>
  </si>
  <si>
    <t>BU19591291</t>
  </si>
  <si>
    <t>2021BU19591291</t>
  </si>
  <si>
    <t>Buitengebied Almkerk noord</t>
  </si>
  <si>
    <t>buurt_gegeneraliseerd_2021.a4da2c26-788e-452a-b70a-2d1cbf8cf9e9</t>
  </si>
  <si>
    <t>BU19591292</t>
  </si>
  <si>
    <t>2021BU19591292</t>
  </si>
  <si>
    <t>Buitengebied Almkerk zuid</t>
  </si>
  <si>
    <t>buurt_gegeneraliseerd_2021.07d36621-e1c1-4814-bd3a-f6286a9b0b0e</t>
  </si>
  <si>
    <t>BU19630150</t>
  </si>
  <si>
    <t>2021BU19630150</t>
  </si>
  <si>
    <t>Heinenoord Bedrijvenpark Hoeksche Waard</t>
  </si>
  <si>
    <t>GM1963</t>
  </si>
  <si>
    <t>buurt_gegeneraliseerd_2021.95feacfd-1090-40bb-a2b9-a7e94705136b</t>
  </si>
  <si>
    <t>BU19630199</t>
  </si>
  <si>
    <t>2021BU19630199</t>
  </si>
  <si>
    <t>Heinenoord Buitengebied</t>
  </si>
  <si>
    <t>buurt_gegeneraliseerd_2021.93ab687a-26ea-4501-8b78-03ac12da5faf</t>
  </si>
  <si>
    <t>BU19630299</t>
  </si>
  <si>
    <t>2021BU19630299</t>
  </si>
  <si>
    <t>Mijnsheerenland Buitengebied</t>
  </si>
  <si>
    <t>buurt_gegeneraliseerd_2021.a049268c-a1cc-4ca2-89b3-c6932adda3ed</t>
  </si>
  <si>
    <t>BU19630400</t>
  </si>
  <si>
    <t>2021BU19630400</t>
  </si>
  <si>
    <t>Puttershoek Woonkern</t>
  </si>
  <si>
    <t>buurt_gegeneraliseerd_2021.ec6aeea4-4aba-4124-b29a-d15800e5794b</t>
  </si>
  <si>
    <t>BU19630499</t>
  </si>
  <si>
    <t>2021BU19630499</t>
  </si>
  <si>
    <t>Puttershoek Buitengebied</t>
  </si>
  <si>
    <t>buurt_gegeneraliseerd_2021.38fcbe83-c810-422e-a695-db1b8a636498</t>
  </si>
  <si>
    <t>BU19630500</t>
  </si>
  <si>
    <t>2021BU19630500</t>
  </si>
  <si>
    <t>Maasdam Woonkern</t>
  </si>
  <si>
    <t>buurt_gegeneraliseerd_2021.c859305d-42af-47cd-9b7c-3a01b4aeb5e6</t>
  </si>
  <si>
    <t>BU19630599</t>
  </si>
  <si>
    <t>2021BU19630599</t>
  </si>
  <si>
    <t>Maasdam Buitengebied</t>
  </si>
  <si>
    <t>buurt_gegeneraliseerd_2021.34ffcc0c-fae8-44f0-929c-6388a6796083</t>
  </si>
  <si>
    <t>BU19630600</t>
  </si>
  <si>
    <t>2021BU19630600</t>
  </si>
  <si>
    <t>'s-Gravendeel Woonkern</t>
  </si>
  <si>
    <t>buurt_gegeneraliseerd_2021.29b6724a-c38b-45c1-a54f-9d13801ddd73</t>
  </si>
  <si>
    <t>BU19630650</t>
  </si>
  <si>
    <t>2021BU19630650</t>
  </si>
  <si>
    <t>'s-Gravendeel Bedrijventerrein Mijlpolder</t>
  </si>
  <si>
    <t>buurt_gegeneraliseerd_2021.897abacd-7df3-4219-b28d-1ef10366b627</t>
  </si>
  <si>
    <t>BU19630699</t>
  </si>
  <si>
    <t>2021BU19630699</t>
  </si>
  <si>
    <t>'s-Gravendeel Buitengebied</t>
  </si>
  <si>
    <t>buurt_gegeneraliseerd_2021.ecb3d557-7954-4ed1-b32b-464b060dc1f0</t>
  </si>
  <si>
    <t>BU19630700</t>
  </si>
  <si>
    <t>2021BU19630700</t>
  </si>
  <si>
    <t>Strijen Woonkern</t>
  </si>
  <si>
    <t>buurt_gegeneraliseerd_2021.563ed051-f121-47e8-b2d0-bcd9cb6bf6c4</t>
  </si>
  <si>
    <t>BU19630750</t>
  </si>
  <si>
    <t>2021BU19630750</t>
  </si>
  <si>
    <t>Strijen Bedrijventerrein Bonaventura</t>
  </si>
  <si>
    <t>buurt_gegeneraliseerd_2021.447008f9-b5d1-4358-9917-e9a586c6f3d8</t>
  </si>
  <si>
    <t>BU19630799</t>
  </si>
  <si>
    <t>2021BU19630799</t>
  </si>
  <si>
    <t>Strijen Buitengebied</t>
  </si>
  <si>
    <t>buurt_gegeneraliseerd_2021.d60aa97c-9eef-4d1e-9031-6b9553cf05d5</t>
  </si>
  <si>
    <t>BU19780201</t>
  </si>
  <si>
    <t>2021BU19780201</t>
  </si>
  <si>
    <t>Bleskensgraaf-Buitengebied-Noord</t>
  </si>
  <si>
    <t>GM1978</t>
  </si>
  <si>
    <t>buurt_gegeneraliseerd_2021.fe871fc2-ada9-4f3d-9813-ab9efdfa2214</t>
  </si>
  <si>
    <t>BU19780202</t>
  </si>
  <si>
    <t>2021BU19780202</t>
  </si>
  <si>
    <t>Bleskensgraaf-Buitengebied-Zuid</t>
  </si>
  <si>
    <t>buurt_gegeneraliseerd_2021.f71ee9cf-1f72-43df-b41c-66675604555b</t>
  </si>
  <si>
    <t>BU19780203</t>
  </si>
  <si>
    <t>2021BU19780203</t>
  </si>
  <si>
    <t>Bleskensgraaf-Dorp</t>
  </si>
  <si>
    <t>buurt_gegeneraliseerd_2021.a65c87b0-b46f-48d9-b5d1-b13f38826bd3</t>
  </si>
  <si>
    <t>BU19780204</t>
  </si>
  <si>
    <t>2021BU19780204</t>
  </si>
  <si>
    <t>Bleskensgraaf-Melkweg</t>
  </si>
  <si>
    <t>buurt_gegeneraliseerd_2021.421569b6-4fa7-4da4-85e4-a799b28cd64f</t>
  </si>
  <si>
    <t>BU19780205</t>
  </si>
  <si>
    <t>2021BU19780205</t>
  </si>
  <si>
    <t>Bleskensgraaf-West</t>
  </si>
  <si>
    <t>buurt_gegeneraliseerd_2021.407a040b-6a25-4159-848a-4d5edbfe1ee9</t>
  </si>
  <si>
    <t>BU19780206</t>
  </si>
  <si>
    <t>2021BU19780206</t>
  </si>
  <si>
    <t>Bleskensgraaf-Hofwegen</t>
  </si>
  <si>
    <t>buurt_gegeneraliseerd_2021.50cf0b56-f54d-4afc-ba38-6c1bf2a0df50</t>
  </si>
  <si>
    <t>BU19780301</t>
  </si>
  <si>
    <t>2021BU19780301</t>
  </si>
  <si>
    <t>Brandwijk-Noord-Oost</t>
  </si>
  <si>
    <t>buurt_gegeneraliseerd_2021.d7dc202f-3caf-4331-b16c-574e2bfa1bd8</t>
  </si>
  <si>
    <t>BU19780302</t>
  </si>
  <si>
    <t>2021BU19780302</t>
  </si>
  <si>
    <t>Brandwijk-Dorp</t>
  </si>
  <si>
    <t>buurt_gegeneraliseerd_2021.b391f85c-a901-4f7a-863f-c02cb5b94e98</t>
  </si>
  <si>
    <t>BU19780303</t>
  </si>
  <si>
    <t>2021BU19780303</t>
  </si>
  <si>
    <t>Brandwijk-Zuid-West</t>
  </si>
  <si>
    <t>buurt_gegeneraliseerd_2021.03b1e185-caa4-4bbc-8abd-27512d81d127</t>
  </si>
  <si>
    <t>BU19780304</t>
  </si>
  <si>
    <t>2021BU19780304</t>
  </si>
  <si>
    <t>Brandwijk-Zuid-Oost</t>
  </si>
  <si>
    <t>buurt_gegeneraliseerd_2021.f7366f62-3def-41b6-aef5-8b40da77e461</t>
  </si>
  <si>
    <t>BU19780305</t>
  </si>
  <si>
    <t>2021BU19780305</t>
  </si>
  <si>
    <t>Brandwijk-Noord-West</t>
  </si>
  <si>
    <t>buurt_gegeneraliseerd_2021.3507d37b-6e42-4287-98d8-d2ce033b2be7</t>
  </si>
  <si>
    <t>BU19780307</t>
  </si>
  <si>
    <t>2021BU19780307</t>
  </si>
  <si>
    <t>Brandwijk-Buitengebied</t>
  </si>
  <si>
    <t>buurt_gegeneraliseerd_2021.c0054f78-c79a-4159-a4ee-949376d174eb</t>
  </si>
  <si>
    <t>BU19780308</t>
  </si>
  <si>
    <t>2021BU19780308</t>
  </si>
  <si>
    <t>Brandwijk-Vuilendam</t>
  </si>
  <si>
    <t>buurt_gegeneraliseerd_2021.a6ec25f6-7c16-4106-a836-603895a3025f</t>
  </si>
  <si>
    <t>BU19780309</t>
  </si>
  <si>
    <t>2021BU19780309</t>
  </si>
  <si>
    <t>Brandwijk-Kern-Oud</t>
  </si>
  <si>
    <t>buurt_gegeneraliseerd_2021.9eed8607-b1d2-4341-8978-46b3d86ff5d0</t>
  </si>
  <si>
    <t>BU19780401</t>
  </si>
  <si>
    <t>2021BU19780401</t>
  </si>
  <si>
    <t>Giessenburg-West</t>
  </si>
  <si>
    <t>buurt_gegeneraliseerd_2021.5b7d6e09-c753-43f9-bc70-8b4a67d051bf</t>
  </si>
  <si>
    <t>BU19780402</t>
  </si>
  <si>
    <t>2021BU19780402</t>
  </si>
  <si>
    <t>Kern-Dorp</t>
  </si>
  <si>
    <t>buurt_gegeneraliseerd_2021.e8ec4042-f0cf-4d6b-b40e-ea2c5385ecda</t>
  </si>
  <si>
    <t>BU19780403</t>
  </si>
  <si>
    <t>2021BU19780403</t>
  </si>
  <si>
    <t>Giessenburg-Zuidwest</t>
  </si>
  <si>
    <t>buurt_gegeneraliseerd_2021.a9fe1a3b-2498-49a2-8f27-0e40ec462601</t>
  </si>
  <si>
    <t>BU19780404</t>
  </si>
  <si>
    <t>2021BU19780404</t>
  </si>
  <si>
    <t>Giessen-Oudekerk-Dorp</t>
  </si>
  <si>
    <t>buurt_gegeneraliseerd_2021.748174cc-4b69-4760-adbb-a4874465acc3</t>
  </si>
  <si>
    <t>BU19780405</t>
  </si>
  <si>
    <t>2021BU19780405</t>
  </si>
  <si>
    <t>Giessenburg-Oost</t>
  </si>
  <si>
    <t>buurt_gegeneraliseerd_2021.7f08102b-794b-4c3a-9974-33596b872c3b</t>
  </si>
  <si>
    <t>BU19780406</t>
  </si>
  <si>
    <t>2021BU19780406</t>
  </si>
  <si>
    <t>Giessenburg-Buitengebied-Zuid</t>
  </si>
  <si>
    <t>buurt_gegeneraliseerd_2021.672baa83-75b5-4013-ab7c-2808357967be</t>
  </si>
  <si>
    <t>BU19780407</t>
  </si>
  <si>
    <t>2021BU19780407</t>
  </si>
  <si>
    <t>Giessenburg-Industriegebied</t>
  </si>
  <si>
    <t>buurt_gegeneraliseerd_2021.126f6fc5-c348-4894-b6bc-696857816905</t>
  </si>
  <si>
    <t>BU19780408</t>
  </si>
  <si>
    <t>2021BU19780408</t>
  </si>
  <si>
    <t>Giessenburg-Buitengebied-Noord</t>
  </si>
  <si>
    <t>buurt_gegeneraliseerd_2021.b6e9e483-6410-4cdf-bf09-9d75995f00cf</t>
  </si>
  <si>
    <t>BU19780409</t>
  </si>
  <si>
    <t>2021BU19780409</t>
  </si>
  <si>
    <t>Giessenburg-Recreatie-Zuid</t>
  </si>
  <si>
    <t>buurt_gegeneraliseerd_2021.fdacfcc3-326a-4d06-a325-64a89548a44d</t>
  </si>
  <si>
    <t>BU19780410</t>
  </si>
  <si>
    <t>2021BU19780410</t>
  </si>
  <si>
    <t>Giessenburg-Recreatie-Noord</t>
  </si>
  <si>
    <t>buurt_gegeneraliseerd_2021.46699b41-3917-4abe-a592-e7646e29b25d</t>
  </si>
  <si>
    <t>BU19780501</t>
  </si>
  <si>
    <t>2021BU19780501</t>
  </si>
  <si>
    <t>Goudriaan-Oost</t>
  </si>
  <si>
    <t>buurt_gegeneraliseerd_2021.a5e91ec8-c4d9-4427-9502-0ef17e73059a</t>
  </si>
  <si>
    <t>BU19780502</t>
  </si>
  <si>
    <t>2021BU19780502</t>
  </si>
  <si>
    <t>Goudriaan-Dorp</t>
  </si>
  <si>
    <t>buurt_gegeneraliseerd_2021.15318013-eef9-413b-8d1d-53da5b08af78</t>
  </si>
  <si>
    <t>BU19780503</t>
  </si>
  <si>
    <t>2021BU19780503</t>
  </si>
  <si>
    <t>Goudriaan-Buitengebied-Noord</t>
  </si>
  <si>
    <t>buurt_gegeneraliseerd_2021.8d11812a-a3f5-4108-8aff-c1c10f78be45</t>
  </si>
  <si>
    <t>BU19780504</t>
  </si>
  <si>
    <t>2021BU19780504</t>
  </si>
  <si>
    <t>Goudriaan-Buitengebied-Zuid</t>
  </si>
  <si>
    <t>buurt_gegeneraliseerd_2021.80dce7bf-fbdb-46ca-894a-c2ff9791089b</t>
  </si>
  <si>
    <t>BU19780609</t>
  </si>
  <si>
    <t>2021BU19780609</t>
  </si>
  <si>
    <t>Groot-Ammers-Buitengebied-Zuid</t>
  </si>
  <si>
    <t>buurt_gegeneraliseerd_2021.67f55f65-f204-4bbe-be22-f741bafff176</t>
  </si>
  <si>
    <t>BU19780706</t>
  </si>
  <si>
    <t>2021BU19780706</t>
  </si>
  <si>
    <t>Hoogblokland-Buitengebied-Zuid</t>
  </si>
  <si>
    <t>buurt_gegeneraliseerd_2021.99bc0c2b-e5bd-457f-b2e6-6ff0f9a7f5a3</t>
  </si>
  <si>
    <t>BU19780801</t>
  </si>
  <si>
    <t>2021BU19780801</t>
  </si>
  <si>
    <t>Hoornaar-Buitengebied-Noord</t>
  </si>
  <si>
    <t>buurt_gegeneraliseerd_2021.0925059d-53ea-471c-9bd2-e6780b65ab54</t>
  </si>
  <si>
    <t>BU19780802</t>
  </si>
  <si>
    <t>2021BU19780802</t>
  </si>
  <si>
    <t>Hoornaar-Dorp</t>
  </si>
  <si>
    <t>buurt_gegeneraliseerd_2021.4a961212-8cd6-402b-8001-efaab4cac097</t>
  </si>
  <si>
    <t>BU19780803</t>
  </si>
  <si>
    <t>2021BU19780803</t>
  </si>
  <si>
    <t>Hoornaar-Lage-Giessen</t>
  </si>
  <si>
    <t>buurt_gegeneraliseerd_2021.bdfe243d-f71c-49e7-8cba-51fde8733797</t>
  </si>
  <si>
    <t>BU19780804</t>
  </si>
  <si>
    <t>2021BU19780804</t>
  </si>
  <si>
    <t>Hoornaar-Buitengebied-Zuid-Oost</t>
  </si>
  <si>
    <t>buurt_gegeneraliseerd_2021.995eb448-1d54-41e3-9f6b-f03b4d33f802</t>
  </si>
  <si>
    <t>BU19780901</t>
  </si>
  <si>
    <t>2021BU19780901</t>
  </si>
  <si>
    <t>Dijkgebied-Kinderdijk</t>
  </si>
  <si>
    <t>buurt_gegeneraliseerd_2021.b93f0557-d75f-4711-a9a3-0cfe4b6fb383</t>
  </si>
  <si>
    <t>BU19780902</t>
  </si>
  <si>
    <t>2021BU19780902</t>
  </si>
  <si>
    <t>IHC-Kinderdijk</t>
  </si>
  <si>
    <t>buurt_gegeneraliseerd_2021.ec480ec9-ef96-4416-8ca2-a7ab2acc5c2c</t>
  </si>
  <si>
    <t>BU19780903</t>
  </si>
  <si>
    <t>2021BU19780903</t>
  </si>
  <si>
    <t>Kinderdijk-Dorp</t>
  </si>
  <si>
    <t>buurt_gegeneraliseerd_2021.4017e389-1f44-48fb-8bf2-8bd12d2d5cfc</t>
  </si>
  <si>
    <t>BU19780904</t>
  </si>
  <si>
    <t>2021BU19780904</t>
  </si>
  <si>
    <t>Kinderdijk-Buitengebied</t>
  </si>
  <si>
    <t>buurt_gegeneraliseerd_2021.2e9b7b16-d7a9-4f54-9eab-c3180b2ef842</t>
  </si>
  <si>
    <t>BU19781004</t>
  </si>
  <si>
    <t>2021BU19781004</t>
  </si>
  <si>
    <t>Langerak-Buitengebied</t>
  </si>
  <si>
    <t>buurt_gegeneraliseerd_2021.3d8e3303-216b-438e-8f9f-5336cda1575a</t>
  </si>
  <si>
    <t>BU19781101</t>
  </si>
  <si>
    <t>2021BU19781101</t>
  </si>
  <si>
    <t>Molenaarsgraaf-Dorp</t>
  </si>
  <si>
    <t>buurt_gegeneraliseerd_2021.dd80e50a-dd7d-48b1-ae25-6cd89caf3da1</t>
  </si>
  <si>
    <t>BU19781102</t>
  </si>
  <si>
    <t>2021BU19781102</t>
  </si>
  <si>
    <t>Molenaarsgraaf-West</t>
  </si>
  <si>
    <t>buurt_gegeneraliseerd_2021.e1db5cd6-6b0b-4a7f-935e-23c5751ce2c9</t>
  </si>
  <si>
    <t>BU19781103</t>
  </si>
  <si>
    <t>2021BU19781103</t>
  </si>
  <si>
    <t>Molenaarsgraaf-Vuilendam</t>
  </si>
  <si>
    <t>buurt_gegeneraliseerd_2021.3d044623-3894-4f33-8c18-4c83374195e3</t>
  </si>
  <si>
    <t>BU19781104</t>
  </si>
  <si>
    <t>2021BU19781104</t>
  </si>
  <si>
    <t>Molenaarsgraaf-Polderweg-oost</t>
  </si>
  <si>
    <t>buurt_gegeneraliseerd_2021.008ddc27-98e5-4396-b2f6-11e3a7f83dc6</t>
  </si>
  <si>
    <t>BU19781105</t>
  </si>
  <si>
    <t>2021BU19781105</t>
  </si>
  <si>
    <t>Molenaarsgraaf-Buitengebied</t>
  </si>
  <si>
    <t>buurt_gegeneraliseerd_2021.08b45a3c-f762-4ef2-924f-9013d220d677</t>
  </si>
  <si>
    <t>BU19781106</t>
  </si>
  <si>
    <t>2021BU19781106</t>
  </si>
  <si>
    <t>Molenaarsgraaf-Oost</t>
  </si>
  <si>
    <t>buurt_gegeneraliseerd_2021.7d25d93e-ef79-4d3f-9994-7967ceb9ca05</t>
  </si>
  <si>
    <t>BU19781201</t>
  </si>
  <si>
    <t>2021BU19781201</t>
  </si>
  <si>
    <t>Nieuw-Lekkerland-Dorp</t>
  </si>
  <si>
    <t>buurt_gegeneraliseerd_2021.f1925d2b-653c-44a6-90fd-6181bbc24b30</t>
  </si>
  <si>
    <t>BU19781202</t>
  </si>
  <si>
    <t>2021BU19781202</t>
  </si>
  <si>
    <t>Nieuw-Lekkerland-Middelweg</t>
  </si>
  <si>
    <t>buurt_gegeneraliseerd_2021.fd9583bb-289f-4abc-886a-8bb1b3ea48cc</t>
  </si>
  <si>
    <t>BU19781203</t>
  </si>
  <si>
    <t>2021BU19781203</t>
  </si>
  <si>
    <t>Industriegebied-Dorp</t>
  </si>
  <si>
    <t>buurt_gegeneraliseerd_2021.378636e8-0f74-44fa-96cc-7a9ae8a014b0</t>
  </si>
  <si>
    <t>BU19781204</t>
  </si>
  <si>
    <t>2021BU19781204</t>
  </si>
  <si>
    <t>Nieuw-Lekkerland-Buitengebied</t>
  </si>
  <si>
    <t>buurt_gegeneraliseerd_2021.89570089-3abd-476f-a1a0-9107b5a6b3fa</t>
  </si>
  <si>
    <t>BU19781205</t>
  </si>
  <si>
    <t>2021BU19781205</t>
  </si>
  <si>
    <t>Nieuw-Lekkerland-Noord</t>
  </si>
  <si>
    <t>buurt_gegeneraliseerd_2021.002a4091-84d3-4d53-90ca-2dabf4675685</t>
  </si>
  <si>
    <t>BU19781206</t>
  </si>
  <si>
    <t>2021BU19781206</t>
  </si>
  <si>
    <t>Industriegebied-Oost</t>
  </si>
  <si>
    <t>buurt_gegeneraliseerd_2021.34877c60-171f-4047-89c9-c54e49d48b0a</t>
  </si>
  <si>
    <t>BU19781207</t>
  </si>
  <si>
    <t>2021BU19781207</t>
  </si>
  <si>
    <t>Dijkgebied-Nieuw-Lekkerland</t>
  </si>
  <si>
    <t>buurt_gegeneraliseerd_2021.9833100c-1ade-4e3a-9cbc-1954faa6ed09</t>
  </si>
  <si>
    <t>BU19781402</t>
  </si>
  <si>
    <t>2021BU19781402</t>
  </si>
  <si>
    <t>Noordeloos-Buitengebied-Zuid</t>
  </si>
  <si>
    <t>buurt_gegeneraliseerd_2021.b2441b2b-a547-40bc-827e-f64d4d489583</t>
  </si>
  <si>
    <t>BU19781405</t>
  </si>
  <si>
    <t>2021BU19781405</t>
  </si>
  <si>
    <t>Noordeloos-Overslingeland</t>
  </si>
  <si>
    <t>buurt_gegeneraliseerd_2021.f4ebebf6-579f-426c-8269-0c9694d64897</t>
  </si>
  <si>
    <t>BU19781406</t>
  </si>
  <si>
    <t>2021BU19781406</t>
  </si>
  <si>
    <t>Noordeloos-Dorp</t>
  </si>
  <si>
    <t>buurt_gegeneraliseerd_2021.b3253741-680a-4e6d-8117-8273b3b683df</t>
  </si>
  <si>
    <t>BU19781408</t>
  </si>
  <si>
    <t>2021BU19781408</t>
  </si>
  <si>
    <t>Noordeloos-West</t>
  </si>
  <si>
    <t>buurt_gegeneraliseerd_2021.f2edf882-fa21-4d6c-b052-b5dffea48b6e</t>
  </si>
  <si>
    <t>BU19781409</t>
  </si>
  <si>
    <t>2021BU19781409</t>
  </si>
  <si>
    <t>Noordeloos-Buitengebied-Noord</t>
  </si>
  <si>
    <t>buurt_gegeneraliseerd_2021.3219ae3c-ea48-4252-a3f6-cad8bc0c8908</t>
  </si>
  <si>
    <t>BU19781501</t>
  </si>
  <si>
    <t>2021BU19781501</t>
  </si>
  <si>
    <t>Ottoland-Buitengebied-Noord</t>
  </si>
  <si>
    <t>buurt_gegeneraliseerd_2021.95cb9da4-bc05-4f4e-bd65-4bb590601f47</t>
  </si>
  <si>
    <t>BU19781502</t>
  </si>
  <si>
    <t>2021BU19781502</t>
  </si>
  <si>
    <t>Ottoland-Langezijde</t>
  </si>
  <si>
    <t>buurt_gegeneraliseerd_2021.bc7b6f83-6ad7-42d2-a4b8-f66a305f7fa5</t>
  </si>
  <si>
    <t>BU19781503</t>
  </si>
  <si>
    <t>2021BU19781503</t>
  </si>
  <si>
    <t>Ottoland-Vuilendam</t>
  </si>
  <si>
    <t>buurt_gegeneraliseerd_2021.93375fa2-203c-4e70-9f39-61f902204af7</t>
  </si>
  <si>
    <t>BU19781504</t>
  </si>
  <si>
    <t>2021BU19781504</t>
  </si>
  <si>
    <t>Ottoland-Kortezijde</t>
  </si>
  <si>
    <t>buurt_gegeneraliseerd_2021.21884d14-cebc-45be-8592-2c30797ebd5f</t>
  </si>
  <si>
    <t>BU19781505</t>
  </si>
  <si>
    <t>2021BU19781505</t>
  </si>
  <si>
    <t>Ottoland-West</t>
  </si>
  <si>
    <t>buurt_gegeneraliseerd_2021.ec998adc-f9a8-4dd3-bd31-2a66a8788f69</t>
  </si>
  <si>
    <t>BU19781506</t>
  </si>
  <si>
    <t>2021BU19781506</t>
  </si>
  <si>
    <t>Ottoland-Oost</t>
  </si>
  <si>
    <t>buurt_gegeneraliseerd_2021.04fb2f0a-6079-44a7-81ad-2edccd104f72</t>
  </si>
  <si>
    <t>BU19781507</t>
  </si>
  <si>
    <t>2021BU19781507</t>
  </si>
  <si>
    <t>Ottoland-Buitengebied-Zuid</t>
  </si>
  <si>
    <t>buurt_gegeneraliseerd_2021.c8fd24ef-f500-4b19-bfc7-dc418cc1bcf9</t>
  </si>
  <si>
    <t>BU19781508</t>
  </si>
  <si>
    <t>2021BU19781508</t>
  </si>
  <si>
    <t>Ottoland-Dorp</t>
  </si>
  <si>
    <t>buurt_gegeneraliseerd_2021.d1fb69b8-f075-4bd8-a3bb-f0b8634d02e6</t>
  </si>
  <si>
    <t>BU19781509</t>
  </si>
  <si>
    <t>2021BU19781509</t>
  </si>
  <si>
    <t>Buitengebied-Laag-Blokland</t>
  </si>
  <si>
    <t>buurt_gegeneraliseerd_2021.6dbd3d29-6fdb-4889-8821-982f59c49890</t>
  </si>
  <si>
    <t>BU19781510</t>
  </si>
  <si>
    <t>2021BU19781510</t>
  </si>
  <si>
    <t>Ottoland-Dorp-West</t>
  </si>
  <si>
    <t>buurt_gegeneraliseerd_2021.00817fdd-9ad7-440a-84e0-85cd7e5df415</t>
  </si>
  <si>
    <t>BU19781601</t>
  </si>
  <si>
    <t>2021BU19781601</t>
  </si>
  <si>
    <t>Oud-Alblas-Oost</t>
  </si>
  <si>
    <t>buurt_gegeneraliseerd_2021.64b47233-bd2e-40a9-9d82-848d79f0d927</t>
  </si>
  <si>
    <t>BU19781602</t>
  </si>
  <si>
    <t>2021BU19781602</t>
  </si>
  <si>
    <t>Oud-Alblas-West</t>
  </si>
  <si>
    <t>buurt_gegeneraliseerd_2021.b3c7157c-e124-4cb8-8bcb-dda31d8cc852</t>
  </si>
  <si>
    <t>BU19781603</t>
  </si>
  <si>
    <t>2021BU19781603</t>
  </si>
  <si>
    <t>Oud-Alblas-Dorp</t>
  </si>
  <si>
    <t>buurt_gegeneraliseerd_2021.1af18141-4c77-41a2-a6df-f3f35261f696</t>
  </si>
  <si>
    <t>BU19781604</t>
  </si>
  <si>
    <t>2021BU19781604</t>
  </si>
  <si>
    <t>Oud-Alblas-Buitengebied-Zuid</t>
  </si>
  <si>
    <t>buurt_gegeneraliseerd_2021.9ea34fc5-03b0-4226-8283-138be2154981</t>
  </si>
  <si>
    <t>BU19781605</t>
  </si>
  <si>
    <t>2021BU19781605</t>
  </si>
  <si>
    <t>Oud-Alblas-Buitengebied-Noord</t>
  </si>
  <si>
    <t>buurt_gegeneraliseerd_2021.9627d29f-ad18-4477-bbd3-ca7f52255fd8</t>
  </si>
  <si>
    <t>BU19781701</t>
  </si>
  <si>
    <t>2021BU19781701</t>
  </si>
  <si>
    <t>Schelluinen-Dorp</t>
  </si>
  <si>
    <t>buurt_gegeneraliseerd_2021.c7dbe5c1-8986-4299-b2b5-b64077d8ce6d</t>
  </si>
  <si>
    <t>BU19781702</t>
  </si>
  <si>
    <t>2021BU19781702</t>
  </si>
  <si>
    <t>Schelluinen-Zuid</t>
  </si>
  <si>
    <t>buurt_gegeneraliseerd_2021.79eecc2f-16d6-4623-999a-9b35dee2d452</t>
  </si>
  <si>
    <t>BU19781703</t>
  </si>
  <si>
    <t>2021BU19781703</t>
  </si>
  <si>
    <t>Schelluinen-Griendweg</t>
  </si>
  <si>
    <t>buurt_gegeneraliseerd_2021.eb3a0d6e-bfd6-4b1d-9f40-1c14cdadad87</t>
  </si>
  <si>
    <t>BU19781704</t>
  </si>
  <si>
    <t>2021BU19781704</t>
  </si>
  <si>
    <t>Schelluinen-Buitengebied-West</t>
  </si>
  <si>
    <t>buurt_gegeneraliseerd_2021.fbf05ede-29d9-4fb2-8382-7112ffb69e00</t>
  </si>
  <si>
    <t>BU19781705</t>
  </si>
  <si>
    <t>2021BU19781705</t>
  </si>
  <si>
    <t>Schelluinen-Buitengebied-Noordoost</t>
  </si>
  <si>
    <t>buurt_gegeneraliseerd_2021.420938a2-c51f-405c-995a-a8862b0f409b</t>
  </si>
  <si>
    <t>BU19781801</t>
  </si>
  <si>
    <t>2021BU19781801</t>
  </si>
  <si>
    <t>Dijkgebied-Streefkerk</t>
  </si>
  <si>
    <t>buurt_gegeneraliseerd_2021.b286d2b3-99ca-44a3-aff7-70bbd3b5e628</t>
  </si>
  <si>
    <t>BU19781802</t>
  </si>
  <si>
    <t>2021BU19781802</t>
  </si>
  <si>
    <t>Streefkerk-Buitengebied</t>
  </si>
  <si>
    <t>buurt_gegeneraliseerd_2021.4adced53-02c4-4b96-b636-510e5eafd255</t>
  </si>
  <si>
    <t>BU19781803</t>
  </si>
  <si>
    <t>2021BU19781803</t>
  </si>
  <si>
    <t>Streefkerk-Dorp</t>
  </si>
  <si>
    <t>buurt_gegeneraliseerd_2021.bf38f972-5e96-4e36-b2ba-be8a30ca6ba5</t>
  </si>
  <si>
    <t>BU19782001</t>
  </si>
  <si>
    <t>2021BU19782001</t>
  </si>
  <si>
    <t>Wijngaarden-Buitengebied</t>
  </si>
  <si>
    <t>buurt_gegeneraliseerd_2021.99299c7d-3f95-4467-a73f-fd41be573d3a</t>
  </si>
  <si>
    <t>BU19782002</t>
  </si>
  <si>
    <t>2021BU19782002</t>
  </si>
  <si>
    <t>buurt_gegeneraliseerd_2021.ac9276ce-e7c3-4af4-8a85-12e2e0e3e861</t>
  </si>
  <si>
    <t>BU19782003</t>
  </si>
  <si>
    <t>2021BU19782003</t>
  </si>
  <si>
    <t>Lintbebouwing-Oost</t>
  </si>
  <si>
    <t>buurt_gegeneraliseerd_2021.a760904d-2fe8-4efc-bd59-4bc354652ab5</t>
  </si>
  <si>
    <t>BU19782004</t>
  </si>
  <si>
    <t>2021BU19782004</t>
  </si>
  <si>
    <t>Lintbebouwing-West</t>
  </si>
  <si>
    <t>buurt_gegeneraliseerd_2021.ef9c0bde-1738-4ed9-9b0f-55093a3790c1</t>
  </si>
  <si>
    <t>BU05990842</t>
  </si>
  <si>
    <t>2021BU05990842</t>
  </si>
  <si>
    <t>Kralingen Oost</t>
  </si>
  <si>
    <t>GM0599</t>
  </si>
  <si>
    <t>buurt_gegeneraliseerd_2021.03dc396a-a75b-4ff0-bff4-7d92ca037259</t>
  </si>
  <si>
    <t>BU05990845</t>
  </si>
  <si>
    <t>2021BU05990845</t>
  </si>
  <si>
    <t>De Esch</t>
  </si>
  <si>
    <t>buurt_gegeneraliseerd_2021.5956f363-5f21-4c3b-a9cf-f7582125a708</t>
  </si>
  <si>
    <t>BU05991080</t>
  </si>
  <si>
    <t>2021BU05991080</t>
  </si>
  <si>
    <t>Vreewijk</t>
  </si>
  <si>
    <t>buurt_gegeneraliseerd_2021.2468824a-f7b1-47d6-80e7-1682735ff253</t>
  </si>
  <si>
    <t>BU05991082</t>
  </si>
  <si>
    <t>2021BU05991082</t>
  </si>
  <si>
    <t>Hillesluis</t>
  </si>
  <si>
    <t>buurt_gegeneraliseerd_2021.2bb3064c-84cf-442e-8e67-cb97f2e5aeff</t>
  </si>
  <si>
    <t>BU05991283</t>
  </si>
  <si>
    <t>2021BU05991283</t>
  </si>
  <si>
    <t>Oud IJsselmonde</t>
  </si>
  <si>
    <t>buurt_gegeneraliseerd_2021.780046a2-d49d-4705-b139-7406e372e8ec</t>
  </si>
  <si>
    <t>BU05991284</t>
  </si>
  <si>
    <t>2021BU05991284</t>
  </si>
  <si>
    <t>Lombardijen</t>
  </si>
  <si>
    <t>buurt_gegeneraliseerd_2021.4290af5e-9358-4aa0-ae9a-25502263de01</t>
  </si>
  <si>
    <t>BU05991289</t>
  </si>
  <si>
    <t>2021BU05991289</t>
  </si>
  <si>
    <t>Groot IJsselmonde</t>
  </si>
  <si>
    <t>buurt_gegeneraliseerd_2021.d36e9c01-91a8-4a36-94e2-7c17f8b9277f</t>
  </si>
  <si>
    <t>BU05991290</t>
  </si>
  <si>
    <t>2021BU05991290</t>
  </si>
  <si>
    <t>Beverwaard</t>
  </si>
  <si>
    <t>buurt_gegeneraliseerd_2021.4de0b98d-97e6-455a-b99d-f24badc271bc</t>
  </si>
  <si>
    <t>BU05991444</t>
  </si>
  <si>
    <t>2021BU05991444</t>
  </si>
  <si>
    <t>'s-Gravenland</t>
  </si>
  <si>
    <t>buurt_gegeneraliseerd_2021.86afaa74-6dcb-40e4-986e-a4b54fa1f4aa</t>
  </si>
  <si>
    <t>BU05991446</t>
  </si>
  <si>
    <t>2021BU05991446</t>
  </si>
  <si>
    <t>Kralingseveer</t>
  </si>
  <si>
    <t>buurt_gegeneraliseerd_2021.17620c45-7f11-4b47-9c65-22d6ab0ddad5</t>
  </si>
  <si>
    <t>BU05992540</t>
  </si>
  <si>
    <t>2021BU05992540</t>
  </si>
  <si>
    <t>Rivium</t>
  </si>
  <si>
    <t>buurt_gegeneraliseerd_2021.01325350-3336-4077-aa70-610413617f54</t>
  </si>
  <si>
    <t>BU05230101</t>
  </si>
  <si>
    <t>2021BU05230101</t>
  </si>
  <si>
    <t>GM0523</t>
  </si>
  <si>
    <t>buurt_gegeneraliseerd_2021.59284e38-858d-4646-a5ee-21d5eefc25aa</t>
  </si>
  <si>
    <t>BU05230102</t>
  </si>
  <si>
    <t>2021BU05230102</t>
  </si>
  <si>
    <t>Wielwijk-zuid</t>
  </si>
  <si>
    <t>buurt_gegeneraliseerd_2021.f06a3006-d900-4efa-8924-85f135919bd2</t>
  </si>
  <si>
    <t>BU05230103</t>
  </si>
  <si>
    <t>2021BU05230103</t>
  </si>
  <si>
    <t>Wielwijk-noord</t>
  </si>
  <si>
    <t>buurt_gegeneraliseerd_2021.a249b508-b32f-4b9c-8346-99817a6769e7</t>
  </si>
  <si>
    <t>BU05230104</t>
  </si>
  <si>
    <t>2021BU05230104</t>
  </si>
  <si>
    <t>Giessenzoom</t>
  </si>
  <si>
    <t>buurt_gegeneraliseerd_2021.da76ca6a-6878-48d5-b639-18c24203d5dd</t>
  </si>
  <si>
    <t>BU05230105</t>
  </si>
  <si>
    <t>2021BU05230105</t>
  </si>
  <si>
    <t>Parallelweg</t>
  </si>
  <si>
    <t>buurt_gegeneraliseerd_2021.f848a11d-2dd6-418e-b79c-3b22447d2d0f</t>
  </si>
  <si>
    <t>BU05230106</t>
  </si>
  <si>
    <t>2021BU05230106</t>
  </si>
  <si>
    <t>Bedrijventerrein Nieuweweg</t>
  </si>
  <si>
    <t>buurt_gegeneraliseerd_2021.b9aa6f4e-82af-4722-b0bd-54e6e007701b</t>
  </si>
  <si>
    <t>BU05230107</t>
  </si>
  <si>
    <t>2021BU05230107</t>
  </si>
  <si>
    <t>Bedrijventerrein Langeveer</t>
  </si>
  <si>
    <t>buurt_gegeneraliseerd_2021.7ba4a144-5ec0-4213-a816-397450ba51d6</t>
  </si>
  <si>
    <t>BU05230108</t>
  </si>
  <si>
    <t>2021BU05230108</t>
  </si>
  <si>
    <t>De Sluisweg</t>
  </si>
  <si>
    <t>buurt_gegeneraliseerd_2021.f0903956-06cb-4832-9a76-3d8014ca2224</t>
  </si>
  <si>
    <t>BU05230201</t>
  </si>
  <si>
    <t>2021BU05230201</t>
  </si>
  <si>
    <t>Bedrijventerrein De Peulen</t>
  </si>
  <si>
    <t>buurt_gegeneraliseerd_2021.7cd5def4-6908-46b2-afef-66352bedd923</t>
  </si>
  <si>
    <t>BU05230202</t>
  </si>
  <si>
    <t>2021BU05230202</t>
  </si>
  <si>
    <t>De Peulen-Oost</t>
  </si>
  <si>
    <t>buurt_gegeneraliseerd_2021.b825ab6c-3f34-4dac-a1ab-c125cf9e2773</t>
  </si>
  <si>
    <t>BU05230301</t>
  </si>
  <si>
    <t>2021BU05230301</t>
  </si>
  <si>
    <t>BH west</t>
  </si>
  <si>
    <t>buurt_gegeneraliseerd_2021.933f9d70-a103-4e0b-bed2-9760002f8918</t>
  </si>
  <si>
    <t>BU05230302</t>
  </si>
  <si>
    <t>2021BU05230302</t>
  </si>
  <si>
    <t>BH oost</t>
  </si>
  <si>
    <t>buurt_gegeneraliseerd_2021.b0fa5a6c-f320-40b1-af0f-7ea0d20f7bc7</t>
  </si>
  <si>
    <t>BU05230303</t>
  </si>
  <si>
    <t>2021BU05230303</t>
  </si>
  <si>
    <t>Tienmorgen</t>
  </si>
  <si>
    <t>buurt_gegeneraliseerd_2021.97e14185-0125-4548-ba8e-4dfc61f114f2</t>
  </si>
  <si>
    <t>BU05230304</t>
  </si>
  <si>
    <t>2021BU05230304</t>
  </si>
  <si>
    <t>Tienmorgen Buitengebied</t>
  </si>
  <si>
    <t>buurt_gegeneraliseerd_2021.3af9308d-52b3-43fe-9f11-f01815168d83</t>
  </si>
  <si>
    <t>BU05230305</t>
  </si>
  <si>
    <t>2021BU05230305</t>
  </si>
  <si>
    <t>Rvierdijk oost</t>
  </si>
  <si>
    <t>buurt_gegeneraliseerd_2021.1fdf7537-3d79-457e-85b5-822a99ac918d</t>
  </si>
  <si>
    <t>BU05230306</t>
  </si>
  <si>
    <t>2021BU05230306</t>
  </si>
  <si>
    <t>Rivierdijk west</t>
  </si>
  <si>
    <t>buurt_gegeneraliseerd_2021.7b5b7552-bf99-4d59-afa7-b9c51fedf2e5</t>
  </si>
  <si>
    <t>BU05230307</t>
  </si>
  <si>
    <t>2021BU05230307</t>
  </si>
  <si>
    <t>Bedrijventerrein Buitenwei</t>
  </si>
  <si>
    <t>buurt_gegeneraliseerd_2021.c8cdceca-b603-434c-a3fe-a0d0722fdeaa</t>
  </si>
  <si>
    <t>BU05230308</t>
  </si>
  <si>
    <t>2021BU05230308</t>
  </si>
  <si>
    <t>Tienmorgen rijksweg</t>
  </si>
  <si>
    <t>buurt_gegeneraliseerd_2021.e8a97fef-f69b-48f1-a987-b66973bddac0</t>
  </si>
  <si>
    <t>BU05230309</t>
  </si>
  <si>
    <t>2021BU05230309</t>
  </si>
  <si>
    <t>Buitengebied BH</t>
  </si>
  <si>
    <t>buurt_gegeneraliseerd_2021.02cb8d8b-8da8-43b8-8c4d-be0e692e8ded</t>
  </si>
  <si>
    <t>BU05230310</t>
  </si>
  <si>
    <t>2021BU05230310</t>
  </si>
  <si>
    <t>Avelinge diep</t>
  </si>
  <si>
    <t>buurt_gegeneraliseerd_2021.b17d83ee-53d9-4bc0-ba18-e19251fcc960</t>
  </si>
  <si>
    <t>BU05230401</t>
  </si>
  <si>
    <t>2021BU05230401</t>
  </si>
  <si>
    <t>Giessendam-West</t>
  </si>
  <si>
    <t>buurt_gegeneraliseerd_2021.9f6daf9b-f60e-4782-953d-0f192ffc9fe1</t>
  </si>
  <si>
    <t>BU05230402</t>
  </si>
  <si>
    <t>2021BU05230402</t>
  </si>
  <si>
    <t>Blauwe Zoom</t>
  </si>
  <si>
    <t>buurt_gegeneraliseerd_2021.82df3a76-6665-4737-9b83-1369b501b9ec</t>
  </si>
  <si>
    <t>BU05230403</t>
  </si>
  <si>
    <t>2021BU05230403</t>
  </si>
  <si>
    <t>Giessendam Over 't Spoor</t>
  </si>
  <si>
    <t>buurt_gegeneraliseerd_2021.375cc89b-78f3-472e-9733-026f8ae74949</t>
  </si>
  <si>
    <t>BU05230404</t>
  </si>
  <si>
    <t>2021BU05230404</t>
  </si>
  <si>
    <t>Giessendam Het oog</t>
  </si>
  <si>
    <t>buurt_gegeneraliseerd_2021.549b6526-034d-4a1d-8bc2-b88e7e1369f7</t>
  </si>
  <si>
    <t>BU05230405</t>
  </si>
  <si>
    <t>2021BU05230405</t>
  </si>
  <si>
    <t>Buitengebied Giessendam</t>
  </si>
  <si>
    <t>buurt_gegeneraliseerd_2021.6b5aef00-b731-4592-a2a6-cd903e243de3</t>
  </si>
  <si>
    <t>BU17190101</t>
  </si>
  <si>
    <t>2021BU17190101</t>
  </si>
  <si>
    <t>Verspreide huizen Biesbosch</t>
  </si>
  <si>
    <t>GM1719</t>
  </si>
  <si>
    <t>buurt_gegeneraliseerd_2021.0fb73692-ddff-47ee-a65b-11f1dc46ab9b</t>
  </si>
  <si>
    <t>BU00500000</t>
  </si>
  <si>
    <t>2021BU00500000</t>
  </si>
  <si>
    <t>GM0050</t>
  </si>
  <si>
    <t>buurt_gegeneraliseerd_2021.596e6a40-13f9-48e4-908d-cc0b87458e3c</t>
  </si>
  <si>
    <t>BU00500001</t>
  </si>
  <si>
    <t>2021BU00500001</t>
  </si>
  <si>
    <t>Eerste woonwijk</t>
  </si>
  <si>
    <t>buurt_gegeneraliseerd_2021.ccb61a14-cdea-46e8-bbbc-687d1906886b</t>
  </si>
  <si>
    <t>BU00500002</t>
  </si>
  <si>
    <t>2021BU00500002</t>
  </si>
  <si>
    <t>Tweede woonwijk</t>
  </si>
  <si>
    <t>buurt_gegeneraliseerd_2021.d6e3366b-4637-44c4-86f0-106fa2784404</t>
  </si>
  <si>
    <t>BU00500003</t>
  </si>
  <si>
    <t>2021BU00500003</t>
  </si>
  <si>
    <t>Derde woonwijk</t>
  </si>
  <si>
    <t>buurt_gegeneraliseerd_2021.4ac3e28a-985f-4b1a-a343-aed69034673f</t>
  </si>
  <si>
    <t>BU00500004</t>
  </si>
  <si>
    <t>2021BU00500004</t>
  </si>
  <si>
    <t>Buurt 4</t>
  </si>
  <si>
    <t>buurt_gegeneraliseerd_2021.fd7f5a22-d228-42bd-b54f-c8d959d05b81</t>
  </si>
  <si>
    <t>BU00500005</t>
  </si>
  <si>
    <t>2021BU00500005</t>
  </si>
  <si>
    <t>Buurt 5</t>
  </si>
  <si>
    <t>buurt_gegeneraliseerd_2021.d27e9208-e510-4fbe-94f4-4556a5627ef1</t>
  </si>
  <si>
    <t>BU00500006</t>
  </si>
  <si>
    <t>2021BU00500006</t>
  </si>
  <si>
    <t>Zuidlob</t>
  </si>
  <si>
    <t>buurt_gegeneraliseerd_2021.516b90ed-9c22-4885-92f5-a4c44e2fe3d6</t>
  </si>
  <si>
    <t>BU00500007</t>
  </si>
  <si>
    <t>2021BU00500007</t>
  </si>
  <si>
    <t>Middengebied</t>
  </si>
  <si>
    <t>buurt_gegeneraliseerd_2021.d3eba65c-9841-4c52-979b-63aa20fc7da8</t>
  </si>
  <si>
    <t>BU00500008</t>
  </si>
  <si>
    <t>2021BU00500008</t>
  </si>
  <si>
    <t>Knardijkgebied</t>
  </si>
  <si>
    <t>buurt_gegeneraliseerd_2021.37aa04b7-be0f-4ad4-b79d-63394cfde359</t>
  </si>
  <si>
    <t>BU00500009</t>
  </si>
  <si>
    <t>2021BU00500009</t>
  </si>
  <si>
    <t>Trekkersveld</t>
  </si>
  <si>
    <t>buurt_gegeneraliseerd_2021.f4384188-3676-4a8d-b284-e6df88779e33</t>
  </si>
  <si>
    <t>BU00500010</t>
  </si>
  <si>
    <t>2021BU00500010</t>
  </si>
  <si>
    <t>Horstenparc</t>
  </si>
  <si>
    <t>buurt_gegeneraliseerd_2021.a58c9a36-36ed-4b39-8cbc-0dde861360bd</t>
  </si>
  <si>
    <t>BU01480112</t>
  </si>
  <si>
    <t>2021BU01480112</t>
  </si>
  <si>
    <t>Verspreide huizen Hessum-Rechteren</t>
  </si>
  <si>
    <t>GM0148</t>
  </si>
  <si>
    <t>buurt_gegeneraliseerd_2021.5b88001b-f76a-4753-a804-9fba17c9ffbc</t>
  </si>
  <si>
    <t>BU01480113</t>
  </si>
  <si>
    <t>2021BU01480113</t>
  </si>
  <si>
    <t>Verspreide huizen Dalmsholte</t>
  </si>
  <si>
    <t>buurt_gegeneraliseerd_2021.4f885dbb-3948-4860-ac46-02ccd14bb60b</t>
  </si>
  <si>
    <t>BU01480114</t>
  </si>
  <si>
    <t>2021BU01480114</t>
  </si>
  <si>
    <t>Verspreide huizen Millingen</t>
  </si>
  <si>
    <t>buurt_gegeneraliseerd_2021.25a6b1e9-5d3c-4213-81df-0505e83f3409</t>
  </si>
  <si>
    <t>BU01480116</t>
  </si>
  <si>
    <t>2021BU01480116</t>
  </si>
  <si>
    <t>Hoonhorst kern</t>
  </si>
  <si>
    <t>buurt_gegeneraliseerd_2021.1852edf5-8651-45f6-9a35-e21823d13b09</t>
  </si>
  <si>
    <t>BU01480117</t>
  </si>
  <si>
    <t>2021BU01480117</t>
  </si>
  <si>
    <t>Verspreide huizen Lenthe</t>
  </si>
  <si>
    <t>buurt_gegeneraliseerd_2021.eb44a541-e7fa-47ac-808a-2b204cf784e3</t>
  </si>
  <si>
    <t>BU01480301</t>
  </si>
  <si>
    <t>2021BU01480301</t>
  </si>
  <si>
    <t>Lemelerveld kern west</t>
  </si>
  <si>
    <t>buurt_gegeneraliseerd_2021.6890b6e7-3721-47ad-9e3d-f2aaecde1353</t>
  </si>
  <si>
    <t>BU01480302</t>
  </si>
  <si>
    <t>2021BU01480302</t>
  </si>
  <si>
    <t>Lemelerveld kern oost</t>
  </si>
  <si>
    <t>buurt_gegeneraliseerd_2021.277b3da8-1aed-4019-9c7b-85b3b16b6684</t>
  </si>
  <si>
    <t>BU01480303</t>
  </si>
  <si>
    <t>2021BU01480303</t>
  </si>
  <si>
    <t>Nieuwe Landen</t>
  </si>
  <si>
    <t>buurt_gegeneraliseerd_2021.b622bec1-e0e5-4ef2-9761-37b8f849e01d</t>
  </si>
  <si>
    <t>BU01480304</t>
  </si>
  <si>
    <t>2021BU01480304</t>
  </si>
  <si>
    <t>Bedrijventerrein 't Febriek</t>
  </si>
  <si>
    <t>buurt_gegeneraliseerd_2021.f2782e22-40d6-40e0-a1de-7df1544152d7</t>
  </si>
  <si>
    <t>BU01480305</t>
  </si>
  <si>
    <t>2021BU01480305</t>
  </si>
  <si>
    <t>Verspreide huizen Lemelerveld west</t>
  </si>
  <si>
    <t>buurt_gegeneraliseerd_2021.004fd9ea-ab93-482b-9a07-c89b6835af4c</t>
  </si>
  <si>
    <t>BU01480306</t>
  </si>
  <si>
    <t>2021BU01480306</t>
  </si>
  <si>
    <t>Verspreide huizen Lemelerveld oost</t>
  </si>
  <si>
    <t>buurt_gegeneraliseerd_2021.8df944f8-8803-434e-bbe2-b2efac3bfb8c</t>
  </si>
  <si>
    <t>BU01500101</t>
  </si>
  <si>
    <t>2021BU01500101</t>
  </si>
  <si>
    <t>GM0150</t>
  </si>
  <si>
    <t>buurt_gegeneraliseerd_2021.592b6bde-1e12-41d3-a0cf-4d0a5977b38a</t>
  </si>
  <si>
    <t>BU01500102</t>
  </si>
  <si>
    <t>2021BU01500102</t>
  </si>
  <si>
    <t>Bergkwartier</t>
  </si>
  <si>
    <t>buurt_gegeneraliseerd_2021.af0f06dc-e63f-4c79-8c9a-06503ac983d4</t>
  </si>
  <si>
    <t>BU01500103</t>
  </si>
  <si>
    <t>2021BU01500103</t>
  </si>
  <si>
    <t>Noordenbergkwartier</t>
  </si>
  <si>
    <t>buurt_gegeneraliseerd_2021.f39903c2-1718-4b96-9723-88cf9a003f51</t>
  </si>
  <si>
    <t>BU01500104</t>
  </si>
  <si>
    <t>2021BU01500104</t>
  </si>
  <si>
    <t>Noordenbergsingel</t>
  </si>
  <si>
    <t>buurt_gegeneraliseerd_2021.d53e2568-9e19-4183-8eb6-93425d7b215a</t>
  </si>
  <si>
    <t>BU01500105</t>
  </si>
  <si>
    <t>2021BU01500105</t>
  </si>
  <si>
    <t>Singel</t>
  </si>
  <si>
    <t>buurt_gegeneraliseerd_2021.b4c46dd8-c7d1-4a2c-ae9a-cf77f06c88e3</t>
  </si>
  <si>
    <t>BU01500106</t>
  </si>
  <si>
    <t>2021BU01500106</t>
  </si>
  <si>
    <t>Raambuurt</t>
  </si>
  <si>
    <t>buurt_gegeneraliseerd_2021.318fc79b-74c5-4bc2-93a0-c729841eff4c</t>
  </si>
  <si>
    <t>BU01500107</t>
  </si>
  <si>
    <t>2021BU01500107</t>
  </si>
  <si>
    <t>Knutteldorp</t>
  </si>
  <si>
    <t>buurt_gegeneraliseerd_2021.ecabaef4-3ef0-4824-bf46-eb13400beca5</t>
  </si>
  <si>
    <t>BU01500201</t>
  </si>
  <si>
    <t>2021BU01500201</t>
  </si>
  <si>
    <t>buurt_gegeneraliseerd_2021.bb4996ba-7593-4ef8-b19f-e4531c3ec046</t>
  </si>
  <si>
    <t>BU01500301</t>
  </si>
  <si>
    <t>2021BU01500301</t>
  </si>
  <si>
    <t>Noorderplein</t>
  </si>
  <si>
    <t>buurt_gegeneraliseerd_2021.e349686a-ae79-4ae7-85b9-506c1112df1b</t>
  </si>
  <si>
    <t>BU01500302</t>
  </si>
  <si>
    <t>2021BU01500302</t>
  </si>
  <si>
    <t>Zwolseweg</t>
  </si>
  <si>
    <t>buurt_gegeneraliseerd_2021.04841a8b-5485-4cf4-bbf1-d4d3c213c670</t>
  </si>
  <si>
    <t>BU01500303</t>
  </si>
  <si>
    <t>2021BU01500303</t>
  </si>
  <si>
    <t>Lange Zandstraat</t>
  </si>
  <si>
    <t>buurt_gegeneraliseerd_2021.41bed841-6a3f-43f3-b989-43b99e613db5</t>
  </si>
  <si>
    <t>BU01500304</t>
  </si>
  <si>
    <t>2021BU01500304</t>
  </si>
  <si>
    <t>Zandweerd-Zuid</t>
  </si>
  <si>
    <t>buurt_gegeneraliseerd_2021.8606ef60-aee6-4e1c-a266-459c260897af</t>
  </si>
  <si>
    <t>BU01500305</t>
  </si>
  <si>
    <t>2021BU01500305</t>
  </si>
  <si>
    <t>Zandweerd-Noord</t>
  </si>
  <si>
    <t>buurt_gegeneraliseerd_2021.040ebea5-5cef-4b39-9358-ea5c97138f64</t>
  </si>
  <si>
    <t>BU01500306</t>
  </si>
  <si>
    <t>2021BU01500306</t>
  </si>
  <si>
    <t>buurt_gegeneraliseerd_2021.7f8f95b4-8436-4917-afcf-e3b028f606ed</t>
  </si>
  <si>
    <t>BU01500401</t>
  </si>
  <si>
    <t>2021BU01500401</t>
  </si>
  <si>
    <t>Rode Dorp</t>
  </si>
  <si>
    <t>buurt_gegeneraliseerd_2021.eb9f300a-bfe5-4c21-910d-d77a1229758e</t>
  </si>
  <si>
    <t>BU01500402</t>
  </si>
  <si>
    <t>2021BU01500402</t>
  </si>
  <si>
    <t>Oudegoedstraat</t>
  </si>
  <si>
    <t>buurt_gegeneraliseerd_2021.86e8484e-8ff5-462a-b0ea-c36c07c863ee</t>
  </si>
  <si>
    <t>BU01500403</t>
  </si>
  <si>
    <t>2021BU01500403</t>
  </si>
  <si>
    <t>Burgemeestersbuurt</t>
  </si>
  <si>
    <t>buurt_gegeneraliseerd_2021.c3751958-3761-4606-8372-b3f8be4ac783</t>
  </si>
  <si>
    <t>BU01500404</t>
  </si>
  <si>
    <t>2021BU01500404</t>
  </si>
  <si>
    <t>Oosterstraat</t>
  </si>
  <si>
    <t>buurt_gegeneraliseerd_2021.ee2f1eab-365a-43b5-a639-1ea6b0028190</t>
  </si>
  <si>
    <t>BU01500405</t>
  </si>
  <si>
    <t>2021BU01500405</t>
  </si>
  <si>
    <t>Rielerweg-West</t>
  </si>
  <si>
    <t>buurt_gegeneraliseerd_2021.b6ad92b6-33e9-4139-ae21-2d1a43a1f425</t>
  </si>
  <si>
    <t>BU01500406</t>
  </si>
  <si>
    <t>2021BU01500406</t>
  </si>
  <si>
    <t>Rielerweg-Oost</t>
  </si>
  <si>
    <t>buurt_gegeneraliseerd_2021.c541b2ab-73a3-4da9-a1d7-4b97c6fd0067</t>
  </si>
  <si>
    <t>BU01500407</t>
  </si>
  <si>
    <t>2021BU01500407</t>
  </si>
  <si>
    <t>Brinkgreven</t>
  </si>
  <si>
    <t>buurt_gegeneraliseerd_2021.4eecd66f-5f30-4ad9-b42a-4db0ed23d078</t>
  </si>
  <si>
    <t>BU01500501</t>
  </si>
  <si>
    <t>2021BU01500501</t>
  </si>
  <si>
    <t>Borgele</t>
  </si>
  <si>
    <t>buurt_gegeneraliseerd_2021.bf7cd510-72d9-4f98-9c55-496831defa9c</t>
  </si>
  <si>
    <t>BU01500502</t>
  </si>
  <si>
    <t>2021BU01500502</t>
  </si>
  <si>
    <t>Platvoet</t>
  </si>
  <si>
    <t>buurt_gegeneraliseerd_2021.17468a1d-863e-47e8-9483-1aef1576cf82</t>
  </si>
  <si>
    <t>BU01500601</t>
  </si>
  <si>
    <t>2021BU01500601</t>
  </si>
  <si>
    <t>Ludgeruskwartier</t>
  </si>
  <si>
    <t>buurt_gegeneraliseerd_2021.d3fc0f0b-5c85-4b14-9777-2f4548de9157</t>
  </si>
  <si>
    <t>BU01500602</t>
  </si>
  <si>
    <t>2021BU01500602</t>
  </si>
  <si>
    <t>Tuindorp</t>
  </si>
  <si>
    <t>buurt_gegeneraliseerd_2021.6a518dfd-cc29-493a-b7f1-78d4dc2309de</t>
  </si>
  <si>
    <t>BU01500603</t>
  </si>
  <si>
    <t>2021BU01500603</t>
  </si>
  <si>
    <t>Rollecatekwartier</t>
  </si>
  <si>
    <t>buurt_gegeneraliseerd_2021.bee21902-d649-4ef0-aa35-648f10ad3b0c</t>
  </si>
  <si>
    <t>BU01500604</t>
  </si>
  <si>
    <t>2021BU01500604</t>
  </si>
  <si>
    <t>Oranjekwartier</t>
  </si>
  <si>
    <t>buurt_gegeneraliseerd_2021.92842b66-1e39-48e7-a128-5c9c2a7b4e5a</t>
  </si>
  <si>
    <t>BU01500605</t>
  </si>
  <si>
    <t>2021BU01500605</t>
  </si>
  <si>
    <t>Landsherenkwartier</t>
  </si>
  <si>
    <t>buurt_gegeneraliseerd_2021.199da06a-d57e-48eb-ba46-a38bbc6a741c</t>
  </si>
  <si>
    <t>BU01500606</t>
  </si>
  <si>
    <t>2021BU01500606</t>
  </si>
  <si>
    <t>Steenbrugge</t>
  </si>
  <si>
    <t>buurt_gegeneraliseerd_2021.1154949d-3d42-4d7c-97d6-b45d41c39e60</t>
  </si>
  <si>
    <t>BU01500701</t>
  </si>
  <si>
    <t>2021BU01500701</t>
  </si>
  <si>
    <t>buurt_gegeneraliseerd_2021.d1a5338a-ad80-4ed4-a130-841e3c5646b7</t>
  </si>
  <si>
    <t>BU01500702</t>
  </si>
  <si>
    <t>2021BU01500702</t>
  </si>
  <si>
    <t>Deltabuurt</t>
  </si>
  <si>
    <t>buurt_gegeneraliseerd_2021.84d3ddfc-0b9b-43f5-b397-0d3b9ff21c53</t>
  </si>
  <si>
    <t>BU01500703</t>
  </si>
  <si>
    <t>2021BU01500703</t>
  </si>
  <si>
    <t>Hoornwerk</t>
  </si>
  <si>
    <t>buurt_gegeneraliseerd_2021.5cdb58d9-3885-42bb-9ca0-6e579b422c6e</t>
  </si>
  <si>
    <t>BU01500704</t>
  </si>
  <si>
    <t>2021BU01500704</t>
  </si>
  <si>
    <t>buurt_gegeneraliseerd_2021.e88697dc-565f-45cc-954e-34b057f0d5bd</t>
  </si>
  <si>
    <t>BU01500705</t>
  </si>
  <si>
    <t>2021BU01500705</t>
  </si>
  <si>
    <t>Kloosterlanden</t>
  </si>
  <si>
    <t>buurt_gegeneraliseerd_2021.1a022568-5903-4c86-8cba-cbe8bb769686</t>
  </si>
  <si>
    <t>BU01500706</t>
  </si>
  <si>
    <t>2021BU01500706</t>
  </si>
  <si>
    <t>Epse-Noord</t>
  </si>
  <si>
    <t>buurt_gegeneraliseerd_2021.294d8416-c162-4918-92fb-937fdb8aaa26</t>
  </si>
  <si>
    <t>BU01500801</t>
  </si>
  <si>
    <t>2021BU01500801</t>
  </si>
  <si>
    <t>Het Oostrik</t>
  </si>
  <si>
    <t>buurt_gegeneraliseerd_2021.65198b7d-455a-495b-8983-eaa2d5c95461</t>
  </si>
  <si>
    <t>BU01500802</t>
  </si>
  <si>
    <t>2021BU01500802</t>
  </si>
  <si>
    <t>Groot Douwel</t>
  </si>
  <si>
    <t>buurt_gegeneraliseerd_2021.5f555207-ca62-4867-b411-5452f1742514</t>
  </si>
  <si>
    <t>BU01500803</t>
  </si>
  <si>
    <t>2021BU01500803</t>
  </si>
  <si>
    <t>Blauwenoord</t>
  </si>
  <si>
    <t>buurt_gegeneraliseerd_2021.33732962-916f-497d-b1b4-d0ef0d67a4b7</t>
  </si>
  <si>
    <t>BU01500901</t>
  </si>
  <si>
    <t>2021BU01500901</t>
  </si>
  <si>
    <t>Op den Haar</t>
  </si>
  <si>
    <t>buurt_gegeneraliseerd_2021.bd6b6698-8c40-43d8-857d-94aa47c423c7</t>
  </si>
  <si>
    <t>BU01500902</t>
  </si>
  <si>
    <t>2021BU01500902</t>
  </si>
  <si>
    <t>Steinvoorde</t>
  </si>
  <si>
    <t>buurt_gegeneraliseerd_2021.1fcf58ca-cd84-48f9-bd14-ca5731181c45</t>
  </si>
  <si>
    <t>BU01500903</t>
  </si>
  <si>
    <t>2021BU01500903</t>
  </si>
  <si>
    <t>Graveland</t>
  </si>
  <si>
    <t>buurt_gegeneraliseerd_2021.879b301f-e499-4ac2-be36-1da319a10f89</t>
  </si>
  <si>
    <t>BU01500904</t>
  </si>
  <si>
    <t>2021BU01500904</t>
  </si>
  <si>
    <t>Het Jeurlink</t>
  </si>
  <si>
    <t>buurt_gegeneraliseerd_2021.275811bc-c6fc-49bf-90f0-b8c503e383fc</t>
  </si>
  <si>
    <t>BU01500905</t>
  </si>
  <si>
    <t>2021BU01500905</t>
  </si>
  <si>
    <t>Het Fetlaer en Spijkvoorder Enk</t>
  </si>
  <si>
    <t>buurt_gegeneraliseerd_2021.4e9b4a81-8f8f-48e1-a7af-a639c52ade37</t>
  </si>
  <si>
    <t>BU01500906</t>
  </si>
  <si>
    <t>2021BU01500906</t>
  </si>
  <si>
    <t>Spikvoorde</t>
  </si>
  <si>
    <t>buurt_gegeneraliseerd_2021.6bd5ca85-6c3c-4052-9c4f-33c01d8cbb3b</t>
  </si>
  <si>
    <t>BU01500907</t>
  </si>
  <si>
    <t>2021BU01500907</t>
  </si>
  <si>
    <t>Overig Colmschate-Noord</t>
  </si>
  <si>
    <t>buurt_gegeneraliseerd_2021.81b2fb06-0bca-4b62-962f-3aaa90ed67bf</t>
  </si>
  <si>
    <t>BU01501001</t>
  </si>
  <si>
    <t>2021BU01501001</t>
  </si>
  <si>
    <t>Snipperling</t>
  </si>
  <si>
    <t>buurt_gegeneraliseerd_2021.199e908d-fe67-44d8-8bea-d2f41034820b</t>
  </si>
  <si>
    <t>BU01501002</t>
  </si>
  <si>
    <t>2021BU01501002</t>
  </si>
  <si>
    <t>Dorp Colmschate</t>
  </si>
  <si>
    <t>buurt_gegeneraliseerd_2021.98b94b53-3ecf-463f-899e-898b1cb51ec6</t>
  </si>
  <si>
    <t>BU01501003</t>
  </si>
  <si>
    <t>2021BU01501003</t>
  </si>
  <si>
    <t>De Scheg</t>
  </si>
  <si>
    <t>buurt_gegeneraliseerd_2021.e5720f99-1be3-4a73-833a-e07f7b089cf0</t>
  </si>
  <si>
    <t>BU01501004</t>
  </si>
  <si>
    <t>2021BU01501004</t>
  </si>
  <si>
    <t>Colmschaterenk</t>
  </si>
  <si>
    <t>buurt_gegeneraliseerd_2021.f96309a0-6c4e-4fe3-89c3-4280838e426e</t>
  </si>
  <si>
    <t>BU01501005</t>
  </si>
  <si>
    <t>2021BU01501005</t>
  </si>
  <si>
    <t>Roessink</t>
  </si>
  <si>
    <t>buurt_gegeneraliseerd_2021.7de8109b-ef33-4229-be4c-feb7e1b70a53</t>
  </si>
  <si>
    <t>BU01501006</t>
  </si>
  <si>
    <t>2021BU01501006</t>
  </si>
  <si>
    <t>Het Bramelt</t>
  </si>
  <si>
    <t>buurt_gegeneraliseerd_2021.f68063db-e1b4-42dc-88f4-46b4bce6eb74</t>
  </si>
  <si>
    <t>BU01501007</t>
  </si>
  <si>
    <t>2021BU01501007</t>
  </si>
  <si>
    <t>Essenerveld</t>
  </si>
  <si>
    <t>buurt_gegeneraliseerd_2021.eb3e182a-212f-429a-8678-73d8f102f1ce</t>
  </si>
  <si>
    <t>BU01501008</t>
  </si>
  <si>
    <t>2021BU01501008</t>
  </si>
  <si>
    <t>Swormink</t>
  </si>
  <si>
    <t>buurt_gegeneraliseerd_2021.a09a73a3-295d-4ef0-82ee-091339ed7b12</t>
  </si>
  <si>
    <t>BU01501009</t>
  </si>
  <si>
    <t>2021BU01501009</t>
  </si>
  <si>
    <t>Handelspark De Weteringen</t>
  </si>
  <si>
    <t>buurt_gegeneraliseerd_2021.130706cf-c1d0-4c1a-9598-5686f1782dd9</t>
  </si>
  <si>
    <t>BU01501010</t>
  </si>
  <si>
    <t>2021BU01501010</t>
  </si>
  <si>
    <t>Bannink</t>
  </si>
  <si>
    <t>buurt_gegeneraliseerd_2021.9567a555-aa42-4287-a367-c11506991237</t>
  </si>
  <si>
    <t>BU01501101</t>
  </si>
  <si>
    <t>2021BU01501101</t>
  </si>
  <si>
    <t>Dorp Diepenveen</t>
  </si>
  <si>
    <t>buurt_gegeneraliseerd_2021.2ac6bd1a-a44b-4019-9c1a-f292520012e4</t>
  </si>
  <si>
    <t>BU01501102</t>
  </si>
  <si>
    <t>2021BU01501102</t>
  </si>
  <si>
    <t>Rande</t>
  </si>
  <si>
    <t>buurt_gegeneraliseerd_2021.c8316c04-09f9-4838-b53c-683d6605fed3</t>
  </si>
  <si>
    <t>BU01501103</t>
  </si>
  <si>
    <t>2021BU01501103</t>
  </si>
  <si>
    <t>Tjoene</t>
  </si>
  <si>
    <t>buurt_gegeneraliseerd_2021.8e3ab34a-37db-4114-8a25-77cd9098c101</t>
  </si>
  <si>
    <t>BU01501201</t>
  </si>
  <si>
    <t>2021BU01501201</t>
  </si>
  <si>
    <t>Dorp Schalkhaar</t>
  </si>
  <si>
    <t>buurt_gegeneraliseerd_2021.395b6666-a88f-46c6-a153-6b92a18abe0b</t>
  </si>
  <si>
    <t>BU01501202</t>
  </si>
  <si>
    <t>2021BU01501202</t>
  </si>
  <si>
    <t>Averlo en Frieswijk</t>
  </si>
  <si>
    <t>buurt_gegeneraliseerd_2021.7fe82455-f21d-4d48-9df6-2686866d30b0</t>
  </si>
  <si>
    <t>BU01501301</t>
  </si>
  <si>
    <t>2021BU01501301</t>
  </si>
  <si>
    <t>Okkenbroek</t>
  </si>
  <si>
    <t>buurt_gegeneraliseerd_2021.6c8c03a0-b19e-412c-a6c7-99c7ebf5a896</t>
  </si>
  <si>
    <t>BU01501401</t>
  </si>
  <si>
    <t>2021BU01501401</t>
  </si>
  <si>
    <t>Dorp Lettele</t>
  </si>
  <si>
    <t>buurt_gegeneraliseerd_2021.fb47e446-6c6c-45fa-9908-b460ffbc81be</t>
  </si>
  <si>
    <t>BU01501402</t>
  </si>
  <si>
    <t>2021BU01501402</t>
  </si>
  <si>
    <t>Oude Molen</t>
  </si>
  <si>
    <t>buurt_gegeneraliseerd_2021.232d5e49-b026-4327-b03e-53b98eb4d8a2</t>
  </si>
  <si>
    <t>BU01501403</t>
  </si>
  <si>
    <t>2021BU01501403</t>
  </si>
  <si>
    <t>Buitengebied Lettele en Okkenbroek</t>
  </si>
  <si>
    <t>buurt_gegeneraliseerd_2021.72146d00-94f4-49b0-8943-118659e99cea</t>
  </si>
  <si>
    <t>BU01501501</t>
  </si>
  <si>
    <t>2021BU01501501</t>
  </si>
  <si>
    <t>Dorp Bathmen</t>
  </si>
  <si>
    <t>buurt_gegeneraliseerd_2021.90e02796-f513-4891-ae2c-ea2bbdbbf231</t>
  </si>
  <si>
    <t>BU01501502</t>
  </si>
  <si>
    <t>2021BU01501502</t>
  </si>
  <si>
    <t>Loo</t>
  </si>
  <si>
    <t>buurt_gegeneraliseerd_2021.47952b37-2296-4bae-b843-7fccc3e6409d</t>
  </si>
  <si>
    <t>BU01501503</t>
  </si>
  <si>
    <t>2021BU01501503</t>
  </si>
  <si>
    <t>Dortherhoek</t>
  </si>
  <si>
    <t>buurt_gegeneraliseerd_2021.aa28f395-bcf5-4d78-b371-abf97e4f15ec</t>
  </si>
  <si>
    <t>BU01501504</t>
  </si>
  <si>
    <t>2021BU01501504</t>
  </si>
  <si>
    <t>Zuidloo</t>
  </si>
  <si>
    <t>buurt_gegeneraliseerd_2021.48fe1c8d-ad5e-4d2d-9b52-b5564940546e</t>
  </si>
  <si>
    <t>BU01501505</t>
  </si>
  <si>
    <t>2021BU01501505</t>
  </si>
  <si>
    <t>Oxerhof</t>
  </si>
  <si>
    <t>buurt_gegeneraliseerd_2021.db1a436c-c003-464a-9d04-7e0a31484cdd</t>
  </si>
  <si>
    <t>BU01630101</t>
  </si>
  <si>
    <t>2021BU01630101</t>
  </si>
  <si>
    <t>Hellendoorn-Centrum</t>
  </si>
  <si>
    <t>GM0163</t>
  </si>
  <si>
    <t>buurt_gegeneraliseerd_2021.81110b9e-6f03-4448-9ba3-c4bc52012b1b</t>
  </si>
  <si>
    <t>BU01630102</t>
  </si>
  <si>
    <t>2021BU01630102</t>
  </si>
  <si>
    <t>De Höfte</t>
  </si>
  <si>
    <t>buurt_gegeneraliseerd_2021.61ab062b-8874-4da8-ba38-ae20743883f5</t>
  </si>
  <si>
    <t>BU01630103</t>
  </si>
  <si>
    <t>2021BU01630103</t>
  </si>
  <si>
    <t>Den Dam</t>
  </si>
  <si>
    <t>buurt_gegeneraliseerd_2021.14caf604-ab27-4796-9500-5f495f905044</t>
  </si>
  <si>
    <t>BU01630104</t>
  </si>
  <si>
    <t>2021BU01630104</t>
  </si>
  <si>
    <t>De Blenke</t>
  </si>
  <si>
    <t>buurt_gegeneraliseerd_2021.3ee7831b-408f-453f-b46d-7536b62c06a9</t>
  </si>
  <si>
    <t>BU01630105</t>
  </si>
  <si>
    <t>2021BU01630105</t>
  </si>
  <si>
    <t>De Zuid Es</t>
  </si>
  <si>
    <t>buurt_gegeneraliseerd_2021.9f1ea247-8104-4f81-bc8e-6a2393637f1c</t>
  </si>
  <si>
    <t>BU01630106</t>
  </si>
  <si>
    <t>2021BU01630106</t>
  </si>
  <si>
    <t>De Noord Es</t>
  </si>
  <si>
    <t>buurt_gegeneraliseerd_2021.2e15eed6-ed76-46ec-b054-f9ce264ae366</t>
  </si>
  <si>
    <t>BU01630201</t>
  </si>
  <si>
    <t>2021BU01630201</t>
  </si>
  <si>
    <t>Zeeheldenwijk</t>
  </si>
  <si>
    <t>buurt_gegeneraliseerd_2021.baae33c8-dfce-42bb-9379-2fc61007fa5a</t>
  </si>
  <si>
    <t>BU01630202</t>
  </si>
  <si>
    <t>2021BU01630202</t>
  </si>
  <si>
    <t>Wilhelminawijk</t>
  </si>
  <si>
    <t>buurt_gegeneraliseerd_2021.c229b117-12fa-4f05-8b57-be77087c02a1</t>
  </si>
  <si>
    <t>BU01630203</t>
  </si>
  <si>
    <t>2021BU01630203</t>
  </si>
  <si>
    <t>Gagelman Industrieterrein-Noord</t>
  </si>
  <si>
    <t>buurt_gegeneraliseerd_2021.a94896b8-29e0-4c4e-af37-2bbdd2876ea9</t>
  </si>
  <si>
    <t>BU01630301</t>
  </si>
  <si>
    <t>2021BU01630301</t>
  </si>
  <si>
    <t>Nijverdal-Centrum</t>
  </si>
  <si>
    <t>buurt_gegeneraliseerd_2021.ae680f08-01ed-4467-8410-4012c6fcdffd</t>
  </si>
  <si>
    <t>BU01630302</t>
  </si>
  <si>
    <t>2021BU01630302</t>
  </si>
  <si>
    <t>Bloemen-Schilderswijk</t>
  </si>
  <si>
    <t>buurt_gegeneraliseerd_2021.334c7300-710f-4077-9f15-e2cdb1490f9a</t>
  </si>
  <si>
    <t>BU01630303</t>
  </si>
  <si>
    <t>2021BU01630303</t>
  </si>
  <si>
    <t>Noetsele I</t>
  </si>
  <si>
    <t>buurt_gegeneraliseerd_2021.bea62911-2421-4b8d-a229-686a68cefc25</t>
  </si>
  <si>
    <t>BU01630304</t>
  </si>
  <si>
    <t>2021BU01630304</t>
  </si>
  <si>
    <t>Noetsele II en III</t>
  </si>
  <si>
    <t>buurt_gegeneraliseerd_2021.c268e5fc-9f10-4c0d-909e-2e96f363ecf4</t>
  </si>
  <si>
    <t>BU01630401</t>
  </si>
  <si>
    <t>2021BU01630401</t>
  </si>
  <si>
    <t>Prinsessenwijk</t>
  </si>
  <si>
    <t>buurt_gegeneraliseerd_2021.3e67d33b-7f13-4379-8932-ad872f200e46</t>
  </si>
  <si>
    <t>BU01630402</t>
  </si>
  <si>
    <t>2021BU01630402</t>
  </si>
  <si>
    <t>De Brake</t>
  </si>
  <si>
    <t>buurt_gegeneraliseerd_2021.1e9a3c02-ec00-4c0c-a991-cbfefe32cebf</t>
  </si>
  <si>
    <t>BU01630403</t>
  </si>
  <si>
    <t>2021BU01630403</t>
  </si>
  <si>
    <t>Konijnenberg</t>
  </si>
  <si>
    <t>buurt_gegeneraliseerd_2021.2e82476b-091d-4321-97e0-178fd8df3a68</t>
  </si>
  <si>
    <t>BU01630404</t>
  </si>
  <si>
    <t>2021BU01630404</t>
  </si>
  <si>
    <t>Nijverdal Oost</t>
  </si>
  <si>
    <t>buurt_gegeneraliseerd_2021.2a9d3321-55aa-47d9-9fec-48b93061f712</t>
  </si>
  <si>
    <t>BU01630405</t>
  </si>
  <si>
    <t>2021BU01630405</t>
  </si>
  <si>
    <t>De Blokken</t>
  </si>
  <si>
    <t>buurt_gegeneraliseerd_2021.73795e46-c3ec-4462-a20e-35558e0f0cb9</t>
  </si>
  <si>
    <t>BU01630406</t>
  </si>
  <si>
    <t>2021BU01630406</t>
  </si>
  <si>
    <t>Groot Lochter</t>
  </si>
  <si>
    <t>buurt_gegeneraliseerd_2021.3e32a8ea-11dd-4ca9-91ff-bcdf662f6a98</t>
  </si>
  <si>
    <t>BU01630407</t>
  </si>
  <si>
    <t>2021BU01630407</t>
  </si>
  <si>
    <t>'t Lochter</t>
  </si>
  <si>
    <t>buurt_gegeneraliseerd_2021.7ffbe5a3-0fae-41a8-ba37-e6990006fe91</t>
  </si>
  <si>
    <t>BU01630408</t>
  </si>
  <si>
    <t>2021BU01630408</t>
  </si>
  <si>
    <t>'n Oaln Diek</t>
  </si>
  <si>
    <t>buurt_gegeneraliseerd_2021.ddfa34d7-d908-4a16-be8e-79a322c85083</t>
  </si>
  <si>
    <t>BU01630501</t>
  </si>
  <si>
    <t>2021BU01630501</t>
  </si>
  <si>
    <t>Hellendoorn</t>
  </si>
  <si>
    <t>buurt_gegeneraliseerd_2021.d9033246-b6b1-425d-9115-5684e4ce5487</t>
  </si>
  <si>
    <t>BU01630503</t>
  </si>
  <si>
    <t>2021BU01630503</t>
  </si>
  <si>
    <t>'t Hexel</t>
  </si>
  <si>
    <t>buurt_gegeneraliseerd_2021.6ab1a51b-43ff-4353-8360-0d7b6c129c38</t>
  </si>
  <si>
    <t>BU01630504</t>
  </si>
  <si>
    <t>2021BU01630504</t>
  </si>
  <si>
    <t>Boersingel</t>
  </si>
  <si>
    <t>buurt_gegeneraliseerd_2021.17f41d44-6de1-43b0-b63c-765cb4e5fabb</t>
  </si>
  <si>
    <t>BU01630505</t>
  </si>
  <si>
    <t>2021BU01630505</t>
  </si>
  <si>
    <t>Egede, Elen en Rhaan</t>
  </si>
  <si>
    <t>buurt_gegeneraliseerd_2021.b60e312f-43cf-4402-93fc-8f051255bf2e</t>
  </si>
  <si>
    <t>BU01630506</t>
  </si>
  <si>
    <t>2021BU01630506</t>
  </si>
  <si>
    <t>Hulsen</t>
  </si>
  <si>
    <t>buurt_gegeneraliseerd_2021.438ab96d-977b-4c38-9aef-7321a0bbedae</t>
  </si>
  <si>
    <t>BU01630507</t>
  </si>
  <si>
    <t>2021BU01630507</t>
  </si>
  <si>
    <t>Haarle</t>
  </si>
  <si>
    <t>buurt_gegeneraliseerd_2021.6917b773-c3ea-49dd-93ca-b10a189898a4</t>
  </si>
  <si>
    <t>BU01630508</t>
  </si>
  <si>
    <t>2021BU01630508</t>
  </si>
  <si>
    <t>Daarle</t>
  </si>
  <si>
    <t>buurt_gegeneraliseerd_2021.3a49e319-2c9b-409c-aeb3-36d7c276a9ce</t>
  </si>
  <si>
    <t>BU01630510</t>
  </si>
  <si>
    <t>2021BU01630510</t>
  </si>
  <si>
    <t>Marle</t>
  </si>
  <si>
    <t>buurt_gegeneraliseerd_2021.6567350d-bd37-4fcd-915c-c6725426a6fc</t>
  </si>
  <si>
    <t>BU01630601</t>
  </si>
  <si>
    <t>2021BU01630601</t>
  </si>
  <si>
    <t>Hulsen dorp</t>
  </si>
  <si>
    <t>buurt_gegeneraliseerd_2021.57aa64ff-2f21-4991-9cca-7eec605e40bf</t>
  </si>
  <si>
    <t>BU01630602</t>
  </si>
  <si>
    <t>2021BU01630602</t>
  </si>
  <si>
    <t>Kruidenwijk Oost</t>
  </si>
  <si>
    <t>buurt_gegeneraliseerd_2021.b59976c4-1fff-429e-a714-c0be0692867b</t>
  </si>
  <si>
    <t>BU01630603</t>
  </si>
  <si>
    <t>2021BU01630603</t>
  </si>
  <si>
    <t>Kruidenwijk Centrum</t>
  </si>
  <si>
    <t>buurt_gegeneraliseerd_2021.7f857303-712c-41c7-ad74-4c1032710481</t>
  </si>
  <si>
    <t>BU01630604</t>
  </si>
  <si>
    <t>2021BU01630604</t>
  </si>
  <si>
    <t>Kruidenwijk Noord</t>
  </si>
  <si>
    <t>buurt_gegeneraliseerd_2021.ffa6ae9a-d50e-4674-9d9e-093d3960344c</t>
  </si>
  <si>
    <t>BU01630605</t>
  </si>
  <si>
    <t>2021BU01630605</t>
  </si>
  <si>
    <t>Kruidenwijk West</t>
  </si>
  <si>
    <t>buurt_gegeneraliseerd_2021.72df9745-8630-4d1b-a311-e628a5b5a388</t>
  </si>
  <si>
    <t>BU01630606</t>
  </si>
  <si>
    <t>2021BU01630606</t>
  </si>
  <si>
    <t>Kruidenwijk Zuid</t>
  </si>
  <si>
    <t>buurt_gegeneraliseerd_2021.78fc9e11-9604-4d99-8f3b-b2ccba1e1331</t>
  </si>
  <si>
    <t>BU01630700</t>
  </si>
  <si>
    <t>2021BU01630700</t>
  </si>
  <si>
    <t>Dorp Haarle</t>
  </si>
  <si>
    <t>buurt_gegeneraliseerd_2021.62b9036e-8723-4b38-82d9-c58ad6174af8</t>
  </si>
  <si>
    <t>BU01630800</t>
  </si>
  <si>
    <t>2021BU01630800</t>
  </si>
  <si>
    <t>Dorp Daarle</t>
  </si>
  <si>
    <t>buurt_gegeneraliseerd_2021.d107cb33-d0ab-482a-943f-3aca1b92d822</t>
  </si>
  <si>
    <t>BU01660401</t>
  </si>
  <si>
    <t>2021BU01660401</t>
  </si>
  <si>
    <t>Verspreide huizen Zalk</t>
  </si>
  <si>
    <t>GM0166</t>
  </si>
  <si>
    <t>buurt_gegeneraliseerd_2021.7d9295b2-a40f-4244-bdc9-6632f5ed2d50</t>
  </si>
  <si>
    <t>BU01660700</t>
  </si>
  <si>
    <t>2021BU01660700</t>
  </si>
  <si>
    <t>Kamperveen</t>
  </si>
  <si>
    <t>buurt_gegeneraliseerd_2021.44a7a4d9-a6a3-44cf-9fb7-6753d5b31911</t>
  </si>
  <si>
    <t>BU01750106</t>
  </si>
  <si>
    <t>2021BU01750106</t>
  </si>
  <si>
    <t>Buurtschap Junne</t>
  </si>
  <si>
    <t>GM0175</t>
  </si>
  <si>
    <t>buurt_gegeneraliseerd_2021.90f8b629-124c-4d1e-b662-c2854374c097</t>
  </si>
  <si>
    <t>BU01750107</t>
  </si>
  <si>
    <t>2021BU01750107</t>
  </si>
  <si>
    <t>Buurtschap Eerde</t>
  </si>
  <si>
    <t>buurt_gegeneraliseerd_2021.da0ed298-cbbd-4261-aa76-c62f08e3d818</t>
  </si>
  <si>
    <t>BU01750501</t>
  </si>
  <si>
    <t>2021BU01750501</t>
  </si>
  <si>
    <t>Buurtschap Dalmsholte</t>
  </si>
  <si>
    <t>buurt_gegeneraliseerd_2021.9b232256-8201-40f2-a66c-30c6b3b3966c</t>
  </si>
  <si>
    <t>BU01750601</t>
  </si>
  <si>
    <t>2021BU01750601</t>
  </si>
  <si>
    <t>Buurtschap Giethmen</t>
  </si>
  <si>
    <t>buurt_gegeneraliseerd_2021.a6beb7a6-757a-4449-a716-f6ca70a28578</t>
  </si>
  <si>
    <t>BU01750701</t>
  </si>
  <si>
    <t>2021BU01750701</t>
  </si>
  <si>
    <t>Kern Lemele</t>
  </si>
  <si>
    <t>buurt_gegeneraliseerd_2021.d2addefc-48f8-4197-9422-ad8bcb189f3a</t>
  </si>
  <si>
    <t>BU01750702</t>
  </si>
  <si>
    <t>2021BU01750702</t>
  </si>
  <si>
    <t>Buurtschap Lemele</t>
  </si>
  <si>
    <t>buurt_gegeneraliseerd_2021.f71da6ed-26f2-45af-9fb6-a163ad9e1c86</t>
  </si>
  <si>
    <t>BU01750703</t>
  </si>
  <si>
    <t>2021BU01750703</t>
  </si>
  <si>
    <t>Buurtschap Archem</t>
  </si>
  <si>
    <t>buurt_gegeneraliseerd_2021.9b22162a-ee89-4442-a6ae-fff22779fd99</t>
  </si>
  <si>
    <t>BU01750902</t>
  </si>
  <si>
    <t>2021BU01750902</t>
  </si>
  <si>
    <t>Buurtschap Vilsteren</t>
  </si>
  <si>
    <t>buurt_gegeneraliseerd_2021.50fecead-f243-4aa5-8989-8c160b3aef09</t>
  </si>
  <si>
    <t>BU01890108</t>
  </si>
  <si>
    <t>2021BU01890108</t>
  </si>
  <si>
    <t>Verspreide huizen Huurne II</t>
  </si>
  <si>
    <t>GM0189</t>
  </si>
  <si>
    <t>buurt_gegeneraliseerd_2021.d6288738-0ee3-460b-99cd-9de9039ad0ce</t>
  </si>
  <si>
    <t>BU01890109</t>
  </si>
  <si>
    <t>2021BU01890109</t>
  </si>
  <si>
    <t>Verspreide huizen Wierdenseveld</t>
  </si>
  <si>
    <t>buurt_gegeneraliseerd_2021.1dc55951-f365-488c-bf79-a612894e51eb</t>
  </si>
  <si>
    <t>BU01890209</t>
  </si>
  <si>
    <t>2021BU01890209</t>
  </si>
  <si>
    <t>Verspreide huizen Hooge-Hexel</t>
  </si>
  <si>
    <t>buurt_gegeneraliseerd_2021.6cb26f12-ce9a-4fd6-a6b6-c8e59b9305ef</t>
  </si>
  <si>
    <t>BU01890508</t>
  </si>
  <si>
    <t>2021BU01890508</t>
  </si>
  <si>
    <t>Verspreide huizen Notter</t>
  </si>
  <si>
    <t>buurt_gegeneraliseerd_2021.f6615ade-b5fa-4f34-a0d0-07b19baa907a</t>
  </si>
  <si>
    <t>BU01890509</t>
  </si>
  <si>
    <t>2021BU01890509</t>
  </si>
  <si>
    <t>Verspreide huizen Zuna</t>
  </si>
  <si>
    <t>buurt_gegeneraliseerd_2021.7ad00a8e-0804-454e-9f0b-d0d53698267f</t>
  </si>
  <si>
    <t>BU01970104</t>
  </si>
  <si>
    <t>2021BU01970104</t>
  </si>
  <si>
    <t>Verspreide huizen IJzerlo</t>
  </si>
  <si>
    <t>GM0197</t>
  </si>
  <si>
    <t>buurt_gegeneraliseerd_2021.202b1eaf-5d4e-4c22-bc5b-8aed855b478d</t>
  </si>
  <si>
    <t>BU01970106</t>
  </si>
  <si>
    <t>2021BU01970106</t>
  </si>
  <si>
    <t>Lintelo-kern</t>
  </si>
  <si>
    <t>buurt_gegeneraliseerd_2021.299a7e40-6ee3-48ab-80b8-7e625095fb5e</t>
  </si>
  <si>
    <t>BU01970108</t>
  </si>
  <si>
    <t>2021BU01970108</t>
  </si>
  <si>
    <t>Verspreide huizen Lintelo</t>
  </si>
  <si>
    <t>buurt_gegeneraliseerd_2021.451e2e3d-48ab-4d98-8595-95293880f70e</t>
  </si>
  <si>
    <t>BU01970109</t>
  </si>
  <si>
    <t>2021BU01970109</t>
  </si>
  <si>
    <t>Verspreide huizen Dalese Veld</t>
  </si>
  <si>
    <t>buurt_gegeneraliseerd_2021.37056180-fd52-4de9-9b22-6fdb3d9f8411</t>
  </si>
  <si>
    <t>BU01970400</t>
  </si>
  <si>
    <t>2021BU01970400</t>
  </si>
  <si>
    <t>Dinxperlo Centrum/Oost</t>
  </si>
  <si>
    <t>buurt_gegeneraliseerd_2021.22d76d53-cc8d-434f-ba2a-4affa9ccd041</t>
  </si>
  <si>
    <t>BU01970401</t>
  </si>
  <si>
    <t>2021BU01970401</t>
  </si>
  <si>
    <t>Dinxperlo Noord</t>
  </si>
  <si>
    <t>buurt_gegeneraliseerd_2021.bd6a89ba-c8c0-4159-9d13-4cd66897a813</t>
  </si>
  <si>
    <t>BU01970402</t>
  </si>
  <si>
    <t>2021BU01970402</t>
  </si>
  <si>
    <t>Dinxperlo West</t>
  </si>
  <si>
    <t>buurt_gegeneraliseerd_2021.53b55a77-7802-474a-9934-84c305e859c8</t>
  </si>
  <si>
    <t>BU01970403</t>
  </si>
  <si>
    <t>2021BU01970403</t>
  </si>
  <si>
    <t>De Heurne-kern</t>
  </si>
  <si>
    <t>buurt_gegeneraliseerd_2021.616fc0f9-a189-4507-bfa0-142f04bed31f</t>
  </si>
  <si>
    <t>BU01970408</t>
  </si>
  <si>
    <t>2021BU01970408</t>
  </si>
  <si>
    <t>Verspreide huizen Dinxperlo</t>
  </si>
  <si>
    <t>buurt_gegeneraliseerd_2021.14560cb8-47a2-4bb4-9cac-508026447a80</t>
  </si>
  <si>
    <t>BU01970409</t>
  </si>
  <si>
    <t>2021BU01970409</t>
  </si>
  <si>
    <t>Verspreide huizen De Heurne</t>
  </si>
  <si>
    <t>buurt_gegeneraliseerd_2021.baa72842-eb99-4fcb-a88f-b3a80c4e57e2</t>
  </si>
  <si>
    <t>BU02000101</t>
  </si>
  <si>
    <t>2021BU02000101</t>
  </si>
  <si>
    <t>Binnenstad</t>
  </si>
  <si>
    <t>GM0200</t>
  </si>
  <si>
    <t>buurt_gegeneraliseerd_2021.e69ab988-54e2-4801-9e04-243266db0672</t>
  </si>
  <si>
    <t>BU02000102</t>
  </si>
  <si>
    <t>2021BU02000102</t>
  </si>
  <si>
    <t>De Haven</t>
  </si>
  <si>
    <t>buurt_gegeneraliseerd_2021.091af312-9fdd-4472-a645-cfa3a9301c85</t>
  </si>
  <si>
    <t>BU02000201</t>
  </si>
  <si>
    <t>2021BU02000201</t>
  </si>
  <si>
    <t>Brinkhorst</t>
  </si>
  <si>
    <t>buurt_gegeneraliseerd_2021.03bf1330-2b60-4c28-b5af-57ba69cdcf45</t>
  </si>
  <si>
    <t>BU02000202</t>
  </si>
  <si>
    <t>2021BU02000202</t>
  </si>
  <si>
    <t>Sprengenweg-Noord</t>
  </si>
  <si>
    <t>buurt_gegeneraliseerd_2021.1855dea1-e702-4e42-9023-e552eb51d80b</t>
  </si>
  <si>
    <t>BU02000203</t>
  </si>
  <si>
    <t>2021BU02000203</t>
  </si>
  <si>
    <t>Sprengenbos</t>
  </si>
  <si>
    <t>buurt_gegeneraliseerd_2021.7f019446-ec45-4f3d-8f57-87ca9449da90</t>
  </si>
  <si>
    <t>BU02000204</t>
  </si>
  <si>
    <t>2021BU02000204</t>
  </si>
  <si>
    <t>Berg en Bos</t>
  </si>
  <si>
    <t>buurt_gegeneraliseerd_2021.bdb9e669-a26b-4707-a169-3d9f9460c46b</t>
  </si>
  <si>
    <t>BU02000205</t>
  </si>
  <si>
    <t>2021BU02000205</t>
  </si>
  <si>
    <t>Driehuizen</t>
  </si>
  <si>
    <t>buurt_gegeneraliseerd_2021.6c131f7e-82c8-4a80-bd09-20d65f3de019</t>
  </si>
  <si>
    <t>BU02000206</t>
  </si>
  <si>
    <t>2021BU02000206</t>
  </si>
  <si>
    <t>Orden</t>
  </si>
  <si>
    <t>buurt_gegeneraliseerd_2021.2272e49d-9aaf-4c0c-87bb-8aab19ecc980</t>
  </si>
  <si>
    <t>BU02000207</t>
  </si>
  <si>
    <t>2021BU02000207</t>
  </si>
  <si>
    <t>Park Berg en Bos</t>
  </si>
  <si>
    <t>buurt_gegeneraliseerd_2021.15450b4d-5c92-4fb4-a781-6925111ae54e</t>
  </si>
  <si>
    <t>BU02000301</t>
  </si>
  <si>
    <t>2021BU02000301</t>
  </si>
  <si>
    <t>Ugchelen</t>
  </si>
  <si>
    <t>buurt_gegeneraliseerd_2021.2520c185-158c-44c4-96da-65e9bf32953c</t>
  </si>
  <si>
    <t>BU02000302</t>
  </si>
  <si>
    <t>2021BU02000302</t>
  </si>
  <si>
    <t>Ugchelen-Zuid</t>
  </si>
  <si>
    <t>buurt_gegeneraliseerd_2021.ec68339a-248f-4789-b4fb-69a22691086a</t>
  </si>
  <si>
    <t>BU02000303</t>
  </si>
  <si>
    <t>2021BU02000303</t>
  </si>
  <si>
    <t>De Heeze</t>
  </si>
  <si>
    <t>buurt_gegeneraliseerd_2021.bb43b517-ddb9-483b-b7ab-c05e3282e424</t>
  </si>
  <si>
    <t>BU02000304</t>
  </si>
  <si>
    <t>2021BU02000304</t>
  </si>
  <si>
    <t>Westenenk</t>
  </si>
  <si>
    <t>buurt_gegeneraliseerd_2021.a39b889f-7127-4359-96d6-35a36e0dca1e</t>
  </si>
  <si>
    <t>BU02000305</t>
  </si>
  <si>
    <t>2021BU02000305</t>
  </si>
  <si>
    <t>Winkewijert</t>
  </si>
  <si>
    <t>buurt_gegeneraliseerd_2021.c4775f9b-c6ee-412a-9560-9cfd65f9deb3</t>
  </si>
  <si>
    <t>BU02000306</t>
  </si>
  <si>
    <t>2021BU02000306</t>
  </si>
  <si>
    <t>De Bouwhof</t>
  </si>
  <si>
    <t>buurt_gegeneraliseerd_2021.03d5bab8-fa63-42e7-a7a1-b252af014a31</t>
  </si>
  <si>
    <t>BU02000307</t>
  </si>
  <si>
    <t>2021BU02000307</t>
  </si>
  <si>
    <t>Brouwersmolen-Noord</t>
  </si>
  <si>
    <t>buurt_gegeneraliseerd_2021.5b811601-2b79-442f-84dd-7cfce509dc3f</t>
  </si>
  <si>
    <t>BU02000308</t>
  </si>
  <si>
    <t>2021BU02000308</t>
  </si>
  <si>
    <t>Dennenheuvel</t>
  </si>
  <si>
    <t>buurt_gegeneraliseerd_2021.e45458ba-e867-4496-9f6d-e87f7fedbc0b</t>
  </si>
  <si>
    <t>BU02000309</t>
  </si>
  <si>
    <t>2021BU02000309</t>
  </si>
  <si>
    <t>Holthuizen</t>
  </si>
  <si>
    <t>buurt_gegeneraliseerd_2021.750a69d6-e42c-4ca0-a603-84eba26b0b77</t>
  </si>
  <si>
    <t>BU02000310</t>
  </si>
  <si>
    <t>2021BU02000310</t>
  </si>
  <si>
    <t>Brouwersmolen-Zuid</t>
  </si>
  <si>
    <t>buurt_gegeneraliseerd_2021.827ba4e9-5dfe-41d5-9be0-6423ddf0483b</t>
  </si>
  <si>
    <t>BU02000311</t>
  </si>
  <si>
    <t>2021BU02000311</t>
  </si>
  <si>
    <t>Wernem</t>
  </si>
  <si>
    <t>buurt_gegeneraliseerd_2021.8c0425c0-24fe-4b6e-acb1-8a2b0be00fb8</t>
  </si>
  <si>
    <t>BU02000401</t>
  </si>
  <si>
    <t>2021BU02000401</t>
  </si>
  <si>
    <t>Brummelhof</t>
  </si>
  <si>
    <t>buurt_gegeneraliseerd_2021.20962dc8-f81f-4391-b4de-d44092a8b4cd</t>
  </si>
  <si>
    <t>BU02000402</t>
  </si>
  <si>
    <t>2021BU02000402</t>
  </si>
  <si>
    <t>Vogelkwartier</t>
  </si>
  <si>
    <t>buurt_gegeneraliseerd_2021.20eb6754-9ac2-48fc-81aa-8a58a81b0f39</t>
  </si>
  <si>
    <t>BU02000403</t>
  </si>
  <si>
    <t>2021BU02000403</t>
  </si>
  <si>
    <t>Staatsliedenkwartier</t>
  </si>
  <si>
    <t>buurt_gegeneraliseerd_2021.256402fd-c63b-47cd-a476-c18e1c329af4</t>
  </si>
  <si>
    <t>BU02000404</t>
  </si>
  <si>
    <t>2021BU02000404</t>
  </si>
  <si>
    <t>Componistenkwartier</t>
  </si>
  <si>
    <t>buurt_gegeneraliseerd_2021.de6d79a8-90a2-461c-b460-29453a1a22f5</t>
  </si>
  <si>
    <t>BU02000405</t>
  </si>
  <si>
    <t>2021BU02000405</t>
  </si>
  <si>
    <t>Rivierenkwartier</t>
  </si>
  <si>
    <t>buurt_gegeneraliseerd_2021.c239c806-4afa-4395-b3b7-c32404bec800</t>
  </si>
  <si>
    <t>BU02000406</t>
  </si>
  <si>
    <t>2021BU02000406</t>
  </si>
  <si>
    <t>Malkenschoten</t>
  </si>
  <si>
    <t>buurt_gegeneraliseerd_2021.4e9a1859-d374-402c-9858-57f6ae942720</t>
  </si>
  <si>
    <t>BU02000407</t>
  </si>
  <si>
    <t>2021BU02000407</t>
  </si>
  <si>
    <t>Kayersmolen-Noord</t>
  </si>
  <si>
    <t>buurt_gegeneraliseerd_2021.87f644c5-93c8-4c3d-aec3-207e4fb0bf5e</t>
  </si>
  <si>
    <t>BU02000408</t>
  </si>
  <si>
    <t>2021BU02000408</t>
  </si>
  <si>
    <t>Kayersmolen-Midden</t>
  </si>
  <si>
    <t>buurt_gegeneraliseerd_2021.b39dd1a1-a9a3-4eb9-989e-6799b3daca9a</t>
  </si>
  <si>
    <t>BU02000409</t>
  </si>
  <si>
    <t>2021BU02000409</t>
  </si>
  <si>
    <t>Kayersmolen-Zuid</t>
  </si>
  <si>
    <t>buurt_gegeneraliseerd_2021.57eced44-df37-49a3-8e46-bbc62a6aca4c</t>
  </si>
  <si>
    <t>BU02000501</t>
  </si>
  <si>
    <t>2021BU02000501</t>
  </si>
  <si>
    <t>Matendreef</t>
  </si>
  <si>
    <t>buurt_gegeneraliseerd_2021.fd1e809e-fa2a-46db-a708-f634f1b6c98e</t>
  </si>
  <si>
    <t>BU02000502</t>
  </si>
  <si>
    <t>2021BU02000502</t>
  </si>
  <si>
    <t>Matenhorst</t>
  </si>
  <si>
    <t>buurt_gegeneraliseerd_2021.cf152318-03a9-47d1-8e9e-e341f3f1d6e3</t>
  </si>
  <si>
    <t>BU02000503</t>
  </si>
  <si>
    <t>2021BU02000503</t>
  </si>
  <si>
    <t>Matendonk</t>
  </si>
  <si>
    <t>buurt_gegeneraliseerd_2021.8a4b6704-0652-44e6-bfcd-0a664396590e</t>
  </si>
  <si>
    <t>BU02000504</t>
  </si>
  <si>
    <t>2021BU02000504</t>
  </si>
  <si>
    <t>Matenhoeve</t>
  </si>
  <si>
    <t>buurt_gegeneraliseerd_2021.baffe5da-c4a4-4adf-8b0a-4b5574c9f215</t>
  </si>
  <si>
    <t>BU02000505</t>
  </si>
  <si>
    <t>2021BU02000505</t>
  </si>
  <si>
    <t>Matenveld</t>
  </si>
  <si>
    <t>buurt_gegeneraliseerd_2021.391caf38-c469-4227-b47b-33a939ea155e</t>
  </si>
  <si>
    <t>BU02000506</t>
  </si>
  <si>
    <t>2021BU02000506</t>
  </si>
  <si>
    <t>Matengaarde</t>
  </si>
  <si>
    <t>buurt_gegeneraliseerd_2021.a86efd17-1be1-42d5-8624-0d65728c09ba</t>
  </si>
  <si>
    <t>BU02000507</t>
  </si>
  <si>
    <t>2021BU02000507</t>
  </si>
  <si>
    <t>Matenhoek</t>
  </si>
  <si>
    <t>buurt_gegeneraliseerd_2021.7aaca40d-9aa3-4e43-8f73-b7536d137a8b</t>
  </si>
  <si>
    <t>BU02000508</t>
  </si>
  <si>
    <t>2021BU02000508</t>
  </si>
  <si>
    <t>Kuipersveld</t>
  </si>
  <si>
    <t>buurt_gegeneraliseerd_2021.12c28c1f-0a42-4713-981c-da1aeb5cc0d3</t>
  </si>
  <si>
    <t>BU02000601</t>
  </si>
  <si>
    <t>2021BU02000601</t>
  </si>
  <si>
    <t>buurt_gegeneraliseerd_2021.59f691c6-9d97-40bf-804c-9df9042fd2a6</t>
  </si>
  <si>
    <t>BU02000602</t>
  </si>
  <si>
    <t>2021BU02000602</t>
  </si>
  <si>
    <t>Osseveld-West</t>
  </si>
  <si>
    <t>buurt_gegeneraliseerd_2021.558e1781-fd40-4680-8ee0-b9259a5aea01</t>
  </si>
  <si>
    <t>BU02000603</t>
  </si>
  <si>
    <t>2021BU02000603</t>
  </si>
  <si>
    <t>Osseveld-Oost</t>
  </si>
  <si>
    <t>buurt_gegeneraliseerd_2021.633961b8-3295-484e-b6c3-5d924de04b0c</t>
  </si>
  <si>
    <t>BU02000604</t>
  </si>
  <si>
    <t>2021BU02000604</t>
  </si>
  <si>
    <t>Woudhuis</t>
  </si>
  <si>
    <t>buurt_gegeneraliseerd_2021.f607983a-749e-4ecb-ad0d-65e1a0866348</t>
  </si>
  <si>
    <t>BU02000605</t>
  </si>
  <si>
    <t>2021BU02000605</t>
  </si>
  <si>
    <t>Groot Zonnehoeve</t>
  </si>
  <si>
    <t>buurt_gegeneraliseerd_2021.7c46a88a-d5d7-486b-b4a8-b33780d56a77</t>
  </si>
  <si>
    <t>BU02000606</t>
  </si>
  <si>
    <t>2021BU02000606</t>
  </si>
  <si>
    <t>De Voorwaarts</t>
  </si>
  <si>
    <t>buurt_gegeneraliseerd_2021.225b024a-240b-45fe-82e2-4e63b434cef2</t>
  </si>
  <si>
    <t>BU02000607</t>
  </si>
  <si>
    <t>2021BU02000607</t>
  </si>
  <si>
    <t>Bedrijvenpark Ecofactorij</t>
  </si>
  <si>
    <t>buurt_gegeneraliseerd_2021.a86a0ee8-d6b4-4575-8b70-017ee5492245</t>
  </si>
  <si>
    <t>BU02000608</t>
  </si>
  <si>
    <t>2021BU02000608</t>
  </si>
  <si>
    <t>Bedrijvenpark Oost</t>
  </si>
  <si>
    <t>buurt_gegeneraliseerd_2021.239545f4-9239-453b-be24-ce2983e4c791</t>
  </si>
  <si>
    <t>BU02000701</t>
  </si>
  <si>
    <t>2021BU02000701</t>
  </si>
  <si>
    <t>Zevenhuizen</t>
  </si>
  <si>
    <t>buurt_gegeneraliseerd_2021.110a41ed-984e-4a9a-9705-c51a81eb6733</t>
  </si>
  <si>
    <t>BU02000702</t>
  </si>
  <si>
    <t>2021BU02000702</t>
  </si>
  <si>
    <t>Sluisoord</t>
  </si>
  <si>
    <t>buurt_gegeneraliseerd_2021.11f196de-079a-4303-b012-6d2dd29c57e9</t>
  </si>
  <si>
    <t>BU02000703</t>
  </si>
  <si>
    <t>2021BU02000703</t>
  </si>
  <si>
    <t>De Mheen</t>
  </si>
  <si>
    <t>buurt_gegeneraliseerd_2021.7b30c951-b405-47ba-b65e-2838d20375d1</t>
  </si>
  <si>
    <t>BU02000704</t>
  </si>
  <si>
    <t>2021BU02000704</t>
  </si>
  <si>
    <t>Anklaar</t>
  </si>
  <si>
    <t>buurt_gegeneraliseerd_2021.7395ec6c-b50d-4f46-866e-0ed608971a87</t>
  </si>
  <si>
    <t>BU02000705</t>
  </si>
  <si>
    <t>2021BU02000705</t>
  </si>
  <si>
    <t>Sprenkelaar</t>
  </si>
  <si>
    <t>buurt_gegeneraliseerd_2021.b21a63cf-ee68-441c-9595-098e18c4ebdd</t>
  </si>
  <si>
    <t>BU02000706</t>
  </si>
  <si>
    <t>2021BU02000706</t>
  </si>
  <si>
    <t>Bedrijvenpark Apeldoorn Noord</t>
  </si>
  <si>
    <t>buurt_gegeneraliseerd_2021.1424df6f-902d-46c6-9241-a536797b564e</t>
  </si>
  <si>
    <t>BU02000707</t>
  </si>
  <si>
    <t>2021BU02000707</t>
  </si>
  <si>
    <t>Sleutelbloem</t>
  </si>
  <si>
    <t>buurt_gegeneraliseerd_2021.5c62bc1b-1198-437b-b334-0ddfb5780098</t>
  </si>
  <si>
    <t>BU02000708</t>
  </si>
  <si>
    <t>2021BU02000708</t>
  </si>
  <si>
    <t>Zuidbroek - Mozaïek &amp; Rooster</t>
  </si>
  <si>
    <t>buurt_gegeneraliseerd_2021.b690f33f-10a6-4859-917e-b66e630e914f</t>
  </si>
  <si>
    <t>BU02000709</t>
  </si>
  <si>
    <t>2021BU02000709</t>
  </si>
  <si>
    <t>Zuidbroek - De Wellen</t>
  </si>
  <si>
    <t>buurt_gegeneraliseerd_2021.2e0b62a5-edb8-4b1e-ab4a-f9318bb0dbbb</t>
  </si>
  <si>
    <t>BU02000801</t>
  </si>
  <si>
    <t>2021BU02000801</t>
  </si>
  <si>
    <t>De Parken</t>
  </si>
  <si>
    <t>buurt_gegeneraliseerd_2021.f1ae5293-8365-4941-8613-429d8240b32f</t>
  </si>
  <si>
    <t>BU02000802</t>
  </si>
  <si>
    <t>2021BU02000802</t>
  </si>
  <si>
    <t>Spainkbos</t>
  </si>
  <si>
    <t>buurt_gegeneraliseerd_2021.677d1e7c-1091-4328-abf8-5ca27403357d</t>
  </si>
  <si>
    <t>BU02000803</t>
  </si>
  <si>
    <t>2021BU02000803</t>
  </si>
  <si>
    <t>Loolaan-Noord</t>
  </si>
  <si>
    <t>buurt_gegeneraliseerd_2021.ed8ccdb5-2d09-4ad4-98ac-c9a9bc8edfb4</t>
  </si>
  <si>
    <t>BU02000804</t>
  </si>
  <si>
    <t>2021BU02000804</t>
  </si>
  <si>
    <t>Het Loo</t>
  </si>
  <si>
    <t>buurt_gegeneraliseerd_2021.a2b813dc-c507-43ec-9438-906538c9c111</t>
  </si>
  <si>
    <t>BU02000805</t>
  </si>
  <si>
    <t>2021BU02000805</t>
  </si>
  <si>
    <t>Kerschoten-West</t>
  </si>
  <si>
    <t>buurt_gegeneraliseerd_2021.f20e5923-0518-484d-b9f9-ef8be5dba3e6</t>
  </si>
  <si>
    <t>BU02000806</t>
  </si>
  <si>
    <t>2021BU02000806</t>
  </si>
  <si>
    <t>Kerschoten</t>
  </si>
  <si>
    <t>buurt_gegeneraliseerd_2021.7135f548-9a59-47e4-a26a-a9618560de83</t>
  </si>
  <si>
    <t>BU02000807</t>
  </si>
  <si>
    <t>2021BU02000807</t>
  </si>
  <si>
    <t>Paleispark</t>
  </si>
  <si>
    <t>buurt_gegeneraliseerd_2021.1da4a022-9643-437d-af03-e7071930b37e</t>
  </si>
  <si>
    <t>BU02000808</t>
  </si>
  <si>
    <t>2021BU02000808</t>
  </si>
  <si>
    <t>Stadhoudersmolen</t>
  </si>
  <si>
    <t>buurt_gegeneraliseerd_2021.de4b13a2-9c17-4a20-abaf-5fd8e0afb5a7</t>
  </si>
  <si>
    <t>BU02000809</t>
  </si>
  <si>
    <t>2021BU02000809</t>
  </si>
  <si>
    <t>Hommelbrink</t>
  </si>
  <si>
    <t>buurt_gegeneraliseerd_2021.f685ca0e-f161-4399-82d1-75cd8ae77221</t>
  </si>
  <si>
    <t>BU02001001</t>
  </si>
  <si>
    <t>2021BU02001001</t>
  </si>
  <si>
    <t>Uddel</t>
  </si>
  <si>
    <t>buurt_gegeneraliseerd_2021.244d09a8-a842-4f52-841c-ba3aa6edc278</t>
  </si>
  <si>
    <t>BU02001002</t>
  </si>
  <si>
    <t>2021BU02001002</t>
  </si>
  <si>
    <t>Agrarisch gebied Uddel</t>
  </si>
  <si>
    <t>buurt_gegeneraliseerd_2021.7715f742-db04-41bb-9f9c-5d19b38bc88b</t>
  </si>
  <si>
    <t>BU02001003</t>
  </si>
  <si>
    <t>2021BU02001003</t>
  </si>
  <si>
    <t>Bosgebied Meerveld</t>
  </si>
  <si>
    <t>buurt_gegeneraliseerd_2021.a5fdfdce-cc1b-4a36-9074-aa58d900c125</t>
  </si>
  <si>
    <t>BU02001004</t>
  </si>
  <si>
    <t>2021BU02001004</t>
  </si>
  <si>
    <t>Bosgebied Nieuw Milligen</t>
  </si>
  <si>
    <t>buurt_gegeneraliseerd_2021.20623420-e1a0-469b-af3a-c1bf85843847</t>
  </si>
  <si>
    <t>BU02001101</t>
  </si>
  <si>
    <t>2021BU02001101</t>
  </si>
  <si>
    <t>Orderbos</t>
  </si>
  <si>
    <t>buurt_gegeneraliseerd_2021.317564a4-8ce1-458f-a930-9036ddb9ee70</t>
  </si>
  <si>
    <t>BU02001102</t>
  </si>
  <si>
    <t>2021BU02001102</t>
  </si>
  <si>
    <t>Hoog Soeren</t>
  </si>
  <si>
    <t>buurt_gegeneraliseerd_2021.82ab3b03-63c9-46e5-bf23-b180992c9717</t>
  </si>
  <si>
    <t>BU02001103</t>
  </si>
  <si>
    <t>2021BU02001103</t>
  </si>
  <si>
    <t>Bosgebied Hoog Soeren</t>
  </si>
  <si>
    <t>buurt_gegeneraliseerd_2021.3da6f0e6-6d2b-4d28-99a4-8a20321def47</t>
  </si>
  <si>
    <t>BU02001104</t>
  </si>
  <si>
    <t>2021BU02001104</t>
  </si>
  <si>
    <t>Bosgebied Hoog Buurloo</t>
  </si>
  <si>
    <t>buurt_gegeneraliseerd_2021.7cd42315-8dc2-43bb-a385-cdce85244ef1</t>
  </si>
  <si>
    <t>BU02001201</t>
  </si>
  <si>
    <t>2021BU02001201</t>
  </si>
  <si>
    <t>Hoenderloo</t>
  </si>
  <si>
    <t>buurt_gegeneraliseerd_2021.cf88d1e6-cd4e-46c2-8177-41e5ddfd0b74</t>
  </si>
  <si>
    <t>BU02001202</t>
  </si>
  <si>
    <t>2021BU02001202</t>
  </si>
  <si>
    <t>Bosgebied Ugchelen</t>
  </si>
  <si>
    <t>buurt_gegeneraliseerd_2021.e0b13bff-697b-4bdb-b19c-824ecabd612f</t>
  </si>
  <si>
    <t>BU02001203</t>
  </si>
  <si>
    <t>2021BU02001203</t>
  </si>
  <si>
    <t>Bosgebied Hoenderloo</t>
  </si>
  <si>
    <t>buurt_gegeneraliseerd_2021.d705c346-e89c-403b-8b89-3e736c4637dc</t>
  </si>
  <si>
    <t>BU02001204</t>
  </si>
  <si>
    <t>2021BU02001204</t>
  </si>
  <si>
    <t>Miggelenberg</t>
  </si>
  <si>
    <t>buurt_gegeneraliseerd_2021.83000a03-c229-4f02-83ae-3ee479c1de10</t>
  </si>
  <si>
    <t>BU02001301</t>
  </si>
  <si>
    <t>2021BU02001301</t>
  </si>
  <si>
    <t>Het Goreld</t>
  </si>
  <si>
    <t>buurt_gegeneraliseerd_2021.32047b9b-39bc-4ee2-aaa4-3b56c7763422</t>
  </si>
  <si>
    <t>BU02001302</t>
  </si>
  <si>
    <t>2021BU02001302</t>
  </si>
  <si>
    <t>Loenen</t>
  </si>
  <si>
    <t>buurt_gegeneraliseerd_2021.0c98e8b7-4a40-4c8c-b3aa-4f1cac2bdab4</t>
  </si>
  <si>
    <t>BU02001303</t>
  </si>
  <si>
    <t>2021BU02001303</t>
  </si>
  <si>
    <t>Bosgebied Loenen</t>
  </si>
  <si>
    <t>buurt_gegeneraliseerd_2021.9120bd4a-d7cc-4252-8926-ddd09b33dd3a</t>
  </si>
  <si>
    <t>BU02001401</t>
  </si>
  <si>
    <t>2021BU02001401</t>
  </si>
  <si>
    <t>Beekbergen</t>
  </si>
  <si>
    <t>buurt_gegeneraliseerd_2021.4f287615-3552-4154-93e3-b1f2839d3ff6</t>
  </si>
  <si>
    <t>BU02001402</t>
  </si>
  <si>
    <t>2021BU02001402</t>
  </si>
  <si>
    <t>Bosgebied Beekbergen-West</t>
  </si>
  <si>
    <t>buurt_gegeneraliseerd_2021.68a298b8-8279-4d02-ad41-6ca1284954ee</t>
  </si>
  <si>
    <t>BU02001403</t>
  </si>
  <si>
    <t>2021BU02001403</t>
  </si>
  <si>
    <t>Agrarisch gebied Beekbergen</t>
  </si>
  <si>
    <t>buurt_gegeneraliseerd_2021.228693e7-4012-4dac-940b-a2ec90fe25d5</t>
  </si>
  <si>
    <t>BU02001404</t>
  </si>
  <si>
    <t>2021BU02001404</t>
  </si>
  <si>
    <t>Bosgebied Beekbergen-Zuid</t>
  </si>
  <si>
    <t>buurt_gegeneraliseerd_2021.516ec4c3-9572-460d-8b40-213093995b2c</t>
  </si>
  <si>
    <t>BU02001501</t>
  </si>
  <si>
    <t>2021BU02001501</t>
  </si>
  <si>
    <t>Lieren</t>
  </si>
  <si>
    <t>buurt_gegeneraliseerd_2021.9976d855-e2b8-48f5-9d91-92870d1aaae5</t>
  </si>
  <si>
    <t>BU02001502</t>
  </si>
  <si>
    <t>2021BU02001502</t>
  </si>
  <si>
    <t>Agrarisch gebied Lieren-Oosterhuizen</t>
  </si>
  <si>
    <t>buurt_gegeneraliseerd_2021.59a8d91a-1370-428c-9c0d-506807fc9a28</t>
  </si>
  <si>
    <t>BU02001503</t>
  </si>
  <si>
    <t>2021BU02001503</t>
  </si>
  <si>
    <t>Bosgebied Oosterhuizen</t>
  </si>
  <si>
    <t>buurt_gegeneraliseerd_2021.35d5f281-5e7c-4a31-92f1-f7e6ecab5095</t>
  </si>
  <si>
    <t>BU02001601</t>
  </si>
  <si>
    <t>2021BU02001601</t>
  </si>
  <si>
    <t>Wolthuis</t>
  </si>
  <si>
    <t>buurt_gegeneraliseerd_2021.6c25b5e7-2810-44f4-9f0f-1687a82b9694</t>
  </si>
  <si>
    <t>BU02001602</t>
  </si>
  <si>
    <t>2021BU02001602</t>
  </si>
  <si>
    <t>Klarenbeek</t>
  </si>
  <si>
    <t>buurt_gegeneraliseerd_2021.4f8eb78e-311b-4317-a69a-dc0befbad385</t>
  </si>
  <si>
    <t>BU02001603</t>
  </si>
  <si>
    <t>2021BU02001603</t>
  </si>
  <si>
    <t>De Hooilanden</t>
  </si>
  <si>
    <t>buurt_gegeneraliseerd_2021.596c1756-d483-44ea-bbce-d3da34c6b879</t>
  </si>
  <si>
    <t>BU02001604</t>
  </si>
  <si>
    <t>2021BU02001604</t>
  </si>
  <si>
    <t>De Hooilanden-Oosterhuizen</t>
  </si>
  <si>
    <t>buurt_gegeneraliseerd_2021.a2458e1f-40e1-418a-9ab6-8bf60ad7f2d0</t>
  </si>
  <si>
    <t>BU02001701</t>
  </si>
  <si>
    <t>2021BU02001701</t>
  </si>
  <si>
    <t>Wenum</t>
  </si>
  <si>
    <t>buurt_gegeneraliseerd_2021.e8934262-c784-44c7-90cb-61c82ad8cd80</t>
  </si>
  <si>
    <t>BU02001702</t>
  </si>
  <si>
    <t>2021BU02001702</t>
  </si>
  <si>
    <t>Beemte</t>
  </si>
  <si>
    <t>buurt_gegeneraliseerd_2021.2f8e2831-93a7-4100-96f1-8b41423bac75</t>
  </si>
  <si>
    <t>BU02001703</t>
  </si>
  <si>
    <t>2021BU02001703</t>
  </si>
  <si>
    <t>Bosgebied Wiesel</t>
  </si>
  <si>
    <t>buurt_gegeneraliseerd_2021.506c6cc7-1d75-4b6f-9e75-ed00f16821e5</t>
  </si>
  <si>
    <t>BU02001704</t>
  </si>
  <si>
    <t>2021BU02001704</t>
  </si>
  <si>
    <t>Agrarisch gebied Wiesel</t>
  </si>
  <si>
    <t>buurt_gegeneraliseerd_2021.f03b4502-e2e3-4900-9257-9bfc9fd93c9f</t>
  </si>
  <si>
    <t>BU02001705</t>
  </si>
  <si>
    <t>2021BU02001705</t>
  </si>
  <si>
    <t>Agrarisch gebied Wenum</t>
  </si>
  <si>
    <t>buurt_gegeneraliseerd_2021.b49db57c-70b7-4506-a252-2e588e50234f</t>
  </si>
  <si>
    <t>BU02001706</t>
  </si>
  <si>
    <t>2021BU02001706</t>
  </si>
  <si>
    <t>Agrarisch gebied Beemte Broekland</t>
  </si>
  <si>
    <t>buurt_gegeneraliseerd_2021.bd90cc80-d614-4f34-85e9-39c8fac425df</t>
  </si>
  <si>
    <t>BU02020100</t>
  </si>
  <si>
    <t>2021BU02020100</t>
  </si>
  <si>
    <t>Markt</t>
  </si>
  <si>
    <t>GM0202</t>
  </si>
  <si>
    <t>buurt_gegeneraliseerd_2021.165d1f0f-032d-4de8-a8d6-41feb5638640</t>
  </si>
  <si>
    <t>BU02020101</t>
  </si>
  <si>
    <t>2021BU02020101</t>
  </si>
  <si>
    <t>Weverstraat</t>
  </si>
  <si>
    <t>buurt_gegeneraliseerd_2021.11074fcb-77f7-4925-a3bd-86d386cee386</t>
  </si>
  <si>
    <t>BU02020102</t>
  </si>
  <si>
    <t>2021BU02020102</t>
  </si>
  <si>
    <t>Rijnstraat</t>
  </si>
  <si>
    <t>buurt_gegeneraliseerd_2021.9736f7ae-dbac-4498-99c9-6764e5b35aee</t>
  </si>
  <si>
    <t>BU02020103</t>
  </si>
  <si>
    <t>2021BU02020103</t>
  </si>
  <si>
    <t>Janssingel</t>
  </si>
  <si>
    <t>buurt_gegeneraliseerd_2021.f0ecf958-7911-4710-a434-a9f57eeabd49</t>
  </si>
  <si>
    <t>BU02020104</t>
  </si>
  <si>
    <t>2021BU02020104</t>
  </si>
  <si>
    <t>Stationsplein</t>
  </si>
  <si>
    <t>buurt_gegeneraliseerd_2021.c2abd00d-c0f0-407d-86d8-da3666b97943</t>
  </si>
  <si>
    <t>BU02020170</t>
  </si>
  <si>
    <t>2021BU02020170</t>
  </si>
  <si>
    <t>Utrechtsestraat</t>
  </si>
  <si>
    <t>buurt_gegeneraliseerd_2021.c61615cd-e7f5-40f7-b9d3-5848ea83e257</t>
  </si>
  <si>
    <t>BU02020210</t>
  </si>
  <si>
    <t>2021BU02020210</t>
  </si>
  <si>
    <t>Hommelstraat</t>
  </si>
  <si>
    <t>buurt_gegeneraliseerd_2021.c65a35e3-1142-460a-8d42-9be0aa6ede4a</t>
  </si>
  <si>
    <t>BU02020211</t>
  </si>
  <si>
    <t>2021BU02020211</t>
  </si>
  <si>
    <t>Spijkerbuurt</t>
  </si>
  <si>
    <t>buurt_gegeneraliseerd_2021.a7d2baa4-3d37-4655-8dd1-48a0ae82cd1a</t>
  </si>
  <si>
    <t>BU02020212</t>
  </si>
  <si>
    <t>2021BU02020212</t>
  </si>
  <si>
    <t>Boulevardwijk</t>
  </si>
  <si>
    <t>buurt_gegeneraliseerd_2021.6eeed025-54f7-4f71-b31f-bfaed2325a39</t>
  </si>
  <si>
    <t>BU02020314</t>
  </si>
  <si>
    <t>2021BU02020314</t>
  </si>
  <si>
    <t>Statenkwartier</t>
  </si>
  <si>
    <t>buurt_gegeneraliseerd_2021.1c80f00b-23d9-435e-ac6f-c36b2c03150f</t>
  </si>
  <si>
    <t>BU02020320</t>
  </si>
  <si>
    <t>2021BU02020320</t>
  </si>
  <si>
    <t>Arnhemse Broek</t>
  </si>
  <si>
    <t>buurt_gegeneraliseerd_2021.46f4b8ae-3d39-4d74-8097-0bb5f661afc9</t>
  </si>
  <si>
    <t>BU02020321</t>
  </si>
  <si>
    <t>2021BU02020321</t>
  </si>
  <si>
    <t>Van Verschuerbuurt</t>
  </si>
  <si>
    <t>buurt_gegeneraliseerd_2021.a078b2ee-bb6c-437d-8ae8-df69a7e45e18</t>
  </si>
  <si>
    <t>BU02020322</t>
  </si>
  <si>
    <t>2021BU02020322</t>
  </si>
  <si>
    <t>buurt_gegeneraliseerd_2021.420e9ac8-72e4-48d2-95eb-c99666b6cb27</t>
  </si>
  <si>
    <t>BU02020338</t>
  </si>
  <si>
    <t>2021BU02020338</t>
  </si>
  <si>
    <t>Bij de John Frostbrug</t>
  </si>
  <si>
    <t>buurt_gegeneraliseerd_2021.84019f97-ce4b-4d33-b471-6ac730b192c1</t>
  </si>
  <si>
    <t>BU02020339</t>
  </si>
  <si>
    <t>2021BU02020339</t>
  </si>
  <si>
    <t>Nieuwe Kadekwartier</t>
  </si>
  <si>
    <t>buurt_gegeneraliseerd_2021.e76951e9-2126-4649-95dc-14c7b00d3a8d</t>
  </si>
  <si>
    <t>BU02020423</t>
  </si>
  <si>
    <t>2021BU02020423</t>
  </si>
  <si>
    <t>Presikhaaf I</t>
  </si>
  <si>
    <t>buurt_gegeneraliseerd_2021.b1a0013d-1c66-4567-bbd5-ef5cceb12fcf</t>
  </si>
  <si>
    <t>BU02020424</t>
  </si>
  <si>
    <t>2021BU02020424</t>
  </si>
  <si>
    <t>Presikhaaf II</t>
  </si>
  <si>
    <t>buurt_gegeneraliseerd_2021.8383d356-a323-4eac-9cdd-3a596ce0e185</t>
  </si>
  <si>
    <t>BU02020425</t>
  </si>
  <si>
    <t>2021BU02020425</t>
  </si>
  <si>
    <t>Presikhaaf III</t>
  </si>
  <si>
    <t>buurt_gegeneraliseerd_2021.8e98d0f2-bfd7-4133-835f-68fd22e395ae</t>
  </si>
  <si>
    <t>BU02020526</t>
  </si>
  <si>
    <t>2021BU02020526</t>
  </si>
  <si>
    <t>Over het Lange Water</t>
  </si>
  <si>
    <t>buurt_gegeneraliseerd_2021.687eb9d2-9caa-4db4-b8ef-86c4e1fc0da7</t>
  </si>
  <si>
    <t>BU02020527</t>
  </si>
  <si>
    <t>2021BU02020527</t>
  </si>
  <si>
    <t>Elsweide</t>
  </si>
  <si>
    <t>buurt_gegeneraliseerd_2021.67aa1c62-d98f-4338-95a0-00303e03e6cf</t>
  </si>
  <si>
    <t>BU02020528</t>
  </si>
  <si>
    <t>2021BU02020528</t>
  </si>
  <si>
    <t>Winkelcentrum</t>
  </si>
  <si>
    <t>buurt_gegeneraliseerd_2021.ca97eef4-3d17-4433-95a5-88ece9d6a55f</t>
  </si>
  <si>
    <t>BU02020529</t>
  </si>
  <si>
    <t>2021BU02020529</t>
  </si>
  <si>
    <t>Ijsseloord</t>
  </si>
  <si>
    <t>buurt_gegeneraliseerd_2021.24b75c3f-ee37-4aee-9d6d-7efb3b517ef7</t>
  </si>
  <si>
    <t>BU02020630</t>
  </si>
  <si>
    <t>2021BU02020630</t>
  </si>
  <si>
    <t>St. Marten</t>
  </si>
  <si>
    <t>buurt_gegeneraliseerd_2021.5feeebfa-32b0-4738-84f7-1c1eb0772449</t>
  </si>
  <si>
    <t>BU02020631</t>
  </si>
  <si>
    <t>2021BU02020631</t>
  </si>
  <si>
    <t>Graaf Ottoplein e.o.</t>
  </si>
  <si>
    <t>buurt_gegeneraliseerd_2021.2fd3b8d0-b083-4e5a-a64e-28006a0821b7</t>
  </si>
  <si>
    <t>BU02020650</t>
  </si>
  <si>
    <t>2021BU02020650</t>
  </si>
  <si>
    <t>Sonsbeek-Noord</t>
  </si>
  <si>
    <t>buurt_gegeneraliseerd_2021.ede83fe4-fe5a-40a1-ac66-74e9f6c4d703</t>
  </si>
  <si>
    <t>BU02020732</t>
  </si>
  <si>
    <t>2021BU02020732</t>
  </si>
  <si>
    <t>Klarendal-Zuid</t>
  </si>
  <si>
    <t>buurt_gegeneraliseerd_2021.899cde60-54c9-4666-91ee-2554b284ebb9</t>
  </si>
  <si>
    <t>BU02020733</t>
  </si>
  <si>
    <t>2021BU02020733</t>
  </si>
  <si>
    <t>Klarendal-Noord</t>
  </si>
  <si>
    <t>buurt_gegeneraliseerd_2021.ae161ad3-bebf-449d-9980-727c998d31c6</t>
  </si>
  <si>
    <t>BU02020734</t>
  </si>
  <si>
    <t>2021BU02020734</t>
  </si>
  <si>
    <t>Onder de Linden</t>
  </si>
  <si>
    <t>buurt_gegeneraliseerd_2021.9be0e336-3b31-44f5-a2af-3f621dafda1b</t>
  </si>
  <si>
    <t>BU02020735</t>
  </si>
  <si>
    <t>2021BU02020735</t>
  </si>
  <si>
    <t>St. Janskerkstraat e.o.</t>
  </si>
  <si>
    <t>buurt_gegeneraliseerd_2021.60df3326-c798-4c85-af1f-bea764db2e44</t>
  </si>
  <si>
    <t>BU02020840</t>
  </si>
  <si>
    <t>2021BU02020840</t>
  </si>
  <si>
    <t>Velperweg-Noord</t>
  </si>
  <si>
    <t>buurt_gegeneraliseerd_2021.d6e7d329-2c45-493a-9314-7fe489cc1e18</t>
  </si>
  <si>
    <t>BU02020841</t>
  </si>
  <si>
    <t>2021BU02020841</t>
  </si>
  <si>
    <t>Molenbeke</t>
  </si>
  <si>
    <t>buurt_gegeneraliseerd_2021.c98ce64f-ddcb-44fe-8aa8-ed5bf4eba4d2</t>
  </si>
  <si>
    <t>BU02020842</t>
  </si>
  <si>
    <t>2021BU02020842</t>
  </si>
  <si>
    <t>Terrein ENKA</t>
  </si>
  <si>
    <t>buurt_gegeneraliseerd_2021.94864133-7c31-45c0-a0a3-27497cea6c44</t>
  </si>
  <si>
    <t>BU02020843</t>
  </si>
  <si>
    <t>2021BU02020843</t>
  </si>
  <si>
    <t>Plattenburg</t>
  </si>
  <si>
    <t>buurt_gegeneraliseerd_2021.0309f6a4-5e05-4887-b87f-64881496bc96</t>
  </si>
  <si>
    <t>BU02020844</t>
  </si>
  <si>
    <t>2021BU02020844</t>
  </si>
  <si>
    <t>Angerenstein</t>
  </si>
  <si>
    <t>buurt_gegeneraliseerd_2021.cd928e9a-9371-407d-ac54-939e5da25078</t>
  </si>
  <si>
    <t>BU02020845</t>
  </si>
  <si>
    <t>2021BU02020845</t>
  </si>
  <si>
    <t>Paasberg</t>
  </si>
  <si>
    <t>buurt_gegeneraliseerd_2021.cda371f5-64e6-4606-af84-7bfe34ad6e23</t>
  </si>
  <si>
    <t>BU02020951</t>
  </si>
  <si>
    <t>2021BU02020951</t>
  </si>
  <si>
    <t>Hazegrietje</t>
  </si>
  <si>
    <t>buurt_gegeneraliseerd_2021.9b4211da-4668-41eb-93a0-7df94117c54c</t>
  </si>
  <si>
    <t>BU02020952</t>
  </si>
  <si>
    <t>2021BU02020952</t>
  </si>
  <si>
    <t>Alteveer/Cranevelt</t>
  </si>
  <si>
    <t>buurt_gegeneraliseerd_2021.7908f2cf-11f7-41d3-a69c-a643cefe13fc</t>
  </si>
  <si>
    <t>BU02021053</t>
  </si>
  <si>
    <t>2021BU02021053</t>
  </si>
  <si>
    <t>Geitenkamp</t>
  </si>
  <si>
    <t>buurt_gegeneraliseerd_2021.dbc2bb1c-643f-46f9-8bd9-72720f7ab8df</t>
  </si>
  <si>
    <t>BU02021154</t>
  </si>
  <si>
    <t>2021BU02021154</t>
  </si>
  <si>
    <t>Monnikenhuizen</t>
  </si>
  <si>
    <t>buurt_gegeneraliseerd_2021.f670d547-29ef-45c6-bef4-843bb663c21c</t>
  </si>
  <si>
    <t>BU02021155</t>
  </si>
  <si>
    <t>2021BU02021155</t>
  </si>
  <si>
    <t>Arnhemse Allee</t>
  </si>
  <si>
    <t>buurt_gegeneraliseerd_2021.6598c6d6-1f11-4921-bd3b-eff4ff430915</t>
  </si>
  <si>
    <t>BU02021159</t>
  </si>
  <si>
    <t>2021BU02021159</t>
  </si>
  <si>
    <t>buurt_gegeneraliseerd_2021.6d7cb7c6-720a-469e-943d-9ed06caaafbb</t>
  </si>
  <si>
    <t>BU02021260</t>
  </si>
  <si>
    <t>2021BU02021260</t>
  </si>
  <si>
    <t>Transvaalbuurt</t>
  </si>
  <si>
    <t>buurt_gegeneraliseerd_2021.de91c84d-27d4-4b49-84c8-2a791caf1f05</t>
  </si>
  <si>
    <t>BU02021261</t>
  </si>
  <si>
    <t>2021BU02021261</t>
  </si>
  <si>
    <t>Burgemeesterswijk</t>
  </si>
  <si>
    <t>buurt_gegeneraliseerd_2021.21cf4afb-371f-448e-bae8-67092e064180</t>
  </si>
  <si>
    <t>BU02021262</t>
  </si>
  <si>
    <t>2021BU02021262</t>
  </si>
  <si>
    <t>Gulden Bodem</t>
  </si>
  <si>
    <t>buurt_gegeneraliseerd_2021.5abccbad-640f-4e96-97b9-bc42e781b780</t>
  </si>
  <si>
    <t>BU02021263</t>
  </si>
  <si>
    <t>2021BU02021263</t>
  </si>
  <si>
    <t>Sterrenberg</t>
  </si>
  <si>
    <t>buurt_gegeneraliseerd_2021.1780ac24-7243-4caf-b1b5-f30fc1a16766</t>
  </si>
  <si>
    <t>BU02021264</t>
  </si>
  <si>
    <t>2021BU02021264</t>
  </si>
  <si>
    <t>Hoogkamp</t>
  </si>
  <si>
    <t>buurt_gegeneraliseerd_2021.dd395db7-4ac1-4bde-9be1-010338578f11</t>
  </si>
  <si>
    <t>BU02021269</t>
  </si>
  <si>
    <t>2021BU02021269</t>
  </si>
  <si>
    <t>Sonsbeek/Zijpendaal</t>
  </si>
  <si>
    <t>buurt_gegeneraliseerd_2021.f64791b8-7807-4bbd-8529-0569c1ad4c95</t>
  </si>
  <si>
    <t>BU02021365</t>
  </si>
  <si>
    <t>2021BU02021365</t>
  </si>
  <si>
    <t>Bakenberg</t>
  </si>
  <si>
    <t>buurt_gegeneraliseerd_2021.0fd2c4d0-ad0b-4fca-a481-d5039c9dc848</t>
  </si>
  <si>
    <t>BU02021366</t>
  </si>
  <si>
    <t>2021BU02021366</t>
  </si>
  <si>
    <t>Schaarsbergen</t>
  </si>
  <si>
    <t>buurt_gegeneraliseerd_2021.de5a006a-3ba2-42ba-91ce-e6732474f9f8</t>
  </si>
  <si>
    <t>BU02021367</t>
  </si>
  <si>
    <t>2021BU02021367</t>
  </si>
  <si>
    <t>West van Schaarsbergen</t>
  </si>
  <si>
    <t>buurt_gegeneraliseerd_2021.5d486f45-5170-40d0-a17b-f0d99d958f3d</t>
  </si>
  <si>
    <t>BU02021368</t>
  </si>
  <si>
    <t>2021BU02021368</t>
  </si>
  <si>
    <t>N.O. van Schaarsbergen</t>
  </si>
  <si>
    <t>buurt_gegeneraliseerd_2021.1a1b1288-4f06-4ddd-ab47-015127e5535e</t>
  </si>
  <si>
    <t>BU02021471</t>
  </si>
  <si>
    <t>2021BU02021471</t>
  </si>
  <si>
    <t>Lombok</t>
  </si>
  <si>
    <t>buurt_gegeneraliseerd_2021.5cb0c19d-5daa-4330-9633-03b99c9c610c</t>
  </si>
  <si>
    <t>BU02021473</t>
  </si>
  <si>
    <t>2021BU02021473</t>
  </si>
  <si>
    <t>Brouwerijweg e.o.</t>
  </si>
  <si>
    <t>buurt_gegeneraliseerd_2021.c7516cfd-daa8-47b5-b11c-cd42eaadab5f</t>
  </si>
  <si>
    <t>BU02021474</t>
  </si>
  <si>
    <t>2021BU02021474</t>
  </si>
  <si>
    <t>Heijenoord</t>
  </si>
  <si>
    <t>buurt_gegeneraliseerd_2021.6bd112f5-a16e-4b32-aed0-2ed6ca018cbe</t>
  </si>
  <si>
    <t>BU02021572</t>
  </si>
  <si>
    <t>2021BU02021572</t>
  </si>
  <si>
    <t>Klingelbeek</t>
  </si>
  <si>
    <t>buurt_gegeneraliseerd_2021.5e608e4e-6208-413f-b34c-1bc6b17a5816</t>
  </si>
  <si>
    <t>BU02021579</t>
  </si>
  <si>
    <t>2021BU02021579</t>
  </si>
  <si>
    <t>Het Dorp/Mariëndaal</t>
  </si>
  <si>
    <t>buurt_gegeneraliseerd_2021.734cf99c-6eb5-4266-b62b-5d8c3c03abeb</t>
  </si>
  <si>
    <t>BU02021681</t>
  </si>
  <si>
    <t>2021BU02021681</t>
  </si>
  <si>
    <t>Meinerswijk/De Praets</t>
  </si>
  <si>
    <t>buurt_gegeneraliseerd_2021.4f730d72-d512-4416-afc4-f6607d225b83</t>
  </si>
  <si>
    <t>BU02021682</t>
  </si>
  <si>
    <t>2021BU02021682</t>
  </si>
  <si>
    <t>Malburgen-West</t>
  </si>
  <si>
    <t>buurt_gegeneraliseerd_2021.24e00b9d-2673-42fd-8f9f-5b182d0ee78b</t>
  </si>
  <si>
    <t>BU02021780</t>
  </si>
  <si>
    <t>2021BU02021780</t>
  </si>
  <si>
    <t>Groene Weide</t>
  </si>
  <si>
    <t>buurt_gegeneraliseerd_2021.1f61c4f5-ac13-4402-aafc-f5b33330fab6</t>
  </si>
  <si>
    <t>BU02021783</t>
  </si>
  <si>
    <t>2021BU02021783</t>
  </si>
  <si>
    <t>Kamillehof</t>
  </si>
  <si>
    <t>buurt_gegeneraliseerd_2021.42c8e0ee-2ef5-46e4-8911-db6ab0032805</t>
  </si>
  <si>
    <t>BU02021798</t>
  </si>
  <si>
    <t>2021BU02021798</t>
  </si>
  <si>
    <t>Bakenhof</t>
  </si>
  <si>
    <t>buurt_gegeneraliseerd_2021.0fda4c21-d45a-451e-96f6-6ca5e370296e</t>
  </si>
  <si>
    <t>BU02021815</t>
  </si>
  <si>
    <t>2021BU02021815</t>
  </si>
  <si>
    <t>'t Duifje</t>
  </si>
  <si>
    <t>buurt_gegeneraliseerd_2021.cae05d8d-6749-45d1-8ed6-b53f88202bd1</t>
  </si>
  <si>
    <t>BU02021884</t>
  </si>
  <si>
    <t>2021BU02021884</t>
  </si>
  <si>
    <t>Immerloo I</t>
  </si>
  <si>
    <t>buurt_gegeneraliseerd_2021.3f646e2f-88ce-43cc-93ad-e06d9e6cdd8e</t>
  </si>
  <si>
    <t>BU02021885</t>
  </si>
  <si>
    <t>2021BU02021885</t>
  </si>
  <si>
    <t>Middelgraaflaan e.o.</t>
  </si>
  <si>
    <t>buurt_gegeneraliseerd_2021.f874c67a-6aa7-40e0-b478-f3ad74b4b10c</t>
  </si>
  <si>
    <t>BU02021886</t>
  </si>
  <si>
    <t>2021BU02021886</t>
  </si>
  <si>
    <t>Zeegsingel e.o.</t>
  </si>
  <si>
    <t>buurt_gegeneraliseerd_2021.66582556-5e83-4b64-9c0b-9a5a799c89c4</t>
  </si>
  <si>
    <t>BU02021887</t>
  </si>
  <si>
    <t>2021BU02021887</t>
  </si>
  <si>
    <t>Eimersweide</t>
  </si>
  <si>
    <t>buurt_gegeneraliseerd_2021.b63e6ae2-ce9e-4dde-9794-920c54bdb264</t>
  </si>
  <si>
    <t>BU02021888</t>
  </si>
  <si>
    <t>2021BU02021888</t>
  </si>
  <si>
    <t>Immerloo II</t>
  </si>
  <si>
    <t>buurt_gegeneraliseerd_2021.c549e788-f8ad-46c0-86a5-1079fd944744</t>
  </si>
  <si>
    <t>BU02021989</t>
  </si>
  <si>
    <t>2021BU02021989</t>
  </si>
  <si>
    <t>buurt_gegeneraliseerd_2021.43b28430-55da-46ee-9a4b-68cfb3a662b6</t>
  </si>
  <si>
    <t>BU02021990</t>
  </si>
  <si>
    <t>2021BU02021990</t>
  </si>
  <si>
    <t>Kronenburg</t>
  </si>
  <si>
    <t>buurt_gegeneraliseerd_2021.118674be-3895-49a9-9e31-d76519dd0bef</t>
  </si>
  <si>
    <t>BU02021993</t>
  </si>
  <si>
    <t>2021BU02021993</t>
  </si>
  <si>
    <t>Vredenburg</t>
  </si>
  <si>
    <t>buurt_gegeneraliseerd_2021.109597cf-262c-4abd-9ce0-bcc30c503764</t>
  </si>
  <si>
    <t>BU02022092</t>
  </si>
  <si>
    <t>2021BU02022092</t>
  </si>
  <si>
    <t>Elden</t>
  </si>
  <si>
    <t>buurt_gegeneraliseerd_2021.f1e97569-b331-49bb-b059-6df390b5d229</t>
  </si>
  <si>
    <t>BU02022191</t>
  </si>
  <si>
    <t>2021BU02022191</t>
  </si>
  <si>
    <t>Elderveld-Zuid</t>
  </si>
  <si>
    <t>buurt_gegeneraliseerd_2021.c408c986-1899-40c2-a408-977ad95fe203</t>
  </si>
  <si>
    <t>BU02022194</t>
  </si>
  <si>
    <t>2021BU02022194</t>
  </si>
  <si>
    <t>Elderveld-Noord</t>
  </si>
  <si>
    <t>buurt_gegeneraliseerd_2021.9dac2023-eb7c-4c17-b208-21c9da1911cf</t>
  </si>
  <si>
    <t>BU02022197</t>
  </si>
  <si>
    <t>2021BU02022197</t>
  </si>
  <si>
    <t>Elderhof</t>
  </si>
  <si>
    <t>buurt_gegeneraliseerd_2021.0c93c23c-5783-4e15-ae8b-de247d8afb8b</t>
  </si>
  <si>
    <t>BU02022295</t>
  </si>
  <si>
    <t>2021BU02022295</t>
  </si>
  <si>
    <t>De Laar-West</t>
  </si>
  <si>
    <t>buurt_gegeneraliseerd_2021.b87e0872-981b-412d-85e2-51f23718dcbb</t>
  </si>
  <si>
    <t>BU02022296</t>
  </si>
  <si>
    <t>2021BU02022296</t>
  </si>
  <si>
    <t>De Laar-Oost</t>
  </si>
  <si>
    <t>buurt_gegeneraliseerd_2021.7261bf3c-905b-4112-93ff-328d21e56b8a</t>
  </si>
  <si>
    <t>BU02022316</t>
  </si>
  <si>
    <t>2021BU02022316</t>
  </si>
  <si>
    <t>Rijkerswoerd-Oost</t>
  </si>
  <si>
    <t>buurt_gegeneraliseerd_2021.c1cfd44c-4322-44b6-b352-49104f12bfd0</t>
  </si>
  <si>
    <t>BU02022317</t>
  </si>
  <si>
    <t>2021BU02022317</t>
  </si>
  <si>
    <t>Rijkerswoerd-Midden</t>
  </si>
  <si>
    <t>buurt_gegeneraliseerd_2021.450bf47b-725a-40c2-b34e-60ab1dfa4eca</t>
  </si>
  <si>
    <t>BU02022318</t>
  </si>
  <si>
    <t>2021BU02022318</t>
  </si>
  <si>
    <t>Rijkerswoerd-West</t>
  </si>
  <si>
    <t>buurt_gegeneraliseerd_2021.86531ba5-a36a-46ff-8961-c792e62d6285</t>
  </si>
  <si>
    <t>BU02022319</t>
  </si>
  <si>
    <t>2021BU02022319</t>
  </si>
  <si>
    <t>De Overmaat</t>
  </si>
  <si>
    <t>buurt_gegeneraliseerd_2021.4822f912-a852-4f07-94a3-12c02fc1ebc9</t>
  </si>
  <si>
    <t>BU02022447</t>
  </si>
  <si>
    <t>2021BU02022447</t>
  </si>
  <si>
    <t>Schuytgraaf-Noord</t>
  </si>
  <si>
    <t>buurt_gegeneraliseerd_2021.d7882df8-4952-420c-8ece-ec81f517cfe6</t>
  </si>
  <si>
    <t>BU02022448</t>
  </si>
  <si>
    <t>2021BU02022448</t>
  </si>
  <si>
    <t>Schuytgraaf-Centrum</t>
  </si>
  <si>
    <t>buurt_gegeneraliseerd_2021.dd7f8c6f-bc60-4fcf-b802-435b722dfe6d</t>
  </si>
  <si>
    <t>BU02022449</t>
  </si>
  <si>
    <t>2021BU02022449</t>
  </si>
  <si>
    <t>Schuytgraaf-Zuid</t>
  </si>
  <si>
    <t>buurt_gegeneraliseerd_2021.eb720319-d7e9-4244-b445-fda862282111</t>
  </si>
  <si>
    <t>BU02035400</t>
  </si>
  <si>
    <t>2021BU02035400</t>
  </si>
  <si>
    <t>Buitengebied Barneveld</t>
  </si>
  <si>
    <t>GM0203</t>
  </si>
  <si>
    <t>buurt_gegeneraliseerd_2021.7d7d65ae-6c20-42bc-9bfd-935251f5a561</t>
  </si>
  <si>
    <t>BU02035401</t>
  </si>
  <si>
    <t>2021BU02035401</t>
  </si>
  <si>
    <t>Centrum Barneveld</t>
  </si>
  <si>
    <t>buurt_gegeneraliseerd_2021.8f18b23b-edf6-4f63-a975-bf5a4c508fea</t>
  </si>
  <si>
    <t>BU02035402</t>
  </si>
  <si>
    <t>2021BU02035402</t>
  </si>
  <si>
    <t>De Koot</t>
  </si>
  <si>
    <t>buurt_gegeneraliseerd_2021.4b8d0179-d6fb-49ca-9b1d-6dac392d2524</t>
  </si>
  <si>
    <t>BU02035403</t>
  </si>
  <si>
    <t>2021BU02035403</t>
  </si>
  <si>
    <t>buurt_gegeneraliseerd_2021.033ddb65-1930-48b2-bc58-0126cab90999</t>
  </si>
  <si>
    <t>BU02035404</t>
  </si>
  <si>
    <t>2021BU02035404</t>
  </si>
  <si>
    <t>De Lors</t>
  </si>
  <si>
    <t>buurt_gegeneraliseerd_2021.03ef69dc-0801-4986-948d-b265c90b3a40</t>
  </si>
  <si>
    <t>BU02035405</t>
  </si>
  <si>
    <t>2021BU02035405</t>
  </si>
  <si>
    <t>Staatsliedenwijk</t>
  </si>
  <si>
    <t>buurt_gegeneraliseerd_2021.08d2c95d-9034-4d19-85fa-72e470f7258c</t>
  </si>
  <si>
    <t>BU02035406</t>
  </si>
  <si>
    <t>2021BU02035406</t>
  </si>
  <si>
    <t>De Valk</t>
  </si>
  <si>
    <t>buurt_gegeneraliseerd_2021.6429eea4-d071-4f1d-8091-7ce688252a8b</t>
  </si>
  <si>
    <t>BU02035407</t>
  </si>
  <si>
    <t>2021BU02035407</t>
  </si>
  <si>
    <t>Vliegersveld</t>
  </si>
  <si>
    <t>buurt_gegeneraliseerd_2021.58e358ab-08ba-4ddf-9405-80ed51df9ad8</t>
  </si>
  <si>
    <t>BU02035408</t>
  </si>
  <si>
    <t>2021BU02035408</t>
  </si>
  <si>
    <t>Rootselaar-West</t>
  </si>
  <si>
    <t>buurt_gegeneraliseerd_2021.34484ea5-0683-45c8-bb82-62df6db935f4</t>
  </si>
  <si>
    <t>BU02035409</t>
  </si>
  <si>
    <t>2021BU02035409</t>
  </si>
  <si>
    <t>Rootselaar-Oost</t>
  </si>
  <si>
    <t>buurt_gegeneraliseerd_2021.4cb97e90-db81-4e7f-8e06-f7cbefee99df</t>
  </si>
  <si>
    <t>BU02035410</t>
  </si>
  <si>
    <t>2021BU02035410</t>
  </si>
  <si>
    <t>Oldenbarneveld</t>
  </si>
  <si>
    <t>buurt_gegeneraliseerd_2021.b8cc2636-935f-435c-a103-43c5ad0b1985</t>
  </si>
  <si>
    <t>BU02035411</t>
  </si>
  <si>
    <t>2021BU02035411</t>
  </si>
  <si>
    <t>De Vaarst</t>
  </si>
  <si>
    <t>buurt_gegeneraliseerd_2021.47514fbc-2ab2-4e9d-9f5f-91328e44ff89</t>
  </si>
  <si>
    <t>BU02035412</t>
  </si>
  <si>
    <t>2021BU02035412</t>
  </si>
  <si>
    <t>Norschoten</t>
  </si>
  <si>
    <t>buurt_gegeneraliseerd_2021.d58d93f2-f454-47e2-a1c4-3f5da6a13075</t>
  </si>
  <si>
    <t>BU02035413</t>
  </si>
  <si>
    <t>2021BU02035413</t>
  </si>
  <si>
    <t>De Briellared</t>
  </si>
  <si>
    <t>buurt_gegeneraliseerd_2021.60f6fd74-4e6d-4a4a-925f-27da3d4502e4</t>
  </si>
  <si>
    <t>BU02035414</t>
  </si>
  <si>
    <t>2021BU02035414</t>
  </si>
  <si>
    <t>De Burgt</t>
  </si>
  <si>
    <t>buurt_gegeneraliseerd_2021.3ba006c1-4b5d-41a2-8ef3-3acb1325369f</t>
  </si>
  <si>
    <t>BU02035415</t>
  </si>
  <si>
    <t>2021BU02035415</t>
  </si>
  <si>
    <t>Veller</t>
  </si>
  <si>
    <t>buurt_gegeneraliseerd_2021.b7a55794-8117-4aa4-8582-028be85e8556</t>
  </si>
  <si>
    <t>BU02035425</t>
  </si>
  <si>
    <t>2021BU02035425</t>
  </si>
  <si>
    <t>Harselaar-West</t>
  </si>
  <si>
    <t>buurt_gegeneraliseerd_2021.576cd86b-6bc2-4269-b4ec-535cfcfe7ede</t>
  </si>
  <si>
    <t>BU02035426</t>
  </si>
  <si>
    <t>2021BU02035426</t>
  </si>
  <si>
    <t>Harselaar-Oost</t>
  </si>
  <si>
    <t>buurt_gegeneraliseerd_2021.79bef17f-5d0c-49e1-b4ab-8f3b03651a1a</t>
  </si>
  <si>
    <t>BU02035530</t>
  </si>
  <si>
    <t>2021BU02035530</t>
  </si>
  <si>
    <t>Buitengebied Voorthuizen</t>
  </si>
  <si>
    <t>buurt_gegeneraliseerd_2021.008b5436-3226-4193-9e88-7b9b0659f56b</t>
  </si>
  <si>
    <t>BU02035531</t>
  </si>
  <si>
    <t>2021BU02035531</t>
  </si>
  <si>
    <t>Centrum Voorthuizen</t>
  </si>
  <si>
    <t>buurt_gegeneraliseerd_2021.581c8b51-ede7-47b9-b699-835bef09b6d4</t>
  </si>
  <si>
    <t>BU02035532</t>
  </si>
  <si>
    <t>2021BU02035532</t>
  </si>
  <si>
    <t>Haarkamp</t>
  </si>
  <si>
    <t>buurt_gegeneraliseerd_2021.9332167b-b4f7-4aa5-af01-15f676f1f9a5</t>
  </si>
  <si>
    <t>BU02035533</t>
  </si>
  <si>
    <t>2021BU02035533</t>
  </si>
  <si>
    <t>Roeleneng</t>
  </si>
  <si>
    <t>buurt_gegeneraliseerd_2021.aae5ac5c-734e-431c-a253-7b85bb30cc63</t>
  </si>
  <si>
    <t>BU02035534</t>
  </si>
  <si>
    <t>2021BU02035534</t>
  </si>
  <si>
    <t>buurt_gegeneraliseerd_2021.47d1a6bf-fe75-4e56-bff1-7cb27646eea7</t>
  </si>
  <si>
    <t>BU02035535</t>
  </si>
  <si>
    <t>2021BU02035535</t>
  </si>
  <si>
    <t>De Wheem</t>
  </si>
  <si>
    <t>buurt_gegeneraliseerd_2021.e1ed0133-333b-46c3-8e75-292da4768a0b</t>
  </si>
  <si>
    <t>BU02035536</t>
  </si>
  <si>
    <t>2021BU02035536</t>
  </si>
  <si>
    <t>De Steenkamp</t>
  </si>
  <si>
    <t>buurt_gegeneraliseerd_2021.a8bfc35f-19c5-4156-a91d-adbf9e38c1af</t>
  </si>
  <si>
    <t>BU02035537</t>
  </si>
  <si>
    <t>2021BU02035537</t>
  </si>
  <si>
    <t>buurt_gegeneraliseerd_2021.9197ab08-9fd5-4e2a-9c71-090ab934100a</t>
  </si>
  <si>
    <t>BU02035538</t>
  </si>
  <si>
    <t>2021BU02035538</t>
  </si>
  <si>
    <t>Componistenwijk</t>
  </si>
  <si>
    <t>buurt_gegeneraliseerd_2021.5d2c0e6a-002a-448c-bdeb-40118cf242f8</t>
  </si>
  <si>
    <t>BU02035539</t>
  </si>
  <si>
    <t>2021BU02035539</t>
  </si>
  <si>
    <t>De Maat</t>
  </si>
  <si>
    <t>buurt_gegeneraliseerd_2021.c94e470e-b27e-4a07-b364-e888ccf1950b</t>
  </si>
  <si>
    <t>BU02035540</t>
  </si>
  <si>
    <t>2021BU02035540</t>
  </si>
  <si>
    <t>De Kromme Akker</t>
  </si>
  <si>
    <t>buurt_gegeneraliseerd_2021.c094b2f1-3b37-4200-9c46-8d6245ac9a89</t>
  </si>
  <si>
    <t>BU02035541</t>
  </si>
  <si>
    <t>2021BU02035541</t>
  </si>
  <si>
    <t>Blankensgoed</t>
  </si>
  <si>
    <t>buurt_gegeneraliseerd_2021.2b611e7d-95fa-459b-bb55-2cd6eee7b58d</t>
  </si>
  <si>
    <t>BU02035650</t>
  </si>
  <si>
    <t>2021BU02035650</t>
  </si>
  <si>
    <t>Buitengebied Kootwijkerbroek</t>
  </si>
  <si>
    <t>buurt_gegeneraliseerd_2021.2cf8ca67-d793-47c3-8711-18e895839235</t>
  </si>
  <si>
    <t>BU02035651</t>
  </si>
  <si>
    <t>2021BU02035651</t>
  </si>
  <si>
    <t>Kootwijkerbroek</t>
  </si>
  <si>
    <t>buurt_gegeneraliseerd_2021.d17d05ff-c050-4e23-8181-9f38cdda0940</t>
  </si>
  <si>
    <t>BU02035652</t>
  </si>
  <si>
    <t>2021BU02035652</t>
  </si>
  <si>
    <t>Kootwijkerbroek-west</t>
  </si>
  <si>
    <t>buurt_gegeneraliseerd_2021.3d083637-d53f-4888-b02b-f502d0e213b6</t>
  </si>
  <si>
    <t>BU02035780</t>
  </si>
  <si>
    <t>2021BU02035780</t>
  </si>
  <si>
    <t>Buitengebied Garderen</t>
  </si>
  <si>
    <t>buurt_gegeneraliseerd_2021.93836294-c725-4f92-b8a5-e01c9e1bbf14</t>
  </si>
  <si>
    <t>BU02035781</t>
  </si>
  <si>
    <t>2021BU02035781</t>
  </si>
  <si>
    <t>Garderen</t>
  </si>
  <si>
    <t>buurt_gegeneraliseerd_2021.30e04a1a-060b-49ec-8691-338f5755ec62</t>
  </si>
  <si>
    <t>BU02035875</t>
  </si>
  <si>
    <t>2021BU02035875</t>
  </si>
  <si>
    <t>Buitengebied Terschuur</t>
  </si>
  <si>
    <t>buurt_gegeneraliseerd_2021.0c2cc891-b9b4-4add-b931-23dbe3cfa5a3</t>
  </si>
  <si>
    <t>BU02035876</t>
  </si>
  <si>
    <t>2021BU02035876</t>
  </si>
  <si>
    <t>terschuur</t>
  </si>
  <si>
    <t>buurt_gegeneraliseerd_2021.570d45fa-c8a9-468e-a81f-b37d5b892a98</t>
  </si>
  <si>
    <t>BU02035877</t>
  </si>
  <si>
    <t>2021BU02035877</t>
  </si>
  <si>
    <t>Blankenhoef</t>
  </si>
  <si>
    <t>buurt_gegeneraliseerd_2021.6507c46b-a0c6-4fe9-b73e-4b920bc26e0f</t>
  </si>
  <si>
    <t>BU02035960</t>
  </si>
  <si>
    <t>2021BU02035960</t>
  </si>
  <si>
    <t>Buitengebied Stroe</t>
  </si>
  <si>
    <t>buurt_gegeneraliseerd_2021.96fcb00f-77cb-4ffb-85b2-ac44f73fe1e4</t>
  </si>
  <si>
    <t>BU02035961</t>
  </si>
  <si>
    <t>2021BU02035961</t>
  </si>
  <si>
    <t>Stroe</t>
  </si>
  <si>
    <t>buurt_gegeneraliseerd_2021.e72ffd8f-9f3d-42a6-9618-19cfeed77990</t>
  </si>
  <si>
    <t>BU02036070</t>
  </si>
  <si>
    <t>2021BU02036070</t>
  </si>
  <si>
    <t>Buitengebied Zwartebroek</t>
  </si>
  <si>
    <t>buurt_gegeneraliseerd_2021.f78ca9ea-007d-4ca3-aa46-6c3c416c7a88</t>
  </si>
  <si>
    <t>BU02036071</t>
  </si>
  <si>
    <t>2021BU02036071</t>
  </si>
  <si>
    <t>Zwartebroek</t>
  </si>
  <si>
    <t>buurt_gegeneraliseerd_2021.ae5381cb-735f-4186-a567-55a96ecd2a53</t>
  </si>
  <si>
    <t>BU02036190</t>
  </si>
  <si>
    <t>2021BU02036190</t>
  </si>
  <si>
    <t>Buitengebied De Glind</t>
  </si>
  <si>
    <t>buurt_gegeneraliseerd_2021.d9c0da01-3c88-440f-a95a-2e724fdaf420</t>
  </si>
  <si>
    <t>BU02036191</t>
  </si>
  <si>
    <t>2021BU02036191</t>
  </si>
  <si>
    <t>De Glind</t>
  </si>
  <si>
    <t>buurt_gegeneraliseerd_2021.a25d895b-ec7b-4d3d-8e58-eab800259609</t>
  </si>
  <si>
    <t>BU02036265</t>
  </si>
  <si>
    <t>2021BU02036265</t>
  </si>
  <si>
    <t>Buitengebied kootwijk</t>
  </si>
  <si>
    <t>buurt_gegeneraliseerd_2021.f8eba89a-f8f7-4d2c-8a8b-30ecda0944fa</t>
  </si>
  <si>
    <t>BU02036266</t>
  </si>
  <si>
    <t>2021BU02036266</t>
  </si>
  <si>
    <t>Kootwijk</t>
  </si>
  <si>
    <t>buurt_gegeneraliseerd_2021.1279824b-88d1-4170-abbc-0a95fe1c1a1a</t>
  </si>
  <si>
    <t>BU02036395</t>
  </si>
  <si>
    <t>2021BU02036395</t>
  </si>
  <si>
    <t>Buitengebied Achterveld</t>
  </si>
  <si>
    <t>buurt_gegeneraliseerd_2021.1e520928-bb02-46e6-9f62-3d5bd6560dba</t>
  </si>
  <si>
    <t>BU02090100</t>
  </si>
  <si>
    <t>2021BU02090100</t>
  </si>
  <si>
    <t>Beuningen-Buitengebied Noord</t>
  </si>
  <si>
    <t>GM0209</t>
  </si>
  <si>
    <t>buurt_gegeneraliseerd_2021.62a9da8a-a91e-4157-9cfb-9bc3512b0a4a</t>
  </si>
  <si>
    <t>BU02090101</t>
  </si>
  <si>
    <t>2021BU02090101</t>
  </si>
  <si>
    <t>Beuningen-Buitengebied Zuid</t>
  </si>
  <si>
    <t>buurt_gegeneraliseerd_2021.b69e72e1-567a-4a01-8d75-8314e07d4114</t>
  </si>
  <si>
    <t>BU02090110</t>
  </si>
  <si>
    <t>2021BU02090110</t>
  </si>
  <si>
    <t>Beuningen-Beuningse Plas Plas</t>
  </si>
  <si>
    <t>buurt_gegeneraliseerd_2021.697c0d15-3265-4389-bd6c-a9268d66aa30</t>
  </si>
  <si>
    <t>BU02090111</t>
  </si>
  <si>
    <t>2021BU02090111</t>
  </si>
  <si>
    <t>Beuningen-Centrum</t>
  </si>
  <si>
    <t>buurt_gegeneraliseerd_2021.fbf2b351-2f61-4d14-8d48-bd17d2cce465</t>
  </si>
  <si>
    <t>BU02090112</t>
  </si>
  <si>
    <t>2021BU02090112</t>
  </si>
  <si>
    <t>Beuningen-Centrum Oost</t>
  </si>
  <si>
    <t>buurt_gegeneraliseerd_2021.8abe5dda-193e-4115-aee5-e85df0b981b8</t>
  </si>
  <si>
    <t>BU02090113</t>
  </si>
  <si>
    <t>2021BU02090113</t>
  </si>
  <si>
    <t>Beuningen-De Haaghe</t>
  </si>
  <si>
    <t>buurt_gegeneraliseerd_2021.a9f23f82-ad36-4a2c-8ea6-d74c45d05747</t>
  </si>
  <si>
    <t>BU02090114</t>
  </si>
  <si>
    <t>2021BU02090114</t>
  </si>
  <si>
    <t>Beuningen-De Notenhof</t>
  </si>
  <si>
    <t>buurt_gegeneraliseerd_2021.f6d0df3c-505f-4542-b12f-bea60957dcfc</t>
  </si>
  <si>
    <t>BU02090121</t>
  </si>
  <si>
    <t>2021BU02090121</t>
  </si>
  <si>
    <t>Beuningen-Duivenkamp</t>
  </si>
  <si>
    <t>buurt_gegeneraliseerd_2021.568073c7-b67e-4217-ae6b-8092af675f53</t>
  </si>
  <si>
    <t>BU02090122</t>
  </si>
  <si>
    <t>2021BU02090122</t>
  </si>
  <si>
    <t>Beuningen-De Linde</t>
  </si>
  <si>
    <t>buurt_gegeneraliseerd_2021.3b1e1f06-0ff5-4c2d-b603-045ed0192780</t>
  </si>
  <si>
    <t>BU02090123</t>
  </si>
  <si>
    <t>2021BU02090123</t>
  </si>
  <si>
    <t>Beuningen-Hoeve-1</t>
  </si>
  <si>
    <t>buurt_gegeneraliseerd_2021.b8daefc0-af4f-45dc-a834-e5fb4f3b2cc0</t>
  </si>
  <si>
    <t>BU02090124</t>
  </si>
  <si>
    <t>2021BU02090124</t>
  </si>
  <si>
    <t>Beuningen-Hoeve-2</t>
  </si>
  <si>
    <t>buurt_gegeneraliseerd_2021.3ae53c5c-f177-41ec-9afa-034fa4a6e2b2</t>
  </si>
  <si>
    <t>BU02090125</t>
  </si>
  <si>
    <t>2021BU02090125</t>
  </si>
  <si>
    <t>Beuningen-Hoeve-3</t>
  </si>
  <si>
    <t>buurt_gegeneraliseerd_2021.8c180d45-dead-49e4-9f4c-2deb1fe48e2c</t>
  </si>
  <si>
    <t>BU02090126</t>
  </si>
  <si>
    <t>2021BU02090126</t>
  </si>
  <si>
    <t>Beuningen-De Hutgraaf</t>
  </si>
  <si>
    <t>buurt_gegeneraliseerd_2021.b41c02ab-0bab-424f-8f56-bb17c0c76dd5</t>
  </si>
  <si>
    <t>BU02090131</t>
  </si>
  <si>
    <t>2021BU02090131</t>
  </si>
  <si>
    <t>Beuningen-Schoenaker</t>
  </si>
  <si>
    <t>buurt_gegeneraliseerd_2021.3d17df64-8a76-4f23-b562-834b5f15210a</t>
  </si>
  <si>
    <t>BU02090141</t>
  </si>
  <si>
    <t>2021BU02090141</t>
  </si>
  <si>
    <t>Beuningen-Aalsterveld</t>
  </si>
  <si>
    <t>buurt_gegeneraliseerd_2021.3be6bafb-295a-4d0a-9f78-690b8bb93a56</t>
  </si>
  <si>
    <t>BU02090142</t>
  </si>
  <si>
    <t>2021BU02090142</t>
  </si>
  <si>
    <t>Beuningen-Olden Tempel</t>
  </si>
  <si>
    <t>buurt_gegeneraliseerd_2021.34246da1-c156-4882-9a2b-108061c3e6f0</t>
  </si>
  <si>
    <t>BU02090143</t>
  </si>
  <si>
    <t>2021BU02090143</t>
  </si>
  <si>
    <t>Beuningen-Blanckenburgh</t>
  </si>
  <si>
    <t>buurt_gegeneraliseerd_2021.87a392d7-3684-4e39-b6af-4b98a66b6b3f</t>
  </si>
  <si>
    <t>BU02090144</t>
  </si>
  <si>
    <t>2021BU02090144</t>
  </si>
  <si>
    <t>Beuningen-Viermorgen</t>
  </si>
  <si>
    <t>buurt_gegeneraliseerd_2021.1ea9b401-e0c1-4c4b-96f9-1df3b835e346</t>
  </si>
  <si>
    <t>BU02090145</t>
  </si>
  <si>
    <t>2021BU02090145</t>
  </si>
  <si>
    <t>Beuningen-Tinnegieter</t>
  </si>
  <si>
    <t>buurt_gegeneraliseerd_2021.e4424940-e1b8-40e0-8a5b-93b5b53d0934</t>
  </si>
  <si>
    <t>BU02090146</t>
  </si>
  <si>
    <t>2021BU02090146</t>
  </si>
  <si>
    <t>Beuningen-Den Balmerd</t>
  </si>
  <si>
    <t>buurt_gegeneraliseerd_2021.53357bcf-594b-4ad7-9ecf-c29d889d0bab</t>
  </si>
  <si>
    <t>BU02090147</t>
  </si>
  <si>
    <t>2021BU02090147</t>
  </si>
  <si>
    <t>Beuningen-Sportpark De Ooigraaf</t>
  </si>
  <si>
    <t>buurt_gegeneraliseerd_2021.c3b634ef-0980-42c2-9e95-8f2bfdcc074c</t>
  </si>
  <si>
    <t>BU02090151</t>
  </si>
  <si>
    <t>2021BU02090151</t>
  </si>
  <si>
    <t>Beuningen-Heuve-1</t>
  </si>
  <si>
    <t>buurt_gegeneraliseerd_2021.f4e83db9-2715-4a24-a821-630ed99a2f87</t>
  </si>
  <si>
    <t>BU02090152</t>
  </si>
  <si>
    <t>2021BU02090152</t>
  </si>
  <si>
    <t>Beuningen-Heuve-2</t>
  </si>
  <si>
    <t>buurt_gegeneraliseerd_2021.3d760e8e-b821-446c-a521-00f8115f18f5</t>
  </si>
  <si>
    <t>BU02090153</t>
  </si>
  <si>
    <t>2021BU02090153</t>
  </si>
  <si>
    <t>Beuningen-Heuve-3</t>
  </si>
  <si>
    <t>buurt_gegeneraliseerd_2021.21ca9c48-c7d0-4276-a85e-e7fafd3a0e7c</t>
  </si>
  <si>
    <t>BU02090154</t>
  </si>
  <si>
    <t>2021BU02090154</t>
  </si>
  <si>
    <t>Beuningen-Heuve-4</t>
  </si>
  <si>
    <t>buurt_gegeneraliseerd_2021.1d3fa0e3-9c68-485f-8d7e-9b1955cc9cb0</t>
  </si>
  <si>
    <t>BU02090161</t>
  </si>
  <si>
    <t>2021BU02090161</t>
  </si>
  <si>
    <t>Beuningen-Beuningse Plas</t>
  </si>
  <si>
    <t>buurt_gegeneraliseerd_2021.1ef06369-b492-43d0-8e3e-d2d6d06737bf</t>
  </si>
  <si>
    <t>BU02090202</t>
  </si>
  <si>
    <t>2021BU02090202</t>
  </si>
  <si>
    <t>Ewijk-Buitengebied Noord-1</t>
  </si>
  <si>
    <t>buurt_gegeneraliseerd_2021.c10e5cf3-3112-4fe5-82d2-d2bff06cf49a</t>
  </si>
  <si>
    <t>BU02090203</t>
  </si>
  <si>
    <t>2021BU02090203</t>
  </si>
  <si>
    <t>Ewijk-Buitengebied Zuid-1</t>
  </si>
  <si>
    <t>buurt_gegeneraliseerd_2021.4fa445ac-d2b0-4a45-9894-c7b83d03cee5</t>
  </si>
  <si>
    <t>BU02090204</t>
  </si>
  <si>
    <t>2021BU02090204</t>
  </si>
  <si>
    <t>Ewijk-Buitengebied Zuid-2</t>
  </si>
  <si>
    <t>buurt_gegeneraliseerd_2021.e0149af2-802a-4994-a95e-ea099995405b</t>
  </si>
  <si>
    <t>BU02090271</t>
  </si>
  <si>
    <t>2021BU02090271</t>
  </si>
  <si>
    <t>Ewijk-Centrum</t>
  </si>
  <si>
    <t>buurt_gegeneraliseerd_2021.677b3260-ef76-4274-9b0b-f0d83a8be1d4</t>
  </si>
  <si>
    <t>BU02090272</t>
  </si>
  <si>
    <t>2021BU02090272</t>
  </si>
  <si>
    <t>Ewijk-Vording-2</t>
  </si>
  <si>
    <t>buurt_gegeneraliseerd_2021.8b8c2f40-4c3a-481b-bbfe-3a33fc075570</t>
  </si>
  <si>
    <t>BU02090273</t>
  </si>
  <si>
    <t>2021BU02090273</t>
  </si>
  <si>
    <t>Ewijk-Vording-3</t>
  </si>
  <si>
    <t>buurt_gegeneraliseerd_2021.87fde412-b874-4122-9a07-bc3be8832f0c</t>
  </si>
  <si>
    <t>BU02090274</t>
  </si>
  <si>
    <t>2021BU02090274</t>
  </si>
  <si>
    <t>Ewijk-Veluwstraat</t>
  </si>
  <si>
    <t>buurt_gegeneraliseerd_2021.0d0e5977-9098-4e7c-85a7-261ea3a12ceb</t>
  </si>
  <si>
    <t>BU02090275</t>
  </si>
  <si>
    <t>2021BU02090275</t>
  </si>
  <si>
    <t>Ewijk-Keizershoeve</t>
  </si>
  <si>
    <t>buurt_gegeneraliseerd_2021.068ee71c-1abb-431b-856d-b6acf98c6cf0</t>
  </si>
  <si>
    <t>BU02090276</t>
  </si>
  <si>
    <t>2021BU02090276</t>
  </si>
  <si>
    <t>Ewijk-Den Elt</t>
  </si>
  <si>
    <t>buurt_gegeneraliseerd_2021.c2eed100-d42d-44b6-a9b9-21409b08e427</t>
  </si>
  <si>
    <t>BU02090305</t>
  </si>
  <si>
    <t>2021BU02090305</t>
  </si>
  <si>
    <t>Weurt-Buitengebied Noord</t>
  </si>
  <si>
    <t>buurt_gegeneraliseerd_2021.bf46ea0b-64ea-47b3-8e72-6c951aa2f8d0</t>
  </si>
  <si>
    <t>BU02090306</t>
  </si>
  <si>
    <t>2021BU02090306</t>
  </si>
  <si>
    <t>Weurt-Buitengebied Zuid</t>
  </si>
  <si>
    <t>buurt_gegeneraliseerd_2021.80ca223b-c55f-43eb-820d-c23bb3507bbb</t>
  </si>
  <si>
    <t>BU02090381</t>
  </si>
  <si>
    <t>2021BU02090381</t>
  </si>
  <si>
    <t>Weurt-Noord</t>
  </si>
  <si>
    <t>buurt_gegeneraliseerd_2021.31cbb5cc-d0ed-406a-a03f-c2c759c1dc35</t>
  </si>
  <si>
    <t>BU02090382</t>
  </si>
  <si>
    <t>2021BU02090382</t>
  </si>
  <si>
    <t>Weurt-Zuid</t>
  </si>
  <si>
    <t>buurt_gegeneraliseerd_2021.c725eb10-868d-4a22-a448-c1057e80b462</t>
  </si>
  <si>
    <t>BU02090383</t>
  </si>
  <si>
    <t>2021BU02090383</t>
  </si>
  <si>
    <t>Weurt-De Sluis</t>
  </si>
  <si>
    <t>buurt_gegeneraliseerd_2021.46333596-e653-41e3-aed5-bcfe25a7ed8f</t>
  </si>
  <si>
    <t>BU02090407</t>
  </si>
  <si>
    <t>2021BU02090407</t>
  </si>
  <si>
    <t>Winssen-Buitengebied Noord</t>
  </si>
  <si>
    <t>buurt_gegeneraliseerd_2021.e921cff8-75a0-42d0-923c-a791b929c27d</t>
  </si>
  <si>
    <t>BU02090408</t>
  </si>
  <si>
    <t>2021BU02090408</t>
  </si>
  <si>
    <t>Winssen-Buitengebied Zuid-1</t>
  </si>
  <si>
    <t>buurt_gegeneraliseerd_2021.df971b8f-a4fb-42b8-9cae-e1bdba6fd3a8</t>
  </si>
  <si>
    <t>BU02090409</t>
  </si>
  <si>
    <t>2021BU02090409</t>
  </si>
  <si>
    <t>Winssen-Buitengebied Zuid-2</t>
  </si>
  <si>
    <t>buurt_gegeneraliseerd_2021.f7d2ad17-ee16-47aa-be5f-c38a5dd694fd</t>
  </si>
  <si>
    <t>BU02090491</t>
  </si>
  <si>
    <t>2021BU02090491</t>
  </si>
  <si>
    <t>Winssen-Centrum</t>
  </si>
  <si>
    <t>buurt_gegeneraliseerd_2021.c72f74f0-97fa-4abb-a16a-1460d6c7d034</t>
  </si>
  <si>
    <t>BU02130100</t>
  </si>
  <si>
    <t>2021BU02130100</t>
  </si>
  <si>
    <t>Empe Kern</t>
  </si>
  <si>
    <t>GM0213</t>
  </si>
  <si>
    <t>buurt_gegeneraliseerd_2021.6a6b824c-0ebc-4ff7-8911-e683948ebd5a</t>
  </si>
  <si>
    <t>BU02130101</t>
  </si>
  <si>
    <t>2021BU02130101</t>
  </si>
  <si>
    <t>Verspreide huizen Empe</t>
  </si>
  <si>
    <t>buurt_gegeneraliseerd_2021.c99d34a9-7727-4c5e-bcdb-0c3636ad1e7d</t>
  </si>
  <si>
    <t>BU02130102</t>
  </si>
  <si>
    <t>2021BU02130102</t>
  </si>
  <si>
    <t>Dovenkamp</t>
  </si>
  <si>
    <t>buurt_gegeneraliseerd_2021.280a487f-246d-43ed-95f7-2788965ecfbc</t>
  </si>
  <si>
    <t>BU02130200</t>
  </si>
  <si>
    <t>2021BU02130200</t>
  </si>
  <si>
    <t>Tonden</t>
  </si>
  <si>
    <t>buurt_gegeneraliseerd_2021.df661c64-225d-469e-b784-c9a774968589</t>
  </si>
  <si>
    <t>BU02130300</t>
  </si>
  <si>
    <t>2021BU02130300</t>
  </si>
  <si>
    <t>Brummen Centrum</t>
  </si>
  <si>
    <t>buurt_gegeneraliseerd_2021.7caf1b2b-25bc-4a1f-8f60-4b89fc412cd1</t>
  </si>
  <si>
    <t>BU02130301</t>
  </si>
  <si>
    <t>2021BU02130301</t>
  </si>
  <si>
    <t>Brummense Enk West</t>
  </si>
  <si>
    <t>buurt_gegeneraliseerd_2021.b0d34107-75c4-424d-a787-e86700de105b</t>
  </si>
  <si>
    <t>BU02130302</t>
  </si>
  <si>
    <t>2021BU02130302</t>
  </si>
  <si>
    <t>Brummense Enk Oost</t>
  </si>
  <si>
    <t>buurt_gegeneraliseerd_2021.f374107a-ac6f-4209-aae9-ca0bcabb51b3</t>
  </si>
  <si>
    <t>BU02130303</t>
  </si>
  <si>
    <t>2021BU02130303</t>
  </si>
  <si>
    <t>De Pothof</t>
  </si>
  <si>
    <t>buurt_gegeneraliseerd_2021.bbe3640a-8633-49d2-99b0-04ddcff82e93</t>
  </si>
  <si>
    <t>BU02130304</t>
  </si>
  <si>
    <t>2021BU02130304</t>
  </si>
  <si>
    <t>Koppelenburg</t>
  </si>
  <si>
    <t>buurt_gegeneraliseerd_2021.c274af12-746f-4167-a3c6-3ce3d0670ec2</t>
  </si>
  <si>
    <t>BU02130305</t>
  </si>
  <si>
    <t>2021BU02130305</t>
  </si>
  <si>
    <t>Verspreide huizen Brummen</t>
  </si>
  <si>
    <t>buurt_gegeneraliseerd_2021.324aa959-abc0-4672-8fca-35f9faa9e9ab</t>
  </si>
  <si>
    <t>BU02130306</t>
  </si>
  <si>
    <t>2021BU02130306</t>
  </si>
  <si>
    <t>Rhienderen Kern</t>
  </si>
  <si>
    <t>buurt_gegeneraliseerd_2021.29b4e301-b14b-410b-9e02-c449101af112</t>
  </si>
  <si>
    <t>BU02130307</t>
  </si>
  <si>
    <t>2021BU02130307</t>
  </si>
  <si>
    <t>Rhienderen Noord</t>
  </si>
  <si>
    <t>buurt_gegeneraliseerd_2021.a40a1c99-56fb-4341-a4d5-5eaa9b4d3e98</t>
  </si>
  <si>
    <t>BU02130308</t>
  </si>
  <si>
    <t>2021BU02130308</t>
  </si>
  <si>
    <t>Rhienderense Enk</t>
  </si>
  <si>
    <t>buurt_gegeneraliseerd_2021.69535eb5-d987-4a70-9d63-360dfce3a77c</t>
  </si>
  <si>
    <t>BU02130309</t>
  </si>
  <si>
    <t>2021BU02130309</t>
  </si>
  <si>
    <t>Elzenbos</t>
  </si>
  <si>
    <t>buurt_gegeneraliseerd_2021.30fab781-8393-4395-be77-b7517c44110c</t>
  </si>
  <si>
    <t>BU02130310</t>
  </si>
  <si>
    <t>2021BU02130310</t>
  </si>
  <si>
    <t>Hazenberg</t>
  </si>
  <si>
    <t>buurt_gegeneraliseerd_2021.9883671b-61b8-4041-ad28-bff2e8ed7ff0</t>
  </si>
  <si>
    <t>BU02130311</t>
  </si>
  <si>
    <t>2021BU02130311</t>
  </si>
  <si>
    <t>Verspreide huizen Rhienderen</t>
  </si>
  <si>
    <t>buurt_gegeneraliseerd_2021.0fd2d636-f506-47ef-96db-f9de1d14cf75</t>
  </si>
  <si>
    <t>BU02130312</t>
  </si>
  <si>
    <t>2021BU02130312</t>
  </si>
  <si>
    <t>Rhienderense Broek</t>
  </si>
  <si>
    <t>buurt_gegeneraliseerd_2021.559cd191-7570-4d2e-b5bc-5ca7cc826095</t>
  </si>
  <si>
    <t>BU02130313</t>
  </si>
  <si>
    <t>2021BU02130313</t>
  </si>
  <si>
    <t>Oeken kern</t>
  </si>
  <si>
    <t>buurt_gegeneraliseerd_2021.1a21f9ad-8c28-4f21-bc24-9f4bcc3ec4ed</t>
  </si>
  <si>
    <t>BU02130314</t>
  </si>
  <si>
    <t>2021BU02130314</t>
  </si>
  <si>
    <t>Verspreide huizen Oeken</t>
  </si>
  <si>
    <t>buurt_gegeneraliseerd_2021.99545324-3d97-4f30-98ef-9e493eb79a93</t>
  </si>
  <si>
    <t>BU02130315</t>
  </si>
  <si>
    <t>2021BU02130315</t>
  </si>
  <si>
    <t>Wapsum</t>
  </si>
  <si>
    <t>buurt_gegeneraliseerd_2021.dbfe17e5-59f0-4f62-859f-0e0147dac1ea</t>
  </si>
  <si>
    <t>BU02130316</t>
  </si>
  <si>
    <t>2021BU02130316</t>
  </si>
  <si>
    <t>Voorstonden</t>
  </si>
  <si>
    <t>buurt_gegeneraliseerd_2021.95bc68bf-f599-464b-9d83-afe26d4bd96f</t>
  </si>
  <si>
    <t>BU02130317</t>
  </si>
  <si>
    <t>2021BU02130317</t>
  </si>
  <si>
    <t>Cortenoever</t>
  </si>
  <si>
    <t>buurt_gegeneraliseerd_2021.bb9715d3-2c23-443d-983e-14c013fded8e</t>
  </si>
  <si>
    <t>BU02130400</t>
  </si>
  <si>
    <t>2021BU02130400</t>
  </si>
  <si>
    <t>Leuvenheim kern</t>
  </si>
  <si>
    <t>buurt_gegeneraliseerd_2021.9c3e35eb-e76d-42bb-af1f-fc642d5c08a3</t>
  </si>
  <si>
    <t>BU02130401</t>
  </si>
  <si>
    <t>2021BU02130401</t>
  </si>
  <si>
    <t>Verspreide huizen Leuvenheim</t>
  </si>
  <si>
    <t>buurt_gegeneraliseerd_2021.6b89588a-cc23-45e2-8fb2-51a31dac916c</t>
  </si>
  <si>
    <t>BU02130402</t>
  </si>
  <si>
    <t>2021BU02130402</t>
  </si>
  <si>
    <t>Lichtenbelt</t>
  </si>
  <si>
    <t>buurt_gegeneraliseerd_2021.41a9c44d-716e-4ebb-be6f-855acc85ddfc</t>
  </si>
  <si>
    <t>BU02130500</t>
  </si>
  <si>
    <t>2021BU02130500</t>
  </si>
  <si>
    <t>Hall kern</t>
  </si>
  <si>
    <t>buurt_gegeneraliseerd_2021.6ef69857-97de-4c7b-8a12-fb868d49e5a9</t>
  </si>
  <si>
    <t>BU02130501</t>
  </si>
  <si>
    <t>2021BU02130501</t>
  </si>
  <si>
    <t>Verspreide huizen Hall</t>
  </si>
  <si>
    <t>buurt_gegeneraliseerd_2021.4a25340c-6cf1-4966-a1b2-9d6ab8e4790d</t>
  </si>
  <si>
    <t>BU02130502</t>
  </si>
  <si>
    <t>2021BU02130502</t>
  </si>
  <si>
    <t>Cellenrijk</t>
  </si>
  <si>
    <t>buurt_gegeneraliseerd_2021.5b5b4a08-e997-4fa0-b39e-ca444dcbb7c2</t>
  </si>
  <si>
    <t>BU02130600</t>
  </si>
  <si>
    <t>2021BU02130600</t>
  </si>
  <si>
    <t>Eerbeek centrum</t>
  </si>
  <si>
    <t>buurt_gegeneraliseerd_2021.99d48364-ba30-4842-aea5-b9632405be79</t>
  </si>
  <si>
    <t>BU02130601</t>
  </si>
  <si>
    <t>2021BU02130601</t>
  </si>
  <si>
    <t>buurt_gegeneraliseerd_2021.216022c9-c585-4fef-a85d-d95b6984f8e3</t>
  </si>
  <si>
    <t>BU02130602</t>
  </si>
  <si>
    <t>2021BU02130602</t>
  </si>
  <si>
    <t>Noorder Enk</t>
  </si>
  <si>
    <t>buurt_gegeneraliseerd_2021.78d0b959-b12c-4543-bc7a-4daeaca57554</t>
  </si>
  <si>
    <t>BU02130603</t>
  </si>
  <si>
    <t>2021BU02130603</t>
  </si>
  <si>
    <t>Werfakker</t>
  </si>
  <si>
    <t>buurt_gegeneraliseerd_2021.200c5175-c885-4c1d-b333-bd926e7fc75f</t>
  </si>
  <si>
    <t>BU02130604</t>
  </si>
  <si>
    <t>2021BU02130604</t>
  </si>
  <si>
    <t>Veldkant</t>
  </si>
  <si>
    <t>buurt_gegeneraliseerd_2021.08a448bc-7e30-4ceb-b794-612377c3f94a</t>
  </si>
  <si>
    <t>BU02130605</t>
  </si>
  <si>
    <t>2021BU02130605</t>
  </si>
  <si>
    <t>Eerbeekse Enk</t>
  </si>
  <si>
    <t>buurt_gegeneraliseerd_2021.0c6576de-95aa-4416-a147-c9066d012a5a</t>
  </si>
  <si>
    <t>BU02130606</t>
  </si>
  <si>
    <t>2021BU02130606</t>
  </si>
  <si>
    <t>Eerbeek Zuid</t>
  </si>
  <si>
    <t>buurt_gegeneraliseerd_2021.a8338af5-663e-4f77-9fe1-3b40d846dc77</t>
  </si>
  <si>
    <t>BU02130607</t>
  </si>
  <si>
    <t>2021BU02130607</t>
  </si>
  <si>
    <t>Het Hungeling</t>
  </si>
  <si>
    <t>buurt_gegeneraliseerd_2021.72741441-c28b-4866-8b65-e535ff14848f</t>
  </si>
  <si>
    <t>BU02130608</t>
  </si>
  <si>
    <t>2021BU02130608</t>
  </si>
  <si>
    <t>Wilhelminapark</t>
  </si>
  <si>
    <t>buurt_gegeneraliseerd_2021.848bf527-df51-42fe-ba44-357c992f43d7</t>
  </si>
  <si>
    <t>BU02130609</t>
  </si>
  <si>
    <t>2021BU02130609</t>
  </si>
  <si>
    <t>Verspreide huizen Eerbeek</t>
  </si>
  <si>
    <t>buurt_gegeneraliseerd_2021.f267500a-6481-47f0-ab9a-6fae5fb73a00</t>
  </si>
  <si>
    <t>BU02130610</t>
  </si>
  <si>
    <t>2021BU02130610</t>
  </si>
  <si>
    <t>Coldenhove</t>
  </si>
  <si>
    <t>buurt_gegeneraliseerd_2021.b5149e24-60e9-4643-92f9-67e800bb183a</t>
  </si>
  <si>
    <t>BU02140000</t>
  </si>
  <si>
    <t>2021BU02140000</t>
  </si>
  <si>
    <t>Buren-Oude Kern</t>
  </si>
  <si>
    <t>GM0214</t>
  </si>
  <si>
    <t>buurt_gegeneraliseerd_2021.eca2ee8e-9931-4f6c-a6b7-a4ef01bb911a</t>
  </si>
  <si>
    <t>BU02140001</t>
  </si>
  <si>
    <t>2021BU02140001</t>
  </si>
  <si>
    <t>Buren Appelenboomgaard</t>
  </si>
  <si>
    <t>buurt_gegeneraliseerd_2021.d4b0199e-3ac4-41f7-b4b6-26f2bf3afe02</t>
  </si>
  <si>
    <t>BU02140002</t>
  </si>
  <si>
    <t>2021BU02140002</t>
  </si>
  <si>
    <t>Buren Tielseweg</t>
  </si>
  <si>
    <t>buurt_gegeneraliseerd_2021.2116c326-fed6-4ae8-b1d9-30a47b94e911</t>
  </si>
  <si>
    <t>BU02140003</t>
  </si>
  <si>
    <t>2021BU02140003</t>
  </si>
  <si>
    <t>Asch</t>
  </si>
  <si>
    <t>buurt_gegeneraliseerd_2021.cf51dd4e-3d6c-4158-943d-7d1095237623</t>
  </si>
  <si>
    <t>BU02140004</t>
  </si>
  <si>
    <t>2021BU02140004</t>
  </si>
  <si>
    <t>Erichem</t>
  </si>
  <si>
    <t>buurt_gegeneraliseerd_2021.0cdba3ec-3bf2-4aab-ac79-3536e290310b</t>
  </si>
  <si>
    <t>BU02140006</t>
  </si>
  <si>
    <t>2021BU02140006</t>
  </si>
  <si>
    <t>Verspreide huizen poldergebied Buurmalsen</t>
  </si>
  <si>
    <t>buurt_gegeneraliseerd_2021.c1c33d83-899f-48d7-bfa7-66cae2a8bdef</t>
  </si>
  <si>
    <t>BU02140007</t>
  </si>
  <si>
    <t>2021BU02140007</t>
  </si>
  <si>
    <t>Verspreide huizen Erichem</t>
  </si>
  <si>
    <t>buurt_gegeneraliseerd_2021.b887ffe1-16a6-4a97-a11b-173ad4a3d84c</t>
  </si>
  <si>
    <t>BU02140008</t>
  </si>
  <si>
    <t>2021BU02140008</t>
  </si>
  <si>
    <t>Verspreide huizen Asch</t>
  </si>
  <si>
    <t>buurt_gegeneraliseerd_2021.333d04f8-7b7f-4a9a-9dce-5ed1dffcb0c5</t>
  </si>
  <si>
    <t>BU02140009</t>
  </si>
  <si>
    <t>2021BU02140009</t>
  </si>
  <si>
    <t>Verspreide huizen Buren</t>
  </si>
  <si>
    <t>buurt_gegeneraliseerd_2021.6041e2bf-c022-4b87-ad5c-7f757a930865</t>
  </si>
  <si>
    <t>BU02140100</t>
  </si>
  <si>
    <t>2021BU02140100</t>
  </si>
  <si>
    <t>Beusichem</t>
  </si>
  <si>
    <t>buurt_gegeneraliseerd_2021.2b409d14-3865-4d82-b24d-0097b9419cf6</t>
  </si>
  <si>
    <t>BU02140101</t>
  </si>
  <si>
    <t>2021BU02140101</t>
  </si>
  <si>
    <t>Zoelmond</t>
  </si>
  <si>
    <t>buurt_gegeneraliseerd_2021.303a6db2-d56e-49c4-b958-6caa83f36bc0</t>
  </si>
  <si>
    <t>BU02140109</t>
  </si>
  <si>
    <t>2021BU02140109</t>
  </si>
  <si>
    <t>Verspreide huizen Beusichem en Zoelmond</t>
  </si>
  <si>
    <t>buurt_gegeneraliseerd_2021.c01452ab-3c17-46c0-845f-e5d7d6771e59</t>
  </si>
  <si>
    <t>BU02140200</t>
  </si>
  <si>
    <t>2021BU02140200</t>
  </si>
  <si>
    <t>Zoelen</t>
  </si>
  <si>
    <t>buurt_gegeneraliseerd_2021.c1eed3f8-7b3e-4ed0-a2f5-1145d4e94a64</t>
  </si>
  <si>
    <t>BU02140201</t>
  </si>
  <si>
    <t>2021BU02140201</t>
  </si>
  <si>
    <t>Kerk Avezaath</t>
  </si>
  <si>
    <t>buurt_gegeneraliseerd_2021.b6fdd01b-ad3f-4702-8aad-303fe2631b5c</t>
  </si>
  <si>
    <t>BU02140202</t>
  </si>
  <si>
    <t>2021BU02140202</t>
  </si>
  <si>
    <t>De Woerd</t>
  </si>
  <si>
    <t>buurt_gegeneraliseerd_2021.9485be88-bd14-49ac-b272-5c53e232e869</t>
  </si>
  <si>
    <t>BU02140206</t>
  </si>
  <si>
    <t>2021BU02140206</t>
  </si>
  <si>
    <t>Verspreide huizen ten oosten van kanaal</t>
  </si>
  <si>
    <t>buurt_gegeneraliseerd_2021.67421c9c-f793-4d18-ba81-757966fff9a8</t>
  </si>
  <si>
    <t>BU02140207</t>
  </si>
  <si>
    <t>2021BU02140207</t>
  </si>
  <si>
    <t>Verspreide huizen Zoelen</t>
  </si>
  <si>
    <t>buurt_gegeneraliseerd_2021.fcc45b78-c162-45c2-8c66-261c0508fb8e</t>
  </si>
  <si>
    <t>BU02140208</t>
  </si>
  <si>
    <t>2021BU02140208</t>
  </si>
  <si>
    <t>Verspreide huizen Kerk Avezaath</t>
  </si>
  <si>
    <t>buurt_gegeneraliseerd_2021.5cf42689-b49d-42e0-94a1-530327106059</t>
  </si>
  <si>
    <t>BU02140209</t>
  </si>
  <si>
    <t>2021BU02140209</t>
  </si>
  <si>
    <t>Verspreide huizen Kapel Avezaath</t>
  </si>
  <si>
    <t>buurt_gegeneraliseerd_2021.a77d1a1b-bc9c-4780-b148-a8422e7e211a</t>
  </si>
  <si>
    <t>BU02140300</t>
  </si>
  <si>
    <t>2021BU02140300</t>
  </si>
  <si>
    <t>Lienden</t>
  </si>
  <si>
    <t>buurt_gegeneraliseerd_2021.ba5bd3c4-cfe1-4507-914a-a427204ba487</t>
  </si>
  <si>
    <t>BU02140301</t>
  </si>
  <si>
    <t>2021BU02140301</t>
  </si>
  <si>
    <t>Ommeren met Den Eng</t>
  </si>
  <si>
    <t>buurt_gegeneraliseerd_2021.37d0bd7d-c864-453f-a9a4-41c71a317889</t>
  </si>
  <si>
    <t>BU02140305</t>
  </si>
  <si>
    <t>2021BU02140305</t>
  </si>
  <si>
    <t>Ommerveld en verspreide huizen polder Meerten</t>
  </si>
  <si>
    <t>buurt_gegeneraliseerd_2021.dc08e355-5fe6-4bb4-9869-07785696b83a</t>
  </si>
  <si>
    <t>BU02140306</t>
  </si>
  <si>
    <t>2021BU02140306</t>
  </si>
  <si>
    <t>Verspreide huizen Aalst Leutes polder Aalst</t>
  </si>
  <si>
    <t>buurt_gegeneraliseerd_2021.8cb258c8-7ff6-4974-9934-69e4bd959588</t>
  </si>
  <si>
    <t>BU02140307</t>
  </si>
  <si>
    <t>2021BU02140307</t>
  </si>
  <si>
    <t>Verspreide huizen De Mars en Marsdijk</t>
  </si>
  <si>
    <t>buurt_gegeneraliseerd_2021.b28ab2ba-0db5-4bbe-a926-a6bbdc7d6157</t>
  </si>
  <si>
    <t>BU02140308</t>
  </si>
  <si>
    <t>2021BU02140308</t>
  </si>
  <si>
    <t>Verspreide huizen Lienden</t>
  </si>
  <si>
    <t>buurt_gegeneraliseerd_2021.a08bec72-6060-4dc5-9b8d-1242bbc5b0ae</t>
  </si>
  <si>
    <t>BU02140400</t>
  </si>
  <si>
    <t>2021BU02140400</t>
  </si>
  <si>
    <t>Ingen</t>
  </si>
  <si>
    <t>buurt_gegeneraliseerd_2021.bb8adde8-af9a-4e4f-aa5e-a05ac790e4e7</t>
  </si>
  <si>
    <t>BU02140402</t>
  </si>
  <si>
    <t>2021BU02140402</t>
  </si>
  <si>
    <t>Klinkenberg</t>
  </si>
  <si>
    <t>buurt_gegeneraliseerd_2021.0a71b7c3-8fde-4adb-a999-6baeee441883</t>
  </si>
  <si>
    <t>BU02140408</t>
  </si>
  <si>
    <t>2021BU02140408</t>
  </si>
  <si>
    <t>Verspreide huizen Klinkenberg</t>
  </si>
  <si>
    <t>buurt_gegeneraliseerd_2021.bf4e7f5a-64d6-408c-9f67-6c211c997521</t>
  </si>
  <si>
    <t>BU02140409</t>
  </si>
  <si>
    <t>2021BU02140409</t>
  </si>
  <si>
    <t>Verspreide huizen Ommerenveld en Zwarte Paard</t>
  </si>
  <si>
    <t>buurt_gegeneraliseerd_2021.61ff1488-8012-46e6-a98c-37b0e42bb920</t>
  </si>
  <si>
    <t>BU02140500</t>
  </si>
  <si>
    <t>2021BU02140500</t>
  </si>
  <si>
    <t>Maurik</t>
  </si>
  <si>
    <t>buurt_gegeneraliseerd_2021.9cac1b1a-0e1f-4b31-bd60-942cda0faebc</t>
  </si>
  <si>
    <t>BU02140501</t>
  </si>
  <si>
    <t>2021BU02140501</t>
  </si>
  <si>
    <t>Rijswijk</t>
  </si>
  <si>
    <t>buurt_gegeneraliseerd_2021.864ee715-58ce-4f31-b2a7-e465aa8a7c45</t>
  </si>
  <si>
    <t>BU02140502</t>
  </si>
  <si>
    <t>2021BU02140502</t>
  </si>
  <si>
    <t>Eck en Wiel</t>
  </si>
  <si>
    <t>buurt_gegeneraliseerd_2021.76adff84-c216-4177-a6a1-2379e5d9547d</t>
  </si>
  <si>
    <t>BU02140503</t>
  </si>
  <si>
    <t>2021BU02140503</t>
  </si>
  <si>
    <t>Ganzert</t>
  </si>
  <si>
    <t>buurt_gegeneraliseerd_2021.4ae05de9-9301-422c-a1e9-13f793cadfc0</t>
  </si>
  <si>
    <t>BU02140507</t>
  </si>
  <si>
    <t>2021BU02140507</t>
  </si>
  <si>
    <t>Verspreide huizen Rijswijk</t>
  </si>
  <si>
    <t>buurt_gegeneraliseerd_2021.aeaabdeb-8f61-4c4c-aa62-5531be997c89</t>
  </si>
  <si>
    <t>BU02140508</t>
  </si>
  <si>
    <t>2021BU02140508</t>
  </si>
  <si>
    <t>Verspreide huizen Maurik</t>
  </si>
  <si>
    <t>buurt_gegeneraliseerd_2021.3f26b3f1-26dc-4b71-8ec6-5f4a83c15fdd</t>
  </si>
  <si>
    <t>BU02140509</t>
  </si>
  <si>
    <t>2021BU02140509</t>
  </si>
  <si>
    <t>Verspreide huizen Eck en Wiel</t>
  </si>
  <si>
    <t>buurt_gegeneraliseerd_2021.b9528dda-11d3-4d88-9b3a-20c12672035e</t>
  </si>
  <si>
    <t>BU02140600</t>
  </si>
  <si>
    <t>2021BU02140600</t>
  </si>
  <si>
    <t>Ravenswaaij</t>
  </si>
  <si>
    <t>buurt_gegeneraliseerd_2021.66ca9d6f-ec7f-496d-9284-325932c262fc</t>
  </si>
  <si>
    <t>BU02140608</t>
  </si>
  <si>
    <t>2021BU02140608</t>
  </si>
  <si>
    <t>Verspreide huizen Ravenswaaij</t>
  </si>
  <si>
    <t>buurt_gegeneraliseerd_2021.7a35bb4c-ce95-4479-8c64-ecd8ab48f467</t>
  </si>
  <si>
    <t>BU02140609</t>
  </si>
  <si>
    <t>2021BU02140609</t>
  </si>
  <si>
    <t>Verspreide huizen poldergebied</t>
  </si>
  <si>
    <t>buurt_gegeneraliseerd_2021.d7caf478-0f97-4b45-8e4b-2fc91da75464</t>
  </si>
  <si>
    <t>BU02210100</t>
  </si>
  <si>
    <t>2021BU02210100</t>
  </si>
  <si>
    <t>De oude Stad binnen de gracht</t>
  </si>
  <si>
    <t>GM0221</t>
  </si>
  <si>
    <t>buurt_gegeneraliseerd_2021.14e0d58c-50e9-497a-9eac-e352fb3a4219</t>
  </si>
  <si>
    <t>BU02210101</t>
  </si>
  <si>
    <t>2021BU02210101</t>
  </si>
  <si>
    <t>Noordelijk Molenveld</t>
  </si>
  <si>
    <t>buurt_gegeneraliseerd_2021.19ac583c-b2d0-4d45-b0db-d715bd1e86f4</t>
  </si>
  <si>
    <t>BU02210102</t>
  </si>
  <si>
    <t>2021BU02210102</t>
  </si>
  <si>
    <t>Zuidelijk Molenveld</t>
  </si>
  <si>
    <t>buurt_gegeneraliseerd_2021.99c866cf-5137-4d9a-9467-6777d1b3f1cc</t>
  </si>
  <si>
    <t>BU02210103</t>
  </si>
  <si>
    <t>2021BU02210103</t>
  </si>
  <si>
    <t>De Ooi</t>
  </si>
  <si>
    <t>buurt_gegeneraliseerd_2021.2f2ff6bb-ce8b-4813-b266-c43212ea96b3</t>
  </si>
  <si>
    <t>BU02210104</t>
  </si>
  <si>
    <t>2021BU02210104</t>
  </si>
  <si>
    <t>Beinum I</t>
  </si>
  <si>
    <t>buurt_gegeneraliseerd_2021.7240aa77-4fab-4046-9b00-c89d294a745b</t>
  </si>
  <si>
    <t>BU02210105</t>
  </si>
  <si>
    <t>2021BU02210105</t>
  </si>
  <si>
    <t>Beinum II</t>
  </si>
  <si>
    <t>buurt_gegeneraliseerd_2021.ada75ae1-2222-44e6-8f6f-1f33e86c632b</t>
  </si>
  <si>
    <t>BU02210106</t>
  </si>
  <si>
    <t>2021BU02210106</t>
  </si>
  <si>
    <t>Bedrijventerrein Beinum</t>
  </si>
  <si>
    <t>buurt_gegeneraliseerd_2021.6f982079-726d-499e-adf5-8d91c2f3660b</t>
  </si>
  <si>
    <t>BU02210107</t>
  </si>
  <si>
    <t>2021BU02210107</t>
  </si>
  <si>
    <t>Bedrijventerrein Verhuellweg</t>
  </si>
  <si>
    <t>buurt_gegeneraliseerd_2021.83bf7a9e-a520-476f-9943-7eed9a6a717f</t>
  </si>
  <si>
    <t>BU02210108</t>
  </si>
  <si>
    <t>2021BU02210108</t>
  </si>
  <si>
    <t>Verspreide huizen Noordoost</t>
  </si>
  <si>
    <t>buurt_gegeneraliseerd_2021.2408bef6-96b9-4023-a18b-be1ba8c404f5</t>
  </si>
  <si>
    <t>BU02210109</t>
  </si>
  <si>
    <t>2021BU02210109</t>
  </si>
  <si>
    <t>Verspreide huizen Fraterswaard-Noordoost</t>
  </si>
  <si>
    <t>buurt_gegeneraliseerd_2021.372b7ea2-df0a-4e39-ba01-31abf939f435</t>
  </si>
  <si>
    <t>BU02210110</t>
  </si>
  <si>
    <t>2021BU02210110</t>
  </si>
  <si>
    <t>Verspreide huizen IJssel en Oude IJssel</t>
  </si>
  <si>
    <t>buurt_gegeneraliseerd_2021.ee6e6b5a-3f3f-42c5-b02e-83dfd95e8b5e</t>
  </si>
  <si>
    <t>BU02220101</t>
  </si>
  <si>
    <t>2021BU02220101</t>
  </si>
  <si>
    <t>Stadscentrum-Zuid</t>
  </si>
  <si>
    <t>GM0222</t>
  </si>
  <si>
    <t>buurt_gegeneraliseerd_2021.ac085bb5-52cd-470c-8591-36df7172fdb2</t>
  </si>
  <si>
    <t>BU02220102</t>
  </si>
  <si>
    <t>2021BU02220102</t>
  </si>
  <si>
    <t>Torenallee</t>
  </si>
  <si>
    <t>buurt_gegeneraliseerd_2021.7157d841-81b0-4abc-bdc2-2ce3f6ed2901</t>
  </si>
  <si>
    <t>BU02220103</t>
  </si>
  <si>
    <t>2021BU02220103</t>
  </si>
  <si>
    <t>buurt_gegeneraliseerd_2021.c08b47e7-9695-49fd-a37f-0e6cfe1b42a5</t>
  </si>
  <si>
    <t>BU02220104</t>
  </si>
  <si>
    <t>2021BU02220104</t>
  </si>
  <si>
    <t>Stadscentrum-Noord</t>
  </si>
  <si>
    <t>buurt_gegeneraliseerd_2021.4a322f32-0ad0-46c8-9cf4-48a1f3af22da</t>
  </si>
  <si>
    <t>BU02220105</t>
  </si>
  <si>
    <t>2021BU02220105</t>
  </si>
  <si>
    <t>De Pas-Noord</t>
  </si>
  <si>
    <t>buurt_gegeneraliseerd_2021.f7697ef8-61ae-4642-af94-60cb9f6c782a</t>
  </si>
  <si>
    <t>BU02220106</t>
  </si>
  <si>
    <t>2021BU02220106</t>
  </si>
  <si>
    <t>De Pas-Zuid</t>
  </si>
  <si>
    <t>buurt_gegeneraliseerd_2021.2e537675-c361-4f9b-98b4-69e3a403b6f0</t>
  </si>
  <si>
    <t>BU02220201</t>
  </si>
  <si>
    <t>2021BU02220201</t>
  </si>
  <si>
    <t>Muziekbuurt</t>
  </si>
  <si>
    <t>buurt_gegeneraliseerd_2021.8f2237bb-f64c-4266-b240-2dea4c6780dc</t>
  </si>
  <si>
    <t>BU02220202</t>
  </si>
  <si>
    <t>2021BU02220202</t>
  </si>
  <si>
    <t>Schrijvers en dichtersbuurt</t>
  </si>
  <si>
    <t>buurt_gegeneraliseerd_2021.1dda129b-46ff-4f1b-a10e-1921e329d3e2</t>
  </si>
  <si>
    <t>BU02220203</t>
  </si>
  <si>
    <t>2021BU02220203</t>
  </si>
  <si>
    <t>Wiltinksbrug</t>
  </si>
  <si>
    <t>buurt_gegeneraliseerd_2021.011b82b5-6da1-4982-96bd-706009e57289</t>
  </si>
  <si>
    <t>BU02220204</t>
  </si>
  <si>
    <t>2021BU02220204</t>
  </si>
  <si>
    <t>Overstegen-West</t>
  </si>
  <si>
    <t>buurt_gegeneraliseerd_2021.40afc870-408a-4fd0-ab03-e11a92076e64</t>
  </si>
  <si>
    <t>BU02220205</t>
  </si>
  <si>
    <t>2021BU02220205</t>
  </si>
  <si>
    <t>Overstegen-Oost</t>
  </si>
  <si>
    <t>buurt_gegeneraliseerd_2021.048a52d5-4bab-49fe-8355-af0ced214400</t>
  </si>
  <si>
    <t>BU02220206</t>
  </si>
  <si>
    <t>2021BU02220206</t>
  </si>
  <si>
    <t>Wonninkhage</t>
  </si>
  <si>
    <t>buurt_gegeneraliseerd_2021.7c4f6747-a980-4e27-8f49-2cae48a51d30</t>
  </si>
  <si>
    <t>BU02220207</t>
  </si>
  <si>
    <t>2021BU02220207</t>
  </si>
  <si>
    <t>Buitengebied de Gaarde</t>
  </si>
  <si>
    <t>buurt_gegeneraliseerd_2021.9b8009cf-18b6-4c77-a690-0dcc1b0d99d0</t>
  </si>
  <si>
    <t>BU02220208</t>
  </si>
  <si>
    <t>2021BU02220208</t>
  </si>
  <si>
    <t>Wassinkbrink-Zuidoost</t>
  </si>
  <si>
    <t>buurt_gegeneraliseerd_2021.7546beb8-1496-4064-ae8f-d62adaa95283</t>
  </si>
  <si>
    <t>BU02220301</t>
  </si>
  <si>
    <t>2021BU02220301</t>
  </si>
  <si>
    <t>Holterhoek</t>
  </si>
  <si>
    <t>buurt_gegeneraliseerd_2021.7e1695ef-f605-40cf-a807-ce78fbe5500e</t>
  </si>
  <si>
    <t>BU02220302</t>
  </si>
  <si>
    <t>2021BU02220302</t>
  </si>
  <si>
    <t>Schöneveld-Zuid</t>
  </si>
  <si>
    <t>buurt_gegeneraliseerd_2021.1f91e0a5-8f0c-465f-aab8-f76391a9da58</t>
  </si>
  <si>
    <t>BU02220303</t>
  </si>
  <si>
    <t>2021BU02220303</t>
  </si>
  <si>
    <t>Schöneveld-Noord</t>
  </si>
  <si>
    <t>buurt_gegeneraliseerd_2021.f098d383-c1e8-4cb6-ad8a-44fdf650af32</t>
  </si>
  <si>
    <t>BU02220401</t>
  </si>
  <si>
    <t>2021BU02220401</t>
  </si>
  <si>
    <t>Oosseld en Vijverberg-Zuidwest</t>
  </si>
  <si>
    <t>buurt_gegeneraliseerd_2021.5fa4199a-7323-4c16-9fe1-a1f01a91c48f</t>
  </si>
  <si>
    <t>BU02220402</t>
  </si>
  <si>
    <t>2021BU02220402</t>
  </si>
  <si>
    <t>Buitengebied Polmanlaan</t>
  </si>
  <si>
    <t>buurt_gegeneraliseerd_2021.5ea74d2f-a12a-402c-b6b5-12d97a1d65bd</t>
  </si>
  <si>
    <t>BU02220403</t>
  </si>
  <si>
    <t>2021BU02220403</t>
  </si>
  <si>
    <t>Buitengebied de Wrange</t>
  </si>
  <si>
    <t>buurt_gegeneraliseerd_2021.0d4a5e13-c23e-4ccf-a3fb-4abaa97f500c</t>
  </si>
  <si>
    <t>BU02220404</t>
  </si>
  <si>
    <t>2021BU02220404</t>
  </si>
  <si>
    <t>Koekendaal en Vijverberg-Noordoost</t>
  </si>
  <si>
    <t>buurt_gegeneraliseerd_2021.88ab9c88-083d-48d8-9dc4-f3de21224c48</t>
  </si>
  <si>
    <t>BU02220405</t>
  </si>
  <si>
    <t>2021BU02220405</t>
  </si>
  <si>
    <t>Buitengebied Vossenstraat</t>
  </si>
  <si>
    <t>buurt_gegeneraliseerd_2021.36dab497-95af-4b02-b5e7-b56ff7ca538a</t>
  </si>
  <si>
    <t>BU02220406</t>
  </si>
  <si>
    <t>2021BU02220406</t>
  </si>
  <si>
    <t>Buitengebied Nutselaer en Abdij</t>
  </si>
  <si>
    <t>buurt_gegeneraliseerd_2021.3629b120-3fe3-4706-99e0-ac88934b056f</t>
  </si>
  <si>
    <t>BU02220407</t>
  </si>
  <si>
    <t>2021BU02220407</t>
  </si>
  <si>
    <t>Buitengebied IJzevoorde</t>
  </si>
  <si>
    <t>buurt_gegeneraliseerd_2021.4d246925-79c7-4548-821d-792b19b728d4</t>
  </si>
  <si>
    <t>BU02220408</t>
  </si>
  <si>
    <t>2021BU02220408</t>
  </si>
  <si>
    <t>Buitengebied Slangenburg</t>
  </si>
  <si>
    <t>buurt_gegeneraliseerd_2021.a64bc14c-f590-4b7a-9907-a2d8e17e0af9</t>
  </si>
  <si>
    <t>BU02220501</t>
  </si>
  <si>
    <t>2021BU02220501</t>
  </si>
  <si>
    <t>Hamburgerbroek</t>
  </si>
  <si>
    <t>buurt_gegeneraliseerd_2021.a02cfaf3-0b0a-411b-8ef9-0c9e1e8a1435</t>
  </si>
  <si>
    <t>BU02220502</t>
  </si>
  <si>
    <t>2021BU02220502</t>
  </si>
  <si>
    <t>Verheulsweide-Noord</t>
  </si>
  <si>
    <t>buurt_gegeneraliseerd_2021.7c1ea0df-2d98-46e4-838f-c7ef2e44c4bc</t>
  </si>
  <si>
    <t>BU02220503</t>
  </si>
  <si>
    <t>2021BU02220503</t>
  </si>
  <si>
    <t>Verheulsweide-Zuid</t>
  </si>
  <si>
    <t>buurt_gegeneraliseerd_2021.94543083-c274-450d-9610-9313815335f3</t>
  </si>
  <si>
    <t>BU02220504</t>
  </si>
  <si>
    <t>2021BU02220504</t>
  </si>
  <si>
    <t>Buitengebied Kemnaderallee</t>
  </si>
  <si>
    <t>buurt_gegeneraliseerd_2021.a5d01f77-42a6-48c5-93e0-d1109304de19</t>
  </si>
  <si>
    <t>BU02220601</t>
  </si>
  <si>
    <t>2021BU02220601</t>
  </si>
  <si>
    <t>De Hoop-Noord</t>
  </si>
  <si>
    <t>buurt_gegeneraliseerd_2021.a6a35152-6bd7-4d79-869c-66f00380260e</t>
  </si>
  <si>
    <t>BU02220602</t>
  </si>
  <si>
    <t>2021BU02220602</t>
  </si>
  <si>
    <t>De Huet fase 1 + 3</t>
  </si>
  <si>
    <t>buurt_gegeneraliseerd_2021.e63f2da6-3e25-43c7-9f2d-4098795d336d</t>
  </si>
  <si>
    <t>BU02220603</t>
  </si>
  <si>
    <t>2021BU02220603</t>
  </si>
  <si>
    <t>De Huet fase 2</t>
  </si>
  <si>
    <t>buurt_gegeneraliseerd_2021.9051c28f-6359-40f0-97ba-04d475728e58</t>
  </si>
  <si>
    <t>BU02220604</t>
  </si>
  <si>
    <t>2021BU02220604</t>
  </si>
  <si>
    <t>De Huet fase 4</t>
  </si>
  <si>
    <t>buurt_gegeneraliseerd_2021.b608e09e-abd6-4e99-9eaa-6c35418539a9</t>
  </si>
  <si>
    <t>BU02220605</t>
  </si>
  <si>
    <t>2021BU02220605</t>
  </si>
  <si>
    <t>De Huet fase 6 + 7</t>
  </si>
  <si>
    <t>buurt_gegeneraliseerd_2021.5c78ff9f-4da3-4e6a-b3a0-b0519065e064</t>
  </si>
  <si>
    <t>BU02220606</t>
  </si>
  <si>
    <t>2021BU02220606</t>
  </si>
  <si>
    <t>De Huet fase 5</t>
  </si>
  <si>
    <t>buurt_gegeneraliseerd_2021.77dc408b-4a7c-4e50-8dd8-3cb81a15ebb3</t>
  </si>
  <si>
    <t>BU02220607</t>
  </si>
  <si>
    <t>2021BU02220607</t>
  </si>
  <si>
    <t>Sportpark Zuid</t>
  </si>
  <si>
    <t>buurt_gegeneraliseerd_2021.295c8a79-e73c-48a8-8a04-b731f608e5d7</t>
  </si>
  <si>
    <t>BU02220608</t>
  </si>
  <si>
    <t>2021BU02220608</t>
  </si>
  <si>
    <t>Bedrijventerrein De Huet</t>
  </si>
  <si>
    <t>buurt_gegeneraliseerd_2021.80c9c950-256e-44a5-9858-626c383db43d</t>
  </si>
  <si>
    <t>BU02220609</t>
  </si>
  <si>
    <t>2021BU02220609</t>
  </si>
  <si>
    <t>Buitengebied De Huet</t>
  </si>
  <si>
    <t>buurt_gegeneraliseerd_2021.b4783f9c-0947-41e3-b7dc-d787ef663c1f</t>
  </si>
  <si>
    <t>BU02220701</t>
  </si>
  <si>
    <t>2021BU02220701</t>
  </si>
  <si>
    <t>Buitengebied Dichteren Noordwest</t>
  </si>
  <si>
    <t>buurt_gegeneraliseerd_2021.6ee0c2ae-a98e-48da-8032-9f74f9c20884</t>
  </si>
  <si>
    <t>BU02220702</t>
  </si>
  <si>
    <t>2021BU02220702</t>
  </si>
  <si>
    <t>Romantische buurt Noord</t>
  </si>
  <si>
    <t>buurt_gegeneraliseerd_2021.9cc88dde-f5fe-442b-a7cf-36eac27e1e76</t>
  </si>
  <si>
    <t>BU02220703</t>
  </si>
  <si>
    <t>2021BU02220703</t>
  </si>
  <si>
    <t>Romantische buurt Zuid</t>
  </si>
  <si>
    <t>buurt_gegeneraliseerd_2021.29e8b241-54d7-49f6-917f-f5e3ad7eb336</t>
  </si>
  <si>
    <t>BU02220704</t>
  </si>
  <si>
    <t>2021BU02220704</t>
  </si>
  <si>
    <t>Landelijk Wonen</t>
  </si>
  <si>
    <t>buurt_gegeneraliseerd_2021.2b540937-3263-404f-bc6f-1e52c543eb41</t>
  </si>
  <si>
    <t>BU02220705</t>
  </si>
  <si>
    <t>2021BU02220705</t>
  </si>
  <si>
    <t>Kleurrijke buurt</t>
  </si>
  <si>
    <t>buurt_gegeneraliseerd_2021.c441fb41-2627-418f-b171-a0e663ff7f1c</t>
  </si>
  <si>
    <t>BU02220706</t>
  </si>
  <si>
    <t>2021BU02220706</t>
  </si>
  <si>
    <t>Stadskwartier-Zuid</t>
  </si>
  <si>
    <t>buurt_gegeneraliseerd_2021.1e93b384-396c-4626-a97d-a956db1424ec</t>
  </si>
  <si>
    <t>BU02220707</t>
  </si>
  <si>
    <t>2021BU02220707</t>
  </si>
  <si>
    <t>Stadskwartier-Noord</t>
  </si>
  <si>
    <t>buurt_gegeneraliseerd_2021.0c360c30-349d-434f-80ff-35ca14c231d4</t>
  </si>
  <si>
    <t>BU02220708</t>
  </si>
  <si>
    <t>2021BU02220708</t>
  </si>
  <si>
    <t>Buitengebied en Dichterem-Oost</t>
  </si>
  <si>
    <t>buurt_gegeneraliseerd_2021.2e7d65b2-8050-42e1-8910-1c4a73ef5834</t>
  </si>
  <si>
    <t>BU02220709</t>
  </si>
  <si>
    <t>2021BU02220709</t>
  </si>
  <si>
    <t>Bedrijventerrein en Wijnbergen</t>
  </si>
  <si>
    <t>buurt_gegeneraliseerd_2021.a489e5fd-7db5-425b-8430-12588a55513f</t>
  </si>
  <si>
    <t>BU02220710</t>
  </si>
  <si>
    <t>2021BU02220710</t>
  </si>
  <si>
    <t>Wijnbergen-het Westem</t>
  </si>
  <si>
    <t>buurt_gegeneraliseerd_2021.03c770d7-8cc4-4ac0-9b0d-938da5d7b189</t>
  </si>
  <si>
    <t>BU02220711</t>
  </si>
  <si>
    <t>2021BU02220711</t>
  </si>
  <si>
    <t>Wijnbergen-het Midden</t>
  </si>
  <si>
    <t>buurt_gegeneraliseerd_2021.2623ec22-7ab4-462e-a849-d1de7b60c8ef</t>
  </si>
  <si>
    <t>BU02220712</t>
  </si>
  <si>
    <t>2021BU02220712</t>
  </si>
  <si>
    <t>Wijnbergen-het Oosten</t>
  </si>
  <si>
    <t>buurt_gegeneraliseerd_2021.38c7c3af-3395-4032-b8f0-0eebac0cc9d9</t>
  </si>
  <si>
    <t>BU02220713</t>
  </si>
  <si>
    <t>2021BU02220713</t>
  </si>
  <si>
    <t>De Hoop-Zuid</t>
  </si>
  <si>
    <t>buurt_gegeneraliseerd_2021.6d3f1577-74b3-4a70-8292-a9b661e5fb8c</t>
  </si>
  <si>
    <t>BU02220801</t>
  </si>
  <si>
    <t>2021BU02220801</t>
  </si>
  <si>
    <t>IJsseltuin en Heelweg</t>
  </si>
  <si>
    <t>buurt_gegeneraliseerd_2021.b8ab9318-ee4d-4503-ba52-ab2a91c05465</t>
  </si>
  <si>
    <t>BU02220802</t>
  </si>
  <si>
    <t>2021BU02220802</t>
  </si>
  <si>
    <t>Bedrijventerrein Keppelseweg</t>
  </si>
  <si>
    <t>buurt_gegeneraliseerd_2021.4097276f-dce3-41eb-bc46-606d176dbde1</t>
  </si>
  <si>
    <t>BU02220803</t>
  </si>
  <si>
    <t>2021BU02220803</t>
  </si>
  <si>
    <t>Buitengebied Keppelseweg</t>
  </si>
  <si>
    <t>buurt_gegeneraliseerd_2021.8013d62e-da68-4a71-afb6-a8c380bc434c</t>
  </si>
  <si>
    <t>BU02220804</t>
  </si>
  <si>
    <t>2021BU02220804</t>
  </si>
  <si>
    <t>Langerak-Zuid</t>
  </si>
  <si>
    <t>buurt_gegeneraliseerd_2021.9cfed129-1c6b-4ce1-9d03-b315d9a9c5d3</t>
  </si>
  <si>
    <t>BU02220901</t>
  </si>
  <si>
    <t>2021BU02220901</t>
  </si>
  <si>
    <t>buurt_gegeneraliseerd_2021.628f12ae-815c-4d79-8d31-c9c5bca7db2e</t>
  </si>
  <si>
    <t>BU02220902</t>
  </si>
  <si>
    <t>2021BU02220902</t>
  </si>
  <si>
    <t>De Happert Ziekenhuis</t>
  </si>
  <si>
    <t>buurt_gegeneraliseerd_2021.abb322ad-601a-4e89-8486-09fcd828a7d1</t>
  </si>
  <si>
    <t>BU02220903</t>
  </si>
  <si>
    <t>2021BU02220903</t>
  </si>
  <si>
    <t>De Kruisberg</t>
  </si>
  <si>
    <t>buurt_gegeneraliseerd_2021.735e7110-0d66-48d7-b523-162ba1220f69</t>
  </si>
  <si>
    <t>BU02220904</t>
  </si>
  <si>
    <t>2021BU02220904</t>
  </si>
  <si>
    <t>De Happert Leerinkstraat</t>
  </si>
  <si>
    <t>buurt_gegeneraliseerd_2021.68a09873-1c6f-4593-83dc-955380d6eaa9</t>
  </si>
  <si>
    <t>BU02220905</t>
  </si>
  <si>
    <t>2021BU02220905</t>
  </si>
  <si>
    <t>De IJkenberg</t>
  </si>
  <si>
    <t>buurt_gegeneraliseerd_2021.1f2d2f5f-9eb4-4fb3-9070-e3e5d2773c73</t>
  </si>
  <si>
    <t>BU02220906</t>
  </si>
  <si>
    <t>2021BU02220906</t>
  </si>
  <si>
    <t>De Bezelhorst</t>
  </si>
  <si>
    <t>buurt_gegeneraliseerd_2021.ab8d79da-8149-4771-8e13-a971eafdf333</t>
  </si>
  <si>
    <t>BU02220907</t>
  </si>
  <si>
    <t>2021BU02220907</t>
  </si>
  <si>
    <t>Buitengebied De Kruisberg</t>
  </si>
  <si>
    <t>buurt_gegeneraliseerd_2021.d9b3d2e2-8e9c-4311-bf9d-cd58b35f28cd</t>
  </si>
  <si>
    <t>BU02220908</t>
  </si>
  <si>
    <t>2021BU02220908</t>
  </si>
  <si>
    <t>Buitengebied Groot Hagen</t>
  </si>
  <si>
    <t>buurt_gegeneraliseerd_2021.149a605e-f43a-46cd-a9e1-cd89bc3da10d</t>
  </si>
  <si>
    <t>BU02220909</t>
  </si>
  <si>
    <t>2021BU02220909</t>
  </si>
  <si>
    <t>Langerak-Noord</t>
  </si>
  <si>
    <t>buurt_gegeneraliseerd_2021.a56a0502-b96d-453b-adc6-eef611391238</t>
  </si>
  <si>
    <t>BU02220910</t>
  </si>
  <si>
    <t>2021BU02220910</t>
  </si>
  <si>
    <t>Buitengebied Christoffelstraat</t>
  </si>
  <si>
    <t>buurt_gegeneraliseerd_2021.fe6d6e40-4d27-4b61-a250-2030ad559c5f</t>
  </si>
  <si>
    <t>BU02220911</t>
  </si>
  <si>
    <t>2021BU02220911</t>
  </si>
  <si>
    <t>Wassinkbrink-Noordwest</t>
  </si>
  <si>
    <t>buurt_gegeneraliseerd_2021.4ad397d9-897f-4c2a-8a66-8234f997a4be</t>
  </si>
  <si>
    <t>BU02221101</t>
  </si>
  <si>
    <t>2021BU02221101</t>
  </si>
  <si>
    <t>Vulcaansoord en het Richtersbos-Zuid</t>
  </si>
  <si>
    <t>buurt_gegeneraliseerd_2021.b692e82d-16b4-44b3-8688-5e320df85c66</t>
  </si>
  <si>
    <t>BU02221102</t>
  </si>
  <si>
    <t>2021BU02221102</t>
  </si>
  <si>
    <t>De Elshof-Zuid</t>
  </si>
  <si>
    <t>buurt_gegeneraliseerd_2021.5f2fd7c9-6dec-4490-9509-62db19b07b1c</t>
  </si>
  <si>
    <t>BU02221103</t>
  </si>
  <si>
    <t>2021BU02221103</t>
  </si>
  <si>
    <t>De Pol en Akkermansweide</t>
  </si>
  <si>
    <t>buurt_gegeneraliseerd_2021.171521df-780b-4c29-9b23-cb5a48c1feb8</t>
  </si>
  <si>
    <t>BU02221104</t>
  </si>
  <si>
    <t>2021BU02221104</t>
  </si>
  <si>
    <t>Het Hartger en de Elshof-Noord</t>
  </si>
  <si>
    <t>buurt_gegeneraliseerd_2021.ec200faa-db4c-4b0f-b1f9-86450d54bf52</t>
  </si>
  <si>
    <t>BU02221105</t>
  </si>
  <si>
    <t>2021BU02221105</t>
  </si>
  <si>
    <t>Buitengebied 't Klooster</t>
  </si>
  <si>
    <t>buurt_gegeneraliseerd_2021.e2e86f68-c79e-44ab-bb94-19fa2d241b0e</t>
  </si>
  <si>
    <t>BU02221106</t>
  </si>
  <si>
    <t>2021BU02221106</t>
  </si>
  <si>
    <t>Buitengebied Pierikstraat</t>
  </si>
  <si>
    <t>buurt_gegeneraliseerd_2021.6ac36929-5e4a-49f2-9613-cfe6e79aa901</t>
  </si>
  <si>
    <t>BU02221107</t>
  </si>
  <si>
    <t>2021BU02221107</t>
  </si>
  <si>
    <t>Buitengebied Pinnedijk</t>
  </si>
  <si>
    <t>buurt_gegeneraliseerd_2021.d668ccb6-eda0-4ee1-8417-63b374f599f3</t>
  </si>
  <si>
    <t>BU02223101</t>
  </si>
  <si>
    <t>2021BU02223101</t>
  </si>
  <si>
    <t>Wehl-Centrum</t>
  </si>
  <si>
    <t>buurt_gegeneraliseerd_2021.2e54250d-262b-4a76-b424-1adf8921407f</t>
  </si>
  <si>
    <t>BU02223102</t>
  </si>
  <si>
    <t>2021BU02223102</t>
  </si>
  <si>
    <t>Wehl-West</t>
  </si>
  <si>
    <t>buurt_gegeneraliseerd_2021.b6019445-e05e-422a-a75e-57add5b9c760</t>
  </si>
  <si>
    <t>BU02223103</t>
  </si>
  <si>
    <t>2021BU02223103</t>
  </si>
  <si>
    <t>Wehl-Zuidwest</t>
  </si>
  <si>
    <t>buurt_gegeneraliseerd_2021.77826a28-4284-40e2-b9e5-1f838b02fed0</t>
  </si>
  <si>
    <t>BU02223104</t>
  </si>
  <si>
    <t>2021BU02223104</t>
  </si>
  <si>
    <t>Wehl-Zuidoost</t>
  </si>
  <si>
    <t>buurt_gegeneraliseerd_2021.3288a6cb-432c-4aa2-a700-7d1361ad44d0</t>
  </si>
  <si>
    <t>BU02223105</t>
  </si>
  <si>
    <t>2021BU02223105</t>
  </si>
  <si>
    <t>Wehl-Oost</t>
  </si>
  <si>
    <t>buurt_gegeneraliseerd_2021.61c9353d-af23-42f0-9a9b-fa42e18cb747</t>
  </si>
  <si>
    <t>BU02223106</t>
  </si>
  <si>
    <t>2021BU02223106</t>
  </si>
  <si>
    <t>Wehl-Noordoost</t>
  </si>
  <si>
    <t>buurt_gegeneraliseerd_2021.5e5d801a-d8ee-423c-b8e0-5f431c7c7ab2</t>
  </si>
  <si>
    <t>BU02223107</t>
  </si>
  <si>
    <t>2021BU02223107</t>
  </si>
  <si>
    <t>Wehl-Noord</t>
  </si>
  <si>
    <t>buurt_gegeneraliseerd_2021.ef12455c-1688-45c0-a0b0-033209c0f963</t>
  </si>
  <si>
    <t>BU02223108</t>
  </si>
  <si>
    <t>2021BU02223108</t>
  </si>
  <si>
    <t>Nieuw-Wehl-Centrum</t>
  </si>
  <si>
    <t>buurt_gegeneraliseerd_2021.c29bb9fa-ddcf-499e-9a3e-080eb7ad867a</t>
  </si>
  <si>
    <t>BU02223109</t>
  </si>
  <si>
    <t>2021BU02223109</t>
  </si>
  <si>
    <t>Nieuw-Wehl-Noordoost</t>
  </si>
  <si>
    <t>buurt_gegeneraliseerd_2021.dcf392b8-e54a-41a1-aff0-803261b72458</t>
  </si>
  <si>
    <t>BU02223110</t>
  </si>
  <si>
    <t>2021BU02223110</t>
  </si>
  <si>
    <t>Nieuw-Wehl-Noord</t>
  </si>
  <si>
    <t>buurt_gegeneraliseerd_2021.e7b3b77e-6b07-4bd3-b8a8-72f6c7e87172</t>
  </si>
  <si>
    <t>BU02223111</t>
  </si>
  <si>
    <t>2021BU02223111</t>
  </si>
  <si>
    <t>A18 Bedrijvenpark</t>
  </si>
  <si>
    <t>buurt_gegeneraliseerd_2021.3020dfc3-ad29-464f-baee-da0671517867</t>
  </si>
  <si>
    <t>BU02250001</t>
  </si>
  <si>
    <t>2021BU02250001</t>
  </si>
  <si>
    <t>Druten</t>
  </si>
  <si>
    <t>GM0225</t>
  </si>
  <si>
    <t>buurt_gegeneraliseerd_2021.d42f6db8-f0ac-41a6-9f61-de3d78a8cc90</t>
  </si>
  <si>
    <t>BU02250002</t>
  </si>
  <si>
    <t>2021BU02250002</t>
  </si>
  <si>
    <t>Druten Zuid</t>
  </si>
  <si>
    <t>buurt_gegeneraliseerd_2021.3a0ab9c0-e965-4f2d-b57b-b6ec60ffc9e1</t>
  </si>
  <si>
    <t>BU02250003</t>
  </si>
  <si>
    <t>2021BU02250003</t>
  </si>
  <si>
    <t>Bouwing</t>
  </si>
  <si>
    <t>buurt_gegeneraliseerd_2021.ef992e9b-8946-4ed0-b32f-e30d6f4a5027</t>
  </si>
  <si>
    <t>BU02250004</t>
  </si>
  <si>
    <t>2021BU02250004</t>
  </si>
  <si>
    <t>Westerhout</t>
  </si>
  <si>
    <t>buurt_gegeneraliseerd_2021.48953984-411b-4cbb-a826-3a7bf059dfea</t>
  </si>
  <si>
    <t>BU02250005</t>
  </si>
  <si>
    <t>2021BU02250005</t>
  </si>
  <si>
    <t>Druten Buitengebied</t>
  </si>
  <si>
    <t>buurt_gegeneraliseerd_2021.2f39778f-ab67-446b-b0c3-b49f1b4a4484</t>
  </si>
  <si>
    <t>BU02250006</t>
  </si>
  <si>
    <t>2021BU02250006</t>
  </si>
  <si>
    <t>Drutense Waarden</t>
  </si>
  <si>
    <t>buurt_gegeneraliseerd_2021.858f4fa2-f71c-4ef1-90dd-a68ea8aec369</t>
  </si>
  <si>
    <t>BU02250101</t>
  </si>
  <si>
    <t>2021BU02250101</t>
  </si>
  <si>
    <t>Puiflijk</t>
  </si>
  <si>
    <t>buurt_gegeneraliseerd_2021.0721d695-88fa-464e-9853-6a66ca82215f</t>
  </si>
  <si>
    <t>BU02250102</t>
  </si>
  <si>
    <t>2021BU02250102</t>
  </si>
  <si>
    <t>Puiflijk Buitengebied</t>
  </si>
  <si>
    <t>buurt_gegeneraliseerd_2021.a127da0b-69a7-4476-b1ad-774f2ec82137</t>
  </si>
  <si>
    <t>BU02250201</t>
  </si>
  <si>
    <t>2021BU02250201</t>
  </si>
  <si>
    <t>Afferden</t>
  </si>
  <si>
    <t>buurt_gegeneraliseerd_2021.80228dd8-b976-4ef3-9e1f-c69a843359cc</t>
  </si>
  <si>
    <t>BU02250202</t>
  </si>
  <si>
    <t>2021BU02250202</t>
  </si>
  <si>
    <t>Afferden Buitengebied</t>
  </si>
  <si>
    <t>buurt_gegeneraliseerd_2021.d39e1280-a289-4cce-a570-7a614a45107c</t>
  </si>
  <si>
    <t>BU02250203</t>
  </si>
  <si>
    <t>2021BU02250203</t>
  </si>
  <si>
    <t>Afferdense Waarden</t>
  </si>
  <si>
    <t>buurt_gegeneraliseerd_2021.40980154-dca5-451f-bb31-dee687ba5446</t>
  </si>
  <si>
    <t>BU02250301</t>
  </si>
  <si>
    <t>2021BU02250301</t>
  </si>
  <si>
    <t>Deest</t>
  </si>
  <si>
    <t>buurt_gegeneraliseerd_2021.396d5e22-d093-4df3-a9cc-b2dc0eb5d34e</t>
  </si>
  <si>
    <t>BU02250302</t>
  </si>
  <si>
    <t>2021BU02250302</t>
  </si>
  <si>
    <t>Deest Buitengebied</t>
  </si>
  <si>
    <t>buurt_gegeneraliseerd_2021.c4a2eaf3-08a2-4bb0-8568-ddbefea15d14</t>
  </si>
  <si>
    <t>BU02250303</t>
  </si>
  <si>
    <t>2021BU02250303</t>
  </si>
  <si>
    <t>Deestse Waarden</t>
  </si>
  <si>
    <t>buurt_gegeneraliseerd_2021.466fd7ed-11b7-4864-8d52-495d572f7859</t>
  </si>
  <si>
    <t>BU02250401</t>
  </si>
  <si>
    <t>2021BU02250401</t>
  </si>
  <si>
    <t>Horssen</t>
  </si>
  <si>
    <t>buurt_gegeneraliseerd_2021.7130770b-442d-465a-8acc-0ea3bf5d46da</t>
  </si>
  <si>
    <t>BU02250402</t>
  </si>
  <si>
    <t>2021BU02250402</t>
  </si>
  <si>
    <t>Molenhoek</t>
  </si>
  <si>
    <t>buurt_gegeneraliseerd_2021.d0abe808-3812-4ece-9875-76db6fae2f57</t>
  </si>
  <si>
    <t>BU02250403</t>
  </si>
  <si>
    <t>2021BU02250403</t>
  </si>
  <si>
    <t>Horssen Buitengebied</t>
  </si>
  <si>
    <t>buurt_gegeneraliseerd_2021.c3854bdf-0df9-4fea-b344-e49257ec7ce8</t>
  </si>
  <si>
    <t>BU02260101</t>
  </si>
  <si>
    <t>2021BU02260101</t>
  </si>
  <si>
    <t>Bedrijventerrein</t>
  </si>
  <si>
    <t>GM0226</t>
  </si>
  <si>
    <t>buurt_gegeneraliseerd_2021.9d612f96-dec8-41e2-b76c-c562594721ea</t>
  </si>
  <si>
    <t>BU02260201</t>
  </si>
  <si>
    <t>2021BU02260201</t>
  </si>
  <si>
    <t>Het Broek</t>
  </si>
  <si>
    <t>buurt_gegeneraliseerd_2021.9a5e29d7-7017-4d7d-82cf-47d9def48993</t>
  </si>
  <si>
    <t>BU02260301</t>
  </si>
  <si>
    <t>2021BU02260301</t>
  </si>
  <si>
    <t>buurt_gegeneraliseerd_2021.be3e9051-13b3-4535-a7a0-ef55161ddfbb</t>
  </si>
  <si>
    <t>BU02260302</t>
  </si>
  <si>
    <t>2021BU02260302</t>
  </si>
  <si>
    <t>Oud Zuid</t>
  </si>
  <si>
    <t>buurt_gegeneraliseerd_2021.75223137-5faf-4a28-8de9-7f5610b1097f</t>
  </si>
  <si>
    <t>BU02260303</t>
  </si>
  <si>
    <t>2021BU02260303</t>
  </si>
  <si>
    <t>buurt_gegeneraliseerd_2021.ff4ed5b2-0903-486d-8b69-2de7c5a4166e</t>
  </si>
  <si>
    <t>BU02260304</t>
  </si>
  <si>
    <t>2021BU02260304</t>
  </si>
  <si>
    <t>De Vergert</t>
  </si>
  <si>
    <t>buurt_gegeneraliseerd_2021.0dee1210-4807-4f77-a565-4d5705c14eb0</t>
  </si>
  <si>
    <t>BU02260305</t>
  </si>
  <si>
    <t>2021BU02260305</t>
  </si>
  <si>
    <t>De Nieuweling</t>
  </si>
  <si>
    <t>buurt_gegeneraliseerd_2021.ae712414-0e1d-45ef-a926-fab6ca3aee95</t>
  </si>
  <si>
    <t>BU02260306</t>
  </si>
  <si>
    <t>2021BU02260306</t>
  </si>
  <si>
    <t>De Ploen</t>
  </si>
  <si>
    <t>buurt_gegeneraliseerd_2021.337ad0e8-112f-46fc-be04-4dd32aad7c64</t>
  </si>
  <si>
    <t>BU02260307</t>
  </si>
  <si>
    <t>2021BU02260307</t>
  </si>
  <si>
    <t>Noord</t>
  </si>
  <si>
    <t>buurt_gegeneraliseerd_2021.6b869fe8-bca0-4f2d-9d06-3a0de043adf5</t>
  </si>
  <si>
    <t>BU02260308</t>
  </si>
  <si>
    <t>2021BU02260308</t>
  </si>
  <si>
    <t>Lommerweide</t>
  </si>
  <si>
    <t>buurt_gegeneraliseerd_2021.e951f641-1877-41fb-bdac-dfb2068f9196</t>
  </si>
  <si>
    <t>BU02260401</t>
  </si>
  <si>
    <t>2021BU02260401</t>
  </si>
  <si>
    <t>Zuidwest</t>
  </si>
  <si>
    <t>buurt_gegeneraliseerd_2021.0821edf2-8ac2-4d0d-bb10-76d64ecf63d3</t>
  </si>
  <si>
    <t>BU02260402</t>
  </si>
  <si>
    <t>2021BU02260402</t>
  </si>
  <si>
    <t>Zuidoost</t>
  </si>
  <si>
    <t>buurt_gegeneraliseerd_2021.65f62ea4-ef37-4858-b38e-7aa43f391dd5</t>
  </si>
  <si>
    <t>BU02260501</t>
  </si>
  <si>
    <t>2021BU02260501</t>
  </si>
  <si>
    <t>Groessen</t>
  </si>
  <si>
    <t>buurt_gegeneraliseerd_2021.adcb1dce-99bc-439b-b20a-b2f88e0cb0c3</t>
  </si>
  <si>
    <t>BU02260601</t>
  </si>
  <si>
    <t>2021BU02260601</t>
  </si>
  <si>
    <t>Loo Gld</t>
  </si>
  <si>
    <t>buurt_gegeneraliseerd_2021.5bf56507-bbd0-4965-a386-243de45fee89</t>
  </si>
  <si>
    <t>BU02280101</t>
  </si>
  <si>
    <t>2021BU02280101</t>
  </si>
  <si>
    <t>Centrum Ede</t>
  </si>
  <si>
    <t>GM0228</t>
  </si>
  <si>
    <t>buurt_gegeneraliseerd_2021.07e66202-2057-4290-b810-9ce2e854a033</t>
  </si>
  <si>
    <t>BU02280102</t>
  </si>
  <si>
    <t>2021BU02280102</t>
  </si>
  <si>
    <t>Bosrand</t>
  </si>
  <si>
    <t>buurt_gegeneraliseerd_2021.3b5f6be4-f564-4b0d-8553-af07afa76212</t>
  </si>
  <si>
    <t>BU02280103</t>
  </si>
  <si>
    <t>2021BU02280103</t>
  </si>
  <si>
    <t>Komponistenbuurt</t>
  </si>
  <si>
    <t>buurt_gegeneraliseerd_2021.44d18bcd-1e2e-4199-82a6-77ed2ed61567</t>
  </si>
  <si>
    <t>BU02280104</t>
  </si>
  <si>
    <t>2021BU02280104</t>
  </si>
  <si>
    <t>buurt_gegeneraliseerd_2021.aa7c9d8a-d188-4b71-b119-85bd04a9886f</t>
  </si>
  <si>
    <t>BU02280105</t>
  </si>
  <si>
    <t>2021BU02280105</t>
  </si>
  <si>
    <t>Stationsbuurt</t>
  </si>
  <si>
    <t>buurt_gegeneraliseerd_2021.f68a628b-4053-48ec-bad3-aa31e170c744</t>
  </si>
  <si>
    <t>BU02280201</t>
  </si>
  <si>
    <t>2021BU02280201</t>
  </si>
  <si>
    <t>buurt_gegeneraliseerd_2021.dc79d4c8-6344-4cca-9cf5-d0432d9ddca6</t>
  </si>
  <si>
    <t>BU02280202</t>
  </si>
  <si>
    <t>2021BU02280202</t>
  </si>
  <si>
    <t>Indische buurt</t>
  </si>
  <si>
    <t>buurt_gegeneraliseerd_2021.22d3edc9-8d21-445e-aef1-e45add6ead1a</t>
  </si>
  <si>
    <t>BU02280203</t>
  </si>
  <si>
    <t>2021BU02280203</t>
  </si>
  <si>
    <t>buurt_gegeneraliseerd_2021.09d73cb1-844d-4d41-8f3c-748fdcbaa3f6</t>
  </si>
  <si>
    <t>BU02280204</t>
  </si>
  <si>
    <t>2021BU02280204</t>
  </si>
  <si>
    <t>buurt_gegeneraliseerd_2021.30c16e29-1b71-4be6-ae00-a866d63cb5b3</t>
  </si>
  <si>
    <t>BU02280205</t>
  </si>
  <si>
    <t>2021BU02280205</t>
  </si>
  <si>
    <t>Beatrixpark</t>
  </si>
  <si>
    <t>buurt_gegeneraliseerd_2021.92d8331a-9280-499b-be4b-362d545f0daa</t>
  </si>
  <si>
    <t>BU02280206</t>
  </si>
  <si>
    <t>2021BU02280206</t>
  </si>
  <si>
    <t>Klaphek</t>
  </si>
  <si>
    <t>buurt_gegeneraliseerd_2021.33f3bd7e-99d3-4e22-8d7e-c75004dd86cf</t>
  </si>
  <si>
    <t>BU02280301</t>
  </si>
  <si>
    <t>2021BU02280301</t>
  </si>
  <si>
    <t>De Horsten</t>
  </si>
  <si>
    <t>buurt_gegeneraliseerd_2021.054cc444-640d-450b-86b7-9afd356e82db</t>
  </si>
  <si>
    <t>BU02280302</t>
  </si>
  <si>
    <t>2021BU02280302</t>
  </si>
  <si>
    <t>De Burgen</t>
  </si>
  <si>
    <t>buurt_gegeneraliseerd_2021.a98c7f99-642b-49fd-b3f9-b8d212f26186</t>
  </si>
  <si>
    <t>BU02280303</t>
  </si>
  <si>
    <t>2021BU02280303</t>
  </si>
  <si>
    <t>De Steinen</t>
  </si>
  <si>
    <t>buurt_gegeneraliseerd_2021.7e722312-4b3c-4b07-a8ba-67c4172f963a</t>
  </si>
  <si>
    <t>BU02280305</t>
  </si>
  <si>
    <t>2021BU02280305</t>
  </si>
  <si>
    <t>De Dalen</t>
  </si>
  <si>
    <t>buurt_gegeneraliseerd_2021.cfc62d5f-0c7f-4830-98f1-4db187a0b26a</t>
  </si>
  <si>
    <t>BU02280306</t>
  </si>
  <si>
    <t>2021BU02280306</t>
  </si>
  <si>
    <t>De Velden en Beken</t>
  </si>
  <si>
    <t>buurt_gegeneraliseerd_2021.95f4e20a-59c9-490a-9c9a-fa715d84c344</t>
  </si>
  <si>
    <t>BU02280307</t>
  </si>
  <si>
    <t>2021BU02280307</t>
  </si>
  <si>
    <t>buurt_gegeneraliseerd_2021.92fa47b1-880f-4021-8243-4dab8e1af4a2</t>
  </si>
  <si>
    <t>BU02280401</t>
  </si>
  <si>
    <t>2021BU02280401</t>
  </si>
  <si>
    <t>De Bergen</t>
  </si>
  <si>
    <t>buurt_gegeneraliseerd_2021.de647831-e321-4ed9-bd49-6e21fa15fc18</t>
  </si>
  <si>
    <t>BU02280402</t>
  </si>
  <si>
    <t>2021BU02280402</t>
  </si>
  <si>
    <t>De Bossen</t>
  </si>
  <si>
    <t>buurt_gegeneraliseerd_2021.581427d4-6bc9-4977-bab7-55569ffc22e9</t>
  </si>
  <si>
    <t>BU02280403</t>
  </si>
  <si>
    <t>2021BU02280403</t>
  </si>
  <si>
    <t>De Venen en Zanden</t>
  </si>
  <si>
    <t>buurt_gegeneraliseerd_2021.afe915d3-f4e3-411a-bd3c-0ddd778a8265</t>
  </si>
  <si>
    <t>BU02280501</t>
  </si>
  <si>
    <t>2021BU02280501</t>
  </si>
  <si>
    <t>Veluwse Poort</t>
  </si>
  <si>
    <t>buurt_gegeneraliseerd_2021.85c51ed7-e179-4a6e-a635-5063a8642900</t>
  </si>
  <si>
    <t>BU02281001</t>
  </si>
  <si>
    <t>2021BU02281001</t>
  </si>
  <si>
    <t>Uitvindersbuurt</t>
  </si>
  <si>
    <t>buurt_gegeneraliseerd_2021.a86a81f6-710c-4ff9-8dd0-df5d30210273</t>
  </si>
  <si>
    <t>BU02281002</t>
  </si>
  <si>
    <t>2021BU02281002</t>
  </si>
  <si>
    <t>Hoogbouw-Zuid</t>
  </si>
  <si>
    <t>buurt_gegeneraliseerd_2021.5987149d-f9a5-49b9-902f-16fdd835d169</t>
  </si>
  <si>
    <t>BU02281003</t>
  </si>
  <si>
    <t>2021BU02281003</t>
  </si>
  <si>
    <t>Reehorst</t>
  </si>
  <si>
    <t>buurt_gegeneraliseerd_2021.b50f501b-d2e7-48d3-88cd-6251955e937b</t>
  </si>
  <si>
    <t>BU02281004</t>
  </si>
  <si>
    <t>2021BU02281004</t>
  </si>
  <si>
    <t>Enka</t>
  </si>
  <si>
    <t>buurt_gegeneraliseerd_2021.2443c9c9-de34-42ec-8cb7-a3c2246b1d00</t>
  </si>
  <si>
    <t>BU02281101</t>
  </si>
  <si>
    <t>2021BU02281101</t>
  </si>
  <si>
    <t>Elskamp</t>
  </si>
  <si>
    <t>buurt_gegeneraliseerd_2021.012efebc-84c4-4a6c-aa53-7b8dd60efe41</t>
  </si>
  <si>
    <t>BU02281102</t>
  </si>
  <si>
    <t>2021BU02281102</t>
  </si>
  <si>
    <t>Maandereng-Oost</t>
  </si>
  <si>
    <t>buurt_gegeneraliseerd_2021.ed27d7d5-4fb8-4857-ac74-0fb02834f3f3</t>
  </si>
  <si>
    <t>BU02281103</t>
  </si>
  <si>
    <t>2021BU02281103</t>
  </si>
  <si>
    <t>De Hoef</t>
  </si>
  <si>
    <t>buurt_gegeneraliseerd_2021.912a5119-4f10-4415-866d-2bf68530790c</t>
  </si>
  <si>
    <t>BU02281201</t>
  </si>
  <si>
    <t>2021BU02281201</t>
  </si>
  <si>
    <t>buurt_gegeneraliseerd_2021.10d2a7dc-6632-4f80-a3ac-94270c10e546</t>
  </si>
  <si>
    <t>BU02281202</t>
  </si>
  <si>
    <t>2021BU02281202</t>
  </si>
  <si>
    <t>De Dreven</t>
  </si>
  <si>
    <t>buurt_gegeneraliseerd_2021.f7824edb-ce87-4638-8075-11d280643236</t>
  </si>
  <si>
    <t>BU02281203</t>
  </si>
  <si>
    <t>2021BU02281203</t>
  </si>
  <si>
    <t>De Singels</t>
  </si>
  <si>
    <t>buurt_gegeneraliseerd_2021.a1fbb8bf-ce7e-4e83-acfa-3d62339a012d</t>
  </si>
  <si>
    <t>BU02281204</t>
  </si>
  <si>
    <t>2021BU02281204</t>
  </si>
  <si>
    <t>De States</t>
  </si>
  <si>
    <t>buurt_gegeneraliseerd_2021.b990a947-4dbb-4a90-918a-4613b7b8fb15</t>
  </si>
  <si>
    <t>BU02281301</t>
  </si>
  <si>
    <t>2021BU02281301</t>
  </si>
  <si>
    <t>Frankeneng</t>
  </si>
  <si>
    <t>buurt_gegeneraliseerd_2021.1a61bb6f-ceff-4126-9546-a94483893dba</t>
  </si>
  <si>
    <t>BU02281302</t>
  </si>
  <si>
    <t>2021BU02281302</t>
  </si>
  <si>
    <t>Heestereng</t>
  </si>
  <si>
    <t>buurt_gegeneraliseerd_2021.21638f68-f6a3-4538-a148-e0debb06849d</t>
  </si>
  <si>
    <t>BU02281303</t>
  </si>
  <si>
    <t>2021BU02281303</t>
  </si>
  <si>
    <t>De Vallei</t>
  </si>
  <si>
    <t>buurt_gegeneraliseerd_2021.dfff189b-02dc-4ffc-b0d0-8c4e1a2dfe0c</t>
  </si>
  <si>
    <t>BU02281304</t>
  </si>
  <si>
    <t>2021BU02281304</t>
  </si>
  <si>
    <t>Schuttersveld-Zuid</t>
  </si>
  <si>
    <t>buurt_gegeneraliseerd_2021.8a6ed228-887e-4a0b-ad20-a32019681549</t>
  </si>
  <si>
    <t>BU02281305</t>
  </si>
  <si>
    <t>2021BU02281305</t>
  </si>
  <si>
    <t>Schuttersveld-Noord</t>
  </si>
  <si>
    <t>buurt_gegeneraliseerd_2021.fa4eadd1-237f-407c-8d1e-5c25e03af7f2</t>
  </si>
  <si>
    <t>BU02281306</t>
  </si>
  <si>
    <t>2021BU02281306</t>
  </si>
  <si>
    <t>Kievitsmeent</t>
  </si>
  <si>
    <t>buurt_gegeneraliseerd_2021.512a796b-8409-4bca-80c0-3904bb660324</t>
  </si>
  <si>
    <t>BU02282031</t>
  </si>
  <si>
    <t>2021BU02282031</t>
  </si>
  <si>
    <t>Maanderbroek</t>
  </si>
  <si>
    <t>buurt_gegeneraliseerd_2021.02ab5019-0c63-4ee7-9ef8-37375b612541</t>
  </si>
  <si>
    <t>BU02282032</t>
  </si>
  <si>
    <t>2021BU02282032</t>
  </si>
  <si>
    <t>Doesburg</t>
  </si>
  <si>
    <t>buurt_gegeneraliseerd_2021.ad3bec15-a53f-4b5d-b900-2a8702f8cb2f</t>
  </si>
  <si>
    <t>BU02282051</t>
  </si>
  <si>
    <t>2021BU02282051</t>
  </si>
  <si>
    <t>Driesprong/Ginkel</t>
  </si>
  <si>
    <t>buurt_gegeneraliseerd_2021.c43a0b69-e8a2-4118-b046-06f4a98fffd1</t>
  </si>
  <si>
    <t>BU02283001</t>
  </si>
  <si>
    <t>2021BU02283001</t>
  </si>
  <si>
    <t>De Laar</t>
  </si>
  <si>
    <t>buurt_gegeneraliseerd_2021.de60d499-bcc4-4a1e-85de-3ac9ceb55a23</t>
  </si>
  <si>
    <t>BU02283002</t>
  </si>
  <si>
    <t>2021BU02283002</t>
  </si>
  <si>
    <t>Bennekom-Zuidoost</t>
  </si>
  <si>
    <t>buurt_gegeneraliseerd_2021.95fa82a8-204a-4d9e-922a-8ddcf362f085</t>
  </si>
  <si>
    <t>BU02283003</t>
  </si>
  <si>
    <t>2021BU02283003</t>
  </si>
  <si>
    <t>Boekelo</t>
  </si>
  <si>
    <t>buurt_gegeneraliseerd_2021.d91c6936-40b3-446d-9d25-58d9c52d6dda</t>
  </si>
  <si>
    <t>BU02283004</t>
  </si>
  <si>
    <t>2021BU02283004</t>
  </si>
  <si>
    <t>Halderbrink</t>
  </si>
  <si>
    <t>buurt_gegeneraliseerd_2021.c8946e17-03f3-4d7f-a2fd-ff98d2b5244c</t>
  </si>
  <si>
    <t>BU02283031</t>
  </si>
  <si>
    <t>2021BU02283031</t>
  </si>
  <si>
    <t>De Kraats/Nergena</t>
  </si>
  <si>
    <t>buurt_gegeneraliseerd_2021.4a6cb4d3-34a4-4ed1-a631-9bfffd6d8672</t>
  </si>
  <si>
    <t>BU02283051</t>
  </si>
  <si>
    <t>2021BU02283051</t>
  </si>
  <si>
    <t>Dikkenberg</t>
  </si>
  <si>
    <t>buurt_gegeneraliseerd_2021.b9b53e05-0a12-4fce-8c03-d37430660f01</t>
  </si>
  <si>
    <t>BU02284001</t>
  </si>
  <si>
    <t>2021BU02284001</t>
  </si>
  <si>
    <t>Centrum Lunteren</t>
  </si>
  <si>
    <t>buurt_gegeneraliseerd_2021.592156ec-d31e-4846-a05c-1cde4d70715f</t>
  </si>
  <si>
    <t>BU02284002</t>
  </si>
  <si>
    <t>2021BU02284002</t>
  </si>
  <si>
    <t>Wormshoef</t>
  </si>
  <si>
    <t>buurt_gegeneraliseerd_2021.fec2fd29-2834-4458-8e7b-d560950a886b</t>
  </si>
  <si>
    <t>BU02284003</t>
  </si>
  <si>
    <t>2021BU02284003</t>
  </si>
  <si>
    <t>Lunteren-Oost</t>
  </si>
  <si>
    <t>buurt_gegeneraliseerd_2021.25532025-2d37-422a-ae40-f430d2b5f4b9</t>
  </si>
  <si>
    <t>BU02284031</t>
  </si>
  <si>
    <t>2021BU02284031</t>
  </si>
  <si>
    <t>Nederwoud</t>
  </si>
  <si>
    <t>buurt_gegeneraliseerd_2021.9c5cc668-01e5-40a5-9370-65629a9d2c15</t>
  </si>
  <si>
    <t>BU02284032</t>
  </si>
  <si>
    <t>2021BU02284032</t>
  </si>
  <si>
    <t>De Veenen</t>
  </si>
  <si>
    <t>buurt_gegeneraliseerd_2021.d00e87b4-daa8-4029-9106-5e094d383d59</t>
  </si>
  <si>
    <t>BU02284033</t>
  </si>
  <si>
    <t>2021BU02284033</t>
  </si>
  <si>
    <t>Lunterse Veld</t>
  </si>
  <si>
    <t>buurt_gegeneraliseerd_2021.1522f1be-2f5e-4c1a-87b1-1a6b6af7b846</t>
  </si>
  <si>
    <t>BU02284034</t>
  </si>
  <si>
    <t>2021BU02284034</t>
  </si>
  <si>
    <t>Meulunteren/De Valk</t>
  </si>
  <si>
    <t>buurt_gegeneraliseerd_2021.8fd0c97f-5e13-4c88-8692-735066f7068b</t>
  </si>
  <si>
    <t>BU02284051</t>
  </si>
  <si>
    <t>2021BU02284051</t>
  </si>
  <si>
    <t>Lunterse Buurtbos</t>
  </si>
  <si>
    <t>buurt_gegeneraliseerd_2021.e31edf9a-ca22-4eba-a89e-ed6355f2b2be</t>
  </si>
  <si>
    <t>BU02285001</t>
  </si>
  <si>
    <t>2021BU02285001</t>
  </si>
  <si>
    <t>Ederveen dorp</t>
  </si>
  <si>
    <t>buurt_gegeneraliseerd_2021.78451dc6-5927-4c59-86ca-f43f23c0c1ee</t>
  </si>
  <si>
    <t>BU02285031</t>
  </si>
  <si>
    <t>2021BU02285031</t>
  </si>
  <si>
    <t>Ederveen buitengebied</t>
  </si>
  <si>
    <t>buurt_gegeneraliseerd_2021.bf006e6a-180f-4f47-9196-cc422c26acea</t>
  </si>
  <si>
    <t>BU02286001</t>
  </si>
  <si>
    <t>2021BU02286001</t>
  </si>
  <si>
    <t>De Klomp dorp</t>
  </si>
  <si>
    <t>buurt_gegeneraliseerd_2021.e7eb124e-f7cb-4907-afad-65e142e0ab17</t>
  </si>
  <si>
    <t>BU02286031</t>
  </si>
  <si>
    <t>2021BU02286031</t>
  </si>
  <si>
    <t>De Klomp buitengebied</t>
  </si>
  <si>
    <t>buurt_gegeneraliseerd_2021.15ca4c2e-c5b5-4fb7-97a7-2473835560cf</t>
  </si>
  <si>
    <t>BU02287001</t>
  </si>
  <si>
    <t>2021BU02287001</t>
  </si>
  <si>
    <t>Harskamp dorp</t>
  </si>
  <si>
    <t>buurt_gegeneraliseerd_2021.1f62e546-d5ae-47cf-ae82-22ab0b0c7a70</t>
  </si>
  <si>
    <t>BU02287002</t>
  </si>
  <si>
    <t>2021BU02287002</t>
  </si>
  <si>
    <t>Legerplaats Harskamp</t>
  </si>
  <si>
    <t>buurt_gegeneraliseerd_2021.a8e86f5b-4821-467d-9248-c7ffe5c29cc1</t>
  </si>
  <si>
    <t>BU02287031</t>
  </si>
  <si>
    <t>2021BU02287031</t>
  </si>
  <si>
    <t>Westeneng</t>
  </si>
  <si>
    <t>buurt_gegeneraliseerd_2021.c3a8d66c-5203-41b6-8130-7d2025a61540</t>
  </si>
  <si>
    <t>BU02287051</t>
  </si>
  <si>
    <t>2021BU02287051</t>
  </si>
  <si>
    <t>Harskampse Zand</t>
  </si>
  <si>
    <t>buurt_gegeneraliseerd_2021.97fd13c9-fd4b-48f3-aa75-0f99fe7daee7</t>
  </si>
  <si>
    <t>BU02288001</t>
  </si>
  <si>
    <t>2021BU02288001</t>
  </si>
  <si>
    <t>Wekerom dorp</t>
  </si>
  <si>
    <t>buurt_gegeneraliseerd_2021.21da73a8-c9fd-40b6-b63f-cd8590f741a8</t>
  </si>
  <si>
    <t>BU02288031</t>
  </si>
  <si>
    <t>2021BU02288031</t>
  </si>
  <si>
    <t>Wekeromse Meent</t>
  </si>
  <si>
    <t>buurt_gegeneraliseerd_2021.f6112fb9-8aff-46ab-b5d7-726664e098cb</t>
  </si>
  <si>
    <t>BU02288051</t>
  </si>
  <si>
    <t>2021BU02288051</t>
  </si>
  <si>
    <t>Wekeromse Zand</t>
  </si>
  <si>
    <t>buurt_gegeneraliseerd_2021.286202f1-ccf7-46ed-b297-ce2a0b97a984</t>
  </si>
  <si>
    <t>BU02289001</t>
  </si>
  <si>
    <t>2021BU02289001</t>
  </si>
  <si>
    <t>Otterlo dorp</t>
  </si>
  <si>
    <t>buurt_gegeneraliseerd_2021.66903561-eaf2-4543-8e9e-2d8a81c5f74c</t>
  </si>
  <si>
    <t>BU02289031</t>
  </si>
  <si>
    <t>2021BU02289031</t>
  </si>
  <si>
    <t>Eschoter Veld</t>
  </si>
  <si>
    <t>buurt_gegeneraliseerd_2021.bd7f311c-9d02-4ecc-a427-fd44bdfe6044</t>
  </si>
  <si>
    <t>BU02289051</t>
  </si>
  <si>
    <t>2021BU02289051</t>
  </si>
  <si>
    <t>Reemst</t>
  </si>
  <si>
    <t>buurt_gegeneraliseerd_2021.4d5b3cbe-e11d-4b1d-adf4-ef49788683db</t>
  </si>
  <si>
    <t>BU02289052</t>
  </si>
  <si>
    <t>2021BU02289052</t>
  </si>
  <si>
    <t>Hoog Baarlo</t>
  </si>
  <si>
    <t>buurt_gegeneraliseerd_2021.e4954ea4-4939-4212-82cc-911cfca10b15</t>
  </si>
  <si>
    <t>BU02289053</t>
  </si>
  <si>
    <t>2021BU02289053</t>
  </si>
  <si>
    <t>Deelen</t>
  </si>
  <si>
    <t>buurt_gegeneraliseerd_2021.23dd6c69-35be-43da-a7ca-71acd364ec16</t>
  </si>
  <si>
    <t>BU02300100</t>
  </si>
  <si>
    <t>2021BU02300100</t>
  </si>
  <si>
    <t>Elburg Stad</t>
  </si>
  <si>
    <t>GM0230</t>
  </si>
  <si>
    <t>buurt_gegeneraliseerd_2021.c9e2bebe-4a05-4dd5-befa-7e9dcb4d1ff5</t>
  </si>
  <si>
    <t>BU02300101</t>
  </si>
  <si>
    <t>2021BU02300101</t>
  </si>
  <si>
    <t>Elburg West en havengebied</t>
  </si>
  <si>
    <t>buurt_gegeneraliseerd_2021.7f1d7215-d454-4956-803d-a5df976e7f34</t>
  </si>
  <si>
    <t>BU02300102</t>
  </si>
  <si>
    <t>2021BU02300102</t>
  </si>
  <si>
    <t>Elburg-Oosthoek</t>
  </si>
  <si>
    <t>buurt_gegeneraliseerd_2021.02e227f0-1cb5-42a7-abb4-1ea350bc5271</t>
  </si>
  <si>
    <t>BU02300103</t>
  </si>
  <si>
    <t>2021BU02300103</t>
  </si>
  <si>
    <t>Elburg De Vrijheid</t>
  </si>
  <si>
    <t>buurt_gegeneraliseerd_2021.3723b295-5770-4a2b-8f01-d141ec7f3263</t>
  </si>
  <si>
    <t>BU02300104</t>
  </si>
  <si>
    <t>2021BU02300104</t>
  </si>
  <si>
    <t>Oostendorp</t>
  </si>
  <si>
    <t>buurt_gegeneraliseerd_2021.938beaa9-e1f0-4c93-8e8a-a8deab43798b</t>
  </si>
  <si>
    <t>BU02300105</t>
  </si>
  <si>
    <t>2021BU02300105</t>
  </si>
  <si>
    <t>Achterweg</t>
  </si>
  <si>
    <t>buurt_gegeneraliseerd_2021.acffc651-25a9-48d5-b7c0-cd10be8df977</t>
  </si>
  <si>
    <t>BU02300108</t>
  </si>
  <si>
    <t>2021BU02300108</t>
  </si>
  <si>
    <t>Verspreide huizen Elburg-Zuid</t>
  </si>
  <si>
    <t>buurt_gegeneraliseerd_2021.b4930462-aa10-4c53-9440-a39d77e3f1d3</t>
  </si>
  <si>
    <t>BU02300109</t>
  </si>
  <si>
    <t>2021BU02300109</t>
  </si>
  <si>
    <t>Verspreide huizen Elburg-Noord</t>
  </si>
  <si>
    <t>buurt_gegeneraliseerd_2021.a832f92c-71e9-4e9c-a5ed-242ab7c2b79b</t>
  </si>
  <si>
    <t>BU02300201</t>
  </si>
  <si>
    <t>2021BU02300201</t>
  </si>
  <si>
    <t>'t Harde-Centrum</t>
  </si>
  <si>
    <t>buurt_gegeneraliseerd_2021.4f73c915-6006-499c-9f2e-712f45473dd8</t>
  </si>
  <si>
    <t>BU02300202</t>
  </si>
  <si>
    <t>2021BU02300202</t>
  </si>
  <si>
    <t>'t Harde-West</t>
  </si>
  <si>
    <t>buurt_gegeneraliseerd_2021.23fbef1d-6226-4916-8c83-00afb275369a</t>
  </si>
  <si>
    <t>BU02300203</t>
  </si>
  <si>
    <t>2021BU02300203</t>
  </si>
  <si>
    <t>'t Harde-Oost</t>
  </si>
  <si>
    <t>buurt_gegeneraliseerd_2021.209ec21b-cf04-4978-8e73-d5653326e65d</t>
  </si>
  <si>
    <t>BU02300207</t>
  </si>
  <si>
    <t>2021BU02300207</t>
  </si>
  <si>
    <t>Verspreide huizen 't Harde Noord-West</t>
  </si>
  <si>
    <t>buurt_gegeneraliseerd_2021.6953cba5-74c2-49b4-86ba-ed8e725d8882</t>
  </si>
  <si>
    <t>BU02300209</t>
  </si>
  <si>
    <t>2021BU02300209</t>
  </si>
  <si>
    <t>Verspreide huizen 't Harde Zuid-Oost</t>
  </si>
  <si>
    <t>buurt_gegeneraliseerd_2021.0935a94f-72a7-4fe7-a300-2955c859c6d8</t>
  </si>
  <si>
    <t>BU02300300</t>
  </si>
  <si>
    <t>2021BU02300300</t>
  </si>
  <si>
    <t>Doornspijk</t>
  </si>
  <si>
    <t>buurt_gegeneraliseerd_2021.a0b538bd-1d6d-4d06-ba20-907e71763f07</t>
  </si>
  <si>
    <t>BU02300304</t>
  </si>
  <si>
    <t>2021BU02300304</t>
  </si>
  <si>
    <t>Hoge Enk</t>
  </si>
  <si>
    <t>buurt_gegeneraliseerd_2021.bafb8d2c-efd7-4db2-ae0b-00c27fcf7518</t>
  </si>
  <si>
    <t>BU02300306</t>
  </si>
  <si>
    <t>2021BU02300306</t>
  </si>
  <si>
    <t>Verspreide huizen Doornspijk-West</t>
  </si>
  <si>
    <t>buurt_gegeneraliseerd_2021.d605bd99-ca45-4414-8bc3-700054941146</t>
  </si>
  <si>
    <t>BU02300308</t>
  </si>
  <si>
    <t>2021BU02300308</t>
  </si>
  <si>
    <t>Verspreide huizen Doornspijk-Oost</t>
  </si>
  <si>
    <t>buurt_gegeneraliseerd_2021.ec70a86a-5520-4b29-8461-3114fafa76c8</t>
  </si>
  <si>
    <t>BU02320000</t>
  </si>
  <si>
    <t>2021BU02320000</t>
  </si>
  <si>
    <t>Epe Centrum</t>
  </si>
  <si>
    <t>GM0232</t>
  </si>
  <si>
    <t>buurt_gegeneraliseerd_2021.d2839b5d-4c41-4206-bd6b-ecc84de5eea0</t>
  </si>
  <si>
    <t>BU02320001</t>
  </si>
  <si>
    <t>2021BU02320001</t>
  </si>
  <si>
    <t>Hoge Weerd</t>
  </si>
  <si>
    <t>buurt_gegeneraliseerd_2021.6c3429b3-2485-4e86-acd5-886f942e123c</t>
  </si>
  <si>
    <t>BU02320002</t>
  </si>
  <si>
    <t>2021BU02320002</t>
  </si>
  <si>
    <t>Hogeland</t>
  </si>
  <si>
    <t>buurt_gegeneraliseerd_2021.ff104358-bf0e-4eee-87e7-3736711dc93d</t>
  </si>
  <si>
    <t>BU02320003</t>
  </si>
  <si>
    <t>2021BU02320003</t>
  </si>
  <si>
    <t>Epe Noord</t>
  </si>
  <si>
    <t>buurt_gegeneraliseerd_2021.2eec3bf1-422d-4320-b05a-e73bb29b994d</t>
  </si>
  <si>
    <t>BU02320004</t>
  </si>
  <si>
    <t>2021BU02320004</t>
  </si>
  <si>
    <t>Burgerenk</t>
  </si>
  <si>
    <t>buurt_gegeneraliseerd_2021.f87f79ea-a66f-486a-9ba3-4e3f3fc012b5</t>
  </si>
  <si>
    <t>BU00370100</t>
  </si>
  <si>
    <t>2021BU00370100</t>
  </si>
  <si>
    <t>Stadskanaal Centrum</t>
  </si>
  <si>
    <t>GM0037</t>
  </si>
  <si>
    <t>buurt_gegeneraliseerd_2021.d0d0148f-571e-4748-8dc3-625f2a29c0c5</t>
  </si>
  <si>
    <t>BU00370101</t>
  </si>
  <si>
    <t>2021BU00370101</t>
  </si>
  <si>
    <t>Maarsstee</t>
  </si>
  <si>
    <t>buurt_gegeneraliseerd_2021.14c30c24-ac09-4f56-b939-c7d264389eda</t>
  </si>
  <si>
    <t>BU00370102</t>
  </si>
  <si>
    <t>2021BU00370102</t>
  </si>
  <si>
    <t>Maarswold</t>
  </si>
  <si>
    <t>buurt_gegeneraliseerd_2021.cd5a0cc8-c548-4288-90c3-bb91cbd7d451</t>
  </si>
  <si>
    <t>BU00370103</t>
  </si>
  <si>
    <t>2021BU00370103</t>
  </si>
  <si>
    <t>Maarsveld</t>
  </si>
  <si>
    <t>buurt_gegeneraliseerd_2021.dc1e78f6-a196-4c66-b7c8-db4309328798</t>
  </si>
  <si>
    <t>BU00370104</t>
  </si>
  <si>
    <t>2021BU00370104</t>
  </si>
  <si>
    <t>De Hagen</t>
  </si>
  <si>
    <t>buurt_gegeneraliseerd_2021.f81c0ea2-b870-4a04-adf2-b58502348922</t>
  </si>
  <si>
    <t>BU00370105</t>
  </si>
  <si>
    <t>2021BU00370105</t>
  </si>
  <si>
    <t>Vogelwijk en De Borgen</t>
  </si>
  <si>
    <t>buurt_gegeneraliseerd_2021.d13d99b0-f33b-49ac-bfd8-2cd05cb9857f</t>
  </si>
  <si>
    <t>BU00370106</t>
  </si>
  <si>
    <t>2021BU00370106</t>
  </si>
  <si>
    <t>Industriegebied Vleddermond</t>
  </si>
  <si>
    <t>buurt_gegeneraliseerd_2021.b51a7394-8020-4a0b-b66c-d59c8cbeea63</t>
  </si>
  <si>
    <t>BU00370107</t>
  </si>
  <si>
    <t>2021BU00370107</t>
  </si>
  <si>
    <t>Dideldom</t>
  </si>
  <si>
    <t>buurt_gegeneraliseerd_2021.07894d4b-ea2b-4201-992d-55113db53543</t>
  </si>
  <si>
    <t>BU00370108</t>
  </si>
  <si>
    <t>2021BU00370108</t>
  </si>
  <si>
    <t>Parkwijk</t>
  </si>
  <si>
    <t>buurt_gegeneraliseerd_2021.b3b612ef-8e9a-4b5b-98c1-f220a266722d</t>
  </si>
  <si>
    <t>BU00370109</t>
  </si>
  <si>
    <t>2021BU00370109</t>
  </si>
  <si>
    <t>Stadskanaal Noord Landskant</t>
  </si>
  <si>
    <t>buurt_gegeneraliseerd_2021.b38bb1ab-a53e-4cc6-bf9c-5e3dbc437738</t>
  </si>
  <si>
    <t>BU00370110</t>
  </si>
  <si>
    <t>2021BU00370110</t>
  </si>
  <si>
    <t>Stadskanaal Noord Centrum</t>
  </si>
  <si>
    <t>buurt_gegeneraliseerd_2021.0c23581c-6e42-4e31-8af3-a4dd8d510071</t>
  </si>
  <si>
    <t>BU00370111</t>
  </si>
  <si>
    <t>2021BU00370111</t>
  </si>
  <si>
    <t>Stadskanaal Noord</t>
  </si>
  <si>
    <t>buurt_gegeneraliseerd_2021.ae27b3d2-1069-494b-b8c1-326a2f17a241</t>
  </si>
  <si>
    <t>BU00370112</t>
  </si>
  <si>
    <t>2021BU00370112</t>
  </si>
  <si>
    <t>buurt_gegeneraliseerd_2021.cd3b0aaa-8dfb-4c3b-8dff-24ce6e5246cb</t>
  </si>
  <si>
    <t>BU00370200</t>
  </si>
  <si>
    <t>2021BU00370200</t>
  </si>
  <si>
    <t>Musselkanaal Centrum</t>
  </si>
  <si>
    <t>buurt_gegeneraliseerd_2021.8f9ebb60-0b1d-495b-b9a9-7277c125f3de</t>
  </si>
  <si>
    <t>BU00370201</t>
  </si>
  <si>
    <t>2021BU00370201</t>
  </si>
  <si>
    <t>Musselkanaal Zuid</t>
  </si>
  <si>
    <t>buurt_gegeneraliseerd_2021.161f79af-7805-418a-8759-16aad38c302a</t>
  </si>
  <si>
    <t>BU00370202</t>
  </si>
  <si>
    <t>2021BU00370202</t>
  </si>
  <si>
    <t>Musselkanaal Noord</t>
  </si>
  <si>
    <t>buurt_gegeneraliseerd_2021.dfaa26b1-62f7-4205-8266-4f0233701409</t>
  </si>
  <si>
    <t>BU00370203</t>
  </si>
  <si>
    <t>2021BU00370203</t>
  </si>
  <si>
    <t>Ceresdorp</t>
  </si>
  <si>
    <t>buurt_gegeneraliseerd_2021.983b79bb-f626-485a-b041-359dac99bf03</t>
  </si>
  <si>
    <t>BU00370300</t>
  </si>
  <si>
    <t>2021BU00370300</t>
  </si>
  <si>
    <t>Onstwedde</t>
  </si>
  <si>
    <t>buurt_gegeneraliseerd_2021.ff7534c3-e373-4373-8137-38579f99dbda</t>
  </si>
  <si>
    <t>BU00370301</t>
  </si>
  <si>
    <t>2021BU00370301</t>
  </si>
  <si>
    <t>Holte</t>
  </si>
  <si>
    <t>buurt_gegeneraliseerd_2021.629b8860-7fe3-4543-aa57-a351214d5dec</t>
  </si>
  <si>
    <t>BU00370308</t>
  </si>
  <si>
    <t>2021BU00370308</t>
  </si>
  <si>
    <t>Onstwedde Buitengebied Noord</t>
  </si>
  <si>
    <t>buurt_gegeneraliseerd_2021.daf8dccf-af13-49c8-85ef-3a278473b6c7</t>
  </si>
  <si>
    <t>BU00370309</t>
  </si>
  <si>
    <t>2021BU00370309</t>
  </si>
  <si>
    <t>Onstwedde Buitengebied Zuid</t>
  </si>
  <si>
    <t>buurt_gegeneraliseerd_2021.fc46a8a8-1810-43ef-ba66-85038f49c95f</t>
  </si>
  <si>
    <t>BU00370400</t>
  </si>
  <si>
    <t>2021BU00370400</t>
  </si>
  <si>
    <t>Mussel</t>
  </si>
  <si>
    <t>buurt_gegeneraliseerd_2021.dd878dbb-927e-44dc-9e3b-4d806d22a0f8</t>
  </si>
  <si>
    <t>BU00370401</t>
  </si>
  <si>
    <t>2021BU00370401</t>
  </si>
  <si>
    <t>Kopstukken</t>
  </si>
  <si>
    <t>buurt_gegeneraliseerd_2021.aebb66f3-3de0-448b-9444-bd3b03be0d90</t>
  </si>
  <si>
    <t>BU00370402</t>
  </si>
  <si>
    <t>2021BU00370402</t>
  </si>
  <si>
    <t>Vledderveen</t>
  </si>
  <si>
    <t>buurt_gegeneraliseerd_2021.f544c8de-e220-4888-be40-cb11b6ab66c4</t>
  </si>
  <si>
    <t>BU00370409</t>
  </si>
  <si>
    <t>2021BU00370409</t>
  </si>
  <si>
    <t>Mussel Buitengebied</t>
  </si>
  <si>
    <t>buurt_gegeneraliseerd_2021.aca7b72e-7e88-486e-a320-68c96fd21cb4</t>
  </si>
  <si>
    <t>BU00370500</t>
  </si>
  <si>
    <t>2021BU00370500</t>
  </si>
  <si>
    <t>Alteveer</t>
  </si>
  <si>
    <t>buurt_gegeneraliseerd_2021.3b0627c5-fe33-40c0-af0b-a309830cf38b</t>
  </si>
  <si>
    <t>BU00370509</t>
  </si>
  <si>
    <t>2021BU00370509</t>
  </si>
  <si>
    <t>Alteveer Buitengebied</t>
  </si>
  <si>
    <t>buurt_gegeneraliseerd_2021.184658c5-1b00-4715-8635-9205ddc75762</t>
  </si>
  <si>
    <t>BU00470000</t>
  </si>
  <si>
    <t>2021BU00470000</t>
  </si>
  <si>
    <t>Veendam-Centrum</t>
  </si>
  <si>
    <t>GM0047</t>
  </si>
  <si>
    <t>buurt_gegeneraliseerd_2021.2923a768-2ed0-4487-9b99-ab2997a4992d</t>
  </si>
  <si>
    <t>BU00470003</t>
  </si>
  <si>
    <t>2021BU00470003</t>
  </si>
  <si>
    <t>Veendam en omgeving station</t>
  </si>
  <si>
    <t>buurt_gegeneraliseerd_2021.909083cd-2897-461f-9ea7-9706cbec16e6</t>
  </si>
  <si>
    <t>BU00470004</t>
  </si>
  <si>
    <t>2021BU00470004</t>
  </si>
  <si>
    <t>Veendam-Zuid</t>
  </si>
  <si>
    <t>buurt_gegeneraliseerd_2021.a32c4cae-dc52-4db5-b027-77e79c458af3</t>
  </si>
  <si>
    <t>BU00470005</t>
  </si>
  <si>
    <t>2021BU00470005</t>
  </si>
  <si>
    <t>Veendam-Sorghvliet</t>
  </si>
  <si>
    <t>buurt_gegeneraliseerd_2021.c4a4d956-b9fc-4ea5-b38b-1e8189a15dd3</t>
  </si>
  <si>
    <t>BU00470006</t>
  </si>
  <si>
    <t>2021BU00470006</t>
  </si>
  <si>
    <t>Veendam-industriegebied</t>
  </si>
  <si>
    <t>buurt_gegeneraliseerd_2021.e2abcd43-5ee5-4cd1-89a7-4b83f1cb054b</t>
  </si>
  <si>
    <t>BU00470100</t>
  </si>
  <si>
    <t>2021BU00470100</t>
  </si>
  <si>
    <t>Borgercompagnie (gedeeltelijk)</t>
  </si>
  <si>
    <t>buurt_gegeneraliseerd_2021.139c70b9-c673-4560-8976-a2bfcf7f4f88</t>
  </si>
  <si>
    <t>BU00470101</t>
  </si>
  <si>
    <t>2021BU00470101</t>
  </si>
  <si>
    <t>Ommelanderwijk</t>
  </si>
  <si>
    <t>buurt_gegeneraliseerd_2021.3adfedd5-3931-4cbb-9919-d242934ec8c5</t>
  </si>
  <si>
    <t>BU00470102</t>
  </si>
  <si>
    <t>2021BU00470102</t>
  </si>
  <si>
    <t>Zuidwending</t>
  </si>
  <si>
    <t>buurt_gegeneraliseerd_2021.9e7cce78-73ea-4d5e-8ad1-4dfb05c569e6</t>
  </si>
  <si>
    <t>BU00470109</t>
  </si>
  <si>
    <t>2021BU00470109</t>
  </si>
  <si>
    <t>Verspreide huizen</t>
  </si>
  <si>
    <t>buurt_gegeneraliseerd_2021.2be7cb9a-bd4d-4bba-934f-63c0df318785</t>
  </si>
  <si>
    <t>BU00470200</t>
  </si>
  <si>
    <t>2021BU00470200</t>
  </si>
  <si>
    <t>Wildervank</t>
  </si>
  <si>
    <t>buurt_gegeneraliseerd_2021.ff8b491c-8c58-48c3-8177-808e8003fa39</t>
  </si>
  <si>
    <t>BU00470201</t>
  </si>
  <si>
    <t>2021BU00470201</t>
  </si>
  <si>
    <t>Boven-Wildervank</t>
  </si>
  <si>
    <t>buurt_gegeneraliseerd_2021.15eb5a66-b8a0-48c9-a65e-c74b8feb8c3c</t>
  </si>
  <si>
    <t>BU00470202</t>
  </si>
  <si>
    <t>2021BU00470202</t>
  </si>
  <si>
    <t>Bareveld</t>
  </si>
  <si>
    <t>buurt_gegeneraliseerd_2021.1f518868-74fc-4e28-b4f7-db221889facd</t>
  </si>
  <si>
    <t>BU00470203</t>
  </si>
  <si>
    <t>2021BU00470203</t>
  </si>
  <si>
    <t>Wildervanksterdallen</t>
  </si>
  <si>
    <t>buurt_gegeneraliseerd_2021.1723e2d1-0c25-475d-882d-d6ecd85b6764</t>
  </si>
  <si>
    <t>BU00470209</t>
  </si>
  <si>
    <t>2021BU00470209</t>
  </si>
  <si>
    <t>buurt_gegeneraliseerd_2021.b95de4d6-e482-470c-a6c6-cbbbec68d8b8</t>
  </si>
  <si>
    <t>BU00740100</t>
  </si>
  <si>
    <t>2021BU00740100</t>
  </si>
  <si>
    <t>GM0074</t>
  </si>
  <si>
    <t>buurt_gegeneraliseerd_2021.f27fae8f-7c65-48b9-8e81-bd543fe46c9d</t>
  </si>
  <si>
    <t>BU00740101</t>
  </si>
  <si>
    <t>2021BU00740101</t>
  </si>
  <si>
    <t>buurt_gegeneraliseerd_2021.3a7a11b5-168f-470a-9333-eec647816951</t>
  </si>
  <si>
    <t>BU00740102</t>
  </si>
  <si>
    <t>2021BU00740102</t>
  </si>
  <si>
    <t>Midden</t>
  </si>
  <si>
    <t>buurt_gegeneraliseerd_2021.7175a1ed-1882-4334-830e-da530e5dd167</t>
  </si>
  <si>
    <t>BU00740103</t>
  </si>
  <si>
    <t>2021BU00740103</t>
  </si>
  <si>
    <t>Nijehaske</t>
  </si>
  <si>
    <t>buurt_gegeneraliseerd_2021.52a8f6dd-5f64-4e7c-8b5f-e328cca8b942</t>
  </si>
  <si>
    <t>BU00740104</t>
  </si>
  <si>
    <t>2021BU00740104</t>
  </si>
  <si>
    <t>De Greiden</t>
  </si>
  <si>
    <t>buurt_gegeneraliseerd_2021.e0b454cf-0734-4c0c-afdb-0a893360f98b</t>
  </si>
  <si>
    <t>BU00740105</t>
  </si>
  <si>
    <t>2021BU00740105</t>
  </si>
  <si>
    <t>De Heide</t>
  </si>
  <si>
    <t>buurt_gegeneraliseerd_2021.a8831e01-d383-455b-8b5e-0cdabf2271a4</t>
  </si>
  <si>
    <t>BU00740106</t>
  </si>
  <si>
    <t>2021BU00740106</t>
  </si>
  <si>
    <t>De Akkers</t>
  </si>
  <si>
    <t>buurt_gegeneraliseerd_2021.8c80d41e-c512-47c3-8198-df8484862668</t>
  </si>
  <si>
    <t>BU00740107</t>
  </si>
  <si>
    <t>2021BU00740107</t>
  </si>
  <si>
    <t>Skoatterwald</t>
  </si>
  <si>
    <t>buurt_gegeneraliseerd_2021.1a4f88f6-bb76-4763-84e1-a75baaa99b8f</t>
  </si>
  <si>
    <t>BU00740108</t>
  </si>
  <si>
    <t>2021BU00740108</t>
  </si>
  <si>
    <t>Het meer</t>
  </si>
  <si>
    <t>buurt_gegeneraliseerd_2021.f1d5634b-4475-4393-8610-431f8a3b9bef</t>
  </si>
  <si>
    <t>BU00740109</t>
  </si>
  <si>
    <t>2021BU00740109</t>
  </si>
  <si>
    <t>Nieuweschoot</t>
  </si>
  <si>
    <t>buurt_gegeneraliseerd_2021.568520c6-6576-41ab-b2dd-7292113ab1d8</t>
  </si>
  <si>
    <t>BU00740110</t>
  </si>
  <si>
    <t>2021BU00740110</t>
  </si>
  <si>
    <t>Haskerveen</t>
  </si>
  <si>
    <t>buurt_gegeneraliseerd_2021.845e9204-b195-4122-b0ee-c7e7f21c95fc</t>
  </si>
  <si>
    <t>BU00740201</t>
  </si>
  <si>
    <t>2021BU00740201</t>
  </si>
  <si>
    <t>Terband</t>
  </si>
  <si>
    <t>buurt_gegeneraliseerd_2021.066121a5-d971-4400-91eb-9f3464405cd0</t>
  </si>
  <si>
    <t>BU00740202</t>
  </si>
  <si>
    <t>2021BU00740202</t>
  </si>
  <si>
    <t>Luinjeberd</t>
  </si>
  <si>
    <t>buurt_gegeneraliseerd_2021.f2b7481c-eb86-4b8d-b2c2-abb72d38ff4b</t>
  </si>
  <si>
    <t>BU00740203</t>
  </si>
  <si>
    <t>2021BU00740203</t>
  </si>
  <si>
    <t>Tjalleberd</t>
  </si>
  <si>
    <t>buurt_gegeneraliseerd_2021.d17279e3-f3a7-4f0b-b24f-63983b5281b4</t>
  </si>
  <si>
    <t>BU00740204</t>
  </si>
  <si>
    <t>2021BU00740204</t>
  </si>
  <si>
    <t>Gersloot</t>
  </si>
  <si>
    <t>buurt_gegeneraliseerd_2021.454124bb-bd59-4554-847c-cf454975183d</t>
  </si>
  <si>
    <t>BU00740205</t>
  </si>
  <si>
    <t>2021BU00740205</t>
  </si>
  <si>
    <t>Gersloot-polder</t>
  </si>
  <si>
    <t>buurt_gegeneraliseerd_2021.b6d68d05-d697-4334-b566-64e8ab6f0ddd</t>
  </si>
  <si>
    <t>BU00740301</t>
  </si>
  <si>
    <t>2021BU00740301</t>
  </si>
  <si>
    <t>De Knipe</t>
  </si>
  <si>
    <t>buurt_gegeneraliseerd_2021.babd28a8-697a-45af-8f59-e60904b6ac5b</t>
  </si>
  <si>
    <t>BU00740302</t>
  </si>
  <si>
    <t>2021BU00740302</t>
  </si>
  <si>
    <t>Bontebok</t>
  </si>
  <si>
    <t>buurt_gegeneraliseerd_2021.4742d903-070b-4128-b45a-da89d651724c</t>
  </si>
  <si>
    <t>BU00740401</t>
  </si>
  <si>
    <t>2021BU00740401</t>
  </si>
  <si>
    <t>Oudeschoot</t>
  </si>
  <si>
    <t>buurt_gegeneraliseerd_2021.364cbd53-0190-44b7-845d-20ec22b22614</t>
  </si>
  <si>
    <t>BU00740402</t>
  </si>
  <si>
    <t>2021BU00740402</t>
  </si>
  <si>
    <t>Mildam</t>
  </si>
  <si>
    <t>buurt_gegeneraliseerd_2021.199d4afe-677d-4035-b02a-5e8c131b659c</t>
  </si>
  <si>
    <t>BU00740403</t>
  </si>
  <si>
    <t>2021BU00740403</t>
  </si>
  <si>
    <t>Katlijk</t>
  </si>
  <si>
    <t>buurt_gegeneraliseerd_2021.dac7897e-835b-40ea-8145-7381351b9af6</t>
  </si>
  <si>
    <t>BU00740404</t>
  </si>
  <si>
    <t>2021BU00740404</t>
  </si>
  <si>
    <t>Nieuwehorne</t>
  </si>
  <si>
    <t>buurt_gegeneraliseerd_2021.1c69f864-7d05-4925-b30d-e5a264800ef2</t>
  </si>
  <si>
    <t>BU00740405</t>
  </si>
  <si>
    <t>2021BU00740405</t>
  </si>
  <si>
    <t>Oudehorne</t>
  </si>
  <si>
    <t>buurt_gegeneraliseerd_2021.be0190be-9234-4ed1-9060-513da9e0e9b0</t>
  </si>
  <si>
    <t>BU00740406</t>
  </si>
  <si>
    <t>2021BU00740406</t>
  </si>
  <si>
    <t>Jubbega</t>
  </si>
  <si>
    <t>buurt_gegeneraliseerd_2021.cb69571e-2217-48ab-9d0f-cfaea8f1f14a</t>
  </si>
  <si>
    <t>BU00740407</t>
  </si>
  <si>
    <t>2021BU00740407</t>
  </si>
  <si>
    <t>Hoornsterzwaag</t>
  </si>
  <si>
    <t>buurt_gegeneraliseerd_2021.7e5f937c-82c0-47fe-8b28-84592b707798</t>
  </si>
  <si>
    <t>BU00740601</t>
  </si>
  <si>
    <t>2021BU00740601</t>
  </si>
  <si>
    <t>Oranjewoud</t>
  </si>
  <si>
    <t>buurt_gegeneraliseerd_2021.1b309036-e555-499a-8518-a512df61a46c</t>
  </si>
  <si>
    <t>BU00740701</t>
  </si>
  <si>
    <t>2021BU00740701</t>
  </si>
  <si>
    <t>Haskerdijken</t>
  </si>
  <si>
    <t>buurt_gegeneraliseerd_2021.9ba62baf-6743-4c80-b89e-a1261256e488</t>
  </si>
  <si>
    <t>BU00740702</t>
  </si>
  <si>
    <t>2021BU00740702</t>
  </si>
  <si>
    <t>Nieuwebrug</t>
  </si>
  <si>
    <t>buurt_gegeneraliseerd_2021.8304be82-6c9e-478f-95bc-d3f38b2048b6</t>
  </si>
  <si>
    <t>BU00740901</t>
  </si>
  <si>
    <t>2021BU00740901</t>
  </si>
  <si>
    <t>Akkrum</t>
  </si>
  <si>
    <t>buurt_gegeneraliseerd_2021.9aa3ef57-3bc0-4aab-801d-5723fc4c4819</t>
  </si>
  <si>
    <t>BU00740902</t>
  </si>
  <si>
    <t>2021BU00740902</t>
  </si>
  <si>
    <t>Nes</t>
  </si>
  <si>
    <t>buurt_gegeneraliseerd_2021.4de5df9c-f5ad-4d6a-884e-5a7a8d89a804</t>
  </si>
  <si>
    <t>BU00740903</t>
  </si>
  <si>
    <t>2021BU00740903</t>
  </si>
  <si>
    <t>Aldeboarn</t>
  </si>
  <si>
    <t>buurt_gegeneraliseerd_2021.70134ce7-4f1d-49a1-b8ae-7e5145f33733</t>
  </si>
  <si>
    <t>BU00850101</t>
  </si>
  <si>
    <t>2021BU00850101</t>
  </si>
  <si>
    <t>Appelscha-Bruggelaan</t>
  </si>
  <si>
    <t>GM0085</t>
  </si>
  <si>
    <t>buurt_gegeneraliseerd_2021.89b1206e-acc3-420c-9dba-39c1ce58f6fa</t>
  </si>
  <si>
    <t>BU00850102</t>
  </si>
  <si>
    <t>2021BU00850102</t>
  </si>
  <si>
    <t>Appelscha-De Valouwe</t>
  </si>
  <si>
    <t>buurt_gegeneraliseerd_2021.8c6607d2-858c-4e92-a66b-5e261eb47ac5</t>
  </si>
  <si>
    <t>BU00850103</t>
  </si>
  <si>
    <t>2021BU00850103</t>
  </si>
  <si>
    <t>Appelscha-Drentseweg</t>
  </si>
  <si>
    <t>buurt_gegeneraliseerd_2021.a1c2d9d7-e55f-44fa-9143-25e51da629bf</t>
  </si>
  <si>
    <t>BU00850104</t>
  </si>
  <si>
    <t>2021BU00850104</t>
  </si>
  <si>
    <t>Appelscha-Midden Oost</t>
  </si>
  <si>
    <t>buurt_gegeneraliseerd_2021.1eeb351f-ce6c-4621-bcc2-73db1faf377f</t>
  </si>
  <si>
    <t>BU00850105</t>
  </si>
  <si>
    <t>2021BU00850105</t>
  </si>
  <si>
    <t>Appelscha-Midden West</t>
  </si>
  <si>
    <t>buurt_gegeneraliseerd_2021.89d8a1f8-8285-4447-98f8-8cf8191e998f</t>
  </si>
  <si>
    <t>BU00850106</t>
  </si>
  <si>
    <t>2021BU00850106</t>
  </si>
  <si>
    <t>Appelscha-Noord</t>
  </si>
  <si>
    <t>buurt_gegeneraliseerd_2021.8a0d4d32-357b-4caf-925e-2aeef6a1272f</t>
  </si>
  <si>
    <t>BU00850107</t>
  </si>
  <si>
    <t>2021BU00850107</t>
  </si>
  <si>
    <t>Appelscha-Steegdenhal</t>
  </si>
  <si>
    <t>buurt_gegeneraliseerd_2021.f83a5cf9-69e5-4ffe-bff4-7c5b51b20c9c</t>
  </si>
  <si>
    <t>BU00850108</t>
  </si>
  <si>
    <t>2021BU00850108</t>
  </si>
  <si>
    <t>Appelscha-Toogwijk</t>
  </si>
  <si>
    <t>buurt_gegeneraliseerd_2021.414b7a94-bc45-4dfc-84d3-db768ce9313f</t>
  </si>
  <si>
    <t>BU00850109</t>
  </si>
  <si>
    <t>2021BU00850109</t>
  </si>
  <si>
    <t>Appelscha-Vaart</t>
  </si>
  <si>
    <t>buurt_gegeneraliseerd_2021.eeff9b63-46de-4905-95b6-1cbaf0da0829</t>
  </si>
  <si>
    <t>BU00850110</t>
  </si>
  <si>
    <t>2021BU00850110</t>
  </si>
  <si>
    <t>Appelscha-Van Emstweg</t>
  </si>
  <si>
    <t>buurt_gegeneraliseerd_2021.4eb29a23-ebcd-4cad-8789-ca1253a4b68b</t>
  </si>
  <si>
    <t>BU00850111</t>
  </si>
  <si>
    <t>2021BU00850111</t>
  </si>
  <si>
    <t>Appelscha-Buitengebied</t>
  </si>
  <si>
    <t>buurt_gegeneraliseerd_2021.892998c8-a278-4eb4-b95b-8fa1e8981f28</t>
  </si>
  <si>
    <t>BU00850201</t>
  </si>
  <si>
    <t>2021BU00850201</t>
  </si>
  <si>
    <t>Donkerbroek-Noord</t>
  </si>
  <si>
    <t>buurt_gegeneraliseerd_2021.8ca001a1-d355-4b83-93b2-0d4b9a5661a8</t>
  </si>
  <si>
    <t>BU00850202</t>
  </si>
  <si>
    <t>2021BU00850202</t>
  </si>
  <si>
    <t>Donkerbroek-Zuid</t>
  </si>
  <si>
    <t>buurt_gegeneraliseerd_2021.f50f2140-7c24-4bee-bc7b-b44970bfd009</t>
  </si>
  <si>
    <t>BU00850203</t>
  </si>
  <si>
    <t>2021BU00850203</t>
  </si>
  <si>
    <t>Donkerbroek-Buitengebied</t>
  </si>
  <si>
    <t>buurt_gegeneraliseerd_2021.5ccd5fb3-6c82-4b7b-b57c-db8e13a1490d</t>
  </si>
  <si>
    <t>BU00850301</t>
  </si>
  <si>
    <t>2021BU00850301</t>
  </si>
  <si>
    <t>Elsloo</t>
  </si>
  <si>
    <t>buurt_gegeneraliseerd_2021.4c96b0bf-b194-4fee-8e3b-fe6d601af8b1</t>
  </si>
  <si>
    <t>BU00850302</t>
  </si>
  <si>
    <t>2021BU00850302</t>
  </si>
  <si>
    <t>Elsloo-Buitengebied</t>
  </si>
  <si>
    <t>buurt_gegeneraliseerd_2021.b4d7bb7d-7983-49af-bd22-ad2d98bc4bc9</t>
  </si>
  <si>
    <t>BU00850401</t>
  </si>
  <si>
    <t>2021BU00850401</t>
  </si>
  <si>
    <t>Fochteloo</t>
  </si>
  <si>
    <t>buurt_gegeneraliseerd_2021.4e45b2fd-3477-43aa-bdce-d65bfce320e6</t>
  </si>
  <si>
    <t>BU00850402</t>
  </si>
  <si>
    <t>2021BU00850402</t>
  </si>
  <si>
    <t>Fochteloo-Buitengebied</t>
  </si>
  <si>
    <t>buurt_gegeneraliseerd_2021.efa32af2-3ea7-4137-9013-1328860f810c</t>
  </si>
  <si>
    <t>BU00850501</t>
  </si>
  <si>
    <t>2021BU00850501</t>
  </si>
  <si>
    <t>Haule</t>
  </si>
  <si>
    <t>buurt_gegeneraliseerd_2021.75c6efa2-763a-4b46-95c2-e5b3a09fec1d</t>
  </si>
  <si>
    <t>BU00850502</t>
  </si>
  <si>
    <t>2021BU00850502</t>
  </si>
  <si>
    <t>Haule-Buitengebied</t>
  </si>
  <si>
    <t>buurt_gegeneraliseerd_2021.984ae8ff-c374-4f46-8caa-77876717c04e</t>
  </si>
  <si>
    <t>BU00850601</t>
  </si>
  <si>
    <t>2021BU00850601</t>
  </si>
  <si>
    <t>Haulerwijk-Bruïneweg</t>
  </si>
  <si>
    <t>buurt_gegeneraliseerd_2021.9bb3424e-91b3-4a22-ab97-2fb3dd6e3bf8</t>
  </si>
  <si>
    <t>BU00850602</t>
  </si>
  <si>
    <t>2021BU00850602</t>
  </si>
  <si>
    <t>Haulerwijk-Hoofdweg</t>
  </si>
  <si>
    <t>buurt_gegeneraliseerd_2021.1e020149-25fc-4392-ada2-411ac30f31db</t>
  </si>
  <si>
    <t>BU00470001</t>
  </si>
  <si>
    <t>2021BU00470001</t>
  </si>
  <si>
    <t>Veendam-Oude Ae</t>
  </si>
  <si>
    <t>buurt_gegeneraliseerd_2021.e40b8ee5-fa1e-4ad9-9c61-875c5962c3a4</t>
  </si>
  <si>
    <t>BU00470002</t>
  </si>
  <si>
    <t>2021BU00470002</t>
  </si>
  <si>
    <t>Veendam-Middenweg en omgeving</t>
  </si>
  <si>
    <t>buurt_gegeneraliseerd_2021.5c1919ca-aab6-4448-b315-eec892ecd016</t>
  </si>
  <si>
    <t>BU00470007</t>
  </si>
  <si>
    <t>2021BU00470007</t>
  </si>
  <si>
    <t>Buitenwoel</t>
  </si>
  <si>
    <t>buurt_gegeneraliseerd_2021.ea3fa739-8567-4e05-b6ba-9086e7fcaedb</t>
  </si>
  <si>
    <t>BU00590000</t>
  </si>
  <si>
    <t>2021BU00590000</t>
  </si>
  <si>
    <t>Buitenpost</t>
  </si>
  <si>
    <t>GM0059</t>
  </si>
  <si>
    <t>buurt_gegeneraliseerd_2021.8f636dce-9f74-4f5b-9b37-0b6a85565827</t>
  </si>
  <si>
    <t>BU00590001</t>
  </si>
  <si>
    <t>2021BU00590001</t>
  </si>
  <si>
    <t>Twijzel</t>
  </si>
  <si>
    <t>buurt_gegeneraliseerd_2021.b36a7e3f-c725-43cd-b89f-a6108a1c33a5</t>
  </si>
  <si>
    <t>BU00590002</t>
  </si>
  <si>
    <t>2021BU00590002</t>
  </si>
  <si>
    <t>Kootstertille</t>
  </si>
  <si>
    <t>buurt_gegeneraliseerd_2021.b24124db-67ad-4bcf-9354-62c74495ebbd</t>
  </si>
  <si>
    <t>BU00590003</t>
  </si>
  <si>
    <t>2021BU00590003</t>
  </si>
  <si>
    <t>Twijzelerheide</t>
  </si>
  <si>
    <t>buurt_gegeneraliseerd_2021.d8905c9e-e8b5-43c8-806f-9df11f756b69</t>
  </si>
  <si>
    <t>BU00590004</t>
  </si>
  <si>
    <t>2021BU00590004</t>
  </si>
  <si>
    <t>Gerkesklooster</t>
  </si>
  <si>
    <t>buurt_gegeneraliseerd_2021.da2536a3-a066-40e1-96af-780af67785e3</t>
  </si>
  <si>
    <t>BU00590005</t>
  </si>
  <si>
    <t>2021BU00590005</t>
  </si>
  <si>
    <t>Verspreide huizen Buitenpost</t>
  </si>
  <si>
    <t>buurt_gegeneraliseerd_2021.a53e4969-4d7e-4493-b8d4-ef82e85a6878</t>
  </si>
  <si>
    <t>BU00590006</t>
  </si>
  <si>
    <t>2021BU00590006</t>
  </si>
  <si>
    <t>Verspreide huizen Twijzel</t>
  </si>
  <si>
    <t>buurt_gegeneraliseerd_2021.3ff5b37b-bc9d-4ad9-a5c6-7a299462ae20</t>
  </si>
  <si>
    <t>BU00590007</t>
  </si>
  <si>
    <t>2021BU00590007</t>
  </si>
  <si>
    <t>Verspreide huizen Kootstertille</t>
  </si>
  <si>
    <t>buurt_gegeneraliseerd_2021.fb972aff-289b-4267-9941-c92288aaa099</t>
  </si>
  <si>
    <t>BU00590008</t>
  </si>
  <si>
    <t>2021BU00590008</t>
  </si>
  <si>
    <t>Verspreide huizen Twijzelerheide</t>
  </si>
  <si>
    <t>buurt_gegeneraliseerd_2021.031e4cb4-fa9c-4bf3-8b34-12e0bf4ed064</t>
  </si>
  <si>
    <t>BU00590009</t>
  </si>
  <si>
    <t>2021BU00590009</t>
  </si>
  <si>
    <t>Verspreide huizen Gerkesklooster</t>
  </si>
  <si>
    <t>buurt_gegeneraliseerd_2021.186980b1-4a32-4929-a582-8be1b86a7737</t>
  </si>
  <si>
    <t>BU00590100</t>
  </si>
  <si>
    <t>2021BU00590100</t>
  </si>
  <si>
    <t>Stroobos</t>
  </si>
  <si>
    <t>buurt_gegeneraliseerd_2021.b0793634-27b8-4758-ae04-47a3cf07525e</t>
  </si>
  <si>
    <t>BU00590102</t>
  </si>
  <si>
    <t>2021BU00590102</t>
  </si>
  <si>
    <t>Drogeham</t>
  </si>
  <si>
    <t>buurt_gegeneraliseerd_2021.84faa9df-7f66-4e71-ad41-31d1ff5d0abc</t>
  </si>
  <si>
    <t>BU00590103</t>
  </si>
  <si>
    <t>2021BU00590103</t>
  </si>
  <si>
    <t>Augustinusga</t>
  </si>
  <si>
    <t>buurt_gegeneraliseerd_2021.64765e7a-3ed8-4578-957f-c8369f3d2f2e</t>
  </si>
  <si>
    <t>BU00590107</t>
  </si>
  <si>
    <t>2021BU00590107</t>
  </si>
  <si>
    <t>Verspreide huizen Stroobos</t>
  </si>
  <si>
    <t>buurt_gegeneraliseerd_2021.a364807b-8ec9-478f-9eac-e3f1cf4bcb26</t>
  </si>
  <si>
    <t>BU00590108</t>
  </si>
  <si>
    <t>2021BU00590108</t>
  </si>
  <si>
    <t>Verspreide huizen Drogeham</t>
  </si>
  <si>
    <t>buurt_gegeneraliseerd_2021.12d50123-b703-4e41-a869-6cd374ffa90f</t>
  </si>
  <si>
    <t>BU00590109</t>
  </si>
  <si>
    <t>2021BU00590109</t>
  </si>
  <si>
    <t>Verspreide huizen Augustinusga</t>
  </si>
  <si>
    <t>buurt_gegeneraliseerd_2021.76088b2f-caba-4971-b5a6-7b3c441f2ef8</t>
  </si>
  <si>
    <t>BU00590200</t>
  </si>
  <si>
    <t>2021BU00590200</t>
  </si>
  <si>
    <t>Surhuisterveen</t>
  </si>
  <si>
    <t>buurt_gegeneraliseerd_2021.3e66b51a-46c4-4e92-b531-2a41cb3f2fbd</t>
  </si>
  <si>
    <t>BU00590201</t>
  </si>
  <si>
    <t>2021BU00590201</t>
  </si>
  <si>
    <t>Harkema</t>
  </si>
  <si>
    <t>buurt_gegeneraliseerd_2021.a42d224f-bab7-44fa-920a-4c91e39bdb60</t>
  </si>
  <si>
    <t>BU00590202</t>
  </si>
  <si>
    <t>2021BU00590202</t>
  </si>
  <si>
    <t>Surhuizum</t>
  </si>
  <si>
    <t>buurt_gegeneraliseerd_2021.bbb9919d-051c-4775-8116-b0d0beac1678</t>
  </si>
  <si>
    <t>BU00590203</t>
  </si>
  <si>
    <t>2021BU00590203</t>
  </si>
  <si>
    <t>Boelenslaan</t>
  </si>
  <si>
    <t>buurt_gegeneraliseerd_2021.e4f99640-01d7-4a40-9871-224683c0f83a</t>
  </si>
  <si>
    <t>BU00590206</t>
  </si>
  <si>
    <t>2021BU00590206</t>
  </si>
  <si>
    <t>Verspreide huizen Surhuisterveen</t>
  </si>
  <si>
    <t>buurt_gegeneraliseerd_2021.c4e6e8fa-e06d-4e54-8753-b2e812112433</t>
  </si>
  <si>
    <t>BU00590207</t>
  </si>
  <si>
    <t>2021BU00590207</t>
  </si>
  <si>
    <t>Verspreide huizen Harkema</t>
  </si>
  <si>
    <t>buurt_gegeneraliseerd_2021.57ef782a-8b21-4fb5-bff2-5a0fff9da222</t>
  </si>
  <si>
    <t>BU00590208</t>
  </si>
  <si>
    <t>2021BU00590208</t>
  </si>
  <si>
    <t>Verspreide huizen Surhuizum</t>
  </si>
  <si>
    <t>buurt_gegeneraliseerd_2021.1c144037-a745-4cf0-9b24-b65705a27a78</t>
  </si>
  <si>
    <t>BU00590209</t>
  </si>
  <si>
    <t>2021BU00590209</t>
  </si>
  <si>
    <t>Verspreide huizen Boelenslaan</t>
  </si>
  <si>
    <t>buurt_gegeneraliseerd_2021.cbe91ea0-c184-4911-94b6-9fb1a5dee9cd</t>
  </si>
  <si>
    <t>BU00600000</t>
  </si>
  <si>
    <t>2021BU00600000</t>
  </si>
  <si>
    <t>GM0060</t>
  </si>
  <si>
    <t>buurt_gegeneraliseerd_2021.647ad7a9-7590-4c09-882a-ea57307d2fd6</t>
  </si>
  <si>
    <t>BU00600001</t>
  </si>
  <si>
    <t>2021BU00600001</t>
  </si>
  <si>
    <t>Buren</t>
  </si>
  <si>
    <t>buurt_gegeneraliseerd_2021.831b019b-4db9-41f9-b596-ebb9af4919d1</t>
  </si>
  <si>
    <t>BU00600002</t>
  </si>
  <si>
    <t>2021BU00600002</t>
  </si>
  <si>
    <t>Ballum</t>
  </si>
  <si>
    <t>buurt_gegeneraliseerd_2021.4d072978-77be-4e03-8ef7-2696da5b44ef</t>
  </si>
  <si>
    <t>BU00600003</t>
  </si>
  <si>
    <t>2021BU00600003</t>
  </si>
  <si>
    <t>Hollum</t>
  </si>
  <si>
    <t>buurt_gegeneraliseerd_2021.557d7c65-ee58-47ea-b705-882ff8ae23c9</t>
  </si>
  <si>
    <t>BU00600007</t>
  </si>
  <si>
    <t>2021BU00600007</t>
  </si>
  <si>
    <t>Verspreide huizen Ballum</t>
  </si>
  <si>
    <t>buurt_gegeneraliseerd_2021.245d54d3-ad60-484a-92d0-43cc89ae24a6</t>
  </si>
  <si>
    <t>BU00600008</t>
  </si>
  <si>
    <t>2021BU00600008</t>
  </si>
  <si>
    <t>Verspreide huizen Nes</t>
  </si>
  <si>
    <t>buurt_gegeneraliseerd_2021.ef9ee4ae-8087-4403-9826-45229f25a54d</t>
  </si>
  <si>
    <t>BU00600009</t>
  </si>
  <si>
    <t>2021BU00600009</t>
  </si>
  <si>
    <t>Verspreide huizen Hollum</t>
  </si>
  <si>
    <t>buurt_gegeneraliseerd_2021.04cbaaa5-f635-4510-a6de-11b14da33028</t>
  </si>
  <si>
    <t>BU00720001</t>
  </si>
  <si>
    <t>2021BU00720001</t>
  </si>
  <si>
    <t>De Spiker en het industrieterrein Hermes</t>
  </si>
  <si>
    <t>GM0072</t>
  </si>
  <si>
    <t>buurt_gegeneraliseerd_2021.8735e6f1-a8b1-4342-9249-742042e6f767</t>
  </si>
  <si>
    <t>BU00720002</t>
  </si>
  <si>
    <t>2021BU00720002</t>
  </si>
  <si>
    <t>Trebolbuurt</t>
  </si>
  <si>
    <t>buurt_gegeneraliseerd_2021.cefa731e-ea1f-47e0-af42-1d51f4f20063</t>
  </si>
  <si>
    <t>BU00720003</t>
  </si>
  <si>
    <t>2021BU00720003</t>
  </si>
  <si>
    <t>Plan-Zuid</t>
  </si>
  <si>
    <t>buurt_gegeneraliseerd_2021.b4e8a0c8-c1df-45fb-9c33-f9921c6adb10</t>
  </si>
  <si>
    <t>BU00720004</t>
  </si>
  <si>
    <t>2021BU00720004</t>
  </si>
  <si>
    <t>Oosterpark</t>
  </si>
  <si>
    <t>buurt_gegeneraliseerd_2021.8291f2d0-4ac4-4388-aa1f-c20eeb0c2d6c</t>
  </si>
  <si>
    <t>BU00720005</t>
  </si>
  <si>
    <t>2021BU00720005</t>
  </si>
  <si>
    <t>Koningsbuurt</t>
  </si>
  <si>
    <t>buurt_gegeneraliseerd_2021.9247f4ca-e2ec-42f9-85f9-80c07c07530c</t>
  </si>
  <si>
    <t>BU00720006</t>
  </si>
  <si>
    <t>2021BU00720006</t>
  </si>
  <si>
    <t>buurt_gegeneraliseerd_2021.770c4f6d-245a-4f7e-a022-d654bac9b663</t>
  </si>
  <si>
    <t>BU00720007</t>
  </si>
  <si>
    <t>2021BU00720007</t>
  </si>
  <si>
    <t>Industriehaven en omgeving</t>
  </si>
  <si>
    <t>buurt_gegeneraliseerd_2021.65c93cfc-efa8-43ad-88bd-c3a6ea2d5559</t>
  </si>
  <si>
    <t>BU00720009</t>
  </si>
  <si>
    <t>2021BU00720009</t>
  </si>
  <si>
    <t>Verspreide huizen Harlingen</t>
  </si>
  <si>
    <t>buurt_gegeneraliseerd_2021.b705fbc5-8c11-47ff-abdd-6020ac300f69</t>
  </si>
  <si>
    <t>BU00720100</t>
  </si>
  <si>
    <t>2021BU00720100</t>
  </si>
  <si>
    <t>Midlum</t>
  </si>
  <si>
    <t>buurt_gegeneraliseerd_2021.d25cd2e0-1eff-4b40-b850-c2c835e084f8</t>
  </si>
  <si>
    <t>BU00720109</t>
  </si>
  <si>
    <t>2021BU00720109</t>
  </si>
  <si>
    <t>Verspreide huizen Midlum</t>
  </si>
  <si>
    <t>buurt_gegeneraliseerd_2021.3047b0fb-cc36-422e-b000-04d12d5a85ef</t>
  </si>
  <si>
    <t>BU00720200</t>
  </si>
  <si>
    <t>2021BU00720200</t>
  </si>
  <si>
    <t>Wijnaldum</t>
  </si>
  <si>
    <t>buurt_gegeneraliseerd_2021.ce1c9511-35fc-4984-a8fe-6cbfeb42b081</t>
  </si>
  <si>
    <t>BU00720209</t>
  </si>
  <si>
    <t>2021BU00720209</t>
  </si>
  <si>
    <t>Verspreide huizen Wijnaldum</t>
  </si>
  <si>
    <t>buurt_gegeneraliseerd_2021.4e39e0e2-fab5-4677-b17e-0d1a3ea8dc86</t>
  </si>
  <si>
    <t>BU00850603</t>
  </si>
  <si>
    <t>2021BU00850603</t>
  </si>
  <si>
    <t>Haulerwijk-Noord-Oost</t>
  </si>
  <si>
    <t>buurt_gegeneraliseerd_2021.12f41dab-86ed-4747-bf84-0bd30d18f1ed</t>
  </si>
  <si>
    <t>BU00850604</t>
  </si>
  <si>
    <t>2021BU00850604</t>
  </si>
  <si>
    <t>Haulerwijk-Noord-West</t>
  </si>
  <si>
    <t>buurt_gegeneraliseerd_2021.4abc61e1-d3fd-4d20-8b49-9e7d5886f1c5</t>
  </si>
  <si>
    <t>BU00850605</t>
  </si>
  <si>
    <t>2021BU00850605</t>
  </si>
  <si>
    <t>Haulerwijk-Oosterwoldseweg</t>
  </si>
  <si>
    <t>buurt_gegeneraliseerd_2021.33aec8c1-e4b0-4383-97c7-8c7e19c5fe58</t>
  </si>
  <si>
    <t>BU00850606</t>
  </si>
  <si>
    <t>2021BU00850606</t>
  </si>
  <si>
    <t>Haulerwijk-Sinnehiem</t>
  </si>
  <si>
    <t>buurt_gegeneraliseerd_2021.2ff2de9a-e820-4123-b07e-2c7d19359211</t>
  </si>
  <si>
    <t>BU00850607</t>
  </si>
  <si>
    <t>2021BU00850607</t>
  </si>
  <si>
    <t>Haulerwijk-Industrie</t>
  </si>
  <si>
    <t>buurt_gegeneraliseerd_2021.11316268-56cb-4281-85a2-5fd72d4394cb</t>
  </si>
  <si>
    <t>BU00850608</t>
  </si>
  <si>
    <t>2021BU00850608</t>
  </si>
  <si>
    <t>Haulerwijk-Buitengebied</t>
  </si>
  <si>
    <t>buurt_gegeneraliseerd_2021.cb0b8c2c-754d-421a-bf7d-9a3b12bada85</t>
  </si>
  <si>
    <t>BU00850701</t>
  </si>
  <si>
    <t>2021BU00850701</t>
  </si>
  <si>
    <t>Langedijke</t>
  </si>
  <si>
    <t>buurt_gegeneraliseerd_2021.0bc1f84f-057c-4049-8e3c-aa7fcf9432c2</t>
  </si>
  <si>
    <t>BU00850702</t>
  </si>
  <si>
    <t>2021BU00850702</t>
  </si>
  <si>
    <t>Langedijke-Buitengebied</t>
  </si>
  <si>
    <t>buurt_gegeneraliseerd_2021.7c279972-ac6a-48e0-b538-6b5783b2fbec</t>
  </si>
  <si>
    <t>BU00850801</t>
  </si>
  <si>
    <t>2021BU00850801</t>
  </si>
  <si>
    <t>Makkinga</t>
  </si>
  <si>
    <t>buurt_gegeneraliseerd_2021.96ff1af1-5f8a-4696-8a3c-93bb052adf18</t>
  </si>
  <si>
    <t>BU00850802</t>
  </si>
  <si>
    <t>2021BU00850802</t>
  </si>
  <si>
    <t>Makkinga-Buitengebied</t>
  </si>
  <si>
    <t>buurt_gegeneraliseerd_2021.6eb817ff-6258-40ba-b0ea-7d8b92cbe729</t>
  </si>
  <si>
    <t>BU00850901</t>
  </si>
  <si>
    <t>2021BU00850901</t>
  </si>
  <si>
    <t>Nijeberkoop</t>
  </si>
  <si>
    <t>buurt_gegeneraliseerd_2021.5ea6eecc-99a4-4b37-ac75-96cef1f7c3f4</t>
  </si>
  <si>
    <t>BU00850902</t>
  </si>
  <si>
    <t>2021BU00850902</t>
  </si>
  <si>
    <t>Nijeberkoop-Buitengebied</t>
  </si>
  <si>
    <t>buurt_gegeneraliseerd_2021.e1674f07-1615-4a4c-81f3-292d7aa76029</t>
  </si>
  <si>
    <t>BU00851001</t>
  </si>
  <si>
    <t>2021BU00851001</t>
  </si>
  <si>
    <t>Oldeberkoop-Oost</t>
  </si>
  <si>
    <t>buurt_gegeneraliseerd_2021.4bc2649e-9f3b-4ee3-9b12-46e9ed359aae</t>
  </si>
  <si>
    <t>BU00851002</t>
  </si>
  <si>
    <t>2021BU00851002</t>
  </si>
  <si>
    <t>Oldeberkoop-West</t>
  </si>
  <si>
    <t>buurt_gegeneraliseerd_2021.ecf32e80-5b7b-434d-bc7e-3da3c71446bf</t>
  </si>
  <si>
    <t>BU00851003</t>
  </si>
  <si>
    <t>2021BU00851003</t>
  </si>
  <si>
    <t>Oldeberkoop-Buitengebied</t>
  </si>
  <si>
    <t>buurt_gegeneraliseerd_2021.bd7047ef-9b29-4880-b878-13ac74bde9cc</t>
  </si>
  <si>
    <t>BU00851101</t>
  </si>
  <si>
    <t>2021BU00851101</t>
  </si>
  <si>
    <t>Oosterwolde-Maden</t>
  </si>
  <si>
    <t>buurt_gegeneraliseerd_2021.7f78d669-9e84-4ff7-aaac-e18fa963a910</t>
  </si>
  <si>
    <t>BU00851102</t>
  </si>
  <si>
    <t>2021BU00851102</t>
  </si>
  <si>
    <t>Oosterwolde-Biezenkamp</t>
  </si>
  <si>
    <t>buurt_gegeneraliseerd_2021.9604b9f6-58e9-4ea6-8d1d-17a48f6dfe15</t>
  </si>
  <si>
    <t>BU00851103</t>
  </si>
  <si>
    <t>2021BU00851103</t>
  </si>
  <si>
    <t>Oosterwolde-Prandinga</t>
  </si>
  <si>
    <t>buurt_gegeneraliseerd_2021.ebdf0aa6-9f37-4edc-9198-d1b184ea8100</t>
  </si>
  <si>
    <t>BU00851104</t>
  </si>
  <si>
    <t>2021BU00851104</t>
  </si>
  <si>
    <t>Oosterwolde-Weemeweg</t>
  </si>
  <si>
    <t>buurt_gegeneraliseerd_2021.f6f25a49-2752-4695-b55e-1a41223275db</t>
  </si>
  <si>
    <t>BU00851105</t>
  </si>
  <si>
    <t>2021BU00851105</t>
  </si>
  <si>
    <t>Oosterwolde-Centrum-Noord-West</t>
  </si>
  <si>
    <t>buurt_gegeneraliseerd_2021.2cfd6302-d12c-4851-a7bc-965c7507dd64</t>
  </si>
  <si>
    <t>BU00851106</t>
  </si>
  <si>
    <t>2021BU00851106</t>
  </si>
  <si>
    <t>Oosterwolde-Centrum-Noord-Oost</t>
  </si>
  <si>
    <t>buurt_gegeneraliseerd_2021.5c1a6694-b993-4459-9e10-15b3c385a347</t>
  </si>
  <si>
    <t>BU00851107</t>
  </si>
  <si>
    <t>2021BU00851107</t>
  </si>
  <si>
    <t>Oosterwolde-Noord-Oost</t>
  </si>
  <si>
    <t>buurt_gegeneraliseerd_2021.14c8e044-bb0a-4823-b91d-c711c34e5f55</t>
  </si>
  <si>
    <t>BU00851108</t>
  </si>
  <si>
    <t>2021BU00851108</t>
  </si>
  <si>
    <t>Oosterwolde-Hieming</t>
  </si>
  <si>
    <t>buurt_gegeneraliseerd_2021.93a1853a-8bc2-429d-92ab-d98e53a4e6fb</t>
  </si>
  <si>
    <t>BU00851109</t>
  </si>
  <si>
    <t>2021BU00851109</t>
  </si>
  <si>
    <t>Oosterwolde-Schottelenburg</t>
  </si>
  <si>
    <t>buurt_gegeneraliseerd_2021.f75b1b87-126c-445c-9934-241e99d4bd3e</t>
  </si>
  <si>
    <t>BU00851110</t>
  </si>
  <si>
    <t>2021BU00851110</t>
  </si>
  <si>
    <t>Oosterwolde-Duistereweg</t>
  </si>
  <si>
    <t>buurt_gegeneraliseerd_2021.bd7a5b4f-f083-48dd-9b98-1f8b6a4fc3ea</t>
  </si>
  <si>
    <t>BU00851111</t>
  </si>
  <si>
    <t>2021BU00851111</t>
  </si>
  <si>
    <t>Oosterwolde-Slatten</t>
  </si>
  <si>
    <t>buurt_gegeneraliseerd_2021.6a18055d-ad2b-489a-a75e-59854fffe9ea</t>
  </si>
  <si>
    <t>BU00851112</t>
  </si>
  <si>
    <t>2021BU00851112</t>
  </si>
  <si>
    <t>Oosterwolde-Zuid</t>
  </si>
  <si>
    <t>buurt_gegeneraliseerd_2021.2adc7bd7-d3b1-44bd-b4c1-f3524a79f96f</t>
  </si>
  <si>
    <t>BU00851113</t>
  </si>
  <si>
    <t>2021BU00851113</t>
  </si>
  <si>
    <t>Oosterwolde-Centrum-Zuid-Oost</t>
  </si>
  <si>
    <t>buurt_gegeneraliseerd_2021.6df94b01-39ce-435d-9b8f-1ec9eea3295d</t>
  </si>
  <si>
    <t>BU00851114</t>
  </si>
  <si>
    <t>2021BU00851114</t>
  </si>
  <si>
    <t>Oosterwolde-Iris</t>
  </si>
  <si>
    <t>buurt_gegeneraliseerd_2021.f5133514-5e87-4b67-aef9-f4fdb1db437a</t>
  </si>
  <si>
    <t>BU00851115</t>
  </si>
  <si>
    <t>2021BU00851115</t>
  </si>
  <si>
    <t>Oosterwolde-Snellingerdijk</t>
  </si>
  <si>
    <t>buurt_gegeneraliseerd_2021.b427aaa4-d9e1-41ab-819d-5a1eefe6b710</t>
  </si>
  <si>
    <t>BU00851116</t>
  </si>
  <si>
    <t>2021BU00851116</t>
  </si>
  <si>
    <t>Oosterwolde-Haerenkwartier</t>
  </si>
  <si>
    <t>buurt_gegeneraliseerd_2021.cf5f7597-352e-460c-b73c-70e9e20cd09d</t>
  </si>
  <si>
    <t>BU00851117</t>
  </si>
  <si>
    <t>2021BU00851117</t>
  </si>
  <si>
    <t>Oosterwolde-Industrie</t>
  </si>
  <si>
    <t>buurt_gegeneraliseerd_2021.ebbf456d-f09b-4ced-8b4a-dda8b824059d</t>
  </si>
  <si>
    <t>BU00851118</t>
  </si>
  <si>
    <t>2021BU00851118</t>
  </si>
  <si>
    <t>Oosterwolde-Buitengebied</t>
  </si>
  <si>
    <t>buurt_gegeneraliseerd_2021.9b43d042-b47a-4939-90f1-a7f882b8ab36</t>
  </si>
  <si>
    <t>BU00851201</t>
  </si>
  <si>
    <t>2021BU00851201</t>
  </si>
  <si>
    <t>Ravenswoud</t>
  </si>
  <si>
    <t>buurt_gegeneraliseerd_2021.b5e43eb0-ec45-4302-a396-d8d5e00b778f</t>
  </si>
  <si>
    <t>BU00851202</t>
  </si>
  <si>
    <t>2021BU00851202</t>
  </si>
  <si>
    <t>Ravenswoud-Buitengebied</t>
  </si>
  <si>
    <t>buurt_gegeneraliseerd_2021.9391a702-4cb0-4ce0-8f2e-b97872cfbd76</t>
  </si>
  <si>
    <t>BU00851301</t>
  </si>
  <si>
    <t>2021BU00851301</t>
  </si>
  <si>
    <t>Waskemeer</t>
  </si>
  <si>
    <t>buurt_gegeneraliseerd_2021.4b32d33f-d9ad-450c-8c65-5218d97da7e7</t>
  </si>
  <si>
    <t>BU00851302</t>
  </si>
  <si>
    <t>2021BU00851302</t>
  </si>
  <si>
    <t>Waskemeer-Buitengebied</t>
  </si>
  <si>
    <t>buurt_gegeneraliseerd_2021.37266c2a-8b5f-4c72-a47f-0b3136bb9584</t>
  </si>
  <si>
    <t>BU00860101</t>
  </si>
  <si>
    <t>2021BU00860101</t>
  </si>
  <si>
    <t>Bakkeveen-Centrum</t>
  </si>
  <si>
    <t>GM0086</t>
  </si>
  <si>
    <t>buurt_gegeneraliseerd_2021.a0993a3d-dfe0-4110-92ea-fee2c8bfb53e</t>
  </si>
  <si>
    <t>BU00860102</t>
  </si>
  <si>
    <t>2021BU00860102</t>
  </si>
  <si>
    <t>Bakkeveen-De Kampen</t>
  </si>
  <si>
    <t>buurt_gegeneraliseerd_2021.56ccdb0b-90df-49b2-af1e-214fc3a94ccd</t>
  </si>
  <si>
    <t>BU00860103</t>
  </si>
  <si>
    <t>2021BU00860103</t>
  </si>
  <si>
    <t>Bakkeveen-Buitengebied</t>
  </si>
  <si>
    <t>buurt_gegeneraliseerd_2021.728ace68-5e6a-4311-af6e-a3c83b177ed4</t>
  </si>
  <si>
    <t>BU00860201</t>
  </si>
  <si>
    <t>2021BU00860201</t>
  </si>
  <si>
    <t>Beetsterzwaag-Centrum</t>
  </si>
  <si>
    <t>buurt_gegeneraliseerd_2021.a31cd76e-a90f-4ec8-90d9-f0393c9d303e</t>
  </si>
  <si>
    <t>BU00860202</t>
  </si>
  <si>
    <t>2021BU00860202</t>
  </si>
  <si>
    <t>Beetsterzwaag-Merkelân</t>
  </si>
  <si>
    <t>buurt_gegeneraliseerd_2021.53088755-1b93-4fbc-907b-591fc65fa220</t>
  </si>
  <si>
    <t>BU00860203</t>
  </si>
  <si>
    <t>2021BU00860203</t>
  </si>
  <si>
    <t>Beetsterzwaag-Skeakel</t>
  </si>
  <si>
    <t>buurt_gegeneraliseerd_2021.c6e5d9ab-1e2b-4f30-b586-ed9121653481</t>
  </si>
  <si>
    <t>BU00860204</t>
  </si>
  <si>
    <t>2021BU00860204</t>
  </si>
  <si>
    <t>Beetsterzwaag-Talant</t>
  </si>
  <si>
    <t>buurt_gegeneraliseerd_2021.34c2c0d3-f203-43dd-be2b-c7c287392912</t>
  </si>
  <si>
    <t>BU00860205</t>
  </si>
  <si>
    <t>2021BU00860205</t>
  </si>
  <si>
    <t>Beetsterzwaag-Hup strjitten</t>
  </si>
  <si>
    <t>buurt_gegeneraliseerd_2021.48438243-0d38-405e-9db8-2e01e5463e29</t>
  </si>
  <si>
    <t>BU00860206</t>
  </si>
  <si>
    <t>2021BU00860206</t>
  </si>
  <si>
    <t>Beetsterzwaag-Singels</t>
  </si>
  <si>
    <t>buurt_gegeneraliseerd_2021.f82cee15-1d89-4fe6-ac2e-cec3f157feab</t>
  </si>
  <si>
    <t>BU00860207</t>
  </si>
  <si>
    <t>2021BU00860207</t>
  </si>
  <si>
    <t>Beetsterzwaag-Roekebosk</t>
  </si>
  <si>
    <t>buurt_gegeneraliseerd_2021.0d361acc-f515-4a2e-bcfc-17759c5b5767</t>
  </si>
  <si>
    <t>BU00860208</t>
  </si>
  <si>
    <t>2021BU00860208</t>
  </si>
  <si>
    <t>Beetsterzwaag-Olterterp</t>
  </si>
  <si>
    <t>buurt_gegeneraliseerd_2021.4497969e-db1b-4e31-8246-d1e003f48e60</t>
  </si>
  <si>
    <t>BU00860209</t>
  </si>
  <si>
    <t>2021BU00860209</t>
  </si>
  <si>
    <t>Beetsterzwaag-Buitengebied</t>
  </si>
  <si>
    <t>buurt_gegeneraliseerd_2021.413c5fb7-9d95-46c3-9e94-77d9d32b1ef4</t>
  </si>
  <si>
    <t>BU00860401</t>
  </si>
  <si>
    <t>2021BU00860401</t>
  </si>
  <si>
    <t>Frieschepalen-Kom</t>
  </si>
  <si>
    <t>buurt_gegeneraliseerd_2021.cd3f477d-e0d8-42e0-9515-3885d56595f1</t>
  </si>
  <si>
    <t>BU00860402</t>
  </si>
  <si>
    <t>2021BU00860402</t>
  </si>
  <si>
    <t>Frieschepalen-Buitengebied</t>
  </si>
  <si>
    <t>buurt_gegeneraliseerd_2021.b6456c7f-5ad7-4cdc-9f1a-27e85b747c9a</t>
  </si>
  <si>
    <t>BU00860501</t>
  </si>
  <si>
    <t>2021BU00860501</t>
  </si>
  <si>
    <t>Gorredijk-Centrum</t>
  </si>
  <si>
    <t>buurt_gegeneraliseerd_2021.4eebb80e-4c7c-4f16-a0fc-adb5e52106a7</t>
  </si>
  <si>
    <t>BU00860502</t>
  </si>
  <si>
    <t>2021BU00860502</t>
  </si>
  <si>
    <t>Gorredijk-De Kromten</t>
  </si>
  <si>
    <t>buurt_gegeneraliseerd_2021.e2290e5c-bc85-4f6b-8a84-e1d295684385</t>
  </si>
  <si>
    <t>BU00860503</t>
  </si>
  <si>
    <t>2021BU00860503</t>
  </si>
  <si>
    <t>Gorredijk-IJ buurt</t>
  </si>
  <si>
    <t>buurt_gegeneraliseerd_2021.8e7bcf1b-b079-4055-913a-2e13a7089eff</t>
  </si>
  <si>
    <t>BU00860504</t>
  </si>
  <si>
    <t>2021BU00860504</t>
  </si>
  <si>
    <t>Gorredijk-Bloemenwijk</t>
  </si>
  <si>
    <t>buurt_gegeneraliseerd_2021.b690b17f-2abc-41d3-99de-2e57bb89c8ce</t>
  </si>
  <si>
    <t>BU00860505</t>
  </si>
  <si>
    <t>2021BU00860505</t>
  </si>
  <si>
    <t>Gorredijk-Loevestein</t>
  </si>
  <si>
    <t>buurt_gegeneraliseerd_2021.8be9b74a-1e47-4db4-a4c2-254ae30a420c</t>
  </si>
  <si>
    <t>BU00860506</t>
  </si>
  <si>
    <t>2021BU00860506</t>
  </si>
  <si>
    <t>Gorredijk-Groene Long</t>
  </si>
  <si>
    <t>buurt_gegeneraliseerd_2021.2105e055-0d3a-4f02-98ba-89a0eebd823b</t>
  </si>
  <si>
    <t>BU00860507</t>
  </si>
  <si>
    <t>2021BU00860507</t>
  </si>
  <si>
    <t>Gorredijk-Miente</t>
  </si>
  <si>
    <t>buurt_gegeneraliseerd_2021.681c7c5f-ce4f-400a-917e-9e33412da558</t>
  </si>
  <si>
    <t>BU00860508</t>
  </si>
  <si>
    <t>2021BU00860508</t>
  </si>
  <si>
    <t>Gorredijk-Buitengebied</t>
  </si>
  <si>
    <t>buurt_gegeneraliseerd_2021.843c602c-231e-41af-9ddd-da3a72139931</t>
  </si>
  <si>
    <t>BU00860601</t>
  </si>
  <si>
    <t>2021BU00860601</t>
  </si>
  <si>
    <t>Hemrik-Kom</t>
  </si>
  <si>
    <t>buurt_gegeneraliseerd_2021.3bb643de-3ad0-48bb-b75e-530edf9ed719</t>
  </si>
  <si>
    <t>BU00860602</t>
  </si>
  <si>
    <t>2021BU00860602</t>
  </si>
  <si>
    <t>Hemrik-Buitengebied</t>
  </si>
  <si>
    <t>buurt_gegeneraliseerd_2021.eac68d64-e093-43e5-b2f7-eaf9b45035df</t>
  </si>
  <si>
    <t>BU00860701</t>
  </si>
  <si>
    <t>2021BU00860701</t>
  </si>
  <si>
    <t>Jonkerslân-Kom</t>
  </si>
  <si>
    <t>buurt_gegeneraliseerd_2021.a97ec97a-f6a0-4e1b-8946-7026dcfa0d09</t>
  </si>
  <si>
    <t>BU00860702</t>
  </si>
  <si>
    <t>2021BU00860702</t>
  </si>
  <si>
    <t>Jonkerslân-Buitengebied</t>
  </si>
  <si>
    <t>buurt_gegeneraliseerd_2021.cf881762-2a6b-4378-81b9-afe9287985de</t>
  </si>
  <si>
    <t>BU00860801</t>
  </si>
  <si>
    <t>2021BU00860801</t>
  </si>
  <si>
    <t>Langezwaag-Kom</t>
  </si>
  <si>
    <t>buurt_gegeneraliseerd_2021.ce72a98f-d74a-4e47-a4fd-39b0da2d0a20</t>
  </si>
  <si>
    <t>BU00860802</t>
  </si>
  <si>
    <t>2021BU00860802</t>
  </si>
  <si>
    <t>Langezwaag-Buitengebied</t>
  </si>
  <si>
    <t>buurt_gegeneraliseerd_2021.cf7b3fd6-e609-44d1-8d2d-ceea0df11918</t>
  </si>
  <si>
    <t>BU00860901</t>
  </si>
  <si>
    <t>2021BU00860901</t>
  </si>
  <si>
    <t>Lippenhuizen-Kom</t>
  </si>
  <si>
    <t>buurt_gegeneraliseerd_2021.a4af72e3-9984-4af1-a80c-4726de8cb811</t>
  </si>
  <si>
    <t>BU00860902</t>
  </si>
  <si>
    <t>2021BU00860902</t>
  </si>
  <si>
    <t>Lippenhuizen-Buitengebied</t>
  </si>
  <si>
    <t>buurt_gegeneraliseerd_2021.55ad1c9b-5e11-4751-8bad-143999c8b775</t>
  </si>
  <si>
    <t>BU00861001</t>
  </si>
  <si>
    <t>2021BU00861001</t>
  </si>
  <si>
    <t>Luxwoude-Kom</t>
  </si>
  <si>
    <t>buurt_gegeneraliseerd_2021.693c73f7-ac44-4af8-a10b-5c3c14092d9f</t>
  </si>
  <si>
    <t>BU00861002</t>
  </si>
  <si>
    <t>2021BU00861002</t>
  </si>
  <si>
    <t>Luxwoude-Buitengebied</t>
  </si>
  <si>
    <t>buurt_gegeneraliseerd_2021.28bb02d5-2f8c-4115-81cb-18de92b41379</t>
  </si>
  <si>
    <t>BU00861101</t>
  </si>
  <si>
    <t>2021BU00861101</t>
  </si>
  <si>
    <t>Nij Beets-Kom</t>
  </si>
  <si>
    <t>buurt_gegeneraliseerd_2021.41c38956-7ace-43ff-88dc-56cba4bc690a</t>
  </si>
  <si>
    <t>BU00861102</t>
  </si>
  <si>
    <t>2021BU00861102</t>
  </si>
  <si>
    <t>Nij Beets-Buitengebied</t>
  </si>
  <si>
    <t>buurt_gegeneraliseerd_2021.f3dccc39-48dd-49a9-9d8a-54311eefbb34</t>
  </si>
  <si>
    <t>BU00861301</t>
  </si>
  <si>
    <t>2021BU00861301</t>
  </si>
  <si>
    <t>Siegerswoude-Kom</t>
  </si>
  <si>
    <t>buurt_gegeneraliseerd_2021.6678fa01-a6f6-4c11-b0dd-64de1dd8b704</t>
  </si>
  <si>
    <t>BU00861302</t>
  </si>
  <si>
    <t>2021BU00861302</t>
  </si>
  <si>
    <t>Siegerswoude-Buitengebied</t>
  </si>
  <si>
    <t>buurt_gegeneraliseerd_2021.4d842cc2-c2b4-452b-be9d-c882c0abf7b0</t>
  </si>
  <si>
    <t>BU00861401</t>
  </si>
  <si>
    <t>2021BU00861401</t>
  </si>
  <si>
    <t>Terwispel-Kom</t>
  </si>
  <si>
    <t>buurt_gegeneraliseerd_2021.564d00c0-b428-40ec-a5dd-993b0ceb3716</t>
  </si>
  <si>
    <t>BU00861402</t>
  </si>
  <si>
    <t>2021BU00861402</t>
  </si>
  <si>
    <t>Terwispel-Buitengebied</t>
  </si>
  <si>
    <t>buurt_gegeneraliseerd_2021.2cadf909-32f6-4ba2-ade7-1b1d3877cecb</t>
  </si>
  <si>
    <t>BU00861501</t>
  </si>
  <si>
    <t>2021BU00861501</t>
  </si>
  <si>
    <t>Tijnje-Kom</t>
  </si>
  <si>
    <t>buurt_gegeneraliseerd_2021.e1c37947-466b-4c9f-845e-4178ee5be0b4</t>
  </si>
  <si>
    <t>BU00861502</t>
  </si>
  <si>
    <t>2021BU00861502</t>
  </si>
  <si>
    <t>Tijnje-Buitengebied</t>
  </si>
  <si>
    <t>buurt_gegeneraliseerd_2021.1278ae4a-f517-4ee3-983e-142b4969f730</t>
  </si>
  <si>
    <t>BU00861601</t>
  </si>
  <si>
    <t>2021BU00861601</t>
  </si>
  <si>
    <t>Ureterp-Centrum</t>
  </si>
  <si>
    <t>buurt_gegeneraliseerd_2021.2d8fb0be-a35c-4fc6-8b5c-bd1550cd501f</t>
  </si>
  <si>
    <t>BU00861602</t>
  </si>
  <si>
    <t>2021BU00861602</t>
  </si>
  <si>
    <t>Ureterp-Buorfinne</t>
  </si>
  <si>
    <t>buurt_gegeneraliseerd_2021.0bfa314b-1a71-4d50-960b-879bbac66950</t>
  </si>
  <si>
    <t>BU00861603</t>
  </si>
  <si>
    <t>2021BU00861603</t>
  </si>
  <si>
    <t>Ureterp-Gilden</t>
  </si>
  <si>
    <t>buurt_gegeneraliseerd_2021.1390fa06-1962-4f29-a3a6-9645bb938ef5</t>
  </si>
  <si>
    <t>BU00861604</t>
  </si>
  <si>
    <t>2021BU00861604</t>
  </si>
  <si>
    <t>Ureterp-De Ekers</t>
  </si>
  <si>
    <t>buurt_gegeneraliseerd_2021.032ab95c-9062-4480-b5b1-fc2812470514</t>
  </si>
  <si>
    <t>BU00861605</t>
  </si>
  <si>
    <t>2021BU00861605</t>
  </si>
  <si>
    <t>Ureterp-Fûgelliet</t>
  </si>
  <si>
    <t>buurt_gegeneraliseerd_2021.46ee69bf-ffd3-408d-bb0d-2f4ab888db83</t>
  </si>
  <si>
    <t>BU00861606</t>
  </si>
  <si>
    <t>2021BU00861606</t>
  </si>
  <si>
    <t>Ureterp-Drachten-Azeven</t>
  </si>
  <si>
    <t>buurt_gegeneraliseerd_2021.c81b4990-fc68-4a5e-b9c8-d4ca7842c36a</t>
  </si>
  <si>
    <t>BU00861607</t>
  </si>
  <si>
    <t>2021BU00861607</t>
  </si>
  <si>
    <t>Ureterp-Buitengebied</t>
  </si>
  <si>
    <t>buurt_gegeneraliseerd_2021.fe591fad-c330-4975-a406-39dfab868332</t>
  </si>
  <si>
    <t>BU00861701</t>
  </si>
  <si>
    <t>2021BU00861701</t>
  </si>
  <si>
    <t>Wijnjewoude-Centrum</t>
  </si>
  <si>
    <t>buurt_gegeneraliseerd_2021.3ca4b46d-1a96-4779-ba21-0e33b8ebc20a</t>
  </si>
  <si>
    <t>BU00861702</t>
  </si>
  <si>
    <t>2021BU00861702</t>
  </si>
  <si>
    <t>Wijnjewoude-Gentiaan</t>
  </si>
  <si>
    <t>buurt_gegeneraliseerd_2021.bce004c5-ba21-4199-be43-a47830c44a99</t>
  </si>
  <si>
    <t>BU00861703</t>
  </si>
  <si>
    <t>2021BU00861703</t>
  </si>
  <si>
    <t>Wijnjewoude-Buitengebied-Kleine Groningen</t>
  </si>
  <si>
    <t>buurt_gegeneraliseerd_2021.e5204917-be7e-4573-b85b-5d793a90e7c3</t>
  </si>
  <si>
    <t>BU00880000</t>
  </si>
  <si>
    <t>2021BU00880000</t>
  </si>
  <si>
    <t>Schiermonnikoog</t>
  </si>
  <si>
    <t>GM0088</t>
  </si>
  <si>
    <t>buurt_gegeneraliseerd_2021.92a09c35-bff9-4fdb-9705-64c3ee7c9d22</t>
  </si>
  <si>
    <t>BU00880009</t>
  </si>
  <si>
    <t>2021BU00880009</t>
  </si>
  <si>
    <t>Verspreide huizen Schiermonnikoog</t>
  </si>
  <si>
    <t>buurt_gegeneraliseerd_2021.7452a17f-6eda-4901-9a57-a82dbbbe9a6f</t>
  </si>
  <si>
    <t>BU00900001</t>
  </si>
  <si>
    <t>2021BU00900001</t>
  </si>
  <si>
    <t>GM0090</t>
  </si>
  <si>
    <t>buurt_gegeneraliseerd_2021.d0597124-c066-404d-a24c-7c33f4db50cf</t>
  </si>
  <si>
    <t>BU00900002</t>
  </si>
  <si>
    <t>2021BU00900002</t>
  </si>
  <si>
    <t>De Wiken</t>
  </si>
  <si>
    <t>buurt_gegeneraliseerd_2021.faf682e9-6bc6-4a00-90c4-d51ab3972bdd</t>
  </si>
  <si>
    <t>BU00900003</t>
  </si>
  <si>
    <t>2021BU00900003</t>
  </si>
  <si>
    <t>buurt_gegeneraliseerd_2021.bcd1fc0c-b9f5-4ffe-b753-c46d3343f075</t>
  </si>
  <si>
    <t>BU00900004</t>
  </si>
  <si>
    <t>2021BU00900004</t>
  </si>
  <si>
    <t>De Drait</t>
  </si>
  <si>
    <t>buurt_gegeneraliseerd_2021.16aa8ad5-7a5b-4ff4-ab43-57021fa85578</t>
  </si>
  <si>
    <t>BU00900005</t>
  </si>
  <si>
    <t>2021BU00900005</t>
  </si>
  <si>
    <t>De Wiken-Oost</t>
  </si>
  <si>
    <t>buurt_gegeneraliseerd_2021.101b2b1b-7116-4f6a-9af6-054bf7975389</t>
  </si>
  <si>
    <t>BU00900006</t>
  </si>
  <si>
    <t>2021BU00900006</t>
  </si>
  <si>
    <t>De Venen</t>
  </si>
  <si>
    <t>buurt_gegeneraliseerd_2021.c11ab5b8-27f7-4c3f-952b-726725e1674c</t>
  </si>
  <si>
    <t>BU00900007</t>
  </si>
  <si>
    <t>2021BU00900007</t>
  </si>
  <si>
    <t>De Folgeren</t>
  </si>
  <si>
    <t>buurt_gegeneraliseerd_2021.5d7c9df8-1573-41a4-a32e-71bb9cad5eb7</t>
  </si>
  <si>
    <t>BU00900008</t>
  </si>
  <si>
    <t>2021BU00900008</t>
  </si>
  <si>
    <t>De Swetten</t>
  </si>
  <si>
    <t>buurt_gegeneraliseerd_2021.0f64bfea-d1db-4b28-a55d-d26cfb1c6380</t>
  </si>
  <si>
    <t>BU00900009</t>
  </si>
  <si>
    <t>2021BU00900009</t>
  </si>
  <si>
    <t>De Bouwen</t>
  </si>
  <si>
    <t>buurt_gegeneraliseerd_2021.03fc2812-6288-41bc-b3f3-437e6d9b6fcb</t>
  </si>
  <si>
    <t>BU00900010</t>
  </si>
  <si>
    <t>2021BU00900010</t>
  </si>
  <si>
    <t>Noordoost</t>
  </si>
  <si>
    <t>buurt_gegeneraliseerd_2021.c9743668-f3ec-45e5-b978-f5dd19c5933f</t>
  </si>
  <si>
    <t>BU00900011</t>
  </si>
  <si>
    <t>2021BU00900011</t>
  </si>
  <si>
    <t>buurt_gegeneraliseerd_2021.41c36de8-b189-4603-8dc0-86f1143fd0b7</t>
  </si>
  <si>
    <t>BU00900012</t>
  </si>
  <si>
    <t>2021BU00900012</t>
  </si>
  <si>
    <t>Buitengebied Drachten</t>
  </si>
  <si>
    <t>buurt_gegeneraliseerd_2021.32e3925e-3939-4eac-9646-8ca0e433f703</t>
  </si>
  <si>
    <t>BU00900013</t>
  </si>
  <si>
    <t>2021BU00900013</t>
  </si>
  <si>
    <t>De Trisken</t>
  </si>
  <si>
    <t>buurt_gegeneraliseerd_2021.5928c401-207e-4760-ae78-61a6915c0438</t>
  </si>
  <si>
    <t>BU00900014</t>
  </si>
  <si>
    <t>2021BU00900014</t>
  </si>
  <si>
    <t>Fennepark</t>
  </si>
  <si>
    <t>buurt_gegeneraliseerd_2021.7c7d425b-a52d-4a33-8c40-fe51a24f0554</t>
  </si>
  <si>
    <t>BU00900015</t>
  </si>
  <si>
    <t>2021BU00900015</t>
  </si>
  <si>
    <t>Himsterhout</t>
  </si>
  <si>
    <t>buurt_gegeneraliseerd_2021.5a269019-b209-440a-934a-777d7628ab48</t>
  </si>
  <si>
    <t>BU00900016</t>
  </si>
  <si>
    <t>2021BU00900016</t>
  </si>
  <si>
    <t>Bedrijvenpark</t>
  </si>
  <si>
    <t>buurt_gegeneraliseerd_2021.ae0d052c-ea9f-4c73-ab0e-e503c3289d03</t>
  </si>
  <si>
    <t>BU00900017</t>
  </si>
  <si>
    <t>2021BU00900017</t>
  </si>
  <si>
    <t>Vrijburg</t>
  </si>
  <si>
    <t>buurt_gegeneraliseerd_2021.2c1e46c6-e3a6-4c57-bc20-cfc7baee5fcb</t>
  </si>
  <si>
    <t>BU00900018</t>
  </si>
  <si>
    <t>2021BU00900018</t>
  </si>
  <si>
    <t>Burmaniapark</t>
  </si>
  <si>
    <t>buurt_gegeneraliseerd_2021.b30197ee-ef73-4603-9c3b-c86644858ab8</t>
  </si>
  <si>
    <t>BU00900120</t>
  </si>
  <si>
    <t>2021BU00900120</t>
  </si>
  <si>
    <t>Opeinde</t>
  </si>
  <si>
    <t>buurt_gegeneraliseerd_2021.e900c0a0-e5b2-48be-9d85-c64e025a34c9</t>
  </si>
  <si>
    <t>BU00900121</t>
  </si>
  <si>
    <t>2021BU00900121</t>
  </si>
  <si>
    <t>Rottevalle</t>
  </si>
  <si>
    <t>buurt_gegeneraliseerd_2021.1fb9721d-48a6-4f4b-a26b-f0dfbd9bda77</t>
  </si>
  <si>
    <t>BU00900122</t>
  </si>
  <si>
    <t>2021BU00900122</t>
  </si>
  <si>
    <t>Houtigehage</t>
  </si>
  <si>
    <t>buurt_gegeneraliseerd_2021.b086c3f6-1377-4803-aa7e-61235eec7daa</t>
  </si>
  <si>
    <t>BU00900123</t>
  </si>
  <si>
    <t>2021BU00900123</t>
  </si>
  <si>
    <t>Drachtstercompagnie</t>
  </si>
  <si>
    <t>buurt_gegeneraliseerd_2021.7f2ce354-ce89-49da-9b86-7ab15f0ba145</t>
  </si>
  <si>
    <t>BU00900124</t>
  </si>
  <si>
    <t>2021BU00900124</t>
  </si>
  <si>
    <t>Kortehemmen</t>
  </si>
  <si>
    <t>buurt_gegeneraliseerd_2021.1e3ff49d-a930-40ba-869e-6bc72bc06e3a</t>
  </si>
  <si>
    <t>BU00900125</t>
  </si>
  <si>
    <t>2021BU00900125</t>
  </si>
  <si>
    <t>Boornbergum</t>
  </si>
  <si>
    <t>buurt_gegeneraliseerd_2021.0261dd38-cfc5-4a8f-b05f-cb28d71b9ca1</t>
  </si>
  <si>
    <t>BU00900126</t>
  </si>
  <si>
    <t>2021BU00900126</t>
  </si>
  <si>
    <t>De Wilgen</t>
  </si>
  <si>
    <t>buurt_gegeneraliseerd_2021.cd9f9b4e-cf0d-487d-91bd-79a12cccdca0</t>
  </si>
  <si>
    <t>BU00900127</t>
  </si>
  <si>
    <t>2021BU00900127</t>
  </si>
  <si>
    <t>Smalle Ee</t>
  </si>
  <si>
    <t>buurt_gegeneraliseerd_2021.3a2e9a16-eb53-4579-968f-c0c941f5a945</t>
  </si>
  <si>
    <t>BU00900128</t>
  </si>
  <si>
    <t>2021BU00900128</t>
  </si>
  <si>
    <t>De Veenhoop</t>
  </si>
  <si>
    <t>buurt_gegeneraliseerd_2021.17f2ade9-49ad-4bcb-89f6-486eba43179f</t>
  </si>
  <si>
    <t>BU00900129</t>
  </si>
  <si>
    <t>2021BU00900129</t>
  </si>
  <si>
    <t>Goëngahuizen</t>
  </si>
  <si>
    <t>buurt_gegeneraliseerd_2021.76ab3a60-fb5b-4f0e-8a55-53555c72b834</t>
  </si>
  <si>
    <t>BU00900130</t>
  </si>
  <si>
    <t>2021BU00900130</t>
  </si>
  <si>
    <t>Oudega</t>
  </si>
  <si>
    <t>buurt_gegeneraliseerd_2021.531caafe-52c8-4a55-a222-dc19d0bdb269</t>
  </si>
  <si>
    <t>BU00900131</t>
  </si>
  <si>
    <t>2021BU00900131</t>
  </si>
  <si>
    <t>Nijega</t>
  </si>
  <si>
    <t>buurt_gegeneraliseerd_2021.aeb7ec07-f303-4c5d-9b4e-bfc5df4eae14</t>
  </si>
  <si>
    <t>BU00900132</t>
  </si>
  <si>
    <t>2021BU00900132</t>
  </si>
  <si>
    <t>De Tike</t>
  </si>
  <si>
    <t>buurt_gegeneraliseerd_2021.10a32b3b-37a0-45bb-9c7a-ea45ad6c698e</t>
  </si>
  <si>
    <t>BU00930000</t>
  </si>
  <si>
    <t>2021BU00930000</t>
  </si>
  <si>
    <t>West-Terschelling</t>
  </si>
  <si>
    <t>GM0093</t>
  </si>
  <si>
    <t>buurt_gegeneraliseerd_2021.98379057-be98-46ee-bd11-37533a53d26a</t>
  </si>
  <si>
    <t>BU00930002</t>
  </si>
  <si>
    <t>2021BU00930002</t>
  </si>
  <si>
    <t>Verspreide huizen West-Terschelling</t>
  </si>
  <si>
    <t>buurt_gegeneraliseerd_2021.cf381458-a1ac-4aa8-900e-fd1a044a317a</t>
  </si>
  <si>
    <t>BU00930110</t>
  </si>
  <si>
    <t>2021BU00930110</t>
  </si>
  <si>
    <t>Midsland</t>
  </si>
  <si>
    <t>buurt_gegeneraliseerd_2021.0fde1c0d-b86e-41bd-bf88-2f8f2a6fe225</t>
  </si>
  <si>
    <t>BU00930111</t>
  </si>
  <si>
    <t>2021BU00930111</t>
  </si>
  <si>
    <t>Verspreide huizen Midsland-Zuid</t>
  </si>
  <si>
    <t>buurt_gegeneraliseerd_2021.0ed181e5-8105-48e2-a8a3-3d6d8c1403be</t>
  </si>
  <si>
    <t>BU00930112</t>
  </si>
  <si>
    <t>2021BU00930112</t>
  </si>
  <si>
    <t>Verspreide huizen Midsland-Noord</t>
  </si>
  <si>
    <t>buurt_gegeneraliseerd_2021.5daac6c1-31f4-45b5-9f9c-1c64b3cb4ac3</t>
  </si>
  <si>
    <t>BU00930213</t>
  </si>
  <si>
    <t>2021BU00930213</t>
  </si>
  <si>
    <t>Formerum</t>
  </si>
  <si>
    <t>buurt_gegeneraliseerd_2021.904baa7c-f8dc-49b8-809b-cede6ea830d1</t>
  </si>
  <si>
    <t>BU00930214</t>
  </si>
  <si>
    <t>2021BU00930214</t>
  </si>
  <si>
    <t>Verspreide huizen Formerum-Zuid</t>
  </si>
  <si>
    <t>buurt_gegeneraliseerd_2021.e49ec3f9-58c5-44ef-b27b-e52581c4d6a8</t>
  </si>
  <si>
    <t>BU00930215</t>
  </si>
  <si>
    <t>2021BU00930215</t>
  </si>
  <si>
    <t>Verspreide huizen Formerum-Noord</t>
  </si>
  <si>
    <t>buurt_gegeneraliseerd_2021.6302ef96-770b-4a76-a5d3-f11e124cbd21</t>
  </si>
  <si>
    <t>BU00930316</t>
  </si>
  <si>
    <t>2021BU00930316</t>
  </si>
  <si>
    <t>Lies</t>
  </si>
  <si>
    <t>buurt_gegeneraliseerd_2021.24e08b16-1233-4595-b61c-5ffbc752bd6e</t>
  </si>
  <si>
    <t>BU00930317</t>
  </si>
  <si>
    <t>2021BU00930317</t>
  </si>
  <si>
    <t>Verspreide huizen Lies-Zuid</t>
  </si>
  <si>
    <t>buurt_gegeneraliseerd_2021.3c6b4bc8-1b63-43eb-ad09-c706fdb282f8</t>
  </si>
  <si>
    <t>BU00930418</t>
  </si>
  <si>
    <t>2021BU00930418</t>
  </si>
  <si>
    <t>Koegelwieck</t>
  </si>
  <si>
    <t>buurt_gegeneraliseerd_2021.7626fc33-b612-4a44-9557-ad57e0a45d01</t>
  </si>
  <si>
    <t>BU00930419</t>
  </si>
  <si>
    <t>2021BU00930419</t>
  </si>
  <si>
    <t>Hoorn</t>
  </si>
  <si>
    <t>buurt_gegeneraliseerd_2021.814ff81b-480a-424c-a752-cdf9a2ca9c05</t>
  </si>
  <si>
    <t>BU00930420</t>
  </si>
  <si>
    <t>2021BU00930420</t>
  </si>
  <si>
    <t>Verspreide huizen Hoorn-Zuid</t>
  </si>
  <si>
    <t>buurt_gegeneraliseerd_2021.c2453b85-866c-4caf-bec6-f5f82598b4e5</t>
  </si>
  <si>
    <t>BU00930521</t>
  </si>
  <si>
    <t>2021BU00930521</t>
  </si>
  <si>
    <t>Oosterend</t>
  </si>
  <si>
    <t>buurt_gegeneraliseerd_2021.1d5990d0-49a4-4b64-89fc-b8203942ff03</t>
  </si>
  <si>
    <t>BU00930522</t>
  </si>
  <si>
    <t>2021BU00930522</t>
  </si>
  <si>
    <t>Verspreide huizen Oosterend-Zuid</t>
  </si>
  <si>
    <t>buurt_gegeneraliseerd_2021.ec1e3c56-7cd9-4c00-a0e6-2e8752e809e1</t>
  </si>
  <si>
    <t>BU00930523</t>
  </si>
  <si>
    <t>2021BU00930523</t>
  </si>
  <si>
    <t>De Boschplaat</t>
  </si>
  <si>
    <t>buurt_gegeneraliseerd_2021.5c9bc6d6-e29e-4241-99c2-a3b1a4ce9b5f</t>
  </si>
  <si>
    <t>BU00960000</t>
  </si>
  <si>
    <t>2021BU00960000</t>
  </si>
  <si>
    <t>Oost-Vlieland</t>
  </si>
  <si>
    <t>GM0096</t>
  </si>
  <si>
    <t>buurt_gegeneraliseerd_2021.0f62f412-acf1-421f-93bb-c37541479a5a</t>
  </si>
  <si>
    <t>BU00960009</t>
  </si>
  <si>
    <t>2021BU00960009</t>
  </si>
  <si>
    <t>Verspreide huizen Vlieland</t>
  </si>
  <si>
    <t>buurt_gegeneraliseerd_2021.9b56ca6c-0528-4542-ac14-6265b6e034f5</t>
  </si>
  <si>
    <t>BU00980001</t>
  </si>
  <si>
    <t>2021BU00980001</t>
  </si>
  <si>
    <t>Wolvega-Schipsloot</t>
  </si>
  <si>
    <t>GM0098</t>
  </si>
  <si>
    <t>buurt_gegeneraliseerd_2021.da09e74b-d6d3-4de3-bc06-025285798334</t>
  </si>
  <si>
    <t>BU00980002</t>
  </si>
  <si>
    <t>2021BU00980002</t>
  </si>
  <si>
    <t>Wolvega-Om de Noort</t>
  </si>
  <si>
    <t>buurt_gegeneraliseerd_2021.37d2b2c9-92d4-45a2-b43d-f7f972bd2500</t>
  </si>
  <si>
    <t>BU00980003</t>
  </si>
  <si>
    <t>2021BU00980003</t>
  </si>
  <si>
    <t>Wolvega-Wolvega Noord</t>
  </si>
  <si>
    <t>buurt_gegeneraliseerd_2021.175f0fcb-7ae1-433f-825a-4a55d7bf46e4</t>
  </si>
  <si>
    <t>BU00980004</t>
  </si>
  <si>
    <t>2021BU00980004</t>
  </si>
  <si>
    <t>Wolvega-De Meulepolle</t>
  </si>
  <si>
    <t>buurt_gegeneraliseerd_2021.b98503d6-1fb4-4e94-9aee-c7cd2a9f9ea3</t>
  </si>
  <si>
    <t>BU00980005</t>
  </si>
  <si>
    <t>2021BU00980005</t>
  </si>
  <si>
    <t>Wolvega-Vogelbuurt</t>
  </si>
  <si>
    <t>buurt_gegeneraliseerd_2021.a7ebfaa6-e779-407c-9ed2-e92b56ef2206</t>
  </si>
  <si>
    <t>BU00980006</t>
  </si>
  <si>
    <t>2021BU00980006</t>
  </si>
  <si>
    <t>Wolvega-Stuyvesantbuurt</t>
  </si>
  <si>
    <t>buurt_gegeneraliseerd_2021.d28a0364-1a55-4885-bc95-4ea342855a54</t>
  </si>
  <si>
    <t>BU00980007</t>
  </si>
  <si>
    <t>2021BU00980007</t>
  </si>
  <si>
    <t>Wolvega-Stationsbuurt</t>
  </si>
  <si>
    <t>buurt_gegeneraliseerd_2021.b89854ec-5a85-40eb-88ca-e1362879fb8a</t>
  </si>
  <si>
    <t>BU00980008</t>
  </si>
  <si>
    <t>2021BU00980008</t>
  </si>
  <si>
    <t>Wolvega-De Scheene</t>
  </si>
  <si>
    <t>buurt_gegeneraliseerd_2021.f869f814-4aea-47a0-a353-517518f83e02</t>
  </si>
  <si>
    <t>BU00980009</t>
  </si>
  <si>
    <t>2021BU00980009</t>
  </si>
  <si>
    <t>Wolvega-Tuindorp</t>
  </si>
  <si>
    <t>buurt_gegeneraliseerd_2021.073c5514-0871-4323-bcd0-ee31c648c8a0</t>
  </si>
  <si>
    <t>BU00980010</t>
  </si>
  <si>
    <t>2021BU00980010</t>
  </si>
  <si>
    <t>Wolvega-Schildersbuurt</t>
  </si>
  <si>
    <t>buurt_gegeneraliseerd_2021.c1736762-7d7e-4afb-861b-50c1189ce1ae</t>
  </si>
  <si>
    <t>BU00980011</t>
  </si>
  <si>
    <t>2021BU00980011</t>
  </si>
  <si>
    <t>Wolvega-De Heidepolle</t>
  </si>
  <si>
    <t>buurt_gegeneraliseerd_2021.674debfb-c560-4c17-b59c-792e23913583</t>
  </si>
  <si>
    <t>BU00980012</t>
  </si>
  <si>
    <t>2021BU00980012</t>
  </si>
  <si>
    <t>Wolvega-Oranjebuurt</t>
  </si>
  <si>
    <t>buurt_gegeneraliseerd_2021.8d2c86c1-ef9c-42e1-b228-a84b1704aea8</t>
  </si>
  <si>
    <t>BU00980013</t>
  </si>
  <si>
    <t>2021BU00980013</t>
  </si>
  <si>
    <t>Wolvega-De Muziekbuurt</t>
  </si>
  <si>
    <t>buurt_gegeneraliseerd_2021.9a12978c-5e06-48c0-819f-7dd77f5d96b7</t>
  </si>
  <si>
    <t>BU00980014</t>
  </si>
  <si>
    <t>2021BU00980014</t>
  </si>
  <si>
    <t>Wolvega-Centrum</t>
  </si>
  <si>
    <t>buurt_gegeneraliseerd_2021.3082df7d-f0f1-4b25-b73d-d5c7b2a2d4e2</t>
  </si>
  <si>
    <t>BU00980015</t>
  </si>
  <si>
    <t>2021BU00980015</t>
  </si>
  <si>
    <t>Wolvega-Lindenoord</t>
  </si>
  <si>
    <t>buurt_gegeneraliseerd_2021.da0a807f-3b8c-404c-a4bf-1b4aca806c1c</t>
  </si>
  <si>
    <t>BU00980016</t>
  </si>
  <si>
    <t>2021BU00980016</t>
  </si>
  <si>
    <t>Wolvega-Staatsliedenbuurt</t>
  </si>
  <si>
    <t>buurt_gegeneraliseerd_2021.706f133b-7b84-45a3-81f7-3e3599cb57e0</t>
  </si>
  <si>
    <t>BU00980017</t>
  </si>
  <si>
    <t>2021BU00980017</t>
  </si>
  <si>
    <t>Wolvega-Bloemenbuurt</t>
  </si>
  <si>
    <t>buurt_gegeneraliseerd_2021.ad637778-7c0b-48c3-bcd6-49508bdc9211</t>
  </si>
  <si>
    <t>BU00980018</t>
  </si>
  <si>
    <t>2021BU00980018</t>
  </si>
  <si>
    <t>Wolvega-De Stedes</t>
  </si>
  <si>
    <t>buurt_gegeneraliseerd_2021.3b75907f-3c3d-4c55-8115-77bbf631c52c</t>
  </si>
  <si>
    <t>BU00980019</t>
  </si>
  <si>
    <t>2021BU00980019</t>
  </si>
  <si>
    <t>Wolvega-Vlinderwijk</t>
  </si>
  <si>
    <t>buurt_gegeneraliseerd_2021.8583cf7a-d097-4964-95ff-ad3b4652b37e</t>
  </si>
  <si>
    <t>BU00980020</t>
  </si>
  <si>
    <t>2021BU00980020</t>
  </si>
  <si>
    <t>Wolvega-Lindewijk</t>
  </si>
  <si>
    <t>buurt_gegeneraliseerd_2021.918108ed-e02a-446b-990f-2d9810c8dfec</t>
  </si>
  <si>
    <t>BU00980021</t>
  </si>
  <si>
    <t>2021BU00980021</t>
  </si>
  <si>
    <t>Wolvega-Buitengebied</t>
  </si>
  <si>
    <t>buurt_gegeneraliseerd_2021.9c178117-74f1-439c-859c-edb3f6cdc494</t>
  </si>
  <si>
    <t>BU00980101</t>
  </si>
  <si>
    <t>2021BU00980101</t>
  </si>
  <si>
    <t>Nijeholtwolde</t>
  </si>
  <si>
    <t>buurt_gegeneraliseerd_2021.382f90ed-5a23-48e8-9592-c846f90e0d7b</t>
  </si>
  <si>
    <t>BU00980102</t>
  </si>
  <si>
    <t>2021BU00980102</t>
  </si>
  <si>
    <t>Oldeholtwolde</t>
  </si>
  <si>
    <t>buurt_gegeneraliseerd_2021.22ea2c53-9a9f-4c1f-bdac-8caed4543235</t>
  </si>
  <si>
    <t>BU00980103</t>
  </si>
  <si>
    <t>2021BU00980103</t>
  </si>
  <si>
    <t>Ter Idzard</t>
  </si>
  <si>
    <t>buurt_gegeneraliseerd_2021.c0534e48-dff6-4e38-8ef1-0884002a4da5</t>
  </si>
  <si>
    <t>BU00980104</t>
  </si>
  <si>
    <t>2021BU00980104</t>
  </si>
  <si>
    <t>Ter Idzard-Buitengebied</t>
  </si>
  <si>
    <t>buurt_gegeneraliseerd_2021.208fac98-8a22-4d5b-a844-c448f4c5799e</t>
  </si>
  <si>
    <t>BU00980201</t>
  </si>
  <si>
    <t>2021BU00980201</t>
  </si>
  <si>
    <t>Nijelamer</t>
  </si>
  <si>
    <t>buurt_gegeneraliseerd_2021.abb5e975-d0d8-40d9-874d-890d70cc64c3</t>
  </si>
  <si>
    <t>BU00980202</t>
  </si>
  <si>
    <t>2021BU00980202</t>
  </si>
  <si>
    <t>Oldelamer</t>
  </si>
  <si>
    <t>buurt_gegeneraliseerd_2021.5ef1504f-fb5b-49dc-ae43-2b55b257b9f8</t>
  </si>
  <si>
    <t>BU00980301</t>
  </si>
  <si>
    <t>2021BU00980301</t>
  </si>
  <si>
    <t>Langelille</t>
  </si>
  <si>
    <t>buurt_gegeneraliseerd_2021.2e0250c2-17bf-468b-b5a0-ef41c70bc9ae</t>
  </si>
  <si>
    <t>BU00980302</t>
  </si>
  <si>
    <t>2021BU00980302</t>
  </si>
  <si>
    <t>Langeville-Buitengebied</t>
  </si>
  <si>
    <t>buurt_gegeneraliseerd_2021.074f790d-ff9a-49e9-b1b8-f1c4cf79ab4c</t>
  </si>
  <si>
    <t>BU00980303</t>
  </si>
  <si>
    <t>2021BU00980303</t>
  </si>
  <si>
    <t>Munnekeburen</t>
  </si>
  <si>
    <t>buurt_gegeneraliseerd_2021.85e4af5c-7538-4ab9-ae11-ddfc5e2eb84b</t>
  </si>
  <si>
    <t>BU00980304</t>
  </si>
  <si>
    <t>2021BU00980304</t>
  </si>
  <si>
    <t>Munnekeburen-Buitengebied</t>
  </si>
  <si>
    <t>buurt_gegeneraliseerd_2021.36688408-61d8-467d-88a2-634f1544c2ef</t>
  </si>
  <si>
    <t>BU00980305</t>
  </si>
  <si>
    <t>2021BU00980305</t>
  </si>
  <si>
    <t>Nijetrijne</t>
  </si>
  <si>
    <t>buurt_gegeneraliseerd_2021.06dc993a-d024-4dfc-a891-f5e06de264b2</t>
  </si>
  <si>
    <t>BU00980401</t>
  </si>
  <si>
    <t>2021BU00980401</t>
  </si>
  <si>
    <t>Scherpenzeel</t>
  </si>
  <si>
    <t>buurt_gegeneraliseerd_2021.7a6bf808-f2ff-4071-9d98-5734076b62ed</t>
  </si>
  <si>
    <t>BU00980402</t>
  </si>
  <si>
    <t>2021BU00980402</t>
  </si>
  <si>
    <t>Scherpenzeel-Buitengebied</t>
  </si>
  <si>
    <t>buurt_gegeneraliseerd_2021.54aeb77d-8ae5-4ac2-a2c5-6647e3f31765</t>
  </si>
  <si>
    <t>BU00980403</t>
  </si>
  <si>
    <t>2021BU00980403</t>
  </si>
  <si>
    <t>Slijkenburg-Spanga</t>
  </si>
  <si>
    <t>buurt_gegeneraliseerd_2021.d0b4043a-4e4e-45bf-80b8-01b759910e0f</t>
  </si>
  <si>
    <t>BU00980501</t>
  </si>
  <si>
    <t>2021BU00980501</t>
  </si>
  <si>
    <t>Oldetrijne</t>
  </si>
  <si>
    <t>buurt_gegeneraliseerd_2021.c60c8706-3db0-4c2b-a2d0-b8fbca912d76</t>
  </si>
  <si>
    <t>BU00980502</t>
  </si>
  <si>
    <t>2021BU00980502</t>
  </si>
  <si>
    <t>Sonnega</t>
  </si>
  <si>
    <t>buurt_gegeneraliseerd_2021.2ee8422e-cd8d-4736-a50e-f2322ad2adf0</t>
  </si>
  <si>
    <t>BU00980601</t>
  </si>
  <si>
    <t>2021BU00980601</t>
  </si>
  <si>
    <t>Blesdijke</t>
  </si>
  <si>
    <t>buurt_gegeneraliseerd_2021.0e1b24cf-cc74-4ce8-a89a-a2abd3067b6b</t>
  </si>
  <si>
    <t>BU00980602</t>
  </si>
  <si>
    <t>2021BU00980602</t>
  </si>
  <si>
    <t>Blesdijke-Buitengebied</t>
  </si>
  <si>
    <t>buurt_gegeneraliseerd_2021.423c9390-578c-490c-935b-c08f8912e886</t>
  </si>
  <si>
    <t>BU00980701</t>
  </si>
  <si>
    <t>2021BU00980701</t>
  </si>
  <si>
    <t>De Blesse</t>
  </si>
  <si>
    <t>buurt_gegeneraliseerd_2021.fd35742c-7c0b-4814-a1d9-15a76eb8c70b</t>
  </si>
  <si>
    <t>BU00980702</t>
  </si>
  <si>
    <t>2021BU00980702</t>
  </si>
  <si>
    <t>Peperga</t>
  </si>
  <si>
    <t>buurt_gegeneraliseerd_2021.ca7f4b25-2d37-4a45-aad4-dfdc15b694e1</t>
  </si>
  <si>
    <t>BU00980801</t>
  </si>
  <si>
    <t>2021BU00980801</t>
  </si>
  <si>
    <t>Steggerda</t>
  </si>
  <si>
    <t>buurt_gegeneraliseerd_2021.b20f880f-db27-4f59-b9ee-47e17b561228</t>
  </si>
  <si>
    <t>BU00980802</t>
  </si>
  <si>
    <t>2021BU00980802</t>
  </si>
  <si>
    <t>Steggerda-Buitengebied</t>
  </si>
  <si>
    <t>buurt_gegeneraliseerd_2021.723ff285-37dd-4dea-a622-0a38354cdac0</t>
  </si>
  <si>
    <t>BU00980901</t>
  </si>
  <si>
    <t>2021BU00980901</t>
  </si>
  <si>
    <t>De Hoeve</t>
  </si>
  <si>
    <t>buurt_gegeneraliseerd_2021.9ef0eab9-ebe1-4b07-906b-fc6549da0aa9</t>
  </si>
  <si>
    <t>BU00980902</t>
  </si>
  <si>
    <t>2021BU00980902</t>
  </si>
  <si>
    <t>De Hoeve-Buitengebied</t>
  </si>
  <si>
    <t>buurt_gegeneraliseerd_2021.a340289a-8f9d-4bd2-bf62-2c90aea8b43d</t>
  </si>
  <si>
    <t>BU00980903</t>
  </si>
  <si>
    <t>2021BU00980903</t>
  </si>
  <si>
    <t>Vinkega</t>
  </si>
  <si>
    <t>buurt_gegeneraliseerd_2021.0db4e27f-0e87-45a4-9238-4fe9de216af0</t>
  </si>
  <si>
    <t>BU00981001</t>
  </si>
  <si>
    <t>2021BU00981001</t>
  </si>
  <si>
    <t>Noordwolde-Geldering</t>
  </si>
  <si>
    <t>buurt_gegeneraliseerd_2021.92869c1f-39d1-4c6c-bed9-cc58b1c9c7eb</t>
  </si>
  <si>
    <t>BU00981002</t>
  </si>
  <si>
    <t>2021BU00981002</t>
  </si>
  <si>
    <t>Noordwolde-Industrie</t>
  </si>
  <si>
    <t>buurt_gegeneraliseerd_2021.d4ef6321-6534-4df6-acad-a80431892049</t>
  </si>
  <si>
    <t>BU00981003</t>
  </si>
  <si>
    <t>2021BU00981003</t>
  </si>
  <si>
    <t>Noordwolde-Hoofdstraat</t>
  </si>
  <si>
    <t>buurt_gegeneraliseerd_2021.cd8c67bd-9cb3-432a-8013-114e9f426750</t>
  </si>
  <si>
    <t>BU00981004</t>
  </si>
  <si>
    <t>2021BU00981004</t>
  </si>
  <si>
    <t>Noordwolde-Haenepolle</t>
  </si>
  <si>
    <t>buurt_gegeneraliseerd_2021.b3253ab2-dead-4e95-94a0-dba71d769ee0</t>
  </si>
  <si>
    <t>BU00981005</t>
  </si>
  <si>
    <t>2021BU00981005</t>
  </si>
  <si>
    <t>Noordwolde-Rotanwijk</t>
  </si>
  <si>
    <t>buurt_gegeneraliseerd_2021.71c10203-7598-4dd0-82c1-02e9a9f31263</t>
  </si>
  <si>
    <t>BU00981006</t>
  </si>
  <si>
    <t>2021BU00981006</t>
  </si>
  <si>
    <t>Noordwolde-Recreatie</t>
  </si>
  <si>
    <t>buurt_gegeneraliseerd_2021.b9a308b2-db35-4f89-8814-86812673c78a</t>
  </si>
  <si>
    <t>BU00981007</t>
  </si>
  <si>
    <t>2021BU00981007</t>
  </si>
  <si>
    <t>Noordwolde-De Stelling</t>
  </si>
  <si>
    <t>buurt_gegeneraliseerd_2021.871aec3d-6738-4f24-9848-6b8e87b61764</t>
  </si>
  <si>
    <t>BU00981008</t>
  </si>
  <si>
    <t>2021BU00981008</t>
  </si>
  <si>
    <t>Noordwolde-Zuid</t>
  </si>
  <si>
    <t>buurt_gegeneraliseerd_2021.653b87af-90ff-4e84-90ad-ee00884325ca</t>
  </si>
  <si>
    <t>BU00981009</t>
  </si>
  <si>
    <t>2021BU00981009</t>
  </si>
  <si>
    <t>Noordwolde-Buitengebied</t>
  </si>
  <si>
    <t>buurt_gegeneraliseerd_2021.d1c27314-670b-42e4-b4a8-fa46b77162d5</t>
  </si>
  <si>
    <t>BU00981101</t>
  </si>
  <si>
    <t>2021BU00981101</t>
  </si>
  <si>
    <t>Oosterstreek</t>
  </si>
  <si>
    <t>buurt_gegeneraliseerd_2021.db8e6366-daa1-4f1f-9dcc-5b555f8a62d1</t>
  </si>
  <si>
    <t>BU00981102</t>
  </si>
  <si>
    <t>2021BU00981102</t>
  </si>
  <si>
    <t>Oosterstreek-Buitengebied</t>
  </si>
  <si>
    <t>buurt_gegeneraliseerd_2021.5520f711-5458-484b-9b4b-0fc5087046a3</t>
  </si>
  <si>
    <t>BU00981201</t>
  </si>
  <si>
    <t>2021BU00981201</t>
  </si>
  <si>
    <t>Zandhuizen</t>
  </si>
  <si>
    <t>buurt_gegeneraliseerd_2021.334032d9-e821-4057-8245-cf995fca6a10</t>
  </si>
  <si>
    <t>BU00981301</t>
  </si>
  <si>
    <t>2021BU00981301</t>
  </si>
  <si>
    <t>Boijl</t>
  </si>
  <si>
    <t>buurt_gegeneraliseerd_2021.30fd72ab-689d-4241-8d6c-79f523b9456d</t>
  </si>
  <si>
    <t>BU00981302</t>
  </si>
  <si>
    <t>2021BU00981302</t>
  </si>
  <si>
    <t>Boijl-Buitengebied</t>
  </si>
  <si>
    <t>buurt_gegeneraliseerd_2021.f2023665-a37d-499e-bca4-5362cd664eff</t>
  </si>
  <si>
    <t>BU00981401</t>
  </si>
  <si>
    <t>2021BU00981401</t>
  </si>
  <si>
    <t>Nijeholtpade</t>
  </si>
  <si>
    <t>buurt_gegeneraliseerd_2021.6fc95199-f805-40e7-a67e-e1b5505f7edc</t>
  </si>
  <si>
    <t>BU00981402</t>
  </si>
  <si>
    <t>2021BU00981402</t>
  </si>
  <si>
    <t>Nijeholtpade-Buitengebied</t>
  </si>
  <si>
    <t>buurt_gegeneraliseerd_2021.d09d7112-5972-441d-a1e3-83a68c44b0a4</t>
  </si>
  <si>
    <t>BU00981501</t>
  </si>
  <si>
    <t>2021BU00981501</t>
  </si>
  <si>
    <t>Oldeholtpade</t>
  </si>
  <si>
    <t>buurt_gegeneraliseerd_2021.8190c543-5ae9-449a-8e4a-5917e3072ad3</t>
  </si>
  <si>
    <t>BU00981502</t>
  </si>
  <si>
    <t>2021BU00981502</t>
  </si>
  <si>
    <t>Oldeholtpade-Buitengebied</t>
  </si>
  <si>
    <t>buurt_gegeneraliseerd_2021.d72b52ed-9087-40c8-9c7b-7a3f234764af</t>
  </si>
  <si>
    <t>BU01060000</t>
  </si>
  <si>
    <t>2021BU01060000</t>
  </si>
  <si>
    <t>Brinkkwartier</t>
  </si>
  <si>
    <t>GM0106</t>
  </si>
  <si>
    <t>buurt_gegeneraliseerd_2021.f6e06597-6b84-4380-af3b-9009fa05f05e</t>
  </si>
  <si>
    <t>BU01060001</t>
  </si>
  <si>
    <t>2021BU01060001</t>
  </si>
  <si>
    <t>Erfgoedkwartier</t>
  </si>
  <si>
    <t>buurt_gegeneraliseerd_2021.8b2af172-5661-4c2f-8579-5589c45df2cf</t>
  </si>
  <si>
    <t>BU01060002</t>
  </si>
  <si>
    <t>2021BU01060002</t>
  </si>
  <si>
    <t>Overcingel</t>
  </si>
  <si>
    <t>buurt_gegeneraliseerd_2021.58d32d4a-224f-4e3c-814e-271ed6e87df4</t>
  </si>
  <si>
    <t>BU01060003</t>
  </si>
  <si>
    <t>2021BU01060003</t>
  </si>
  <si>
    <t>buurt_gegeneraliseerd_2021.a61c75e8-ba21-4a88-9257-5921b7711841</t>
  </si>
  <si>
    <t>BU01060004</t>
  </si>
  <si>
    <t>2021BU01060004</t>
  </si>
  <si>
    <t>Galgenveld</t>
  </si>
  <si>
    <t>buurt_gegeneraliseerd_2021.69de338d-00bc-483a-9c71-ffc0624039b7</t>
  </si>
  <si>
    <t>BU01060005</t>
  </si>
  <si>
    <t>2021BU01060005</t>
  </si>
  <si>
    <t>Koopmanskwartier</t>
  </si>
  <si>
    <t>buurt_gegeneraliseerd_2021.109e771e-7478-431c-90dd-8ed406e9bacb</t>
  </si>
  <si>
    <t>BU01060006</t>
  </si>
  <si>
    <t>2021BU01060006</t>
  </si>
  <si>
    <t>Cultuureelkwartier</t>
  </si>
  <si>
    <t>buurt_gegeneraliseerd_2021.c2706e9a-a9d8-42c5-9ac4-44092463b0e5</t>
  </si>
  <si>
    <t>BU01060007</t>
  </si>
  <si>
    <t>2021BU01060007</t>
  </si>
  <si>
    <t>Oude Gasfabriek</t>
  </si>
  <si>
    <t>buurt_gegeneraliseerd_2021.05414a51-b1b3-40bb-924b-0dc3fb163d59</t>
  </si>
  <si>
    <t>BU01060008</t>
  </si>
  <si>
    <t>2021BU01060008</t>
  </si>
  <si>
    <t>De Hertenkamp</t>
  </si>
  <si>
    <t>buurt_gegeneraliseerd_2021.67521d78-78df-4c50-b7db-ef64c389077a</t>
  </si>
  <si>
    <t>BU01060009</t>
  </si>
  <si>
    <t>2021BU01060009</t>
  </si>
  <si>
    <t>Asserbos</t>
  </si>
  <si>
    <t>buurt_gegeneraliseerd_2021.4a182694-217d-4259-9c45-2e062e1f9561</t>
  </si>
  <si>
    <t>BU01060010</t>
  </si>
  <si>
    <t>2021BU01060010</t>
  </si>
  <si>
    <t>buurt_gegeneraliseerd_2021.9b523196-bf7d-4069-be9c-0a6de12737b1</t>
  </si>
  <si>
    <t>BU01060011</t>
  </si>
  <si>
    <t>2021BU01060011</t>
  </si>
  <si>
    <t>Bomenbuurt</t>
  </si>
  <si>
    <t>buurt_gegeneraliseerd_2021.ff5359b6-150c-461d-b1b5-e9c14e2b1c83</t>
  </si>
  <si>
    <t>BU01060012</t>
  </si>
  <si>
    <t>2021BU01060012</t>
  </si>
  <si>
    <t>Zuiderpark</t>
  </si>
  <si>
    <t>buurt_gegeneraliseerd_2021.21fcdb35-6f8c-4973-88f3-a22c7efb7ab5</t>
  </si>
  <si>
    <t>BU01060100</t>
  </si>
  <si>
    <t>2021BU01060100</t>
  </si>
  <si>
    <t>De Lariks Oost</t>
  </si>
  <si>
    <t>buurt_gegeneraliseerd_2021.23f6a478-b457-4ff1-9dcc-90359514d712</t>
  </si>
  <si>
    <t>BU01060101</t>
  </si>
  <si>
    <t>2021BU01060101</t>
  </si>
  <si>
    <t>Landgoed Lariks</t>
  </si>
  <si>
    <t>buurt_gegeneraliseerd_2021.31a503cb-25a4-452f-adf7-906e95c58550</t>
  </si>
  <si>
    <t>BU01060102</t>
  </si>
  <si>
    <t>2021BU01060102</t>
  </si>
  <si>
    <t>De Lariks West</t>
  </si>
  <si>
    <t>buurt_gegeneraliseerd_2021.acfae448-5f93-4a5b-8a88-e1964eba8104</t>
  </si>
  <si>
    <t>BU01060103</t>
  </si>
  <si>
    <t>2021BU01060103</t>
  </si>
  <si>
    <t>Luchiesland Zuid</t>
  </si>
  <si>
    <t>buurt_gegeneraliseerd_2021.cf31ada6-1add-4f59-83a9-4513fc7ad1a3</t>
  </si>
  <si>
    <t>BU01060104</t>
  </si>
  <si>
    <t>2021BU01060104</t>
  </si>
  <si>
    <t>Zuid Molukse Buurt</t>
  </si>
  <si>
    <t>buurt_gegeneraliseerd_2021.c7f0b53d-695b-4a67-9324-232e4c39112e</t>
  </si>
  <si>
    <t>BU01060105</t>
  </si>
  <si>
    <t>2021BU01060105</t>
  </si>
  <si>
    <t>Luchiesland Noord</t>
  </si>
  <si>
    <t>buurt_gegeneraliseerd_2021.f85143b0-d744-4895-87ac-5db3fde91863</t>
  </si>
  <si>
    <t>BU01060200</t>
  </si>
  <si>
    <t>2021BU01060200</t>
  </si>
  <si>
    <t>Oude Molenbuurt</t>
  </si>
  <si>
    <t>buurt_gegeneraliseerd_2021.45d97694-ca5d-43d3-bdb0-f5ea0fb6d7a6</t>
  </si>
  <si>
    <t>BU01060201</t>
  </si>
  <si>
    <t>2021BU01060201</t>
  </si>
  <si>
    <t>Dichtershof</t>
  </si>
  <si>
    <t>buurt_gegeneraliseerd_2021.063cb3dd-34c4-45c8-a33b-fe4b4c5a4e0b</t>
  </si>
  <si>
    <t>BU01060202</t>
  </si>
  <si>
    <t>2021BU01060202</t>
  </si>
  <si>
    <t>Veningerland</t>
  </si>
  <si>
    <t>buurt_gegeneraliseerd_2021.d7fd9173-699c-47d8-9991-bda27b815a44</t>
  </si>
  <si>
    <t>BU01060203</t>
  </si>
  <si>
    <t>2021BU01060203</t>
  </si>
  <si>
    <t>Zwarte Water</t>
  </si>
  <si>
    <t>buurt_gegeneraliseerd_2021.27f433b6-7571-4179-8845-2df1e8ab7a3a</t>
  </si>
  <si>
    <t>BU01060204</t>
  </si>
  <si>
    <t>2021BU01060204</t>
  </si>
  <si>
    <t>Componistenbuurt West</t>
  </si>
  <si>
    <t>buurt_gegeneraliseerd_2021.a4fe9cb7-1bdd-4d32-887e-8b546bfccea9</t>
  </si>
  <si>
    <t>BU01060205</t>
  </si>
  <si>
    <t>2021BU01060205</t>
  </si>
  <si>
    <t>Componistenbuurt Oost</t>
  </si>
  <si>
    <t>buurt_gegeneraliseerd_2021.6c221102-4ae0-4d4d-869f-051ed91e32e3</t>
  </si>
  <si>
    <t>BU01060300</t>
  </si>
  <si>
    <t>2021BU01060300</t>
  </si>
  <si>
    <t>Dijkveld</t>
  </si>
  <si>
    <t>buurt_gegeneraliseerd_2021.21576dac-63bd-4bb0-bd5a-82fcc0e932dd</t>
  </si>
  <si>
    <t>BU01060301</t>
  </si>
  <si>
    <t>2021BU01060301</t>
  </si>
  <si>
    <t>Vreebergen</t>
  </si>
  <si>
    <t>buurt_gegeneraliseerd_2021.ed852db6-43e3-4777-a2a0-4c43620d6174</t>
  </si>
  <si>
    <t>BU01060302</t>
  </si>
  <si>
    <t>2021BU01060302</t>
  </si>
  <si>
    <t>Houtlaan</t>
  </si>
  <si>
    <t>buurt_gegeneraliseerd_2021.cc65e701-eb38-4f75-b355-3f4324f947d2</t>
  </si>
  <si>
    <t>BU01060303</t>
  </si>
  <si>
    <t>2021BU01060303</t>
  </si>
  <si>
    <t>Amelterhout</t>
  </si>
  <si>
    <t>buurt_gegeneraliseerd_2021.1c5cff08-651e-4bef-a92e-f36c340d4005</t>
  </si>
  <si>
    <t>BU01060304</t>
  </si>
  <si>
    <t>2021BU01060304</t>
  </si>
  <si>
    <t>buurt_gegeneraliseerd_2021.966dc04a-0aa6-487d-af9c-7cf9bdecaa16</t>
  </si>
  <si>
    <t>BU01060305</t>
  </si>
  <si>
    <t>2021BU01060305</t>
  </si>
  <si>
    <t>Vredeveld Noord</t>
  </si>
  <si>
    <t>buurt_gegeneraliseerd_2021.e755bec6-462b-4ae4-8123-7171ca6e9b4b</t>
  </si>
  <si>
    <t>BU01060306</t>
  </si>
  <si>
    <t>2021BU01060306</t>
  </si>
  <si>
    <t>Sluisdennen</t>
  </si>
  <si>
    <t>buurt_gegeneraliseerd_2021.c19fde54-2dc7-4a19-b21c-f269849fb8e2</t>
  </si>
  <si>
    <t>BU01060307</t>
  </si>
  <si>
    <t>2021BU01060307</t>
  </si>
  <si>
    <t>Vredeveld Zuid</t>
  </si>
  <si>
    <t>buurt_gegeneraliseerd_2021.6a77cc7c-ee94-409d-93f2-ec9d20f18754</t>
  </si>
  <si>
    <t>BU01060308</t>
  </si>
  <si>
    <t>2021BU01060308</t>
  </si>
  <si>
    <t>De Dorpen</t>
  </si>
  <si>
    <t>buurt_gegeneraliseerd_2021.156e2906-9d72-4353-9c21-aa471c43d068</t>
  </si>
  <si>
    <t>BU01060309</t>
  </si>
  <si>
    <t>2021BU01060309</t>
  </si>
  <si>
    <t>GGZ-terrein</t>
  </si>
  <si>
    <t>buurt_gegeneraliseerd_2021.d439ae0d-05a5-427d-aff6-506a204a23c6</t>
  </si>
  <si>
    <t>BU01060310</t>
  </si>
  <si>
    <t>2021BU01060310</t>
  </si>
  <si>
    <t>Park Diepstroeten</t>
  </si>
  <si>
    <t>buurt_gegeneraliseerd_2021.29ffe98e-7a17-48da-8358-35b7947de15a</t>
  </si>
  <si>
    <t>BU01060400</t>
  </si>
  <si>
    <t>2021BU01060400</t>
  </si>
  <si>
    <t>Pittelo Zuid</t>
  </si>
  <si>
    <t>buurt_gegeneraliseerd_2021.da116ce7-59e4-4f1f-941a-ac1e89a69178</t>
  </si>
  <si>
    <t>BU01060401</t>
  </si>
  <si>
    <t>2021BU01060401</t>
  </si>
  <si>
    <t>Pittelo Midden</t>
  </si>
  <si>
    <t>buurt_gegeneraliseerd_2021.57d7b1cc-6d1e-4dc3-8ed6-0b1f5b5a8499</t>
  </si>
  <si>
    <t>BU01060402</t>
  </si>
  <si>
    <t>2021BU01060402</t>
  </si>
  <si>
    <t>Pittelo Noord</t>
  </si>
  <si>
    <t>buurt_gegeneraliseerd_2021.044c50b6-1645-46de-83e7-5ab2877094dd</t>
  </si>
  <si>
    <t>BU01060403</t>
  </si>
  <si>
    <t>2021BU01060403</t>
  </si>
  <si>
    <t>Recreatiepark Pittelo</t>
  </si>
  <si>
    <t>buurt_gegeneraliseerd_2021.60ec4a12-be1b-44b0-9fa2-9eba1d5cbfdf</t>
  </si>
  <si>
    <t>BU01060500</t>
  </si>
  <si>
    <t>2021BU01060500</t>
  </si>
  <si>
    <t>De Maten</t>
  </si>
  <si>
    <t>buurt_gegeneraliseerd_2021.fc0b6027-ad59-496c-864d-d04ad2ba54c9</t>
  </si>
  <si>
    <t>BU01060501</t>
  </si>
  <si>
    <t>2021BU01060501</t>
  </si>
  <si>
    <t>De Boskamp</t>
  </si>
  <si>
    <t>buurt_gegeneraliseerd_2021.b268ca40-70f2-4729-82f7-3e17c77531de</t>
  </si>
  <si>
    <t>BU01060502</t>
  </si>
  <si>
    <t>2021BU01060502</t>
  </si>
  <si>
    <t>Baggelhuizen Zuid</t>
  </si>
  <si>
    <t>buurt_gegeneraliseerd_2021.ea7e4a8b-b7af-4ecd-b01b-04cd79d7fb78</t>
  </si>
  <si>
    <t>BU01060503</t>
  </si>
  <si>
    <t>2021BU01060503</t>
  </si>
  <si>
    <t>Baggelhuizen Midden</t>
  </si>
  <si>
    <t>buurt_gegeneraliseerd_2021.81c25b23-e356-4980-b71a-d77dbf7550b4</t>
  </si>
  <si>
    <t>BU01060504</t>
  </si>
  <si>
    <t>2021BU01060504</t>
  </si>
  <si>
    <t>Baggelhuizen Noord</t>
  </si>
  <si>
    <t>buurt_gegeneraliseerd_2021.cbe2e604-cbe1-4111-933a-73d23c68883c</t>
  </si>
  <si>
    <t>BU01060505</t>
  </si>
  <si>
    <t>2021BU01060505</t>
  </si>
  <si>
    <t>Lauwers</t>
  </si>
  <si>
    <t>buurt_gegeneraliseerd_2021.d8f435fa-d25b-471b-983b-54287478dfb5</t>
  </si>
  <si>
    <t>BU01060506</t>
  </si>
  <si>
    <t>2021BU01060506</t>
  </si>
  <si>
    <t>Huize Nassau</t>
  </si>
  <si>
    <t>buurt_gegeneraliseerd_2021.a1c47869-b713-4ecb-bb02-35d68fe996a3</t>
  </si>
  <si>
    <t>BU01060507</t>
  </si>
  <si>
    <t>2021BU01060507</t>
  </si>
  <si>
    <t>Kazerneterrein</t>
  </si>
  <si>
    <t>buurt_gegeneraliseerd_2021.4398c538-d471-452e-ba2d-c90fc6a51d97</t>
  </si>
  <si>
    <t>BU01060508</t>
  </si>
  <si>
    <t>2021BU01060508</t>
  </si>
  <si>
    <t>Westerpark</t>
  </si>
  <si>
    <t>buurt_gegeneraliseerd_2021.900ee0b1-3b4a-4c73-94ed-3efeabf25dca</t>
  </si>
  <si>
    <t>BU01060509</t>
  </si>
  <si>
    <t>2021BU01060509</t>
  </si>
  <si>
    <t>Sportpark Stadsbroek</t>
  </si>
  <si>
    <t>buurt_gegeneraliseerd_2021.d9fe8c8f-82f2-4770-acb9-b2de42e3f20f</t>
  </si>
  <si>
    <t>BU01060600</t>
  </si>
  <si>
    <t>2021BU01060600</t>
  </si>
  <si>
    <t>De Venen/De Wallen</t>
  </si>
  <si>
    <t>buurt_gegeneraliseerd_2021.8b29c10a-b0b1-4fd7-935f-fbac1d76653b</t>
  </si>
  <si>
    <t>BU01060601</t>
  </si>
  <si>
    <t>2021BU01060601</t>
  </si>
  <si>
    <t>De Velden/De Stukken</t>
  </si>
  <si>
    <t>buurt_gegeneraliseerd_2021.394809c0-475c-4563-b590-b68216f63cda</t>
  </si>
  <si>
    <t>BU01060602</t>
  </si>
  <si>
    <t>2021BU01060602</t>
  </si>
  <si>
    <t>De Landen/De Akkers</t>
  </si>
  <si>
    <t>buurt_gegeneraliseerd_2021.09f1c2a2-be34-40ec-90e1-0bd38cc2a516</t>
  </si>
  <si>
    <t>BU01060603</t>
  </si>
  <si>
    <t>2021BU01060603</t>
  </si>
  <si>
    <t>De Kampen/De Essen</t>
  </si>
  <si>
    <t>buurt_gegeneraliseerd_2021.8ab04a24-c3b5-4f72-aed8-5c7f78345a99</t>
  </si>
  <si>
    <t>BU01060604</t>
  </si>
  <si>
    <t>2021BU01060604</t>
  </si>
  <si>
    <t>Peelerpark</t>
  </si>
  <si>
    <t>buurt_gegeneraliseerd_2021.4b1a3a27-2c3f-4901-9ca8-98e4b38e8ce3</t>
  </si>
  <si>
    <t>BU01060700</t>
  </si>
  <si>
    <t>2021BU01060700</t>
  </si>
  <si>
    <t>Messchenveld</t>
  </si>
  <si>
    <t>buurt_gegeneraliseerd_2021.36c62c7e-dadb-405d-aee7-3d508a69ccd3</t>
  </si>
  <si>
    <t>BU01060701</t>
  </si>
  <si>
    <t>2021BU01060701</t>
  </si>
  <si>
    <t>De Messchen</t>
  </si>
  <si>
    <t>buurt_gegeneraliseerd_2021.903aa406-de85-4e8a-884c-e9515d7b01c4</t>
  </si>
  <si>
    <t>BU01060702</t>
  </si>
  <si>
    <t>2021BU01060702</t>
  </si>
  <si>
    <t>De Hamels</t>
  </si>
  <si>
    <t>buurt_gegeneraliseerd_2021.efd035a3-67a8-4e0f-bfeb-db86ee054357</t>
  </si>
  <si>
    <t>BU01060703</t>
  </si>
  <si>
    <t>2021BU01060703</t>
  </si>
  <si>
    <t>De Kleuven</t>
  </si>
  <si>
    <t>buurt_gegeneraliseerd_2021.f2c3d069-c655-4eea-9949-eed4605891ef</t>
  </si>
  <si>
    <t>BU01060704</t>
  </si>
  <si>
    <t>2021BU01060704</t>
  </si>
  <si>
    <t>buurt_gegeneraliseerd_2021.3bc1d5a9-31ba-441c-b87d-5f29b5083a1c</t>
  </si>
  <si>
    <t>BU01060705</t>
  </si>
  <si>
    <t>2021BU01060705</t>
  </si>
  <si>
    <t>De Breeën</t>
  </si>
  <si>
    <t>buurt_gegeneraliseerd_2021.30e568c5-912c-496c-86cb-46b360e32c67</t>
  </si>
  <si>
    <t>BU01060706</t>
  </si>
  <si>
    <t>2021BU01060706</t>
  </si>
  <si>
    <t>buurt_gegeneraliseerd_2021.25b4ca18-3e76-4796-8692-138f9e78e456</t>
  </si>
  <si>
    <t>BU01060707</t>
  </si>
  <si>
    <t>2021BU01060707</t>
  </si>
  <si>
    <t>De Heugten</t>
  </si>
  <si>
    <t>buurt_gegeneraliseerd_2021.8c248127-b5c6-414d-8505-f6ef3dd93bbe</t>
  </si>
  <si>
    <t>BU01060708</t>
  </si>
  <si>
    <t>2021BU01060708</t>
  </si>
  <si>
    <t>De Beemden</t>
  </si>
  <si>
    <t>buurt_gegeneraliseerd_2021.bc8fd365-1797-46d0-893c-b63d3979dd0e</t>
  </si>
  <si>
    <t>BU01060709</t>
  </si>
  <si>
    <t>2021BU01060709</t>
  </si>
  <si>
    <t>De Hullen</t>
  </si>
  <si>
    <t>buurt_gegeneraliseerd_2021.f80d33f9-7aee-445a-8480-c0a1b11c8360</t>
  </si>
  <si>
    <t>BU01060710</t>
  </si>
  <si>
    <t>2021BU01060710</t>
  </si>
  <si>
    <t>De Stoepen</t>
  </si>
  <si>
    <t>buurt_gegeneraliseerd_2021.cedb3f7e-8ad6-4b7b-9c3b-167cde44e739</t>
  </si>
  <si>
    <t>BU01060711</t>
  </si>
  <si>
    <t>2021BU01060711</t>
  </si>
  <si>
    <t>De Goorns</t>
  </si>
  <si>
    <t>buurt_gegeneraliseerd_2021.9f7b33a5-efd8-4b96-ad5b-2157baff9af3</t>
  </si>
  <si>
    <t>BU01060712</t>
  </si>
  <si>
    <t>2021BU01060712</t>
  </si>
  <si>
    <t>Bedrijventerrein Marsdijk West</t>
  </si>
  <si>
    <t>buurt_gegeneraliseerd_2021.0e79e948-64d9-414f-92fc-c1ee64de5faf</t>
  </si>
  <si>
    <t>BU01060713</t>
  </si>
  <si>
    <t>2021BU01060713</t>
  </si>
  <si>
    <t>Bedrijventerrein West</t>
  </si>
  <si>
    <t>buurt_gegeneraliseerd_2021.2f0d4f11-95f1-491c-96b0-b8d3fe5ad0cd</t>
  </si>
  <si>
    <t>BU01060714</t>
  </si>
  <si>
    <t>2021BU01060714</t>
  </si>
  <si>
    <t>Bedrijventerrein Oost</t>
  </si>
  <si>
    <t>buurt_gegeneraliseerd_2021.41fbffd5-bbc4-4e1c-8119-0cdd01f154b8</t>
  </si>
  <si>
    <t>BU01060715</t>
  </si>
  <si>
    <t>2021BU01060715</t>
  </si>
  <si>
    <t>Bedrijventerrein Marsdijk Oost</t>
  </si>
  <si>
    <t>buurt_gegeneraliseerd_2021.6b54a6d8-e457-4d58-a3ff-c296d4174b9e</t>
  </si>
  <si>
    <t>BU01060716</t>
  </si>
  <si>
    <t>2021BU01060716</t>
  </si>
  <si>
    <t>Havenkanaal Noordzijde</t>
  </si>
  <si>
    <t>buurt_gegeneraliseerd_2021.1e564bc4-70f2-41c1-b768-618b11c9b25a</t>
  </si>
  <si>
    <t>BU01060717</t>
  </si>
  <si>
    <t>2021BU01060717</t>
  </si>
  <si>
    <t>Havenkanaal Zuidzijde</t>
  </si>
  <si>
    <t>buurt_gegeneraliseerd_2021.158b7ac3-a648-41b3-8d72-0a32be3e8ee7</t>
  </si>
  <si>
    <t>BU01060800</t>
  </si>
  <si>
    <t>2021BU01060800</t>
  </si>
  <si>
    <t>Kloosterveste</t>
  </si>
  <si>
    <t>buurt_gegeneraliseerd_2021.88ce69b6-5ee2-453d-9fc9-e7209e5c47b7</t>
  </si>
  <si>
    <t>BU01060801</t>
  </si>
  <si>
    <t>2021BU01060801</t>
  </si>
  <si>
    <t>Kloostertuinen</t>
  </si>
  <si>
    <t>buurt_gegeneraliseerd_2021.d861c50f-7037-46dd-b4f2-a848252d9081</t>
  </si>
  <si>
    <t>BU01060802</t>
  </si>
  <si>
    <t>2021BU01060802</t>
  </si>
  <si>
    <t>Kloosterhaven</t>
  </si>
  <si>
    <t>buurt_gegeneraliseerd_2021.a1ad24eb-dd80-4703-ab42-1f9eba5773ba</t>
  </si>
  <si>
    <t>BU01060803</t>
  </si>
  <si>
    <t>2021BU01060803</t>
  </si>
  <si>
    <t>Kloosterlanen</t>
  </si>
  <si>
    <t>buurt_gegeneraliseerd_2021.cb9eec9e-73f9-41c6-a744-fdaf73253b48</t>
  </si>
  <si>
    <t>BU01060804</t>
  </si>
  <si>
    <t>2021BU01060804</t>
  </si>
  <si>
    <t>Kloosterhoven</t>
  </si>
  <si>
    <t>buurt_gegeneraliseerd_2021.d6b0e366-b9b2-4a9c-91f0-32b3ea88aae8</t>
  </si>
  <si>
    <t>BU01060805</t>
  </si>
  <si>
    <t>2021BU01060805</t>
  </si>
  <si>
    <t>Kloosterstede</t>
  </si>
  <si>
    <t>buurt_gegeneraliseerd_2021.3fa1b3e9-0238-4fd0-9b22-2540c9ccae3b</t>
  </si>
  <si>
    <t>BU01060806</t>
  </si>
  <si>
    <t>2021BU01060806</t>
  </si>
  <si>
    <t>Kloostergaarde</t>
  </si>
  <si>
    <t>buurt_gegeneraliseerd_2021.a656d8b4-15ca-4c4c-b5a0-f6f906991cbd</t>
  </si>
  <si>
    <t>BU01060807</t>
  </si>
  <si>
    <t>2021BU01060807</t>
  </si>
  <si>
    <t>Kloosterhage</t>
  </si>
  <si>
    <t>buurt_gegeneraliseerd_2021.62f4d130-e5fa-4610-a479-1be6bb8562bb</t>
  </si>
  <si>
    <t>BU01060808</t>
  </si>
  <si>
    <t>2021BU01060808</t>
  </si>
  <si>
    <t>Kloosterkade</t>
  </si>
  <si>
    <t>buurt_gegeneraliseerd_2021.1358e897-3c1a-4a62-a413-d8ca9ceadaf8</t>
  </si>
  <si>
    <t>BU01060809</t>
  </si>
  <si>
    <t>2021BU01060809</t>
  </si>
  <si>
    <t>buurt_gegeneraliseerd_2021.64d9991c-a2e9-4a1c-89a0-8f2580fc34c9</t>
  </si>
  <si>
    <t>BU01060810</t>
  </si>
  <si>
    <t>2021BU01060810</t>
  </si>
  <si>
    <t>buurt_gegeneraliseerd_2021.b8ea62fa-8848-4106-b8c9-d1f969f94333</t>
  </si>
  <si>
    <t>BU01060811</t>
  </si>
  <si>
    <t>2021BU01060811</t>
  </si>
  <si>
    <t>De Zoom</t>
  </si>
  <si>
    <t>buurt_gegeneraliseerd_2021.bafdee1b-d96b-4ce1-98d6-e379956bef6f</t>
  </si>
  <si>
    <t>BU01060812</t>
  </si>
  <si>
    <t>2021BU01060812</t>
  </si>
  <si>
    <t>De Hoogspanning</t>
  </si>
  <si>
    <t>buurt_gegeneraliseerd_2021.0859eaa0-a66e-4816-8f85-88ca952f3aae</t>
  </si>
  <si>
    <t>BU01060813</t>
  </si>
  <si>
    <t>2021BU01060813</t>
  </si>
  <si>
    <t>Groene Dijk</t>
  </si>
  <si>
    <t>buurt_gegeneraliseerd_2021.5ff08709-9bcd-4b34-98f9-c0d7275e2ddd</t>
  </si>
  <si>
    <t>BU01060814</t>
  </si>
  <si>
    <t>2021BU01060814</t>
  </si>
  <si>
    <t>Recreatiepark Zeijerveen</t>
  </si>
  <si>
    <t>buurt_gegeneraliseerd_2021.6cf5035e-da0f-4e48-aedf-ee07556f18a9</t>
  </si>
  <si>
    <t>BU01060815</t>
  </si>
  <si>
    <t>2021BU01060815</t>
  </si>
  <si>
    <t>Kloosterhout</t>
  </si>
  <si>
    <t>buurt_gegeneraliseerd_2021.56eb8855-1f0a-4ade-9423-bfe8a91b7e86</t>
  </si>
  <si>
    <t>BU01060816</t>
  </si>
  <si>
    <t>2021BU01060816</t>
  </si>
  <si>
    <t>Kloosterbos</t>
  </si>
  <si>
    <t>buurt_gegeneraliseerd_2021.c5a002df-3ab6-43c6-aa79-b7d6284438f2</t>
  </si>
  <si>
    <t>BU01060817</t>
  </si>
  <si>
    <t>2021BU01060817</t>
  </si>
  <si>
    <t>Uitbreidingsgebied Kloosterveen</t>
  </si>
  <si>
    <t>buurt_gegeneraliseerd_2021.539ed733-9dac-47bb-898d-e004b384822c</t>
  </si>
  <si>
    <t>BU01069900</t>
  </si>
  <si>
    <t>2021BU01069900</t>
  </si>
  <si>
    <t>Loon</t>
  </si>
  <si>
    <t>buurt_gegeneraliseerd_2021.b9d2e786-c219-4cbe-bc44-58791fe676c7</t>
  </si>
  <si>
    <t>BU01069901</t>
  </si>
  <si>
    <t>2021BU01069901</t>
  </si>
  <si>
    <t>Verspreide huizen Loon</t>
  </si>
  <si>
    <t>buurt_gegeneraliseerd_2021.cef01580-012c-429d-9d28-a202fc218b2a</t>
  </si>
  <si>
    <t>BU01069902</t>
  </si>
  <si>
    <t>2021BU01069902</t>
  </si>
  <si>
    <t>Het grote Veld</t>
  </si>
  <si>
    <t>buurt_gegeneraliseerd_2021.84973cc9-ecd2-4c48-87e0-aaa224fe942f</t>
  </si>
  <si>
    <t>BU01069903</t>
  </si>
  <si>
    <t>2021BU01069903</t>
  </si>
  <si>
    <t>Verspreide huizen Ubbena Oost</t>
  </si>
  <si>
    <t>buurt_gegeneraliseerd_2021.e8bc4d8e-72e5-4a7e-8935-e19e0135fbf6</t>
  </si>
  <si>
    <t>BU01069904</t>
  </si>
  <si>
    <t>2021BU01069904</t>
  </si>
  <si>
    <t>Ubbena</t>
  </si>
  <si>
    <t>buurt_gegeneraliseerd_2021.36383c01-5222-4192-b9c3-bd4bf8c6e277</t>
  </si>
  <si>
    <t>BU01069905</t>
  </si>
  <si>
    <t>2021BU01069905</t>
  </si>
  <si>
    <t>Verspreide huizen Ubbena West</t>
  </si>
  <si>
    <t>buurt_gegeneraliseerd_2021.c2718f63-1978-4700-a012-33aae154436f</t>
  </si>
  <si>
    <t>BU01069906</t>
  </si>
  <si>
    <t>2021BU01069906</t>
  </si>
  <si>
    <t>Rhee</t>
  </si>
  <si>
    <t>buurt_gegeneraliseerd_2021.a2bd2265-c1e1-4a72-9594-d7a3d176ce8f</t>
  </si>
  <si>
    <t>BU01069907</t>
  </si>
  <si>
    <t>2021BU01069907</t>
  </si>
  <si>
    <t>Verspreide huizen Ter Aard</t>
  </si>
  <si>
    <t>buurt_gegeneraliseerd_2021.9a0ce8ec-1731-40f7-934d-d228eeb435e9</t>
  </si>
  <si>
    <t>BU01069908</t>
  </si>
  <si>
    <t>2021BU01069908</t>
  </si>
  <si>
    <t>Ter Aard</t>
  </si>
  <si>
    <t>buurt_gegeneraliseerd_2021.6effd3f0-5553-43fa-ab95-68e6694ac6cf</t>
  </si>
  <si>
    <t>BU01069909</t>
  </si>
  <si>
    <t>2021BU01069909</t>
  </si>
  <si>
    <t>Zeijerveld</t>
  </si>
  <si>
    <t>buurt_gegeneraliseerd_2021.00a6dfd1-08f8-46c6-bf0f-a4191dc6fad4</t>
  </si>
  <si>
    <t>BU01069910</t>
  </si>
  <si>
    <t>2021BU01069910</t>
  </si>
  <si>
    <t>Bos en Golf</t>
  </si>
  <si>
    <t>buurt_gegeneraliseerd_2021.0ba0c385-b2b4-469b-8ab7-edc6289049b4</t>
  </si>
  <si>
    <t>BU01069911</t>
  </si>
  <si>
    <t>2021BU01069911</t>
  </si>
  <si>
    <t>Verspreide huizen Witten</t>
  </si>
  <si>
    <t>buurt_gegeneraliseerd_2021.a8626635-f9f3-4bf0-b447-1bf3f8b22250</t>
  </si>
  <si>
    <t>BU01069912</t>
  </si>
  <si>
    <t>2021BU01069912</t>
  </si>
  <si>
    <t>Witten</t>
  </si>
  <si>
    <t>buurt_gegeneraliseerd_2021.d242a0a3-c4df-46dd-aebb-d4c5e9db00e1</t>
  </si>
  <si>
    <t>BU01069913</t>
  </si>
  <si>
    <t>2021BU01069913</t>
  </si>
  <si>
    <t>Graswijkbuurt</t>
  </si>
  <si>
    <t>buurt_gegeneraliseerd_2021.24ddf89d-eda3-453a-878d-816401e9c061</t>
  </si>
  <si>
    <t>BU01069914</t>
  </si>
  <si>
    <t>2021BU01069914</t>
  </si>
  <si>
    <t>Verspreide huizen Anreep</t>
  </si>
  <si>
    <t>buurt_gegeneraliseerd_2021.c47761f3-81a0-42db-a390-4ce574b0fd7d</t>
  </si>
  <si>
    <t>BU01069915</t>
  </si>
  <si>
    <t>2021BU01069915</t>
  </si>
  <si>
    <t>Anreep/Schieven</t>
  </si>
  <si>
    <t>buurt_gegeneraliseerd_2021.5afd8add-6e1b-4cff-b93e-99f4baee8aa4</t>
  </si>
  <si>
    <t>BU01069916</t>
  </si>
  <si>
    <t>2021BU01069916</t>
  </si>
  <si>
    <t>Verspreide huizen Schieven</t>
  </si>
  <si>
    <t>buurt_gegeneraliseerd_2021.59c5e031-a4eb-46e7-a2b5-1cdc16ec7cb0</t>
  </si>
  <si>
    <t>BU01069917</t>
  </si>
  <si>
    <t>2021BU01069917</t>
  </si>
  <si>
    <t>Natuurgebied Amelte</t>
  </si>
  <si>
    <t>buurt_gegeneraliseerd_2021.27d03c7c-ac9e-4485-bd3e-86aca57daa39</t>
  </si>
  <si>
    <t>BU01091000</t>
  </si>
  <si>
    <t>2021BU01091000</t>
  </si>
  <si>
    <t>Coevorden-Centrum</t>
  </si>
  <si>
    <t>GM0109</t>
  </si>
  <si>
    <t>buurt_gegeneraliseerd_2021.55722f75-bd6b-4c4a-8f86-0d66980e9a6c</t>
  </si>
  <si>
    <t>BU01091001</t>
  </si>
  <si>
    <t>2021BU01091001</t>
  </si>
  <si>
    <t>Lootuinen</t>
  </si>
  <si>
    <t>buurt_gegeneraliseerd_2021.65c1257d-9b31-4eb2-8fba-9f06bd79a80e</t>
  </si>
  <si>
    <t>BU01091002</t>
  </si>
  <si>
    <t>2021BU01091002</t>
  </si>
  <si>
    <t>Poppenhare</t>
  </si>
  <si>
    <t>buurt_gegeneraliseerd_2021.7327287c-99da-41a7-925c-07cbdd156365</t>
  </si>
  <si>
    <t>BU01091003</t>
  </si>
  <si>
    <t>2021BU01091003</t>
  </si>
  <si>
    <t>Binnenvree Buitenvree Pikveld</t>
  </si>
  <si>
    <t>buurt_gegeneraliseerd_2021.e2dc8a81-7101-42dd-a7a1-a3a19da36def</t>
  </si>
  <si>
    <t>BU01091004</t>
  </si>
  <si>
    <t>2021BU01091004</t>
  </si>
  <si>
    <t>De Heege</t>
  </si>
  <si>
    <t>buurt_gegeneraliseerd_2021.566e9391-532d-406d-aafe-808b2b0e5b8e</t>
  </si>
  <si>
    <t>BU01091006</t>
  </si>
  <si>
    <t>2021BU01091006</t>
  </si>
  <si>
    <t>Klooster</t>
  </si>
  <si>
    <t>buurt_gegeneraliseerd_2021.2324fac1-c617-47e0-9ebe-ef7a3409f41b</t>
  </si>
  <si>
    <t>BU01091007</t>
  </si>
  <si>
    <t>2021BU01091007</t>
  </si>
  <si>
    <t>Ballast</t>
  </si>
  <si>
    <t>buurt_gegeneraliseerd_2021.26a05de7-e376-490a-8099-5c28e54a014c</t>
  </si>
  <si>
    <t>BU01091008</t>
  </si>
  <si>
    <t>2021BU01091008</t>
  </si>
  <si>
    <t>De Loo</t>
  </si>
  <si>
    <t>buurt_gegeneraliseerd_2021.e6b9e25b-e1ba-4ab9-96c9-962ad1962041</t>
  </si>
  <si>
    <t>BU01091009</t>
  </si>
  <si>
    <t>2021BU01091009</t>
  </si>
  <si>
    <t>Verspreide huizen Coevorden</t>
  </si>
  <si>
    <t>buurt_gegeneraliseerd_2021.9b3c3f6f-8871-428f-9a4e-473c0b7b7d47</t>
  </si>
  <si>
    <t>BU01091010</t>
  </si>
  <si>
    <t>2021BU01091010</t>
  </si>
  <si>
    <t>Holwert</t>
  </si>
  <si>
    <t>buurt_gegeneraliseerd_2021.08238323-07b3-4a6f-b05c-2aa0b7644c7f</t>
  </si>
  <si>
    <t>BU01091011</t>
  </si>
  <si>
    <t>2021BU01091011</t>
  </si>
  <si>
    <t>Hare</t>
  </si>
  <si>
    <t>buurt_gegeneraliseerd_2021.688f62d8-e437-44fa-a86b-d4fc5e4b1f0c</t>
  </si>
  <si>
    <t>BU01091012</t>
  </si>
  <si>
    <t>2021BU01091012</t>
  </si>
  <si>
    <t>Leeuwerikenveld</t>
  </si>
  <si>
    <t>buurt_gegeneraliseerd_2021.c79e9a6f-0aef-4221-8680-95d49f6a0478</t>
  </si>
  <si>
    <t>BU01091013</t>
  </si>
  <si>
    <t>2021BU01091013</t>
  </si>
  <si>
    <t>De Heege en De Mars</t>
  </si>
  <si>
    <t>buurt_gegeneraliseerd_2021.247b4dcb-80d2-45f9-b0cf-f33d11d7416f</t>
  </si>
  <si>
    <t>BU01091014</t>
  </si>
  <si>
    <t>2021BU01091014</t>
  </si>
  <si>
    <t>Klinkenvlier</t>
  </si>
  <si>
    <t>buurt_gegeneraliseerd_2021.0ccd43c6-e502-4b3c-97a7-0e893675ba64</t>
  </si>
  <si>
    <t>BU01091015</t>
  </si>
  <si>
    <t>2021BU01091015</t>
  </si>
  <si>
    <t>Ossehaar</t>
  </si>
  <si>
    <t>buurt_gegeneraliseerd_2021.cfe2c50b-96ff-4f3d-b93a-7f50b99881c3</t>
  </si>
  <si>
    <t>BU01091116</t>
  </si>
  <si>
    <t>2021BU01091116</t>
  </si>
  <si>
    <t>Steenwijksmoer</t>
  </si>
  <si>
    <t>buurt_gegeneraliseerd_2021.056aae45-6fdb-4d15-b0ca-ad8caaba1397</t>
  </si>
  <si>
    <t>BU01091117</t>
  </si>
  <si>
    <t>2021BU01091117</t>
  </si>
  <si>
    <t>Verspreide huizen Steenwijksmoer</t>
  </si>
  <si>
    <t>buurt_gegeneraliseerd_2021.2575a9b5-d687-48c0-b12c-fa8355b3d84d</t>
  </si>
  <si>
    <t>BU01091218</t>
  </si>
  <si>
    <t>2021BU01091218</t>
  </si>
  <si>
    <t>Nieuwe Krim</t>
  </si>
  <si>
    <t>buurt_gegeneraliseerd_2021.9a8f070e-0eba-4613-af6d-698054835c3a</t>
  </si>
  <si>
    <t>BU01091219</t>
  </si>
  <si>
    <t>2021BU01091219</t>
  </si>
  <si>
    <t>Verspreide huizen Nieuwe Krim</t>
  </si>
  <si>
    <t>buurt_gegeneraliseerd_2021.74e46f64-2289-4c38-9adf-506303f0631e</t>
  </si>
  <si>
    <t>BU01091320</t>
  </si>
  <si>
    <t>2021BU01091320</t>
  </si>
  <si>
    <t>Verspreide huizen Weijerswold</t>
  </si>
  <si>
    <t>buurt_gegeneraliseerd_2021.a3b6728e-e607-4ecf-9620-3239f37dd064</t>
  </si>
  <si>
    <t>BU01091421</t>
  </si>
  <si>
    <t>2021BU01091421</t>
  </si>
  <si>
    <t>Verspreide huizen Vlieghuis en Padhuis</t>
  </si>
  <si>
    <t>buurt_gegeneraliseerd_2021.24693199-fdf0-4442-9fce-bf5d6fa6a025</t>
  </si>
  <si>
    <t>BU01092022</t>
  </si>
  <si>
    <t>2021BU01092022</t>
  </si>
  <si>
    <t>Dalen</t>
  </si>
  <si>
    <t>buurt_gegeneraliseerd_2021.13a3a29b-4f91-416b-8a3e-a60ccdb9bbb0</t>
  </si>
  <si>
    <t>BU01092023</t>
  </si>
  <si>
    <t>2021BU01092023</t>
  </si>
  <si>
    <t>Verspreide huizen Dalen</t>
  </si>
  <si>
    <t>buurt_gegeneraliseerd_2021.5dfa90c3-66b7-4b0b-81e8-ae7d0f41bebb</t>
  </si>
  <si>
    <t>BU01092024</t>
  </si>
  <si>
    <t>2021BU01092024</t>
  </si>
  <si>
    <t>Wachtum</t>
  </si>
  <si>
    <t>buurt_gegeneraliseerd_2021.46fa158f-0ec8-49e3-99ea-7023cd60994f</t>
  </si>
  <si>
    <t>BU01092025</t>
  </si>
  <si>
    <t>2021BU01092025</t>
  </si>
  <si>
    <t>Verspreide huizen Wachtum</t>
  </si>
  <si>
    <t>buurt_gegeneraliseerd_2021.f1da5309-7ef4-4e5b-93ed-aab176b9cb18</t>
  </si>
  <si>
    <t>BU01092026</t>
  </si>
  <si>
    <t>2021BU01092026</t>
  </si>
  <si>
    <t>Dalerpeel</t>
  </si>
  <si>
    <t>buurt_gegeneraliseerd_2021.22c39cc1-6563-43f5-be6c-43efa68d6b6b</t>
  </si>
  <si>
    <t>BU01092027</t>
  </si>
  <si>
    <t>2021BU01092027</t>
  </si>
  <si>
    <t>Verspreide huizen Dalerpeel</t>
  </si>
  <si>
    <t>buurt_gegeneraliseerd_2021.7490095d-3516-49f2-a11a-3e0a783599eb</t>
  </si>
  <si>
    <t>BU01092028</t>
  </si>
  <si>
    <t>2021BU01092028</t>
  </si>
  <si>
    <t>Dalerveen</t>
  </si>
  <si>
    <t>buurt_gegeneraliseerd_2021.9e7db9bb-349d-47cc-90ef-394d535f951d</t>
  </si>
  <si>
    <t>BU01092029</t>
  </si>
  <si>
    <t>2021BU01092029</t>
  </si>
  <si>
    <t>Verspreide huizen Dalerveen</t>
  </si>
  <si>
    <t>buurt_gegeneraliseerd_2021.6585c08f-00c1-48ce-af41-6832de934691</t>
  </si>
  <si>
    <t>BU01092030</t>
  </si>
  <si>
    <t>2021BU01092030</t>
  </si>
  <si>
    <t>Stieltjeskanaal</t>
  </si>
  <si>
    <t>buurt_gegeneraliseerd_2021.8ef70353-3303-41c3-b76b-0c2db8f0ba9a</t>
  </si>
  <si>
    <t>BU01092031</t>
  </si>
  <si>
    <t>2021BU01092031</t>
  </si>
  <si>
    <t>Verspreide huizen Stieltjeskanaal</t>
  </si>
  <si>
    <t>buurt_gegeneraliseerd_2021.2d5482a8-928a-4715-a441-1559a1d94e45</t>
  </si>
  <si>
    <t>BU01093032</t>
  </si>
  <si>
    <t>2021BU01093032</t>
  </si>
  <si>
    <t>Oosterhesselen</t>
  </si>
  <si>
    <t>buurt_gegeneraliseerd_2021.98d8bfaa-b4df-4c0a-803f-90a617bbb6b2</t>
  </si>
  <si>
    <t>BU01093033</t>
  </si>
  <si>
    <t>2021BU01093033</t>
  </si>
  <si>
    <t>Verspreide huizen Oosterhesselen</t>
  </si>
  <si>
    <t>buurt_gegeneraliseerd_2021.4af1a0d2-68a1-4c9c-b03a-187e9edd456f</t>
  </si>
  <si>
    <t>BU01093034</t>
  </si>
  <si>
    <t>2021BU01093034</t>
  </si>
  <si>
    <t>Gees</t>
  </si>
  <si>
    <t>buurt_gegeneraliseerd_2021.aa5f723a-28be-4139-96fd-34821bcb17b6</t>
  </si>
  <si>
    <t>BU01093035</t>
  </si>
  <si>
    <t>2021BU01093035</t>
  </si>
  <si>
    <t>Verspreide huizen Gees</t>
  </si>
  <si>
    <t>buurt_gegeneraliseerd_2021.4406f8cc-cc02-4ac9-89df-55be3d1bd6e7</t>
  </si>
  <si>
    <t>BU01093036</t>
  </si>
  <si>
    <t>2021BU01093036</t>
  </si>
  <si>
    <t>Zwinderen</t>
  </si>
  <si>
    <t>buurt_gegeneraliseerd_2021.1d2f9445-57aa-4c91-a933-da80596e6ea2</t>
  </si>
  <si>
    <t>BU01093037</t>
  </si>
  <si>
    <t>2021BU01093037</t>
  </si>
  <si>
    <t>Verspreide huizen Zwinderen</t>
  </si>
  <si>
    <t>buurt_gegeneraliseerd_2021.3952ccb4-108f-43d6-be76-060648f89872</t>
  </si>
  <si>
    <t>BU01093038</t>
  </si>
  <si>
    <t>2021BU01093038</t>
  </si>
  <si>
    <t>Geesbrug</t>
  </si>
  <si>
    <t>buurt_gegeneraliseerd_2021.b7013ab4-b610-4710-af09-b6cda0a4fa48</t>
  </si>
  <si>
    <t>BU01093039</t>
  </si>
  <si>
    <t>2021BU01093039</t>
  </si>
  <si>
    <t>Verspreide huizen Geesbrug</t>
  </si>
  <si>
    <t>buurt_gegeneraliseerd_2021.ffb2091f-6d9b-4240-9f3a-7e6425694ce5</t>
  </si>
  <si>
    <t>BU01093068</t>
  </si>
  <si>
    <t>2021BU01093068</t>
  </si>
  <si>
    <t>Verspreide huizen Nieuwlande</t>
  </si>
  <si>
    <t>buurt_gegeneraliseerd_2021.333aeb22-f519-46df-b462-26ecb44864ed</t>
  </si>
  <si>
    <t>BU01094040</t>
  </si>
  <si>
    <t>2021BU01094040</t>
  </si>
  <si>
    <t>Sleen</t>
  </si>
  <si>
    <t>buurt_gegeneraliseerd_2021.be4b8c5e-869a-43df-b235-197c29d64803</t>
  </si>
  <si>
    <t>BU01094041</t>
  </si>
  <si>
    <t>2021BU01094041</t>
  </si>
  <si>
    <t>Diphoorn</t>
  </si>
  <si>
    <t>buurt_gegeneraliseerd_2021.42dc2211-32d6-4340-866c-d64371be9d9b</t>
  </si>
  <si>
    <t>BU01094042</t>
  </si>
  <si>
    <t>2021BU01094042</t>
  </si>
  <si>
    <t>Verspreide huizen Sleen</t>
  </si>
  <si>
    <t>buurt_gegeneraliseerd_2021.c4ffaf2c-62fc-4559-816b-1cb7007e5059</t>
  </si>
  <si>
    <t>BU01094043</t>
  </si>
  <si>
    <t>2021BU01094043</t>
  </si>
  <si>
    <t>Noord-Sleen</t>
  </si>
  <si>
    <t>buurt_gegeneraliseerd_2021.04a040bb-6c77-4b48-a462-1aad4b55e591</t>
  </si>
  <si>
    <t>BU01094044</t>
  </si>
  <si>
    <t>2021BU01094044</t>
  </si>
  <si>
    <t>'t Haantje</t>
  </si>
  <si>
    <t>buurt_gegeneraliseerd_2021.7d9c4d68-b747-4b64-9e44-e5c3691740e9</t>
  </si>
  <si>
    <t>BU01094045</t>
  </si>
  <si>
    <t>2021BU01094045</t>
  </si>
  <si>
    <t>Verspreide huizen 't Haantje</t>
  </si>
  <si>
    <t>buurt_gegeneraliseerd_2021.51a1fa26-fb43-4bd4-b3e6-dec109606dda</t>
  </si>
  <si>
    <t>BU01094046</t>
  </si>
  <si>
    <t>2021BU01094046</t>
  </si>
  <si>
    <t>Verspreide huizen Noord-Sleen</t>
  </si>
  <si>
    <t>buurt_gegeneraliseerd_2021.fdd4c078-ad71-42cf-8ae4-b0719cee3c02</t>
  </si>
  <si>
    <t>BU01094047</t>
  </si>
  <si>
    <t>2021BU01094047</t>
  </si>
  <si>
    <t>Schoonoord</t>
  </si>
  <si>
    <t>buurt_gegeneraliseerd_2021.24e30144-32be-44e3-9696-5bae5dd2a5d9</t>
  </si>
  <si>
    <t>BU01094048</t>
  </si>
  <si>
    <t>2021BU01094048</t>
  </si>
  <si>
    <t>De Kiel</t>
  </si>
  <si>
    <t>buurt_gegeneraliseerd_2021.ea941392-52b8-4d27-a397-520c960e95ef</t>
  </si>
  <si>
    <t>BU01094049</t>
  </si>
  <si>
    <t>2021BU01094049</t>
  </si>
  <si>
    <t>Verspreide huizen De Kiel</t>
  </si>
  <si>
    <t>buurt_gegeneraliseerd_2021.3caa8d2b-6eb3-4872-ad2c-ef1397385ec4</t>
  </si>
  <si>
    <t>BU01094050</t>
  </si>
  <si>
    <t>2021BU01094050</t>
  </si>
  <si>
    <t>Verspreide huizen Kibbelveen</t>
  </si>
  <si>
    <t>buurt_gegeneraliseerd_2021.08152efe-6b18-4008-93ad-4592ae121858</t>
  </si>
  <si>
    <t>BU01094051</t>
  </si>
  <si>
    <t>2021BU01094051</t>
  </si>
  <si>
    <t>Verspreide huizen Schoonoord</t>
  </si>
  <si>
    <t>buurt_gegeneraliseerd_2021.48f255ec-e4ad-4812-a341-1c2edf2ca125</t>
  </si>
  <si>
    <t>BU01094052</t>
  </si>
  <si>
    <t>2021BU01094052</t>
  </si>
  <si>
    <t>Verspreide huizen Veenoord</t>
  </si>
  <si>
    <t>buurt_gegeneraliseerd_2021.4a6fa419-7a46-42df-93e0-e54e1c8cd0bf</t>
  </si>
  <si>
    <t>BU01094053</t>
  </si>
  <si>
    <t>2021BU01094053</t>
  </si>
  <si>
    <t>Erm</t>
  </si>
  <si>
    <t>buurt_gegeneraliseerd_2021.1b1e81c1-0dd0-43d3-b175-0b7c3e6aa608</t>
  </si>
  <si>
    <t>BU01094054</t>
  </si>
  <si>
    <t>2021BU01094054</t>
  </si>
  <si>
    <t>Achterste Erm</t>
  </si>
  <si>
    <t>buurt_gegeneraliseerd_2021.15a53877-b407-4e88-9da5-d73dd3172730</t>
  </si>
  <si>
    <t>BU01094055</t>
  </si>
  <si>
    <t>2021BU01094055</t>
  </si>
  <si>
    <t>Holsloot</t>
  </si>
  <si>
    <t>buurt_gegeneraliseerd_2021.25266e30-6b25-42f1-8d09-269620f5eef8</t>
  </si>
  <si>
    <t>BU01094056</t>
  </si>
  <si>
    <t>2021BU01094056</t>
  </si>
  <si>
    <t>Verspreide huizen Holsloot</t>
  </si>
  <si>
    <t>buurt_gegeneraliseerd_2021.59f137ee-1236-410b-8fab-427f3de258f1</t>
  </si>
  <si>
    <t>BU01094057</t>
  </si>
  <si>
    <t>2021BU01094057</t>
  </si>
  <si>
    <t>Verspreide huizen Erm</t>
  </si>
  <si>
    <t>buurt_gegeneraliseerd_2021.421296dd-8d27-4414-8304-7c791018379c</t>
  </si>
  <si>
    <t>BU01095058</t>
  </si>
  <si>
    <t>2021BU01095058</t>
  </si>
  <si>
    <t>Zweeloo</t>
  </si>
  <si>
    <t>buurt_gegeneraliseerd_2021.71cfe300-44e2-41ab-bcfe-25c5b4b937b6</t>
  </si>
  <si>
    <t>BU01095059</t>
  </si>
  <si>
    <t>2021BU01095059</t>
  </si>
  <si>
    <t>Aalden</t>
  </si>
  <si>
    <t>buurt_gegeneraliseerd_2021.bf7ac754-6995-40bf-a87d-2828be3e2096</t>
  </si>
  <si>
    <t>BU01095060</t>
  </si>
  <si>
    <t>2021BU01095060</t>
  </si>
  <si>
    <t>Verspreide huizen Zweeloo</t>
  </si>
  <si>
    <t>buurt_gegeneraliseerd_2021.db4ba952-8e6a-45db-b0ad-64ed0f1eb4aa</t>
  </si>
  <si>
    <t>BU01095061</t>
  </si>
  <si>
    <t>2021BU01095061</t>
  </si>
  <si>
    <t>Meppen</t>
  </si>
  <si>
    <t>buurt_gegeneraliseerd_2021.0ea44caf-39a3-4851-a1fa-cbafc528a11e</t>
  </si>
  <si>
    <t>BU01095062</t>
  </si>
  <si>
    <t>2021BU01095062</t>
  </si>
  <si>
    <t>Verspreide huizen Meppen</t>
  </si>
  <si>
    <t>buurt_gegeneraliseerd_2021.e1a00a91-18db-4602-a4d0-373e50fbb98e</t>
  </si>
  <si>
    <t>BU01095063</t>
  </si>
  <si>
    <t>2021BU01095063</t>
  </si>
  <si>
    <t>Wezup</t>
  </si>
  <si>
    <t>buurt_gegeneraliseerd_2021.c4051717-0f64-42ca-8c0f-9913513f9235</t>
  </si>
  <si>
    <t>BU01095064</t>
  </si>
  <si>
    <t>2021BU01095064</t>
  </si>
  <si>
    <t>Wezuperbrug</t>
  </si>
  <si>
    <t>buurt_gegeneraliseerd_2021.ce2756f6-38dd-4b50-974b-386c77266e53</t>
  </si>
  <si>
    <t>BU01095065</t>
  </si>
  <si>
    <t>2021BU01095065</t>
  </si>
  <si>
    <t>Benneveld</t>
  </si>
  <si>
    <t>buurt_gegeneraliseerd_2021.07d9137e-0522-433d-bb4f-147eb48ff8a7</t>
  </si>
  <si>
    <t>BU01095066</t>
  </si>
  <si>
    <t>2021BU01095066</t>
  </si>
  <si>
    <t>Verspreide huizen Benneveld</t>
  </si>
  <si>
    <t>buurt_gegeneraliseerd_2021.5f0e114b-74ee-43c8-9957-93a3cf53d9b5</t>
  </si>
  <si>
    <t>BU01095067</t>
  </si>
  <si>
    <t>2021BU01095067</t>
  </si>
  <si>
    <t>Verspreide huizen Wezuperbrug</t>
  </si>
  <si>
    <t>buurt_gegeneraliseerd_2021.03ac1fb9-f632-48c7-a0ae-4eb6a25751f1</t>
  </si>
  <si>
    <t>BU01140100</t>
  </si>
  <si>
    <t>2021BU01140100</t>
  </si>
  <si>
    <t>Derde Kruisdiep</t>
  </si>
  <si>
    <t>GM0114</t>
  </si>
  <si>
    <t>buurt_gegeneraliseerd_2021.597820f8-a94b-450e-9487-7a941ef1da1d</t>
  </si>
  <si>
    <t>BU01140101</t>
  </si>
  <si>
    <t>2021BU01140101</t>
  </si>
  <si>
    <t>Eerste Kruisdiep</t>
  </si>
  <si>
    <t>buurt_gegeneraliseerd_2021.0cee4be6-0ad0-4f4a-b282-f15479a89eab</t>
  </si>
  <si>
    <t>BU01140102</t>
  </si>
  <si>
    <t>2021BU01140102</t>
  </si>
  <si>
    <t>Tramwijk</t>
  </si>
  <si>
    <t>buurt_gegeneraliseerd_2021.7bb704dc-56ba-44b8-9ec9-7ad42b108810</t>
  </si>
  <si>
    <t>BU01140103</t>
  </si>
  <si>
    <t>2021BU01140103</t>
  </si>
  <si>
    <t>Achterdiep</t>
  </si>
  <si>
    <t>buurt_gegeneraliseerd_2021.b0302dba-ed71-4de2-a244-254521cfdd3c</t>
  </si>
  <si>
    <t>BU01140104</t>
  </si>
  <si>
    <t>2021BU01140104</t>
  </si>
  <si>
    <t>Weerdingerkanaal</t>
  </si>
  <si>
    <t>buurt_gegeneraliseerd_2021.2d3085dc-f14c-42b8-af7b-88f6c5d787d3</t>
  </si>
  <si>
    <t>BU01140106</t>
  </si>
  <si>
    <t>2021BU01140106</t>
  </si>
  <si>
    <t>Siepelveen</t>
  </si>
  <si>
    <t>buurt_gegeneraliseerd_2021.32069f26-8ade-454f-b115-9af6d1e316ba</t>
  </si>
  <si>
    <t>BU01140109</t>
  </si>
  <si>
    <t>2021BU01140109</t>
  </si>
  <si>
    <t>Verspreide huizen Nieuw-Weerdinge</t>
  </si>
  <si>
    <t>buurt_gegeneraliseerd_2021.a06a05c6-e958-4937-9a3b-e609509f53fa</t>
  </si>
  <si>
    <t>BU01140200</t>
  </si>
  <si>
    <t>2021BU01140200</t>
  </si>
  <si>
    <t>Roswinkel-Centrum</t>
  </si>
  <si>
    <t>buurt_gegeneraliseerd_2021.2eba7030-7d26-4ea2-898d-7094e520b3bb</t>
  </si>
  <si>
    <t>BU01140206</t>
  </si>
  <si>
    <t>2021BU01140206</t>
  </si>
  <si>
    <t>Oude Schuttingskanaal</t>
  </si>
  <si>
    <t>buurt_gegeneraliseerd_2021.c5808611-99b3-423f-958e-16d40534e9ed</t>
  </si>
  <si>
    <t>BU01140208</t>
  </si>
  <si>
    <t>2021BU01140208</t>
  </si>
  <si>
    <t>Roswinkelerstraat</t>
  </si>
  <si>
    <t>buurt_gegeneraliseerd_2021.4fc52950-6efe-4b1b-8a86-fb02af47c48f</t>
  </si>
  <si>
    <t>BU01140209</t>
  </si>
  <si>
    <t>2021BU01140209</t>
  </si>
  <si>
    <t>Verspreide huizen Roswinkel</t>
  </si>
  <si>
    <t>buurt_gegeneraliseerd_2021.16811372-025c-4c7d-9a91-9cf5e33f2006</t>
  </si>
  <si>
    <t>BU01140300</t>
  </si>
  <si>
    <t>2021BU01140300</t>
  </si>
  <si>
    <t>Emmer-Compascuum-Centrum</t>
  </si>
  <si>
    <t>buurt_gegeneraliseerd_2021.6755f770-c1c2-4bc2-9a34-e65d2238f4f0</t>
  </si>
  <si>
    <t>BU01140301</t>
  </si>
  <si>
    <t>2021BU01140301</t>
  </si>
  <si>
    <t>Emmer-Erfscheidenveen</t>
  </si>
  <si>
    <t>buurt_gegeneraliseerd_2021.c1b5c778-33fb-4126-b0d6-43a1ecdffbda</t>
  </si>
  <si>
    <t>BU01140302</t>
  </si>
  <si>
    <t>2021BU01140302</t>
  </si>
  <si>
    <t>Foxel</t>
  </si>
  <si>
    <t>buurt_gegeneraliseerd_2021.71010d88-e2ca-4a9c-ab99-eb2dcd8e156e</t>
  </si>
  <si>
    <t>BU01140303</t>
  </si>
  <si>
    <t>2021BU01140303</t>
  </si>
  <si>
    <t>Oosterdiep</t>
  </si>
  <si>
    <t>buurt_gegeneraliseerd_2021.d6161439-2afe-47e9-9df4-56cbb5692cf4</t>
  </si>
  <si>
    <t>BU01140304</t>
  </si>
  <si>
    <t>2021BU01140304</t>
  </si>
  <si>
    <t>Hoofdkanaal</t>
  </si>
  <si>
    <t>buurt_gegeneraliseerd_2021.29cd0b21-4b0c-4b22-8885-d8bc36dc4329</t>
  </si>
  <si>
    <t>BU01140309</t>
  </si>
  <si>
    <t>2021BU01140309</t>
  </si>
  <si>
    <t>Verspreide huizen Emmer-Compascuum</t>
  </si>
  <si>
    <t>buurt_gegeneraliseerd_2021.c1d28ed4-dedd-4d7c-be13-ef4af03467f9</t>
  </si>
  <si>
    <t>BU01140400</t>
  </si>
  <si>
    <t>2021BU01140400</t>
  </si>
  <si>
    <t>Barger-Compascuum-Centrum</t>
  </si>
  <si>
    <t>buurt_gegeneraliseerd_2021.beea4f38-bca8-46a8-9d91-0c66fc05bcfd</t>
  </si>
  <si>
    <t>BU01140401</t>
  </si>
  <si>
    <t>2021BU01140401</t>
  </si>
  <si>
    <t>Scholtenskanaal</t>
  </si>
  <si>
    <t>buurt_gegeneraliseerd_2021.7970f10e-ab69-47ca-9f40-39432e3e7635</t>
  </si>
  <si>
    <t>BU01140402</t>
  </si>
  <si>
    <t>2021BU01140402</t>
  </si>
  <si>
    <t>Verlengde Oosterdiep</t>
  </si>
  <si>
    <t>buurt_gegeneraliseerd_2021.63738cac-065b-4399-b7d0-2f28e336991c</t>
  </si>
  <si>
    <t>BU01140408</t>
  </si>
  <si>
    <t>2021BU01140408</t>
  </si>
  <si>
    <t>Limietweg</t>
  </si>
  <si>
    <t>buurt_gegeneraliseerd_2021.549441e4-4fe8-4bfd-a92c-a0984bbe26f2</t>
  </si>
  <si>
    <t>BU01140409</t>
  </si>
  <si>
    <t>2021BU01140409</t>
  </si>
  <si>
    <t>Verspreide huizen Barger-Compascuum</t>
  </si>
  <si>
    <t>buurt_gegeneraliseerd_2021.a8f9de08-8383-4898-a8b6-fd59b22a746c</t>
  </si>
  <si>
    <t>BU01140500</t>
  </si>
  <si>
    <t>2021BU01140500</t>
  </si>
  <si>
    <t>Nieuw-Dordrecht-Centrum</t>
  </si>
  <si>
    <t>buurt_gegeneraliseerd_2021.d968b4f5-1018-4a37-97bd-81f2b79b8b0e</t>
  </si>
  <si>
    <t>BU01140502</t>
  </si>
  <si>
    <t>2021BU01140502</t>
  </si>
  <si>
    <t>Oranjedorp</t>
  </si>
  <si>
    <t>buurt_gegeneraliseerd_2021.66bfe218-1705-4507-976a-5df647fb8720</t>
  </si>
  <si>
    <t>BU01140503</t>
  </si>
  <si>
    <t>2021BU01140503</t>
  </si>
  <si>
    <t>Vastenow</t>
  </si>
  <si>
    <t>buurt_gegeneraliseerd_2021.c67961f8-982c-4029-8e22-8c6422187273</t>
  </si>
  <si>
    <t>BU01140504</t>
  </si>
  <si>
    <t>2021BU01140504</t>
  </si>
  <si>
    <t>Herenstreek</t>
  </si>
  <si>
    <t>buurt_gegeneraliseerd_2021.7dd78af4-1ab4-4fcd-b8dd-5c01fff7c198</t>
  </si>
  <si>
    <t>BU01140509</t>
  </si>
  <si>
    <t>2021BU01140509</t>
  </si>
  <si>
    <t>Verspreide huizen Nieuw-Dordrecht</t>
  </si>
  <si>
    <t>buurt_gegeneraliseerd_2021.f3da135c-38c9-49ba-988a-c85bfcd192d1</t>
  </si>
  <si>
    <t>BU01140600</t>
  </si>
  <si>
    <t>2021BU01140600</t>
  </si>
  <si>
    <t>Nieuw-Amsterdam-Centrum</t>
  </si>
  <si>
    <t>buurt_gegeneraliseerd_2021.b7e21d8c-873c-4b5a-8252-9fc1c82c9038</t>
  </si>
  <si>
    <t>BU01140601</t>
  </si>
  <si>
    <t>2021BU01140601</t>
  </si>
  <si>
    <t>Barger-Erfscheidenveen</t>
  </si>
  <si>
    <t>buurt_gegeneraliseerd_2021.d2f8e9c5-647d-4b0b-8a08-70c929bd1bf0</t>
  </si>
  <si>
    <t>BU01140608</t>
  </si>
  <si>
    <t>2021BU01140608</t>
  </si>
  <si>
    <t>Langs de Vaart</t>
  </si>
  <si>
    <t>buurt_gegeneraliseerd_2021.a9147ddd-a66a-468f-a918-0ce8aa5e671a</t>
  </si>
  <si>
    <t>BU01140609</t>
  </si>
  <si>
    <t>2021BU01140609</t>
  </si>
  <si>
    <t>Verspreide huizen Nieuw-Amsterdam</t>
  </si>
  <si>
    <t>buurt_gegeneraliseerd_2021.2c9b9d5f-817d-4654-99c6-b83cdd67c241</t>
  </si>
  <si>
    <t>BU01140700</t>
  </si>
  <si>
    <t>2021BU01140700</t>
  </si>
  <si>
    <t>Erica-Centrum</t>
  </si>
  <si>
    <t>buurt_gegeneraliseerd_2021.72128165-0dca-4f35-9d15-a1a5cda162c1</t>
  </si>
  <si>
    <t>BU01140701</t>
  </si>
  <si>
    <t>2021BU01140701</t>
  </si>
  <si>
    <t>Amsterdamscheveld</t>
  </si>
  <si>
    <t>buurt_gegeneraliseerd_2021.c1c72544-6911-4a7d-b9db-a731dece3f08</t>
  </si>
  <si>
    <t>BU01140702</t>
  </si>
  <si>
    <t>2021BU01140702</t>
  </si>
  <si>
    <t>Beekweg</t>
  </si>
  <si>
    <t>buurt_gegeneraliseerd_2021.c9994b15-50f3-496b-8ca9-3df76ee3f119</t>
  </si>
  <si>
    <t>BU01140707</t>
  </si>
  <si>
    <t>2021BU01140707</t>
  </si>
  <si>
    <t>Verlengde Vaart</t>
  </si>
  <si>
    <t>buurt_gegeneraliseerd_2021.6d4d4935-5fe8-425c-98c4-afa55bf362a9</t>
  </si>
  <si>
    <t>BU01140708</t>
  </si>
  <si>
    <t>2021BU01140708</t>
  </si>
  <si>
    <t>Ericasestraat</t>
  </si>
  <si>
    <t>buurt_gegeneraliseerd_2021.e7aed6bd-243e-4359-ad13-59f554c3e5c1</t>
  </si>
  <si>
    <t>BU01140709</t>
  </si>
  <si>
    <t>2021BU01140709</t>
  </si>
  <si>
    <t>Verspreide huizen Erica</t>
  </si>
  <si>
    <t>buurt_gegeneraliseerd_2021.63d76c19-2776-494e-88e3-20f2b1a30775</t>
  </si>
  <si>
    <t>BU01140800</t>
  </si>
  <si>
    <t>2021BU01140800</t>
  </si>
  <si>
    <t>Klazienaveen-Noord</t>
  </si>
  <si>
    <t>buurt_gegeneraliseerd_2021.e316771f-5eac-4c2c-992f-f45ee4cd52e4</t>
  </si>
  <si>
    <t>BU01140801</t>
  </si>
  <si>
    <t>2021BU01140801</t>
  </si>
  <si>
    <t>Klazienaveen-Zuid</t>
  </si>
  <si>
    <t>buurt_gegeneraliseerd_2021.1bbf8e23-ae8b-4229-a748-c44ad5fa488f</t>
  </si>
  <si>
    <t>BU01140802</t>
  </si>
  <si>
    <t>2021BU01140802</t>
  </si>
  <si>
    <t>Barger-Oosterveen</t>
  </si>
  <si>
    <t>buurt_gegeneraliseerd_2021.404a1a64-e5c1-4c0d-b0a7-a32a4aa5ab63</t>
  </si>
  <si>
    <t>BU01140803</t>
  </si>
  <si>
    <t>2021BU01140803</t>
  </si>
  <si>
    <t>Kloostermanswijk</t>
  </si>
  <si>
    <t>buurt_gegeneraliseerd_2021.9bb4dd07-9a08-4e0b-9676-8fd5e5fb1865</t>
  </si>
  <si>
    <t>BU01140804</t>
  </si>
  <si>
    <t>2021BU01140804</t>
  </si>
  <si>
    <t>Dordsedijk</t>
  </si>
  <si>
    <t>buurt_gegeneraliseerd_2021.83f3905f-581a-47cb-94f3-ac7b08c6bc90</t>
  </si>
  <si>
    <t>BU01140806</t>
  </si>
  <si>
    <t>2021BU01140806</t>
  </si>
  <si>
    <t>Derksweg</t>
  </si>
  <si>
    <t>buurt_gegeneraliseerd_2021.01782377-02c7-46fc-9d28-2e30f14bd2ad</t>
  </si>
  <si>
    <t>BU01140807</t>
  </si>
  <si>
    <t>2021BU01140807</t>
  </si>
  <si>
    <t>Tuinbouwcentrum Klazienaveen</t>
  </si>
  <si>
    <t>buurt_gegeneraliseerd_2021.d7f854b7-ffa3-4fe0-93c0-0cf18d4928d0</t>
  </si>
  <si>
    <t>BU01140809</t>
  </si>
  <si>
    <t>2021BU01140809</t>
  </si>
  <si>
    <t>Verspreide huizen Klazienaveen</t>
  </si>
  <si>
    <t>buurt_gegeneraliseerd_2021.77a1eebb-5359-47f4-a7fe-b3c26892082a</t>
  </si>
  <si>
    <t>BU01140900</t>
  </si>
  <si>
    <t>2021BU01140900</t>
  </si>
  <si>
    <t>Zwartemeer-Centrum</t>
  </si>
  <si>
    <t>buurt_gegeneraliseerd_2021.d0cfae8d-7862-45ca-be4e-0bfa7a676218</t>
  </si>
  <si>
    <t>BU01140901</t>
  </si>
  <si>
    <t>2021BU01140901</t>
  </si>
  <si>
    <t>Kamerlingswijk</t>
  </si>
  <si>
    <t>buurt_gegeneraliseerd_2021.21b984b7-5883-4d78-8320-4de404bab80f</t>
  </si>
  <si>
    <t>BU01140909</t>
  </si>
  <si>
    <t>2021BU01140909</t>
  </si>
  <si>
    <t>Verspreide huizen Zwartemeer</t>
  </si>
  <si>
    <t>buurt_gegeneraliseerd_2021.ea5266a4-58e2-43f9-9b38-e5d7d07de307</t>
  </si>
  <si>
    <t>BU01141000</t>
  </si>
  <si>
    <t>2021BU01141000</t>
  </si>
  <si>
    <t>Schoonebeek</t>
  </si>
  <si>
    <t>buurt_gegeneraliseerd_2021.53924f6f-5457-497e-8c37-503c8c64ea7f</t>
  </si>
  <si>
    <t>BU01141001</t>
  </si>
  <si>
    <t>2021BU01141001</t>
  </si>
  <si>
    <t>Oosterse Bos en Middendorp</t>
  </si>
  <si>
    <t>buurt_gegeneraliseerd_2021.c1cb296c-cadf-4191-b05d-ef9f4b6e1fe3</t>
  </si>
  <si>
    <t>BU01141002</t>
  </si>
  <si>
    <t>2021BU01141002</t>
  </si>
  <si>
    <t>Westerse Bos</t>
  </si>
  <si>
    <t>buurt_gegeneraliseerd_2021.71904ac1-7971-4c1d-9fcd-70b540ae6627</t>
  </si>
  <si>
    <t>BU01141003</t>
  </si>
  <si>
    <t>2021BU01141003</t>
  </si>
  <si>
    <t>Zandpol</t>
  </si>
  <si>
    <t>buurt_gegeneraliseerd_2021.e8482ed7-5b72-424c-8a81-0ed917a71dff</t>
  </si>
  <si>
    <t>BU01141004</t>
  </si>
  <si>
    <t>2021BU01141004</t>
  </si>
  <si>
    <t>Industrieterrein De Vierslagen</t>
  </si>
  <si>
    <t>buurt_gegeneraliseerd_2021.0777d935-f221-45ca-bbdd-8e1a74b0ad2b</t>
  </si>
  <si>
    <t>BU01141009</t>
  </si>
  <si>
    <t>2021BU01141009</t>
  </si>
  <si>
    <t>Verspreide huizen Schoonebeek</t>
  </si>
  <si>
    <t>buurt_gegeneraliseerd_2021.73f4d192-182f-47c6-a329-003a481bed33</t>
  </si>
  <si>
    <t>BU01141300</t>
  </si>
  <si>
    <t>2021BU01141300</t>
  </si>
  <si>
    <t>Veenoord</t>
  </si>
  <si>
    <t>buurt_gegeneraliseerd_2021.692fe9b7-a663-4334-bd64-d37b1165e0e5</t>
  </si>
  <si>
    <t>BU01141308</t>
  </si>
  <si>
    <t>2021BU01141308</t>
  </si>
  <si>
    <t>Ermerveen</t>
  </si>
  <si>
    <t>buurt_gegeneraliseerd_2021.1b78aff2-e7a3-49f4-aa49-a8a25f3d9b92</t>
  </si>
  <si>
    <t>BU01141309</t>
  </si>
  <si>
    <t>2021BU01141309</t>
  </si>
  <si>
    <t>buurt_gegeneraliseerd_2021.be14c933-82e4-42ee-9b41-adab69c7f899</t>
  </si>
  <si>
    <t>BU01142100</t>
  </si>
  <si>
    <t>2021BU01142100</t>
  </si>
  <si>
    <t>Nieuw-Schoonebeek</t>
  </si>
  <si>
    <t>buurt_gegeneraliseerd_2021.3ac5995c-9730-4e1f-8d98-cb5231ba29af</t>
  </si>
  <si>
    <t>BU01142101</t>
  </si>
  <si>
    <t>2021BU01142101</t>
  </si>
  <si>
    <t>Westelijk Nieuw-Schoonebeek</t>
  </si>
  <si>
    <t>buurt_gegeneraliseerd_2021.66bed716-d9bc-4082-ad0e-473e706aeb05</t>
  </si>
  <si>
    <t>BU01142102</t>
  </si>
  <si>
    <t>2021BU01142102</t>
  </si>
  <si>
    <t>Oostelijk Nieuw-Schoonebeek</t>
  </si>
  <si>
    <t>buurt_gegeneraliseerd_2021.050a70f7-6a76-4cfa-a596-761eb35b7b93</t>
  </si>
  <si>
    <t>BU01142109</t>
  </si>
  <si>
    <t>2021BU01142109</t>
  </si>
  <si>
    <t>Verspreide huizen Nieuw-Schoonebeek</t>
  </si>
  <si>
    <t>buurt_gegeneraliseerd_2021.d7f73d61-0928-456d-9d65-bffddc94ae34</t>
  </si>
  <si>
    <t>BU01143200</t>
  </si>
  <si>
    <t>2021BU01143200</t>
  </si>
  <si>
    <t>Weiteveen</t>
  </si>
  <si>
    <t>buurt_gegeneraliseerd_2021.1e7bb614-e9ed-4267-8129-aa68f971a73f</t>
  </si>
  <si>
    <t>BU01143201</t>
  </si>
  <si>
    <t>2021BU01143201</t>
  </si>
  <si>
    <t>Westelijk en oostelijk Weiteveen</t>
  </si>
  <si>
    <t>buurt_gegeneraliseerd_2021.c6e2726f-4739-418c-a7ff-38d3aac8af66</t>
  </si>
  <si>
    <t>BU01143209</t>
  </si>
  <si>
    <t>2021BU01143209</t>
  </si>
  <si>
    <t>Verspreide huizen Weiteveen</t>
  </si>
  <si>
    <t>buurt_gegeneraliseerd_2021.c3c53d15-a82b-41d8-92f9-4a387f5b05c2</t>
  </si>
  <si>
    <t>BU01144000</t>
  </si>
  <si>
    <t>2021BU01144000</t>
  </si>
  <si>
    <t>Emmen-Centrum</t>
  </si>
  <si>
    <t>buurt_gegeneraliseerd_2021.caca44cc-a303-47d2-aadc-579147ea2e1b</t>
  </si>
  <si>
    <t>BU01144100</t>
  </si>
  <si>
    <t>2021BU01144100</t>
  </si>
  <si>
    <t>Emmen-omgeving Oude Roswinkelerweg</t>
  </si>
  <si>
    <t>buurt_gegeneraliseerd_2021.1474a8d5-cc1b-47bf-ab22-35af5bf7923f</t>
  </si>
  <si>
    <t>BU01144101</t>
  </si>
  <si>
    <t>2021BU01144101</t>
  </si>
  <si>
    <t>Emmen over 't spoor</t>
  </si>
  <si>
    <t>buurt_gegeneraliseerd_2021.55969f16-d5f4-4bb0-9d24-242bed4681c8</t>
  </si>
  <si>
    <t>BU01144200</t>
  </si>
  <si>
    <t>2021BU01144200</t>
  </si>
  <si>
    <t>Emmermeer</t>
  </si>
  <si>
    <t>buurt_gegeneraliseerd_2021.1fcae6c7-6e20-4281-b9b9-38afa6730e45</t>
  </si>
  <si>
    <t>BU01144300</t>
  </si>
  <si>
    <t>2021BU01144300</t>
  </si>
  <si>
    <t>Angelslo</t>
  </si>
  <si>
    <t>buurt_gegeneraliseerd_2021.e8374d72-dc6e-4f0d-aa87-08541e0c94f9</t>
  </si>
  <si>
    <t>BU01144400</t>
  </si>
  <si>
    <t>2021BU01144400</t>
  </si>
  <si>
    <t>Emmerhout</t>
  </si>
  <si>
    <t>buurt_gegeneraliseerd_2021.a6040403-c495-45ab-b854-1c7e482226a8</t>
  </si>
  <si>
    <t>BU01144500</t>
  </si>
  <si>
    <t>2021BU01144500</t>
  </si>
  <si>
    <t>Emmerschans</t>
  </si>
  <si>
    <t>buurt_gegeneraliseerd_2021.e05fa41f-cc78-4e41-b5be-50519a4d7f7e</t>
  </si>
  <si>
    <t>BU01144600</t>
  </si>
  <si>
    <t>2021BU01144600</t>
  </si>
  <si>
    <t>Bargeres</t>
  </si>
  <si>
    <t>buurt_gegeneraliseerd_2021.e994ac4b-33c3-47bd-a9e7-ea83fbbc09cb</t>
  </si>
  <si>
    <t>BU01144700</t>
  </si>
  <si>
    <t>2021BU01144700</t>
  </si>
  <si>
    <t>Rietlanden</t>
  </si>
  <si>
    <t>buurt_gegeneraliseerd_2021.07ad71a8-ddb3-44bf-b29c-5190f57cb12b</t>
  </si>
  <si>
    <t>BU01144800</t>
  </si>
  <si>
    <t>2021BU01144800</t>
  </si>
  <si>
    <t>Parc Sandur</t>
  </si>
  <si>
    <t>buurt_gegeneraliseerd_2021.cb7ef023-b876-4278-aeb2-7472488b127a</t>
  </si>
  <si>
    <t>BU01144900</t>
  </si>
  <si>
    <t>2021BU01144900</t>
  </si>
  <si>
    <t>Delftlanden</t>
  </si>
  <si>
    <t>buurt_gegeneraliseerd_2021.0858386e-e98f-422f-aeca-d9097182bdb8</t>
  </si>
  <si>
    <t>BU01145000</t>
  </si>
  <si>
    <t>2021BU01145000</t>
  </si>
  <si>
    <t>Barger-Oosterveld</t>
  </si>
  <si>
    <t>buurt_gegeneraliseerd_2021.a09e59de-f30c-4f0c-9c7f-b49955c9702d</t>
  </si>
  <si>
    <t>BU01145100</t>
  </si>
  <si>
    <t>2021BU01145100</t>
  </si>
  <si>
    <t>Weerdinge</t>
  </si>
  <si>
    <t>buurt_gegeneraliseerd_2021.03fac644-2e33-4635-90c9-27c58fded1f3</t>
  </si>
  <si>
    <t>BU01145101</t>
  </si>
  <si>
    <t>2021BU01145101</t>
  </si>
  <si>
    <t>Westenesch</t>
  </si>
  <si>
    <t>buurt_gegeneraliseerd_2021.76750f43-75c8-48f5-870f-406bb25cc1a7</t>
  </si>
  <si>
    <t>BU01145109</t>
  </si>
  <si>
    <t>2021BU01145109</t>
  </si>
  <si>
    <t>Verspreide huizen Emmen</t>
  </si>
  <si>
    <t>buurt_gegeneraliseerd_2021.573bf1c1-3e6f-401b-accb-c8c9b845bdd8</t>
  </si>
  <si>
    <t>BU01145200</t>
  </si>
  <si>
    <t>2021BU01145200</t>
  </si>
  <si>
    <t>Noordbarge</t>
  </si>
  <si>
    <t>buurt_gegeneraliseerd_2021.e8d8f295-452f-4d6e-b4ee-ebbe21866f4e</t>
  </si>
  <si>
    <t>BU01145201</t>
  </si>
  <si>
    <t>2021BU01145201</t>
  </si>
  <si>
    <t>Zuidbarge</t>
  </si>
  <si>
    <t>buurt_gegeneraliseerd_2021.74055e53-348a-4181-8b34-ac1f822caf3a</t>
  </si>
  <si>
    <t>BU01145300</t>
  </si>
  <si>
    <t>2021BU01145300</t>
  </si>
  <si>
    <t>Industrieterrein Bargermeer</t>
  </si>
  <si>
    <t>buurt_gegeneraliseerd_2021.9e1aee8e-4672-4b1a-9f7f-187cd2ea5497</t>
  </si>
  <si>
    <t>BU01145301</t>
  </si>
  <si>
    <t>2021BU01145301</t>
  </si>
  <si>
    <t>Bedrijvenpark A37</t>
  </si>
  <si>
    <t>buurt_gegeneraliseerd_2021.50be7a6f-66ea-426e-b564-90934b32b45a</t>
  </si>
  <si>
    <t>BU01185000</t>
  </si>
  <si>
    <t>2021BU01185000</t>
  </si>
  <si>
    <t>GM0118</t>
  </si>
  <si>
    <t>buurt_gegeneraliseerd_2021.294b5a06-45bd-4dcf-90fc-773f08dff40f</t>
  </si>
  <si>
    <t>BU01185001</t>
  </si>
  <si>
    <t>2021BU01185001</t>
  </si>
  <si>
    <t>buurt_gegeneraliseerd_2021.9289fa03-e847-45f5-a6ff-02d1025131e4</t>
  </si>
  <si>
    <t>BU01185002</t>
  </si>
  <si>
    <t>2021BU01185002</t>
  </si>
  <si>
    <t>Bentinckspark</t>
  </si>
  <si>
    <t>buurt_gegeneraliseerd_2021.79bf8420-5e0d-4e0b-8ade-0b7eefc2d52b</t>
  </si>
  <si>
    <t>BU01185003</t>
  </si>
  <si>
    <t>2021BU01185003</t>
  </si>
  <si>
    <t>Krakeel</t>
  </si>
  <si>
    <t>buurt_gegeneraliseerd_2021.2163f72d-6506-41f0-baef-6f537be3cfe5</t>
  </si>
  <si>
    <t>BU01185004</t>
  </si>
  <si>
    <t>2021BU01185004</t>
  </si>
  <si>
    <t>Wolfsbos</t>
  </si>
  <si>
    <t>buurt_gegeneraliseerd_2021.e4f15b7e-ae4f-4aa8-b6c0-605f8b8c29a1</t>
  </si>
  <si>
    <t>BU01185005</t>
  </si>
  <si>
    <t>2021BU01185005</t>
  </si>
  <si>
    <t>Zuid</t>
  </si>
  <si>
    <t>buurt_gegeneraliseerd_2021.5b30f64b-8a9e-48d7-967e-07a1b0de0dc6</t>
  </si>
  <si>
    <t>BU01185006</t>
  </si>
  <si>
    <t>2021BU01185006</t>
  </si>
  <si>
    <t>Venesluis</t>
  </si>
  <si>
    <t>buurt_gegeneraliseerd_2021.04884b12-f62c-49fa-9944-4d58bcb632c3</t>
  </si>
  <si>
    <t>BU01185007</t>
  </si>
  <si>
    <t>2021BU01185007</t>
  </si>
  <si>
    <t>buurt_gegeneraliseerd_2021.817eea65-4fb0-4883-861f-9ae9ab7fd135</t>
  </si>
  <si>
    <t>BU01185008</t>
  </si>
  <si>
    <t>2021BU01185008</t>
  </si>
  <si>
    <t>buurt_gegeneraliseerd_2021.00f1b46c-d563-4201-9178-59b314c9fdfd</t>
  </si>
  <si>
    <t>BU01185100</t>
  </si>
  <si>
    <t>2021BU01185100</t>
  </si>
  <si>
    <t>Steenbergerweiden</t>
  </si>
  <si>
    <t>buurt_gegeneraliseerd_2021.9ef9179b-d1d1-4644-8fdf-c7ddeb47b8ef</t>
  </si>
  <si>
    <t>BU01185101</t>
  </si>
  <si>
    <t>2021BU01185101</t>
  </si>
  <si>
    <t>Kinholt</t>
  </si>
  <si>
    <t>buurt_gegeneraliseerd_2021.fdbad657-2000-4d2a-9db7-78d224574a2f</t>
  </si>
  <si>
    <t>BU01185102</t>
  </si>
  <si>
    <t>2021BU01185102</t>
  </si>
  <si>
    <t>Grittenhof</t>
  </si>
  <si>
    <t>buurt_gegeneraliseerd_2021.3e2c6159-9dea-4e26-bbcd-f4cffacf25e2</t>
  </si>
  <si>
    <t>BU01185103</t>
  </si>
  <si>
    <t>2021BU01185103</t>
  </si>
  <si>
    <t>Schoonvelde-West</t>
  </si>
  <si>
    <t>buurt_gegeneraliseerd_2021.7fd033c1-e5c6-491f-b031-03fdafaaeb13</t>
  </si>
  <si>
    <t>BU01185104</t>
  </si>
  <si>
    <t>2021BU01185104</t>
  </si>
  <si>
    <t>Schoonvelde-Oost</t>
  </si>
  <si>
    <t>buurt_gegeneraliseerd_2021.ab322403-9e4d-4aaf-babc-1d30fa6267d1</t>
  </si>
  <si>
    <t>BU01185105</t>
  </si>
  <si>
    <t>2021BU01185105</t>
  </si>
  <si>
    <t>Schutlanden-Oost</t>
  </si>
  <si>
    <t>buurt_gegeneraliseerd_2021.97826bcf-5806-4201-b5e7-41d42c58c965</t>
  </si>
  <si>
    <t>BU01185106</t>
  </si>
  <si>
    <t>2021BU01185106</t>
  </si>
  <si>
    <t>Schutlanden-West</t>
  </si>
  <si>
    <t>buurt_gegeneraliseerd_2021.f61c4299-6048-410b-8d8f-63a6784ab02a</t>
  </si>
  <si>
    <t>BU01185107</t>
  </si>
  <si>
    <t>2021BU01185107</t>
  </si>
  <si>
    <t>Kattouw</t>
  </si>
  <si>
    <t>buurt_gegeneraliseerd_2021.195436fd-29da-4624-9ed9-585ad2803220</t>
  </si>
  <si>
    <t>BU01185108</t>
  </si>
  <si>
    <t>2021BU01185108</t>
  </si>
  <si>
    <t>Trasselt</t>
  </si>
  <si>
    <t>buurt_gegeneraliseerd_2021.ee2ee22f-f169-472a-aed7-91c50bd8ca43</t>
  </si>
  <si>
    <t>BU01185109</t>
  </si>
  <si>
    <t>2021BU01185109</t>
  </si>
  <si>
    <t>Erflanden</t>
  </si>
  <si>
    <t>buurt_gegeneraliseerd_2021.619232f5-9cb5-42c6-af8e-2b7f88c2e863</t>
  </si>
  <si>
    <t>BU01185200</t>
  </si>
  <si>
    <t>2021BU01185200</t>
  </si>
  <si>
    <t>Fluitenberg kern</t>
  </si>
  <si>
    <t>buurt_gegeneraliseerd_2021.6a901108-5d12-4917-96c8-ecb2e3f3f709</t>
  </si>
  <si>
    <t>BU01185201</t>
  </si>
  <si>
    <t>2021BU01185201</t>
  </si>
  <si>
    <t>Verspreide huizen Fluitenberg</t>
  </si>
  <si>
    <t>buurt_gegeneraliseerd_2021.17a93de7-5e64-4d32-a2dc-4bb12dc9f486</t>
  </si>
  <si>
    <t>BU01185300</t>
  </si>
  <si>
    <t>2021BU01185300</t>
  </si>
  <si>
    <t>Elim Kern</t>
  </si>
  <si>
    <t>buurt_gegeneraliseerd_2021.2e5152eb-eff5-4599-ac8d-ff8ac0ef4a4a</t>
  </si>
  <si>
    <t>BU01185301</t>
  </si>
  <si>
    <t>2021BU01185301</t>
  </si>
  <si>
    <t>Verspreide huizen Elim-Noord</t>
  </si>
  <si>
    <t>buurt_gegeneraliseerd_2021.125792de-cbf5-48f8-83f6-f67b41531538</t>
  </si>
  <si>
    <t>BU01185302</t>
  </si>
  <si>
    <t>2021BU01185302</t>
  </si>
  <si>
    <t>Verspreide huizen Elim-Zuid</t>
  </si>
  <si>
    <t>buurt_gegeneraliseerd_2021.6a3abf69-bb49-4a83-a8b2-fbc506a4b59a</t>
  </si>
  <si>
    <t>BU01185400</t>
  </si>
  <si>
    <t>2021BU01185400</t>
  </si>
  <si>
    <t>Hollandscheveld kern</t>
  </si>
  <si>
    <t>buurt_gegeneraliseerd_2021.d5c6fc16-8f23-4127-a819-5d310b18a5db</t>
  </si>
  <si>
    <t>BU01185401</t>
  </si>
  <si>
    <t>2021BU01185401</t>
  </si>
  <si>
    <t>Verspreide huizen Hollandscheveld-West</t>
  </si>
  <si>
    <t>buurt_gegeneraliseerd_2021.2749ea56-8aa5-4c4b-af0a-12a96863d7be</t>
  </si>
  <si>
    <t>BU01185402</t>
  </si>
  <si>
    <t>2021BU01185402</t>
  </si>
  <si>
    <t>Verspreide huizen Hollandscheveld-Oost</t>
  </si>
  <si>
    <t>buurt_gegeneraliseerd_2021.c998f842-7519-4c6b-aa5d-9720031e51eb</t>
  </si>
  <si>
    <t>BU01185500</t>
  </si>
  <si>
    <t>2021BU01185500</t>
  </si>
  <si>
    <t>Noordscheschut kern</t>
  </si>
  <si>
    <t>buurt_gegeneraliseerd_2021.016325f7-1e52-4139-967d-b676ba63d657</t>
  </si>
  <si>
    <t>BU01185501</t>
  </si>
  <si>
    <t>2021BU01185501</t>
  </si>
  <si>
    <t>Verspreide huizen Noordscheschut</t>
  </si>
  <si>
    <t>buurt_gegeneraliseerd_2021.4cf40f64-b897-4996-a759-7f6d551a7497</t>
  </si>
  <si>
    <t>BU01185600</t>
  </si>
  <si>
    <t>2021BU01185600</t>
  </si>
  <si>
    <t>Nieuwlande kern</t>
  </si>
  <si>
    <t>buurt_gegeneraliseerd_2021.c049b723-7c53-4781-99dc-84d6332ff197</t>
  </si>
  <si>
    <t>BU01185601</t>
  </si>
  <si>
    <t>2021BU01185601</t>
  </si>
  <si>
    <t>buurt_gegeneraliseerd_2021.dc2d4e9f-363a-450c-bf5d-08fa94cbe6b0</t>
  </si>
  <si>
    <t>BU01185700</t>
  </si>
  <si>
    <t>2021BU01185700</t>
  </si>
  <si>
    <t>Nieuweroord kern</t>
  </si>
  <si>
    <t>buurt_gegeneraliseerd_2021.66f7f805-300c-45b8-b835-112c5aac019c</t>
  </si>
  <si>
    <t>BU01185701</t>
  </si>
  <si>
    <t>2021BU01185701</t>
  </si>
  <si>
    <t>Verspreide huizen Nieuweroord</t>
  </si>
  <si>
    <t>buurt_gegeneraliseerd_2021.f1a95acc-f8ff-411d-8c9a-6a6b5b085c08</t>
  </si>
  <si>
    <t>BU01185800</t>
  </si>
  <si>
    <t>2021BU01185800</t>
  </si>
  <si>
    <t>Tiendeveen kern</t>
  </si>
  <si>
    <t>buurt_gegeneraliseerd_2021.d5d6e4c4-a04d-4443-8604-512bcb09914e</t>
  </si>
  <si>
    <t>BU01185801</t>
  </si>
  <si>
    <t>2021BU01185801</t>
  </si>
  <si>
    <t>Verspreide huizen Tiendeveen</t>
  </si>
  <si>
    <t>buurt_gegeneraliseerd_2021.9340516b-5c7c-43da-a542-621af41bb7b7</t>
  </si>
  <si>
    <t>BU01185900</t>
  </si>
  <si>
    <t>2021BU01185900</t>
  </si>
  <si>
    <t>Stuifzand kern</t>
  </si>
  <si>
    <t>buurt_gegeneraliseerd_2021.fb7170da-4bb3-4b95-a8b7-9247495275f5</t>
  </si>
  <si>
    <t>BU01185901</t>
  </si>
  <si>
    <t>2021BU01185901</t>
  </si>
  <si>
    <t>Verspreide huizen Stuifzand</t>
  </si>
  <si>
    <t>buurt_gegeneraliseerd_2021.2e35ef5e-93f7-4eca-b47b-157cfc3bfc80</t>
  </si>
  <si>
    <t>BU01186000</t>
  </si>
  <si>
    <t>2021BU01186000</t>
  </si>
  <si>
    <t>Pesse kern</t>
  </si>
  <si>
    <t>buurt_gegeneraliseerd_2021.7e06fde8-2d6e-4f34-85e7-864944c4c734</t>
  </si>
  <si>
    <t>BU01186001</t>
  </si>
  <si>
    <t>2021BU01186001</t>
  </si>
  <si>
    <t>Verspreide huizen Pesse-Oost</t>
  </si>
  <si>
    <t>buurt_gegeneraliseerd_2021.61e8bc47-310e-4434-ac74-a6692831938f</t>
  </si>
  <si>
    <t>BU01186002</t>
  </si>
  <si>
    <t>2021BU01186002</t>
  </si>
  <si>
    <t>Verspreide huizen Pesse-West</t>
  </si>
  <si>
    <t>buurt_gegeneraliseerd_2021.7df86982-c63b-4a49-8ef5-ddefcf200219</t>
  </si>
  <si>
    <t>BU01186003</t>
  </si>
  <si>
    <t>2021BU01186003</t>
  </si>
  <si>
    <t>Verspreide huizen Pesse-Zuid</t>
  </si>
  <si>
    <t>buurt_gegeneraliseerd_2021.4d6a670f-6b96-4ad8-ad91-4d4fe61b0938</t>
  </si>
  <si>
    <t>BU01186100</t>
  </si>
  <si>
    <t>2021BU01186100</t>
  </si>
  <si>
    <t>Zuideropgaande Nieuw Moscou</t>
  </si>
  <si>
    <t>buurt_gegeneraliseerd_2021.7d6a004b-9dd5-444a-967f-5b8ae07d6780</t>
  </si>
  <si>
    <t>BU01186201</t>
  </si>
  <si>
    <t>2021BU01186201</t>
  </si>
  <si>
    <t>Industriegebied Toldijk</t>
  </si>
  <si>
    <t>buurt_gegeneraliseerd_2021.81dec49a-7374-4413-9404-37e66f330413</t>
  </si>
  <si>
    <t>BU01186202</t>
  </si>
  <si>
    <t>2021BU01186202</t>
  </si>
  <si>
    <t>Industriegebied Noord A</t>
  </si>
  <si>
    <t>buurt_gegeneraliseerd_2021.746c9baa-36e1-41b0-9370-dbe906357f37</t>
  </si>
  <si>
    <t>BU01186203</t>
  </si>
  <si>
    <t>2021BU01186203</t>
  </si>
  <si>
    <t>Industriegebied Noord B</t>
  </si>
  <si>
    <t>buurt_gegeneraliseerd_2021.634ad159-6303-4939-a278-5ec36a1d2c36</t>
  </si>
  <si>
    <t>BU01186204</t>
  </si>
  <si>
    <t>2021BU01186204</t>
  </si>
  <si>
    <t>Industriegebied Buitenvaart</t>
  </si>
  <si>
    <t>buurt_gegeneraliseerd_2021.89854a73-3fcd-46bc-8978-7d98b96d67a9</t>
  </si>
  <si>
    <t>BU01186205</t>
  </si>
  <si>
    <t>2021BU01186205</t>
  </si>
  <si>
    <t>Verspreide huizen Alteveer</t>
  </si>
  <si>
    <t>buurt_gegeneraliseerd_2021.554461f3-1411-4603-9ca2-ec3c17e069aa</t>
  </si>
  <si>
    <t>BU01186206</t>
  </si>
  <si>
    <t>2021BU01186206</t>
  </si>
  <si>
    <t>Verspreide huizen Nijstad</t>
  </si>
  <si>
    <t>buurt_gegeneraliseerd_2021.a866d0a3-0073-466e-8487-1a8adad6d924</t>
  </si>
  <si>
    <t>BU01190000</t>
  </si>
  <si>
    <t>2021BU01190000</t>
  </si>
  <si>
    <t>Historisch Centrum</t>
  </si>
  <si>
    <t>GM0119</t>
  </si>
  <si>
    <t>buurt_gegeneraliseerd_2021.22f6f9ae-428c-4c87-beb7-6dead0f7bc0c</t>
  </si>
  <si>
    <t>BU01190001</t>
  </si>
  <si>
    <t>2021BU01190001</t>
  </si>
  <si>
    <t>buurt_gegeneraliseerd_2021.b6eb0f4a-06ea-4a51-80cc-98e3b88847f6</t>
  </si>
  <si>
    <t>BU01190002</t>
  </si>
  <si>
    <t>2021BU01190002</t>
  </si>
  <si>
    <t>Koninginnebuurt</t>
  </si>
  <si>
    <t>buurt_gegeneraliseerd_2021.806258b0-c434-47ff-bfa7-68c1479a7b77</t>
  </si>
  <si>
    <t>BU01190100</t>
  </si>
  <si>
    <t>2021BU01190100</t>
  </si>
  <si>
    <t>Galgenkamp</t>
  </si>
  <si>
    <t>buurt_gegeneraliseerd_2021.2ae85afd-b73a-4c5e-8dbc-f0c1758bcf92</t>
  </si>
  <si>
    <t>BU01190101</t>
  </si>
  <si>
    <t>2021BU01190101</t>
  </si>
  <si>
    <t>Oude Vaart</t>
  </si>
  <si>
    <t>buurt_gegeneraliseerd_2021.876f0924-86cd-43a0-aaaf-aa5a59554637</t>
  </si>
  <si>
    <t>BU01190200</t>
  </si>
  <si>
    <t>2021BU01190200</t>
  </si>
  <si>
    <t>Heinsiusbuurt</t>
  </si>
  <si>
    <t>buurt_gegeneraliseerd_2021.b03c338c-9bbc-40ac-85e1-16e85eefccd0</t>
  </si>
  <si>
    <t>BU01190201</t>
  </si>
  <si>
    <t>2021BU01190201</t>
  </si>
  <si>
    <t>buurt_gegeneraliseerd_2021.0720fd7a-625d-437e-8289-f78ddad34ad2</t>
  </si>
  <si>
    <t>BU01190202</t>
  </si>
  <si>
    <t>2021BU01190202</t>
  </si>
  <si>
    <t>buurt_gegeneraliseerd_2021.fe3991c0-3b77-4a47-a01d-1f7df549c56b</t>
  </si>
  <si>
    <t>BU01190300</t>
  </si>
  <si>
    <t>2021BU01190300</t>
  </si>
  <si>
    <t>Hesselingen</t>
  </si>
  <si>
    <t>buurt_gegeneraliseerd_2021.1a4bbdf8-acaf-406c-8869-39955769d31a</t>
  </si>
  <si>
    <t>BU01190301</t>
  </si>
  <si>
    <t>2021BU01190301</t>
  </si>
  <si>
    <t>Koeberg</t>
  </si>
  <si>
    <t>buurt_gegeneraliseerd_2021.1766c198-ed5e-44d0-9a60-79b1cbfc23b5</t>
  </si>
  <si>
    <t>BU01190302</t>
  </si>
  <si>
    <t>2021BU01190302</t>
  </si>
  <si>
    <t>Reestlanden</t>
  </si>
  <si>
    <t>buurt_gegeneraliseerd_2021.1840ea59-f5a3-424e-beb6-75ac4679703b</t>
  </si>
  <si>
    <t>BU01190303</t>
  </si>
  <si>
    <t>2021BU01190303</t>
  </si>
  <si>
    <t>buurt_gegeneraliseerd_2021.0d03769e-f4f4-487a-885b-e55201785c61</t>
  </si>
  <si>
    <t>BU01190400</t>
  </si>
  <si>
    <t>2021BU01190400</t>
  </si>
  <si>
    <t>Plantenbuurt</t>
  </si>
  <si>
    <t>buurt_gegeneraliseerd_2021.0a81be72-1ae4-4aff-8b84-5d4a1709d70b</t>
  </si>
  <si>
    <t>BU01190401</t>
  </si>
  <si>
    <t>2021BU01190401</t>
  </si>
  <si>
    <t>Scheepsbuurt</t>
  </si>
  <si>
    <t>buurt_gegeneraliseerd_2021.5fd13b88-2114-4d61-89d1-6a4a83ecfe9d</t>
  </si>
  <si>
    <t>BU01190500</t>
  </si>
  <si>
    <t>2021BU01190500</t>
  </si>
  <si>
    <t>buurt_gegeneraliseerd_2021.040fabf4-145e-4b19-9f0b-c5744c27af52</t>
  </si>
  <si>
    <t>BU01190501</t>
  </si>
  <si>
    <t>2021BU01190501</t>
  </si>
  <si>
    <t>Onderwijs-, sportpark</t>
  </si>
  <si>
    <t>buurt_gegeneraliseerd_2021.9926b750-b61f-4459-b290-596f0004cdcd</t>
  </si>
  <si>
    <t>BU01190600</t>
  </si>
  <si>
    <t>2021BU01190600</t>
  </si>
  <si>
    <t>Veldenbuurt</t>
  </si>
  <si>
    <t>buurt_gegeneraliseerd_2021.72686686-add8-4db9-8d3c-de5f9cd92393</t>
  </si>
  <si>
    <t>BU01190601</t>
  </si>
  <si>
    <t>2021BU01190601</t>
  </si>
  <si>
    <t>Vlinderbuurt</t>
  </si>
  <si>
    <t>buurt_gegeneraliseerd_2021.20ea9f64-c21a-4e27-b5cc-490048f5acb9</t>
  </si>
  <si>
    <t>BU01190602</t>
  </si>
  <si>
    <t>2021BU01190602</t>
  </si>
  <si>
    <t>buurt_gegeneraliseerd_2021.2e09fa74-6daf-4357-985c-fdabdc94db08</t>
  </si>
  <si>
    <t>BU01190603</t>
  </si>
  <si>
    <t>2021BU01190603</t>
  </si>
  <si>
    <t>Verzetsbuurt</t>
  </si>
  <si>
    <t>buurt_gegeneraliseerd_2021.a4484eb3-ab0a-4ff1-ba79-3cf6ad6c4449</t>
  </si>
  <si>
    <t>BU01190700</t>
  </si>
  <si>
    <t>2021BU01190700</t>
  </si>
  <si>
    <t>Drukkersbuurt</t>
  </si>
  <si>
    <t>buurt_gegeneraliseerd_2021.c08139c6-d2f5-4d5d-8493-03a5377aaa59</t>
  </si>
  <si>
    <t>BU01190701</t>
  </si>
  <si>
    <t>2021BU01190701</t>
  </si>
  <si>
    <t>Nieuwveenselanden</t>
  </si>
  <si>
    <t>buurt_gegeneraliseerd_2021.aadf7bc1-7f25-4737-b456-27d6357d3b85</t>
  </si>
  <si>
    <t>BU01190800</t>
  </si>
  <si>
    <t>2021BU01190800</t>
  </si>
  <si>
    <t>Blankenstein</t>
  </si>
  <si>
    <t>buurt_gegeneraliseerd_2021.74170d65-516f-41e1-8958-1856884519a3</t>
  </si>
  <si>
    <t>BU01190900</t>
  </si>
  <si>
    <t>2021BU01190900</t>
  </si>
  <si>
    <t>Industrieterrein Noord I</t>
  </si>
  <si>
    <t>buurt_gegeneraliseerd_2021.bd2756cb-abb0-498c-ac02-1d49a907c8f9</t>
  </si>
  <si>
    <t>BU01190901</t>
  </si>
  <si>
    <t>2021BU01190901</t>
  </si>
  <si>
    <t>Industrieterrein Noord II</t>
  </si>
  <si>
    <t>buurt_gegeneraliseerd_2021.24336f0e-7595-4454-9122-fe2f22bce3dc</t>
  </si>
  <si>
    <t>BU01191000</t>
  </si>
  <si>
    <t>2021BU01191000</t>
  </si>
  <si>
    <t>Industrie Oevers A</t>
  </si>
  <si>
    <t>buurt_gegeneraliseerd_2021.d57bb25e-cd2c-4e37-b996-2d838e81f952</t>
  </si>
  <si>
    <t>BU01191001</t>
  </si>
  <si>
    <t>2021BU01191001</t>
  </si>
  <si>
    <t>Industrie Oevers B</t>
  </si>
  <si>
    <t>buurt_gegeneraliseerd_2021.3e7872b6-5fe2-48a5-a59a-afef1ce25b8b</t>
  </si>
  <si>
    <t>BU01191002</t>
  </si>
  <si>
    <t>2021BU01191002</t>
  </si>
  <si>
    <t>Industrie Oevers C</t>
  </si>
  <si>
    <t>buurt_gegeneraliseerd_2021.b372e840-2629-483d-a48d-6d43dc2e5933</t>
  </si>
  <si>
    <t>BU01191003</t>
  </si>
  <si>
    <t>2021BU01191003</t>
  </si>
  <si>
    <t>Industrie Oevers D</t>
  </si>
  <si>
    <t>buurt_gegeneraliseerd_2021.170bafc2-c826-4298-b243-94f0b991c473</t>
  </si>
  <si>
    <t>BU01191004</t>
  </si>
  <si>
    <t>2021BU01191004</t>
  </si>
  <si>
    <t>Industrie Oevers E</t>
  </si>
  <si>
    <t>buurt_gegeneraliseerd_2021.e9c19d72-b194-478c-82b5-cc95604ee3bc</t>
  </si>
  <si>
    <t>BU01191100</t>
  </si>
  <si>
    <t>2021BU01191100</t>
  </si>
  <si>
    <t>Verspreid gebied Meppel Noord</t>
  </si>
  <si>
    <t>buurt_gegeneraliseerd_2021.514b98a1-c789-4c08-8e62-a6aaefa304bb</t>
  </si>
  <si>
    <t>BU01191101</t>
  </si>
  <si>
    <t>2021BU01191101</t>
  </si>
  <si>
    <t>Verspreid gebied Meppel Oost</t>
  </si>
  <si>
    <t>buurt_gegeneraliseerd_2021.6acbca11-f128-46be-8c76-db603841e242</t>
  </si>
  <si>
    <t>BU01191102</t>
  </si>
  <si>
    <t>2021BU01191102</t>
  </si>
  <si>
    <t>Verspreid gebied Meppel Zuid</t>
  </si>
  <si>
    <t>buurt_gegeneraliseerd_2021.3698bcff-a610-4b71-a832-669f803b0888</t>
  </si>
  <si>
    <t>BU01191200</t>
  </si>
  <si>
    <t>2021BU01191200</t>
  </si>
  <si>
    <t>Nijeveen Oost</t>
  </si>
  <si>
    <t>buurt_gegeneraliseerd_2021.ad632c05-8293-4a47-911d-52c00ace675d</t>
  </si>
  <si>
    <t>BU01191201</t>
  </si>
  <si>
    <t>2021BU01191201</t>
  </si>
  <si>
    <t>Griftebuurt</t>
  </si>
  <si>
    <t>buurt_gegeneraliseerd_2021.f9a7fc7a-20c8-4fcf-a0dc-a4a4c6856c6b</t>
  </si>
  <si>
    <t>BU01191202</t>
  </si>
  <si>
    <t>2021BU01191202</t>
  </si>
  <si>
    <t>buurt_gegeneraliseerd_2021.9e50480f-1e99-4a25-814d-a0772dc286e4</t>
  </si>
  <si>
    <t>BU01191203</t>
  </si>
  <si>
    <t>2021BU01191203</t>
  </si>
  <si>
    <t>Danninge Erve</t>
  </si>
  <si>
    <t>buurt_gegeneraliseerd_2021.d5b01d64-d303-454b-b976-0c34880769fa</t>
  </si>
  <si>
    <t>BU01191204</t>
  </si>
  <si>
    <t>2021BU01191204</t>
  </si>
  <si>
    <t>Spijkerserve</t>
  </si>
  <si>
    <t>buurt_gegeneraliseerd_2021.027d0912-f6fe-49e7-8292-faf62edba4e7</t>
  </si>
  <si>
    <t>BU01191205</t>
  </si>
  <si>
    <t>2021BU01191205</t>
  </si>
  <si>
    <t>Tussenboerslanden</t>
  </si>
  <si>
    <t>buurt_gegeneraliseerd_2021.e4ff99d4-6530-4bfd-abaf-1108271b71f1</t>
  </si>
  <si>
    <t>BU01191206</t>
  </si>
  <si>
    <t>2021BU01191206</t>
  </si>
  <si>
    <t>Kolderveen</t>
  </si>
  <si>
    <t>buurt_gegeneraliseerd_2021.19f44ea7-ab27-4b48-9519-b706fc8636ec</t>
  </si>
  <si>
    <t>BU01191207</t>
  </si>
  <si>
    <t>2021BU01191207</t>
  </si>
  <si>
    <t>Kolderveense Bovenboer</t>
  </si>
  <si>
    <t>buurt_gegeneraliseerd_2021.dfb0c554-d1ae-4dd1-9f68-9659abc1fbbf</t>
  </si>
  <si>
    <t>BU01191208</t>
  </si>
  <si>
    <t>2021BU01191208</t>
  </si>
  <si>
    <t>Nijeveense Bovenboer</t>
  </si>
  <si>
    <t>buurt_gegeneraliseerd_2021.746c583a-7645-43fc-90a3-4bfb88454f5d</t>
  </si>
  <si>
    <t>BU01191209</t>
  </si>
  <si>
    <t>2021BU01191209</t>
  </si>
  <si>
    <t>Verspreid gebied Nijeveen</t>
  </si>
  <si>
    <t>buurt_gegeneraliseerd_2021.69902cee-a295-44d0-9b66-8f65315c859c</t>
  </si>
  <si>
    <t>BU01191300</t>
  </si>
  <si>
    <t>2021BU01191300</t>
  </si>
  <si>
    <t>Rogat</t>
  </si>
  <si>
    <t>buurt_gegeneraliseerd_2021.31bc7f6d-be8c-402a-8240-ecb6683d1d6d</t>
  </si>
  <si>
    <t>BU01191301</t>
  </si>
  <si>
    <t>2021BU01191301</t>
  </si>
  <si>
    <t>Broekhuizen</t>
  </si>
  <si>
    <t>buurt_gegeneraliseerd_2021.bb6d437d-43bd-44e5-a878-13250b8c6e3f</t>
  </si>
  <si>
    <t>BU01191302</t>
  </si>
  <si>
    <t>2021BU01191302</t>
  </si>
  <si>
    <t>De Schiphorst</t>
  </si>
  <si>
    <t>buurt_gegeneraliseerd_2021.4336d761-d656-4762-9913-51bd84f8aeb0</t>
  </si>
  <si>
    <t>BU01470000</t>
  </si>
  <si>
    <t>2021BU01470000</t>
  </si>
  <si>
    <t>Bornsche Maten</t>
  </si>
  <si>
    <t>GM0147</t>
  </si>
  <si>
    <t>buurt_gegeneraliseerd_2021.7e436962-0e22-48a2-bf2a-211de57398d6</t>
  </si>
  <si>
    <t>BU01470001</t>
  </si>
  <si>
    <t>2021BU01470001</t>
  </si>
  <si>
    <t>Borne Centrum</t>
  </si>
  <si>
    <t>buurt_gegeneraliseerd_2021.8e6ddd56-d395-4771-a836-e9c7df97e6e0</t>
  </si>
  <si>
    <t>BU01470002</t>
  </si>
  <si>
    <t>2021BU01470002</t>
  </si>
  <si>
    <t>'t Wensink Noord</t>
  </si>
  <si>
    <t>buurt_gegeneraliseerd_2021.f2eb52b8-b869-4a9a-aaee-3232463b754e</t>
  </si>
  <si>
    <t>BU01470003</t>
  </si>
  <si>
    <t>2021BU01470003</t>
  </si>
  <si>
    <t>'t Wensink Zuid</t>
  </si>
  <si>
    <t>buurt_gegeneraliseerd_2021.77f5d4f7-25c1-4a01-9219-738fd23ce7fb</t>
  </si>
  <si>
    <t>BU01470004</t>
  </si>
  <si>
    <t>2021BU01470004</t>
  </si>
  <si>
    <t>Dikkerslaan-Molenkampsweg en omgeving</t>
  </si>
  <si>
    <t>buurt_gegeneraliseerd_2021.50f74082-a1de-4bdd-8efc-b5f366014147</t>
  </si>
  <si>
    <t>BU01470005</t>
  </si>
  <si>
    <t>2021BU01470005</t>
  </si>
  <si>
    <t>Lettersveld I</t>
  </si>
  <si>
    <t>buurt_gegeneraliseerd_2021.434a8f47-ab5c-4035-933f-1e8c7a089f1b</t>
  </si>
  <si>
    <t>BU01470006</t>
  </si>
  <si>
    <t>2021BU01470006</t>
  </si>
  <si>
    <t>Lettersveld II</t>
  </si>
  <si>
    <t>buurt_gegeneraliseerd_2021.af6cd28f-69cb-4c72-9ab8-65b89d28002f</t>
  </si>
  <si>
    <t>BU01470007</t>
  </si>
  <si>
    <t>2021BU01470007</t>
  </si>
  <si>
    <t>Tichelkamp</t>
  </si>
  <si>
    <t>buurt_gegeneraliseerd_2021.0c590199-edd8-45d5-a33c-471885db98c9</t>
  </si>
  <si>
    <t>BU01470008</t>
  </si>
  <si>
    <t>2021BU01470008</t>
  </si>
  <si>
    <t>Stroom-Esch</t>
  </si>
  <si>
    <t>buurt_gegeneraliseerd_2021.b88389c0-4b8f-4670-85ed-1fc6711c8132</t>
  </si>
  <si>
    <t>BU01470009</t>
  </si>
  <si>
    <t>2021BU01470009</t>
  </si>
  <si>
    <t>Verspreide huizen Borne-West</t>
  </si>
  <si>
    <t>buurt_gegeneraliseerd_2021.d3d9b19b-2782-48e4-84fe-714d0a53a61a</t>
  </si>
  <si>
    <t>BU01470100</t>
  </si>
  <si>
    <t>2021BU01470100</t>
  </si>
  <si>
    <t>Verspreide huizen Borne-Oost</t>
  </si>
  <si>
    <t>buurt_gegeneraliseerd_2021.00bbccb4-2276-4114-bf02-5d9651d496a8</t>
  </si>
  <si>
    <t>BU01470101</t>
  </si>
  <si>
    <t>2021BU01470101</t>
  </si>
  <si>
    <t>Zenderen</t>
  </si>
  <si>
    <t>buurt_gegeneraliseerd_2021.a5737c0b-35bf-4a24-8952-7bfee4bc8b10</t>
  </si>
  <si>
    <t>BU01470102</t>
  </si>
  <si>
    <t>2021BU01470102</t>
  </si>
  <si>
    <t>Verspreide huizen Zenderen</t>
  </si>
  <si>
    <t>buurt_gegeneraliseerd_2021.3b800200-8d11-4cab-9aa8-771affbac76b</t>
  </si>
  <si>
    <t>BU01470105</t>
  </si>
  <si>
    <t>2021BU01470105</t>
  </si>
  <si>
    <t>Hertme</t>
  </si>
  <si>
    <t>buurt_gegeneraliseerd_2021.7e7e3637-f14d-4690-9368-fbe28c458bb0</t>
  </si>
  <si>
    <t>BU01470106</t>
  </si>
  <si>
    <t>2021BU01470106</t>
  </si>
  <si>
    <t>Verspreide huizen Hertme</t>
  </si>
  <si>
    <t>buurt_gegeneraliseerd_2021.995a7020-406f-41b1-ad0a-72ce9b7bdfd3</t>
  </si>
  <si>
    <t>BU01480101</t>
  </si>
  <si>
    <t>2021BU01480101</t>
  </si>
  <si>
    <t>Dalfsen Centrum</t>
  </si>
  <si>
    <t>buurt_gegeneraliseerd_2021.f91a3f50-6006-461f-8376-a43db6d2368c</t>
  </si>
  <si>
    <t>BU01480102</t>
  </si>
  <si>
    <t>2021BU01480102</t>
  </si>
  <si>
    <t>Vechtvliet-Leemcule</t>
  </si>
  <si>
    <t>buurt_gegeneraliseerd_2021.9ebc6a2d-bb8b-49e3-bfee-200544efc9cb</t>
  </si>
  <si>
    <t>BU01480103</t>
  </si>
  <si>
    <t>2021BU01480103</t>
  </si>
  <si>
    <t>Pleijendal</t>
  </si>
  <si>
    <t>buurt_gegeneraliseerd_2021.e86ec4af-2f5d-4d95-874f-a2c990aab23c</t>
  </si>
  <si>
    <t>BU01480104</t>
  </si>
  <si>
    <t>2021BU01480104</t>
  </si>
  <si>
    <t>Polhaar</t>
  </si>
  <si>
    <t>buurt_gegeneraliseerd_2021.c4c59953-046b-42cd-8e06-cbe64726070f</t>
  </si>
  <si>
    <t>BU01480105</t>
  </si>
  <si>
    <t>2021BU01480105</t>
  </si>
  <si>
    <t>Ankummer Es</t>
  </si>
  <si>
    <t>buurt_gegeneraliseerd_2021.ab5755d2-199c-460c-a4f3-2586390a7b4b</t>
  </si>
  <si>
    <t>BU01480106</t>
  </si>
  <si>
    <t>2021BU01480106</t>
  </si>
  <si>
    <t>Gernermarke-Oosterdalfsen</t>
  </si>
  <si>
    <t>buurt_gegeneraliseerd_2021.e6d6f46a-669a-4439-818c-86c92a3dd679</t>
  </si>
  <si>
    <t>BU01480107</t>
  </si>
  <si>
    <t>2021BU01480107</t>
  </si>
  <si>
    <t>Bedrijventerrein Rondweg</t>
  </si>
  <si>
    <t>buurt_gegeneraliseerd_2021.ed7f9fce-4c30-4a8e-9d62-b7318c7d50d7</t>
  </si>
  <si>
    <t>BU01480108</t>
  </si>
  <si>
    <t>2021BU01480108</t>
  </si>
  <si>
    <t>Ankum kern</t>
  </si>
  <si>
    <t>buurt_gegeneraliseerd_2021.271c8965-3a1b-4fce-a2f6-3655dbeddf81</t>
  </si>
  <si>
    <t>BU01480109</t>
  </si>
  <si>
    <t>2021BU01480109</t>
  </si>
  <si>
    <t>Verspreide huizen Ankum</t>
  </si>
  <si>
    <t>buurt_gegeneraliseerd_2021.1bf3bbcb-12e8-4d2d-a896-4bbb17e554f4</t>
  </si>
  <si>
    <t>BU01480110</t>
  </si>
  <si>
    <t>2021BU01480110</t>
  </si>
  <si>
    <t>Verspreide huizen Dalfserveld</t>
  </si>
  <si>
    <t>buurt_gegeneraliseerd_2021.177eeed0-62c2-43a5-aea6-65e5f387feea</t>
  </si>
  <si>
    <t>BU01480111</t>
  </si>
  <si>
    <t>2021BU01480111</t>
  </si>
  <si>
    <t>Verspreide huizen Welsum-Gerner</t>
  </si>
  <si>
    <t>buurt_gegeneraliseerd_2021.2e9c5b20-ed97-4a76-abbb-a7711e6de0a0</t>
  </si>
  <si>
    <t>BU01480115</t>
  </si>
  <si>
    <t>2021BU01480115</t>
  </si>
  <si>
    <t>Verspreide huizen Emmen-De Marshoek</t>
  </si>
  <si>
    <t>buurt_gegeneraliseerd_2021.7455e488-424b-4301-ac01-16aec8d661b9</t>
  </si>
  <si>
    <t>BU01480118</t>
  </si>
  <si>
    <t>2021BU01480118</t>
  </si>
  <si>
    <t>Oudleusen kern</t>
  </si>
  <si>
    <t>buurt_gegeneraliseerd_2021.662446ef-9577-41cb-a912-702cf3cd9d3f</t>
  </si>
  <si>
    <t>BU01480119</t>
  </si>
  <si>
    <t>2021BU01480119</t>
  </si>
  <si>
    <t>Verspreide huizen Oudleusenerveld</t>
  </si>
  <si>
    <t>buurt_gegeneraliseerd_2021.1902787a-b87e-4c8c-b83f-12ab601f541a</t>
  </si>
  <si>
    <t>BU01480201</t>
  </si>
  <si>
    <t>2021BU01480201</t>
  </si>
  <si>
    <t>Nieuwleusen Noord</t>
  </si>
  <si>
    <t>buurt_gegeneraliseerd_2021.004df256-83d0-4fcd-bd53-a137b233c878</t>
  </si>
  <si>
    <t>BU01480202</t>
  </si>
  <si>
    <t>2021BU01480202</t>
  </si>
  <si>
    <t>Nieuwleusen Centrum-noord</t>
  </si>
  <si>
    <t>buurt_gegeneraliseerd_2021.42114166-0773-41ae-b1ee-f3df6995bd4d</t>
  </si>
  <si>
    <t>BU01480203</t>
  </si>
  <si>
    <t>2021BU01480203</t>
  </si>
  <si>
    <t>Nieuwleusen Centrum-zuid</t>
  </si>
  <si>
    <t>buurt_gegeneraliseerd_2021.b140b34e-b9cd-476c-99c5-1299ff52c444</t>
  </si>
  <si>
    <t>BU01480204</t>
  </si>
  <si>
    <t>2021BU01480204</t>
  </si>
  <si>
    <t>Nieuwleusen Zuid</t>
  </si>
  <si>
    <t>buurt_gegeneraliseerd_2021.9e73335a-3d56-4643-ae2c-0d5df75aac60</t>
  </si>
  <si>
    <t>BU01480205</t>
  </si>
  <si>
    <t>2021BU01480205</t>
  </si>
  <si>
    <t>Westerbouwlanden</t>
  </si>
  <si>
    <t>buurt_gegeneraliseerd_2021.fa03f9ed-c021-4eff-af0a-7eea900e4ec5</t>
  </si>
  <si>
    <t>BU01480206</t>
  </si>
  <si>
    <t>2021BU01480206</t>
  </si>
  <si>
    <t>Bedrijventerrein De Grift</t>
  </si>
  <si>
    <t>buurt_gegeneraliseerd_2021.869379dc-aee4-4e2d-bd12-edd384a69f83</t>
  </si>
  <si>
    <t>BU01480207</t>
  </si>
  <si>
    <t>2021BU01480207</t>
  </si>
  <si>
    <t>Bedrijventerrein De Evenboer</t>
  </si>
  <si>
    <t>buurt_gegeneraliseerd_2021.973c5298-3517-4670-9fde-ca35645753b4</t>
  </si>
  <si>
    <t>BU01480208</t>
  </si>
  <si>
    <t>2021BU01480208</t>
  </si>
  <si>
    <t>Verspreide huizen De Meele</t>
  </si>
  <si>
    <t>buurt_gegeneraliseerd_2021.03211338-b99f-4be1-8372-73d6161c5507</t>
  </si>
  <si>
    <t>BU01480209</t>
  </si>
  <si>
    <t>2021BU01480209</t>
  </si>
  <si>
    <t>Verspreide huizen Oosterhulst</t>
  </si>
  <si>
    <t>buurt_gegeneraliseerd_2021.c6fc95df-02c1-40be-8fb6-7d5053efe127</t>
  </si>
  <si>
    <t>BU01480210</t>
  </si>
  <si>
    <t>2021BU01480210</t>
  </si>
  <si>
    <t>Verspreide huizen Ruitenveen</t>
  </si>
  <si>
    <t>buurt_gegeneraliseerd_2021.d22ef6d0-3f80-44cd-a4f4-f97d59248848</t>
  </si>
  <si>
    <t>BU01480211</t>
  </si>
  <si>
    <t>2021BU01480211</t>
  </si>
  <si>
    <t>Verspreide huizen Oosteinde</t>
  </si>
  <si>
    <t>buurt_gegeneraliseerd_2021.ed07854b-ffa8-4188-971d-349e6c765af6</t>
  </si>
  <si>
    <t>BU01530000</t>
  </si>
  <si>
    <t>2021BU01530000</t>
  </si>
  <si>
    <t>City</t>
  </si>
  <si>
    <t>GM0153</t>
  </si>
  <si>
    <t>buurt_gegeneraliseerd_2021.6efbb6e9-a685-477e-903d-a2b3f238b45b</t>
  </si>
  <si>
    <t>BU01530001</t>
  </si>
  <si>
    <t>2021BU01530001</t>
  </si>
  <si>
    <t>Lasonder, Zeggelt</t>
  </si>
  <si>
    <t>buurt_gegeneraliseerd_2021.0ddb5632-7222-49d2-9069-04d4dbd7b612</t>
  </si>
  <si>
    <t>BU01530002</t>
  </si>
  <si>
    <t>2021BU01530002</t>
  </si>
  <si>
    <t>De Laares</t>
  </si>
  <si>
    <t>buurt_gegeneraliseerd_2021.4e075e41-ac38-4cca-accb-3d88ba9f5cb5</t>
  </si>
  <si>
    <t>BU01530003</t>
  </si>
  <si>
    <t>2021BU01530003</t>
  </si>
  <si>
    <t>De Bothoven</t>
  </si>
  <si>
    <t>buurt_gegeneraliseerd_2021.defd967f-e084-42e7-a177-1e562d39efee</t>
  </si>
  <si>
    <t>BU01530004</t>
  </si>
  <si>
    <t>2021BU01530004</t>
  </si>
  <si>
    <t>Hogeland-Noord</t>
  </si>
  <si>
    <t>buurt_gegeneraliseerd_2021.188f8386-246c-49e2-8a07-6ff2b72fb2cf</t>
  </si>
  <si>
    <t>BU01530005</t>
  </si>
  <si>
    <t>2021BU01530005</t>
  </si>
  <si>
    <t>Getfert</t>
  </si>
  <si>
    <t>buurt_gegeneraliseerd_2021.718f48fc-f827-49f4-a087-4930e5961873</t>
  </si>
  <si>
    <t>BU01530006</t>
  </si>
  <si>
    <t>2021BU01530006</t>
  </si>
  <si>
    <t>Veldkamp-Getfert-West</t>
  </si>
  <si>
    <t>buurt_gegeneraliseerd_2021.b7e5f855-ecec-4b2b-a9cb-887295e6a9e0</t>
  </si>
  <si>
    <t>BU01530007</t>
  </si>
  <si>
    <t>2021BU01530007</t>
  </si>
  <si>
    <t>Horstlanden-Stadsweide</t>
  </si>
  <si>
    <t>buurt_gegeneraliseerd_2021.cdd05598-ef0f-48c0-a6ae-41e5ef40b735</t>
  </si>
  <si>
    <t>BU01530008</t>
  </si>
  <si>
    <t>2021BU01530008</t>
  </si>
  <si>
    <t>Boddenkamp</t>
  </si>
  <si>
    <t>buurt_gegeneraliseerd_2021.468e4792-9420-4103-b36e-3079737b355e</t>
  </si>
  <si>
    <t>BU01530100</t>
  </si>
  <si>
    <t>2021BU01530100</t>
  </si>
  <si>
    <t>Velve-Lindenhof</t>
  </si>
  <si>
    <t>buurt_gegeneraliseerd_2021.ef36c220-abda-482a-80ee-3d6894e023eb</t>
  </si>
  <si>
    <t>BU01530101</t>
  </si>
  <si>
    <t>2021BU01530101</t>
  </si>
  <si>
    <t>Wooldrik</t>
  </si>
  <si>
    <t>buurt_gegeneraliseerd_2021.8f061f64-2cd9-43a1-8178-3af40b3d1b2a</t>
  </si>
  <si>
    <t>BU01530102</t>
  </si>
  <si>
    <t>2021BU01530102</t>
  </si>
  <si>
    <t>Hogeland-Zuid</t>
  </si>
  <si>
    <t>buurt_gegeneraliseerd_2021.bcb57ad3-2183-4044-a7fb-c7c26f450c75</t>
  </si>
  <si>
    <t>BU01530103</t>
  </si>
  <si>
    <t>2021BU01530103</t>
  </si>
  <si>
    <t>Varvik-Diekman</t>
  </si>
  <si>
    <t>buurt_gegeneraliseerd_2021.59c0e04d-e824-4941-b12e-baa188208b32</t>
  </si>
  <si>
    <t>BU01530104</t>
  </si>
  <si>
    <t>2021BU01530104</t>
  </si>
  <si>
    <t>Sleutelkamp</t>
  </si>
  <si>
    <t>buurt_gegeneraliseerd_2021.55778f1b-4a53-4111-bc94-161020ebadb5</t>
  </si>
  <si>
    <t>BU01530105</t>
  </si>
  <si>
    <t>2021BU01530105</t>
  </si>
  <si>
    <t>'t Weldink</t>
  </si>
  <si>
    <t>buurt_gegeneraliseerd_2021.0fe9f5b7-6bc5-479d-9db6-12971003b4fe</t>
  </si>
  <si>
    <t>BU01530106</t>
  </si>
  <si>
    <t>2021BU01530106</t>
  </si>
  <si>
    <t>De Leuriks</t>
  </si>
  <si>
    <t>buurt_gegeneraliseerd_2021.7875966b-74aa-4c78-81b9-351b51b780ff</t>
  </si>
  <si>
    <t>BU01530200</t>
  </si>
  <si>
    <t>2021BU01530200</t>
  </si>
  <si>
    <t>Cromhoffsbleek-Kotman</t>
  </si>
  <si>
    <t>buurt_gegeneraliseerd_2021.7b88b8e1-9379-464e-b9dc-82de96720fca</t>
  </si>
  <si>
    <t>BU01530201</t>
  </si>
  <si>
    <t>2021BU01530201</t>
  </si>
  <si>
    <t>Boswinkel-De Braker</t>
  </si>
  <si>
    <t>buurt_gegeneraliseerd_2021.3a8b98b4-b0ed-484f-832f-78e7c0355b00</t>
  </si>
  <si>
    <t>BU01530202</t>
  </si>
  <si>
    <t>2021BU01530202</t>
  </si>
  <si>
    <t>Pathmos</t>
  </si>
  <si>
    <t>buurt_gegeneraliseerd_2021.f0076789-a563-46ee-9bbb-a9ef08d956a4</t>
  </si>
  <si>
    <t>BU01530203</t>
  </si>
  <si>
    <t>2021BU01530203</t>
  </si>
  <si>
    <t>Stevenfenne</t>
  </si>
  <si>
    <t>buurt_gegeneraliseerd_2021.fade6965-b669-49de-8847-463ed30acfb0</t>
  </si>
  <si>
    <t>BU01530204</t>
  </si>
  <si>
    <t>2021BU01530204</t>
  </si>
  <si>
    <t>Stadsveld-Zuid</t>
  </si>
  <si>
    <t>buurt_gegeneraliseerd_2021.4f9da200-0780-43fc-aaaa-a45d0dfa2b1b</t>
  </si>
  <si>
    <t>BU01530205</t>
  </si>
  <si>
    <t>2021BU01530205</t>
  </si>
  <si>
    <t>Elferink-Heuwkamp</t>
  </si>
  <si>
    <t>buurt_gegeneraliseerd_2021.7089341a-2e92-49b2-bd1f-68c24a4dfabe</t>
  </si>
  <si>
    <t>BU01530206</t>
  </si>
  <si>
    <t>2021BU01530206</t>
  </si>
  <si>
    <t>Stadsveld-Noord-Bruggert</t>
  </si>
  <si>
    <t>buurt_gegeneraliseerd_2021.e0b4ca76-9d50-4923-b087-651a529fbe20</t>
  </si>
  <si>
    <t>BU01530207</t>
  </si>
  <si>
    <t>2021BU01530207</t>
  </si>
  <si>
    <t>'t Zwering</t>
  </si>
  <si>
    <t>buurt_gegeneraliseerd_2021.bf37d56b-12aa-41ee-a822-dd5dd7bfa24c</t>
  </si>
  <si>
    <t>BU01530208</t>
  </si>
  <si>
    <t>2021BU01530208</t>
  </si>
  <si>
    <t>Ruwenbos</t>
  </si>
  <si>
    <t>buurt_gegeneraliseerd_2021.82dd8211-c174-4057-8570-a1186faf6f26</t>
  </si>
  <si>
    <t>BU01530300</t>
  </si>
  <si>
    <t>2021BU01530300</t>
  </si>
  <si>
    <t>Tubantia-Toekomst</t>
  </si>
  <si>
    <t>buurt_gegeneraliseerd_2021.637f3115-f041-4fec-bdd7-18b6b0af1995</t>
  </si>
  <si>
    <t>BU01530301</t>
  </si>
  <si>
    <t>2021BU01530301</t>
  </si>
  <si>
    <t>Twekkelerveld</t>
  </si>
  <si>
    <t>buurt_gegeneraliseerd_2021.958a8e0c-8fcc-4619-9512-efbb31b61c4d</t>
  </si>
  <si>
    <t>BU01530400</t>
  </si>
  <si>
    <t>2021BU01530400</t>
  </si>
  <si>
    <t>Walhof-Roessingh</t>
  </si>
  <si>
    <t>buurt_gegeneraliseerd_2021.5e50f1bf-46ca-4964-8f70-69ef2c969037</t>
  </si>
  <si>
    <t>BU01530401</t>
  </si>
  <si>
    <t>2021BU01530401</t>
  </si>
  <si>
    <t>Bolhaar</t>
  </si>
  <si>
    <t>buurt_gegeneraliseerd_2021.eded15a7-28f3-4815-a49b-a7ad36d2060b</t>
  </si>
  <si>
    <t>BU01530402</t>
  </si>
  <si>
    <t>2021BU01530402</t>
  </si>
  <si>
    <t>Roombeek-Roomveldje</t>
  </si>
  <si>
    <t>buurt_gegeneraliseerd_2021.9be162b8-c3c2-407a-be63-348cb8508726</t>
  </si>
  <si>
    <t>BU01530403</t>
  </si>
  <si>
    <t>2021BU01530403</t>
  </si>
  <si>
    <t>Mekkelholt</t>
  </si>
  <si>
    <t>buurt_gegeneraliseerd_2021.b1591876-de93-4ed1-9388-f523a4563c60</t>
  </si>
  <si>
    <t>BU01530404</t>
  </si>
  <si>
    <t>2021BU01530404</t>
  </si>
  <si>
    <t>Deppenbroek</t>
  </si>
  <si>
    <t>buurt_gegeneraliseerd_2021.8f835c61-5933-4916-8142-3ef453f309bf</t>
  </si>
  <si>
    <t>BU01530405</t>
  </si>
  <si>
    <t>2021BU01530405</t>
  </si>
  <si>
    <t>Voortman-Amelink</t>
  </si>
  <si>
    <t>buurt_gegeneraliseerd_2021.8e021fe0-750f-4e0b-aeb9-7665409fda80</t>
  </si>
  <si>
    <t>BU01530406</t>
  </si>
  <si>
    <t>2021BU01530406</t>
  </si>
  <si>
    <t>Drienerveld-U.T.</t>
  </si>
  <si>
    <t>buurt_gegeneraliseerd_2021.3e273ab7-104b-45e9-9873-0b889a9b80d0</t>
  </si>
  <si>
    <t>BU01530500</t>
  </si>
  <si>
    <t>2021BU01530500</t>
  </si>
  <si>
    <t>Schreurserve</t>
  </si>
  <si>
    <t>buurt_gegeneraliseerd_2021.2edfb03b-96b7-467e-bff2-c0b95cfb509d</t>
  </si>
  <si>
    <t>BU01530501</t>
  </si>
  <si>
    <t>2021BU01530501</t>
  </si>
  <si>
    <t>Ribbelt-Ribbelerbrink</t>
  </si>
  <si>
    <t>buurt_gegeneraliseerd_2021.4f2e138e-8bf3-459b-999e-c0b8fa3ebd31</t>
  </si>
  <si>
    <t>BU01530502</t>
  </si>
  <si>
    <t>2021BU01530502</t>
  </si>
  <si>
    <t>Park Stokhorst</t>
  </si>
  <si>
    <t>buurt_gegeneraliseerd_2021.e52f61cc-e92a-49a4-8829-6a17c333654c</t>
  </si>
  <si>
    <t>BU01530503</t>
  </si>
  <si>
    <t>2021BU01530503</t>
  </si>
  <si>
    <t>Stokhorst</t>
  </si>
  <si>
    <t>buurt_gegeneraliseerd_2021.9883a271-884b-4148-875e-39398992f701</t>
  </si>
  <si>
    <t>BU01530600</t>
  </si>
  <si>
    <t>2021BU01530600</t>
  </si>
  <si>
    <t>Stroinkslanden Noord-Oost</t>
  </si>
  <si>
    <t>buurt_gegeneraliseerd_2021.2c8c1df5-8090-451e-8a41-4ae5e316c9db</t>
  </si>
  <si>
    <t>BU01530601</t>
  </si>
  <si>
    <t>2021BU01530601</t>
  </si>
  <si>
    <t>Stroinkslanden-Zuid</t>
  </si>
  <si>
    <t>buurt_gegeneraliseerd_2021.ee79ff63-4fc9-4b05-8d6c-d6a3cc1b8918</t>
  </si>
  <si>
    <t>BU01530602</t>
  </si>
  <si>
    <t>2021BU01530602</t>
  </si>
  <si>
    <t>Stroinkslanden Noord-West</t>
  </si>
  <si>
    <t>buurt_gegeneraliseerd_2021.b9f2b1f8-6b5c-4cfa-b2cd-73001206eb33</t>
  </si>
  <si>
    <t>BU01530603</t>
  </si>
  <si>
    <t>2021BU01530603</t>
  </si>
  <si>
    <t>Wesselerbrink Noord-Oost</t>
  </si>
  <si>
    <t>buurt_gegeneraliseerd_2021.c023a563-d1c7-48f2-9c0c-e411e8b0a6f4</t>
  </si>
  <si>
    <t>BU01530604</t>
  </si>
  <si>
    <t>2021BU01530604</t>
  </si>
  <si>
    <t>Wesselerbrink Zuid-Oost</t>
  </si>
  <si>
    <t>buurt_gegeneraliseerd_2021.b9f0a7f3-34e3-4dc3-a0d8-17dd9b0b1b84</t>
  </si>
  <si>
    <t>BU01530605</t>
  </si>
  <si>
    <t>2021BU01530605</t>
  </si>
  <si>
    <t>Wesselerbrink Zuid-West</t>
  </si>
  <si>
    <t>buurt_gegeneraliseerd_2021.091d8331-4b2f-4191-9d9e-2db2a0da8a39</t>
  </si>
  <si>
    <t>BU01530606</t>
  </si>
  <si>
    <t>2021BU01530606</t>
  </si>
  <si>
    <t>Wesselerbrink Noord-West</t>
  </si>
  <si>
    <t>buurt_gegeneraliseerd_2021.442cfe43-b83c-4496-b323-ecfd952ed1bd</t>
  </si>
  <si>
    <t>BU01530607</t>
  </si>
  <si>
    <t>2021BU01530607</t>
  </si>
  <si>
    <t>Helmerhoek-Noord</t>
  </si>
  <si>
    <t>buurt_gegeneraliseerd_2021.4de8579e-8861-4cbc-b5da-37f931e1897a</t>
  </si>
  <si>
    <t>BU01530608</t>
  </si>
  <si>
    <t>2021BU01530608</t>
  </si>
  <si>
    <t>Helmerhoek-Zuid</t>
  </si>
  <si>
    <t>buurt_gegeneraliseerd_2021.c416252e-c8fc-4329-9d4d-2133afe5362f</t>
  </si>
  <si>
    <t>BU01530609</t>
  </si>
  <si>
    <t>2021BU01530609</t>
  </si>
  <si>
    <t>het Brunink</t>
  </si>
  <si>
    <t>buurt_gegeneraliseerd_2021.d02a743a-2856-42e4-9cd6-f292cc364f3f</t>
  </si>
  <si>
    <t>BU01530700</t>
  </si>
  <si>
    <t>2021BU01530700</t>
  </si>
  <si>
    <t>Industrie- en havengebied</t>
  </si>
  <si>
    <t>buurt_gegeneraliseerd_2021.8505afc0-c1c4-499f-afd7-9be1b2d25929</t>
  </si>
  <si>
    <t>BU01530701</t>
  </si>
  <si>
    <t>2021BU01530701</t>
  </si>
  <si>
    <t>Marssteden</t>
  </si>
  <si>
    <t>buurt_gegeneraliseerd_2021.a1f2fd48-520d-4972-9d51-ec8bcd6a8c18</t>
  </si>
  <si>
    <t>BU01530702</t>
  </si>
  <si>
    <t>2021BU01530702</t>
  </si>
  <si>
    <t>Koekoeksbeekhoek</t>
  </si>
  <si>
    <t>buurt_gegeneraliseerd_2021.2124444f-eeec-4a2f-a9a2-e1e3aeee4179</t>
  </si>
  <si>
    <t>BU01530703</t>
  </si>
  <si>
    <t>2021BU01530703</t>
  </si>
  <si>
    <t>Kennispark</t>
  </si>
  <si>
    <t>buurt_gegeneraliseerd_2021.e72007c7-ab2b-4a06-9a12-6f04ce905cd0</t>
  </si>
  <si>
    <t>BU01530800</t>
  </si>
  <si>
    <t>2021BU01530800</t>
  </si>
  <si>
    <t>Glanerveld</t>
  </si>
  <si>
    <t>buurt_gegeneraliseerd_2021.135c3718-3c32-400b-ad1a-66e0d438b9db</t>
  </si>
  <si>
    <t>BU01530801</t>
  </si>
  <si>
    <t>2021BU01530801</t>
  </si>
  <si>
    <t>Bentveld-Bultserve</t>
  </si>
  <si>
    <t>buurt_gegeneraliseerd_2021.00f01c3e-f428-4bb3-b37e-054beceae272</t>
  </si>
  <si>
    <t>BU01530802</t>
  </si>
  <si>
    <t>2021BU01530802</t>
  </si>
  <si>
    <t>Schipholt-Glanermaten</t>
  </si>
  <si>
    <t>buurt_gegeneraliseerd_2021.498687f4-52b4-44b1-a282-54f2962dc04f</t>
  </si>
  <si>
    <t>BU01530803</t>
  </si>
  <si>
    <t>2021BU01530803</t>
  </si>
  <si>
    <t>Eekmaat</t>
  </si>
  <si>
    <t>buurt_gegeneraliseerd_2021.06e61adb-4b7a-4e47-aaf7-184462916886</t>
  </si>
  <si>
    <t>BU01530804</t>
  </si>
  <si>
    <t>2021BU01530804</t>
  </si>
  <si>
    <t>Oikos</t>
  </si>
  <si>
    <t>buurt_gegeneraliseerd_2021.e4f3be8d-5493-40d4-aa1f-dd32a0c46250</t>
  </si>
  <si>
    <t>BU01530805</t>
  </si>
  <si>
    <t>2021BU01530805</t>
  </si>
  <si>
    <t>Eilermarke</t>
  </si>
  <si>
    <t>buurt_gegeneraliseerd_2021.32a6a429-edf5-437f-bcde-4e919eb4809c</t>
  </si>
  <si>
    <t>BU01530806</t>
  </si>
  <si>
    <t>2021BU01530806</t>
  </si>
  <si>
    <t>De Slank</t>
  </si>
  <si>
    <t>buurt_gegeneraliseerd_2021.03af0bb7-2b85-44f8-bc76-e9e973378e87</t>
  </si>
  <si>
    <t>BU01530807</t>
  </si>
  <si>
    <t>2021BU01530807</t>
  </si>
  <si>
    <t>Dolphia</t>
  </si>
  <si>
    <t>buurt_gegeneraliseerd_2021.22b30342-e7a4-4237-97d8-0dcb532a5e0d</t>
  </si>
  <si>
    <t>BU01530808</t>
  </si>
  <si>
    <t>2021BU01530808</t>
  </si>
  <si>
    <t>Eekmaat West</t>
  </si>
  <si>
    <t>buurt_gegeneraliseerd_2021.98f553f8-9f47-4b21-bdb7-9afd919a237c</t>
  </si>
  <si>
    <t>BU01530900</t>
  </si>
  <si>
    <t>2021BU01530900</t>
  </si>
  <si>
    <t>Dorp Lonneker</t>
  </si>
  <si>
    <t>buurt_gegeneraliseerd_2021.89a18c94-60ea-42a6-8f27-14a76725debc</t>
  </si>
  <si>
    <t>BU01530901</t>
  </si>
  <si>
    <t>2021BU01530901</t>
  </si>
  <si>
    <t>Dorp Boekelo</t>
  </si>
  <si>
    <t>buurt_gegeneraliseerd_2021.59ff2d64-89da-4298-889b-0b0faa585fa7</t>
  </si>
  <si>
    <t>BU01530902</t>
  </si>
  <si>
    <t>2021BU01530902</t>
  </si>
  <si>
    <t>Buurtschap Lonneker-West</t>
  </si>
  <si>
    <t>buurt_gegeneraliseerd_2021.c9963ac9-cc4c-48c3-a0b4-77368286a751</t>
  </si>
  <si>
    <t>BU01530903</t>
  </si>
  <si>
    <t>2021BU01530903</t>
  </si>
  <si>
    <t>Noord Esmarke</t>
  </si>
  <si>
    <t>buurt_gegeneraliseerd_2021.8b47e8e2-db34-4a88-a8fc-1828c52ad620</t>
  </si>
  <si>
    <t>BU01530904</t>
  </si>
  <si>
    <t>2021BU01530904</t>
  </si>
  <si>
    <t>Buurtschap Zuid-Esmarke</t>
  </si>
  <si>
    <t>buurt_gegeneraliseerd_2021.cdde6bee-2184-4b11-91a6-d35072f75a76</t>
  </si>
  <si>
    <t>BU01530905</t>
  </si>
  <si>
    <t>2021BU01530905</t>
  </si>
  <si>
    <t>Buurtschap Broekheurne</t>
  </si>
  <si>
    <t>buurt_gegeneraliseerd_2021.6fe0cd4b-cbe3-4cf2-82d4-98f61f8c5f6a</t>
  </si>
  <si>
    <t>BU01530906</t>
  </si>
  <si>
    <t>2021BU01530906</t>
  </si>
  <si>
    <t>Buurtschap Usselo</t>
  </si>
  <si>
    <t>buurt_gegeneraliseerd_2021.8d3f0fb0-8895-4094-81d5-86778f8110d1</t>
  </si>
  <si>
    <t>BU01530907</t>
  </si>
  <si>
    <t>2021BU01530907</t>
  </si>
  <si>
    <t>Boekelerveld</t>
  </si>
  <si>
    <t>buurt_gegeneraliseerd_2021.9c33b51d-3d9f-4249-9bb1-e0030984bd4e</t>
  </si>
  <si>
    <t>BU01530908</t>
  </si>
  <si>
    <t>2021BU01530908</t>
  </si>
  <si>
    <t>Buurtschap Twekkelo</t>
  </si>
  <si>
    <t>buurt_gegeneraliseerd_2021.d8e48dbf-7a99-4ca6-b8a7-86d9d8e19d29</t>
  </si>
  <si>
    <t>BU01580001</t>
  </si>
  <si>
    <t>2021BU01580001</t>
  </si>
  <si>
    <t>Haaksbergen Kern-1</t>
  </si>
  <si>
    <t>GM0158</t>
  </si>
  <si>
    <t>buurt_gegeneraliseerd_2021.9a2ea5bb-e79c-4ab7-b9c5-f6e172658149</t>
  </si>
  <si>
    <t>BU01580002</t>
  </si>
  <si>
    <t>2021BU01580002</t>
  </si>
  <si>
    <t>Haaksbergen Kern-2</t>
  </si>
  <si>
    <t>buurt_gegeneraliseerd_2021.1fc84fd6-5318-42e4-a86f-d6bad4be12bd</t>
  </si>
  <si>
    <t>BU01580003</t>
  </si>
  <si>
    <t>2021BU01580003</t>
  </si>
  <si>
    <t>Haaksbergen Kern-3</t>
  </si>
  <si>
    <t>buurt_gegeneraliseerd_2021.e0195663-058b-489f-a69d-db543f533ecf</t>
  </si>
  <si>
    <t>BU01580004</t>
  </si>
  <si>
    <t>2021BU01580004</t>
  </si>
  <si>
    <t>Haaksbergen Kern-4</t>
  </si>
  <si>
    <t>buurt_gegeneraliseerd_2021.45478be6-b55b-4ef5-bfb2-aa9808f9ee60</t>
  </si>
  <si>
    <t>BU01580010</t>
  </si>
  <si>
    <t>2021BU01580010</t>
  </si>
  <si>
    <t>Veldmaat 1</t>
  </si>
  <si>
    <t>buurt_gegeneraliseerd_2021.e01b7c3d-27ec-4bad-a5c9-d676831e5796</t>
  </si>
  <si>
    <t>BU01580011</t>
  </si>
  <si>
    <t>2021BU01580011</t>
  </si>
  <si>
    <t>Veldmaat 2</t>
  </si>
  <si>
    <t>buurt_gegeneraliseerd_2021.2633f637-e97c-424c-85fe-b5c81a29a062</t>
  </si>
  <si>
    <t>BU01580020</t>
  </si>
  <si>
    <t>2021BU01580020</t>
  </si>
  <si>
    <t>Leemdijk</t>
  </si>
  <si>
    <t>buurt_gegeneraliseerd_2021.0f25770b-8b3c-4768-8073-0d77abd759bf</t>
  </si>
  <si>
    <t>BU01580030</t>
  </si>
  <si>
    <t>2021BU01580030</t>
  </si>
  <si>
    <t>Zienesch</t>
  </si>
  <si>
    <t>buurt_gegeneraliseerd_2021.5d74d81f-d422-472d-86d6-513a6020df1e</t>
  </si>
  <si>
    <t>BU01580040</t>
  </si>
  <si>
    <t>2021BU01580040</t>
  </si>
  <si>
    <t>De Pas</t>
  </si>
  <si>
    <t>buurt_gegeneraliseerd_2021.7f18277b-e8d7-4369-8160-0aaef99595a7</t>
  </si>
  <si>
    <t>BU01580041</t>
  </si>
  <si>
    <t>2021BU01580041</t>
  </si>
  <si>
    <t>De Els</t>
  </si>
  <si>
    <t>buurt_gegeneraliseerd_2021.467c3188-1c9c-4ee5-a30e-cbe18445d3bf</t>
  </si>
  <si>
    <t>BU01580050</t>
  </si>
  <si>
    <t>2021BU01580050</t>
  </si>
  <si>
    <t>Wolferink 1 en 4</t>
  </si>
  <si>
    <t>buurt_gegeneraliseerd_2021.36c087d7-27e1-4676-9dec-b2badb5a305f</t>
  </si>
  <si>
    <t>BU01580051</t>
  </si>
  <si>
    <t>2021BU01580051</t>
  </si>
  <si>
    <t>Wolferink 2</t>
  </si>
  <si>
    <t>buurt_gegeneraliseerd_2021.9b309c45-3915-42e5-a38b-b1719b6c02e4</t>
  </si>
  <si>
    <t>BU01580052</t>
  </si>
  <si>
    <t>2021BU01580052</t>
  </si>
  <si>
    <t>Wolferink 5</t>
  </si>
  <si>
    <t>buurt_gegeneraliseerd_2021.755d1eff-dcdc-47cf-9aba-f969862bc1b6</t>
  </si>
  <si>
    <t>BU01580053</t>
  </si>
  <si>
    <t>2021BU01580053</t>
  </si>
  <si>
    <t>Wolferink 3</t>
  </si>
  <si>
    <t>buurt_gegeneraliseerd_2021.696655c1-72a2-4713-9177-0045bdee445f</t>
  </si>
  <si>
    <t>BU01580060</t>
  </si>
  <si>
    <t>2021BU01580060</t>
  </si>
  <si>
    <t>Hassinkbrink</t>
  </si>
  <si>
    <t>buurt_gegeneraliseerd_2021.6631a435-dfba-4ca5-99f0-020d4b64216f</t>
  </si>
  <si>
    <t>BU01580090</t>
  </si>
  <si>
    <t>2021BU01580090</t>
  </si>
  <si>
    <t>Industriegebied West</t>
  </si>
  <si>
    <t>buurt_gegeneraliseerd_2021.227ba7d3-9bb8-435b-a66c-1d4dc7846163</t>
  </si>
  <si>
    <t>BU01580091</t>
  </si>
  <si>
    <t>2021BU01580091</t>
  </si>
  <si>
    <t>Industriegebied Brammelo</t>
  </si>
  <si>
    <t>buurt_gegeneraliseerd_2021.180c4669-df3b-4c90-8c66-c49cb087ed55</t>
  </si>
  <si>
    <t>BU01580160</t>
  </si>
  <si>
    <t>2021BU01580160</t>
  </si>
  <si>
    <t>Verspreide huizen Langelo ten noorden van de spoorlijn</t>
  </si>
  <si>
    <t>buurt_gegeneraliseerd_2021.94a96e6c-b2d7-483a-94f3-33d73a73efdf</t>
  </si>
  <si>
    <t>BU01580170</t>
  </si>
  <si>
    <t>2021BU01580170</t>
  </si>
  <si>
    <t>Verspreide huizen Langelo (gedeeltelijk) en Honesch</t>
  </si>
  <si>
    <t>buurt_gegeneraliseerd_2021.5c7a6fee-6e73-487a-bb7d-24e0c216622e</t>
  </si>
  <si>
    <t>BU01580180</t>
  </si>
  <si>
    <t>2021BU01580180</t>
  </si>
  <si>
    <t>Verspreide huizen Veldmaat ten zuiden van de spoorlijn</t>
  </si>
  <si>
    <t>buurt_gegeneraliseerd_2021.297bd21a-4cff-440b-a85c-e82429cb6027</t>
  </si>
  <si>
    <t>BU01580190</t>
  </si>
  <si>
    <t>2021BU01580190</t>
  </si>
  <si>
    <t>Verspreide huizen Veldmaat ten noorden van de spoorlijn</t>
  </si>
  <si>
    <t>buurt_gegeneraliseerd_2021.d5e8dd31-726e-4ab4-88f4-c9e572acb575</t>
  </si>
  <si>
    <t>BU01580200</t>
  </si>
  <si>
    <t>2021BU01580200</t>
  </si>
  <si>
    <t>Sint Isidorushoeve kern</t>
  </si>
  <si>
    <t>buurt_gegeneraliseerd_2021.98b52f40-3ed0-448d-8626-1c451773caca</t>
  </si>
  <si>
    <t>BU01580290</t>
  </si>
  <si>
    <t>2021BU01580290</t>
  </si>
  <si>
    <t>Verspreide huizen Sint Isidorushoeve</t>
  </si>
  <si>
    <t>buurt_gegeneraliseerd_2021.d58d9143-b6c0-4bf7-9ecc-f992e1190aee</t>
  </si>
  <si>
    <t>BU01580300</t>
  </si>
  <si>
    <t>2021BU01580300</t>
  </si>
  <si>
    <t>Buurse kern</t>
  </si>
  <si>
    <t>buurt_gegeneraliseerd_2021.3942e17d-92da-4c81-bffa-228610b1f220</t>
  </si>
  <si>
    <t>BU01580390</t>
  </si>
  <si>
    <t>2021BU01580390</t>
  </si>
  <si>
    <t>Verspreide huizen Buurse</t>
  </si>
  <si>
    <t>buurt_gegeneraliseerd_2021.fb27685d-f2d1-4339-adb1-921cf0611eba</t>
  </si>
  <si>
    <t>BU01580490</t>
  </si>
  <si>
    <t>2021BU01580490</t>
  </si>
  <si>
    <t>Verspreide huizen Brammelo</t>
  </si>
  <si>
    <t>buurt_gegeneraliseerd_2021.458c52cf-5fd9-4773-a8c9-865191a229b5</t>
  </si>
  <si>
    <t>BU01580590</t>
  </si>
  <si>
    <t>2021BU01580590</t>
  </si>
  <si>
    <t>Verspreide huizen Bretelerveld</t>
  </si>
  <si>
    <t>buurt_gegeneraliseerd_2021.48c0cd6a-e66e-4aa8-83d1-d47aa6f4eb72</t>
  </si>
  <si>
    <t>BU01580690</t>
  </si>
  <si>
    <t>2021BU01580690</t>
  </si>
  <si>
    <t>Verspreide huizen Stepelo (gedeeltelijk)</t>
  </si>
  <si>
    <t>buurt_gegeneraliseerd_2021.ee649296-0115-4773-afcb-649f5db2149c</t>
  </si>
  <si>
    <t>BU01580900</t>
  </si>
  <si>
    <t>2021BU01580900</t>
  </si>
  <si>
    <t>Haaksbergen Kern-Centrum</t>
  </si>
  <si>
    <t>buurt_gegeneraliseerd_2021.401c86af-2d29-452c-b5c4-0b629da166e4</t>
  </si>
  <si>
    <t>BU01600101</t>
  </si>
  <si>
    <t>2021BU01600101</t>
  </si>
  <si>
    <t>Ane Dorp</t>
  </si>
  <si>
    <t>GM0160</t>
  </si>
  <si>
    <t>buurt_gegeneraliseerd_2021.7c68818a-ac67-4250-9f27-d6dfb3f99805</t>
  </si>
  <si>
    <t>BU01600102</t>
  </si>
  <si>
    <t>2021BU01600102</t>
  </si>
  <si>
    <t>Verspreide huizen Ane</t>
  </si>
  <si>
    <t>buurt_gegeneraliseerd_2021.546ef3ab-eecb-44b1-b7ca-838e148d499c</t>
  </si>
  <si>
    <t>BU01600201</t>
  </si>
  <si>
    <t>2021BU01600201</t>
  </si>
  <si>
    <t>Verspreide huizen Anerveen</t>
  </si>
  <si>
    <t>buurt_gegeneraliseerd_2021.6cbc4587-3fdf-419a-9c01-478138b09a93</t>
  </si>
  <si>
    <t>BU01600301</t>
  </si>
  <si>
    <t>2021BU01600301</t>
  </si>
  <si>
    <t>Verspreide huizen Anevelde</t>
  </si>
  <si>
    <t>buurt_gegeneraliseerd_2021.0eeb053f-99a3-43bb-89c8-94906e68e96d</t>
  </si>
  <si>
    <t>BU01600401</t>
  </si>
  <si>
    <t>2021BU01600401</t>
  </si>
  <si>
    <t>Balkbrug-Zuidwest</t>
  </si>
  <si>
    <t>buurt_gegeneraliseerd_2021.b8c83ecc-b7c9-48f6-9cc6-621f22b4901e</t>
  </si>
  <si>
    <t>BU01600402</t>
  </si>
  <si>
    <t>2021BU01600402</t>
  </si>
  <si>
    <t>Balkbrug-Noord</t>
  </si>
  <si>
    <t>buurt_gegeneraliseerd_2021.5629127c-6d01-43f2-97e7-0cea52d1da5b</t>
  </si>
  <si>
    <t>BU01600403</t>
  </si>
  <si>
    <t>2021BU01600403</t>
  </si>
  <si>
    <t>Balkbrug-Zuidoost</t>
  </si>
  <si>
    <t>buurt_gegeneraliseerd_2021.bad2bd11-bfa6-40ea-9404-671b670ffc60</t>
  </si>
  <si>
    <t>BU01600404</t>
  </si>
  <si>
    <t>2021BU01600404</t>
  </si>
  <si>
    <t>Balkbrug-Benedenvaart</t>
  </si>
  <si>
    <t>buurt_gegeneraliseerd_2021.f814d0f7-6f20-465a-8dee-d88a48c4cefb</t>
  </si>
  <si>
    <t>BU01600405</t>
  </si>
  <si>
    <t>2021BU01600405</t>
  </si>
  <si>
    <t>Verspreide huizen De Kolonie</t>
  </si>
  <si>
    <t>buurt_gegeneraliseerd_2021.1684558f-a4ec-4326-b719-f31696fb8134</t>
  </si>
  <si>
    <t>BU01600406</t>
  </si>
  <si>
    <t>2021BU01600406</t>
  </si>
  <si>
    <t>Verspreide huizen Reestgebied (ged.)</t>
  </si>
  <si>
    <t>buurt_gegeneraliseerd_2021.f1df46eb-b72a-4bc3-9fdb-fb625dd3859c</t>
  </si>
  <si>
    <t>BU01600407</t>
  </si>
  <si>
    <t>2021BU01600407</t>
  </si>
  <si>
    <t>Verspreide huizen Westerhuizingerveld</t>
  </si>
  <si>
    <t>buurt_gegeneraliseerd_2021.0febbca3-0f98-4291-9512-8ba8fdd1eb3d</t>
  </si>
  <si>
    <t>BU01600501</t>
  </si>
  <si>
    <t>2021BU01600501</t>
  </si>
  <si>
    <t>Bergentheim Kern</t>
  </si>
  <si>
    <t>buurt_gegeneraliseerd_2021.9d9a620a-199c-49ce-a201-959fc5533246</t>
  </si>
  <si>
    <t>BU01600502</t>
  </si>
  <si>
    <t>2021BU01600502</t>
  </si>
  <si>
    <t>Verspreide huizen Bergentheimerveen</t>
  </si>
  <si>
    <t>buurt_gegeneraliseerd_2021.7e0d81d2-99cc-4e67-ac7b-225bbb135966</t>
  </si>
  <si>
    <t>BU01600503</t>
  </si>
  <si>
    <t>2021BU01600503</t>
  </si>
  <si>
    <t>Verspreide huizen Oud-Bergentheim</t>
  </si>
  <si>
    <t>buurt_gegeneraliseerd_2021.188df760-44d6-4d28-bf27-9b463bd91f85</t>
  </si>
  <si>
    <t>BU01600601</t>
  </si>
  <si>
    <t>2021BU01600601</t>
  </si>
  <si>
    <t>Brucht</t>
  </si>
  <si>
    <t>buurt_gegeneraliseerd_2021.e6e23b48-f91b-44eb-b86a-b7fe2db89bc8</t>
  </si>
  <si>
    <t>BU01600701</t>
  </si>
  <si>
    <t>2021BU01600701</t>
  </si>
  <si>
    <t>Collendoorn</t>
  </si>
  <si>
    <t>buurt_gegeneraliseerd_2021.d9dc9a22-9b6d-40b3-8ea7-b5513b525852</t>
  </si>
  <si>
    <t>BU01600801</t>
  </si>
  <si>
    <t>2021BU01600801</t>
  </si>
  <si>
    <t>De Krim</t>
  </si>
  <si>
    <t>buurt_gegeneraliseerd_2021.af286265-3051-47b3-bb39-64d17203bde1</t>
  </si>
  <si>
    <t>BU01600802</t>
  </si>
  <si>
    <t>2021BU01600802</t>
  </si>
  <si>
    <t>De Krim-Streekdorp</t>
  </si>
  <si>
    <t>buurt_gegeneraliseerd_2021.222f55b8-8e3f-4712-bf4f-158a5d2c361d</t>
  </si>
  <si>
    <t>BU01600803</t>
  </si>
  <si>
    <t>2021BU01600803</t>
  </si>
  <si>
    <t>De Krim-Zuid</t>
  </si>
  <si>
    <t>buurt_gegeneraliseerd_2021.96432da1-f22e-40cf-8b37-07eeb02601ca</t>
  </si>
  <si>
    <t>BU01600804</t>
  </si>
  <si>
    <t>2021BU01600804</t>
  </si>
  <si>
    <t>Verspreide huizen De Krim</t>
  </si>
  <si>
    <t>buurt_gegeneraliseerd_2021.bf70e49e-bb3b-4ead-bb33-bdf86dba821d</t>
  </si>
  <si>
    <t>BU01600805</t>
  </si>
  <si>
    <t>2021BU01600805</t>
  </si>
  <si>
    <t>buurt_gegeneraliseerd_2021.b08ab75a-9c27-4712-be79-57df69060df6</t>
  </si>
  <si>
    <t>BU01600901</t>
  </si>
  <si>
    <t>2021BU01600901</t>
  </si>
  <si>
    <t>Dedemsvaart-Noord</t>
  </si>
  <si>
    <t>buurt_gegeneraliseerd_2021.29db41b5-d051-402a-9115-c3d7b0123ebb</t>
  </si>
  <si>
    <t>BU01600902</t>
  </si>
  <si>
    <t>2021BU01600902</t>
  </si>
  <si>
    <t>Dedemsvaart-Zuidwest</t>
  </si>
  <si>
    <t>buurt_gegeneraliseerd_2021.1950be08-62db-4219-869d-39111c79b790</t>
  </si>
  <si>
    <t>BU01600903</t>
  </si>
  <si>
    <t>2021BU01600903</t>
  </si>
  <si>
    <t>Dedemsvaart-Zuidoost</t>
  </si>
  <si>
    <t>buurt_gegeneraliseerd_2021.4f521638-aa81-4f36-8d3a-13239a175e36</t>
  </si>
  <si>
    <t>BU01600904</t>
  </si>
  <si>
    <t>2021BU01600904</t>
  </si>
  <si>
    <t>Rheezerend</t>
  </si>
  <si>
    <t>buurt_gegeneraliseerd_2021.dc373075-5a74-49d5-8d8e-0a655f194b9d</t>
  </si>
  <si>
    <t>BU01600905</t>
  </si>
  <si>
    <t>2021BU01600905</t>
  </si>
  <si>
    <t>Industriegebied Rollepaal</t>
  </si>
  <si>
    <t>buurt_gegeneraliseerd_2021.d4332894-f0dd-409c-bcbc-865d778421b0</t>
  </si>
  <si>
    <t>BU01600906</t>
  </si>
  <si>
    <t>2021BU01600906</t>
  </si>
  <si>
    <t>Verspreide huizen Colenbranderbos</t>
  </si>
  <si>
    <t>buurt_gegeneraliseerd_2021.a764d832-7b91-4af2-892e-f4034b07e77a</t>
  </si>
  <si>
    <t>BU01600907</t>
  </si>
  <si>
    <t>2021BU01600907</t>
  </si>
  <si>
    <t>Verspreide huizen Dedemsvaart</t>
  </si>
  <si>
    <t>buurt_gegeneraliseerd_2021.a3b58e86-a65d-4378-b040-2fca0282240c</t>
  </si>
  <si>
    <t>BU01600908</t>
  </si>
  <si>
    <t>2021BU01600908</t>
  </si>
  <si>
    <t>Verspreide huizen Ommerkanaal</t>
  </si>
  <si>
    <t>buurt_gegeneraliseerd_2021.49f143ce-6f2e-42ae-93d0-41e182908838</t>
  </si>
  <si>
    <t>BU01600909</t>
  </si>
  <si>
    <t>2021BU01600909</t>
  </si>
  <si>
    <t>Verspreide huizen Reestgebied</t>
  </si>
  <si>
    <t>buurt_gegeneraliseerd_2021.682c126a-8cc4-43b2-904e-7de9ae390618</t>
  </si>
  <si>
    <t>BU01601001</t>
  </si>
  <si>
    <t>2021BU01601001</t>
  </si>
  <si>
    <t>Verspreide huizen Den Velde</t>
  </si>
  <si>
    <t>buurt_gegeneraliseerd_2021.c7fe35f0-273e-463d-8faa-6d77fbb5b8e0</t>
  </si>
  <si>
    <t>BU01601101</t>
  </si>
  <si>
    <t>2021BU01601101</t>
  </si>
  <si>
    <t>Diffelen</t>
  </si>
  <si>
    <t>buurt_gegeneraliseerd_2021.e55c8f84-89b3-41b8-87f8-edb08edf2df0</t>
  </si>
  <si>
    <t>BU01601201</t>
  </si>
  <si>
    <t>2021BU01601201</t>
  </si>
  <si>
    <t>Gramsbergen Kern</t>
  </si>
  <si>
    <t>buurt_gegeneraliseerd_2021.debfb9d4-06a6-4bd0-a04f-54d9cb5f9a4a</t>
  </si>
  <si>
    <t>BU01601202</t>
  </si>
  <si>
    <t>2021BU01601202</t>
  </si>
  <si>
    <t>Gramsbergen Uitbreidingsplan</t>
  </si>
  <si>
    <t>buurt_gegeneraliseerd_2021.26aef499-4909-4196-bd58-856d95982b9b</t>
  </si>
  <si>
    <t>BU01601301</t>
  </si>
  <si>
    <t>2021BU01601301</t>
  </si>
  <si>
    <t>Heemserveen</t>
  </si>
  <si>
    <t>buurt_gegeneraliseerd_2021.f1419352-9e78-473d-a653-9bb34750e838</t>
  </si>
  <si>
    <t>BU01601401</t>
  </si>
  <si>
    <t>2021BU01601401</t>
  </si>
  <si>
    <t>Verspreide huizen Holtheme-De Haandrik</t>
  </si>
  <si>
    <t>buurt_gegeneraliseerd_2021.81322204-9a16-4251-bf33-8b45591f8ba1</t>
  </si>
  <si>
    <t>BU01601501</t>
  </si>
  <si>
    <t>2021BU01601501</t>
  </si>
  <si>
    <t>Verspreide huizen Holthone</t>
  </si>
  <si>
    <t>buurt_gegeneraliseerd_2021.c2f4782f-8a8c-4549-ac8a-b65684d9ed4b</t>
  </si>
  <si>
    <t>BU01601601</t>
  </si>
  <si>
    <t>2021BU01601601</t>
  </si>
  <si>
    <t>Hoogenweg</t>
  </si>
  <si>
    <t>buurt_gegeneraliseerd_2021.90541793-6449-44fc-963c-e6992d1eefc8</t>
  </si>
  <si>
    <t>BU01601701</t>
  </si>
  <si>
    <t>2021BU01601701</t>
  </si>
  <si>
    <t>Kloosterhaar Kern</t>
  </si>
  <si>
    <t>buurt_gegeneraliseerd_2021.63d3f4f4-426d-4e61-baae-79c1fe2586e8</t>
  </si>
  <si>
    <t>BU01601702</t>
  </si>
  <si>
    <t>2021BU01601702</t>
  </si>
  <si>
    <t>Verspreide huizen Kloosterhaar</t>
  </si>
  <si>
    <t>buurt_gegeneraliseerd_2021.61bc50d7-53c8-4d1d-b637-5f5b9a6e2b7f</t>
  </si>
  <si>
    <t>BU01601801</t>
  </si>
  <si>
    <t>2021BU01601801</t>
  </si>
  <si>
    <t>Verspreide huizen Loozen</t>
  </si>
  <si>
    <t>buurt_gegeneraliseerd_2021.7f19226b-ee9f-4f71-b07a-c25c23f009b8</t>
  </si>
  <si>
    <t>BU01601901</t>
  </si>
  <si>
    <t>2021BU01601901</t>
  </si>
  <si>
    <t>Lutten Kern</t>
  </si>
  <si>
    <t>buurt_gegeneraliseerd_2021.3d073d6c-e0d8-422e-98d2-1f35dd2513ee</t>
  </si>
  <si>
    <t>BU01601902</t>
  </si>
  <si>
    <t>2021BU01601902</t>
  </si>
  <si>
    <t>Verspreide huizen Lutten-West</t>
  </si>
  <si>
    <t>buurt_gegeneraliseerd_2021.f58b96af-3464-4192-8e19-13dc6ae13d5a</t>
  </si>
  <si>
    <t>BU01601903</t>
  </si>
  <si>
    <t>2021BU01601903</t>
  </si>
  <si>
    <t>Verspreide huizen Lutten-Oost</t>
  </si>
  <si>
    <t>buurt_gegeneraliseerd_2021.3aea6034-73ca-4d36-93fe-3f6c901974ba</t>
  </si>
  <si>
    <t>BU01601904</t>
  </si>
  <si>
    <t>2021BU01601904</t>
  </si>
  <si>
    <t>Verspreide huizen Oud-Lutten</t>
  </si>
  <si>
    <t>buurt_gegeneraliseerd_2021.3be6b1c7-1aa1-4e6e-8773-34a37a23f461</t>
  </si>
  <si>
    <t>BU01602001</t>
  </si>
  <si>
    <t>2021BU01602001</t>
  </si>
  <si>
    <t>Marienberg Kern</t>
  </si>
  <si>
    <t>buurt_gegeneraliseerd_2021.1ba918a9-5c18-46c2-b45f-d33489e749b1</t>
  </si>
  <si>
    <t>BU01602002</t>
  </si>
  <si>
    <t>2021BU01602002</t>
  </si>
  <si>
    <t>Verspreide huizen Marienberg</t>
  </si>
  <si>
    <t>buurt_gegeneraliseerd_2021.8f8bd214-abc8-4e8c-b120-fed8115f1b81</t>
  </si>
  <si>
    <t>BU01602101</t>
  </si>
  <si>
    <t>2021BU01602101</t>
  </si>
  <si>
    <t>Radewijk</t>
  </si>
  <si>
    <t>buurt_gegeneraliseerd_2021.634d6005-1a48-4b34-9247-ffce01754157</t>
  </si>
  <si>
    <t>BU01602201</t>
  </si>
  <si>
    <t>2021BU01602201</t>
  </si>
  <si>
    <t>Rheeze</t>
  </si>
  <si>
    <t>buurt_gegeneraliseerd_2021.3e7f100f-f2a5-4f52-9455-bf2c2d504528</t>
  </si>
  <si>
    <t>BU01602301</t>
  </si>
  <si>
    <t>2021BU01602301</t>
  </si>
  <si>
    <t>Rheezerveen</t>
  </si>
  <si>
    <t>buurt_gegeneraliseerd_2021.8a0dd3a0-f684-459a-8971-3caa284ea354</t>
  </si>
  <si>
    <t>BU01602401</t>
  </si>
  <si>
    <t>2021BU01602401</t>
  </si>
  <si>
    <t>Schuinesloot Kern</t>
  </si>
  <si>
    <t>buurt_gegeneraliseerd_2021.e87e43a6-864b-4ac1-b3fa-ddbd41de568e</t>
  </si>
  <si>
    <t>BU01602402</t>
  </si>
  <si>
    <t>2021BU01602402</t>
  </si>
  <si>
    <t>Verspreide huizen Schuinesloot</t>
  </si>
  <si>
    <t>buurt_gegeneraliseerd_2021.7bb99327-4032-4433-9597-f76480cae35a</t>
  </si>
  <si>
    <t>BU01602501</t>
  </si>
  <si>
    <t>2021BU01602501</t>
  </si>
  <si>
    <t>Sibculo Kern</t>
  </si>
  <si>
    <t>buurt_gegeneraliseerd_2021.6d28b4b6-f51c-4fc2-9fe9-7e5366b18ba1</t>
  </si>
  <si>
    <t>BU01602502</t>
  </si>
  <si>
    <t>2021BU01602502</t>
  </si>
  <si>
    <t>Verspreide huizen Sibculo</t>
  </si>
  <si>
    <t>buurt_gegeneraliseerd_2021.4fa18ed2-7cbb-41d7-8367-712312f6e899</t>
  </si>
  <si>
    <t>BU01602601</t>
  </si>
  <si>
    <t>2021BU01602601</t>
  </si>
  <si>
    <t>Slagharen Kern</t>
  </si>
  <si>
    <t>buurt_gegeneraliseerd_2021.233ddab8-b6fb-4e39-931c-d2ce09382347</t>
  </si>
  <si>
    <t>BU01602602</t>
  </si>
  <si>
    <t>2021BU01602602</t>
  </si>
  <si>
    <t>De Belt</t>
  </si>
  <si>
    <t>buurt_gegeneraliseerd_2021.96833bb0-89e5-4176-b916-d98bf5d2e222</t>
  </si>
  <si>
    <t>BU01602603</t>
  </si>
  <si>
    <t>2021BU01602603</t>
  </si>
  <si>
    <t>Verspreide huizen Slagharen-Oost</t>
  </si>
  <si>
    <t>buurt_gegeneraliseerd_2021.56d0e002-95be-446c-817d-846807e25668</t>
  </si>
  <si>
    <t>BU01602604</t>
  </si>
  <si>
    <t>2021BU01602604</t>
  </si>
  <si>
    <t>Verspreide huizen Slagharen-West</t>
  </si>
  <si>
    <t>buurt_gegeneraliseerd_2021.d75d98cf-5218-40ab-9922-0ded5d59ce05</t>
  </si>
  <si>
    <t>BU01602701</t>
  </si>
  <si>
    <t>2021BU01602701</t>
  </si>
  <si>
    <t>Venebrugge</t>
  </si>
  <si>
    <t>buurt_gegeneraliseerd_2021.4a6236c2-9ea4-43c3-93ce-3f373883458b</t>
  </si>
  <si>
    <t>BU01602801</t>
  </si>
  <si>
    <t>2021BU01602801</t>
  </si>
  <si>
    <t>Overig Stad Hardenberg</t>
  </si>
  <si>
    <t>buurt_gegeneraliseerd_2021.f34bdf65-e933-4e5c-b79d-eab37058a5d5</t>
  </si>
  <si>
    <t>BU01602802</t>
  </si>
  <si>
    <t>2021BU01602802</t>
  </si>
  <si>
    <t>Industriegebied</t>
  </si>
  <si>
    <t>buurt_gegeneraliseerd_2021.9d38a1b0-2101-4ed8-8aeb-38fb624b60da</t>
  </si>
  <si>
    <t>BU01602803</t>
  </si>
  <si>
    <t>2021BU01602803</t>
  </si>
  <si>
    <t>Norden en Hazenbos</t>
  </si>
  <si>
    <t>buurt_gegeneraliseerd_2021.fc564a62-b283-4c53-b6c5-d5b23595584d</t>
  </si>
  <si>
    <t>BU01602804</t>
  </si>
  <si>
    <t>2021BU01602804</t>
  </si>
  <si>
    <t>Heemse-Oost Heemsermars</t>
  </si>
  <si>
    <t>buurt_gegeneraliseerd_2021.e4080c5e-5088-49b4-9b2c-5bbda5b8c4a9</t>
  </si>
  <si>
    <t>BU01602805</t>
  </si>
  <si>
    <t>2021BU01602805</t>
  </si>
  <si>
    <t>Heemse-West Heemserbos</t>
  </si>
  <si>
    <t>buurt_gegeneraliseerd_2021.c5354730-244e-4c87-84d4-1241c67c4ac8</t>
  </si>
  <si>
    <t>BU01602806</t>
  </si>
  <si>
    <t>2021BU01602806</t>
  </si>
  <si>
    <t>Baalder</t>
  </si>
  <si>
    <t>buurt_gegeneraliseerd_2021.bb6652c0-8e17-413c-8378-70042999b237</t>
  </si>
  <si>
    <t>BU01602807</t>
  </si>
  <si>
    <t>2021BU01602807</t>
  </si>
  <si>
    <t>Baalderveld</t>
  </si>
  <si>
    <t>buurt_gegeneraliseerd_2021.45d9ef11-a738-4ce4-839b-fd01921e8175</t>
  </si>
  <si>
    <t>BU01602808</t>
  </si>
  <si>
    <t>2021BU01602808</t>
  </si>
  <si>
    <t>Marslanden</t>
  </si>
  <si>
    <t>buurt_gegeneraliseerd_2021.fd8c291b-07a1-4f15-bf9b-2beeaf08204e</t>
  </si>
  <si>
    <t>BU01602809</t>
  </si>
  <si>
    <t>2021BU01602809</t>
  </si>
  <si>
    <t>Centrum Saneringsgebied</t>
  </si>
  <si>
    <t>buurt_gegeneraliseerd_2021.b1cfc740-9c66-4ad8-acad-b2eeb3a0ab4c</t>
  </si>
  <si>
    <t>BU01602901</t>
  </si>
  <si>
    <t>2021BU01602901</t>
  </si>
  <si>
    <t>Bruchterveld Kern</t>
  </si>
  <si>
    <t>buurt_gegeneraliseerd_2021.cfa7840c-529a-41fc-ba63-8f0c848b404f</t>
  </si>
  <si>
    <t>BU01602902</t>
  </si>
  <si>
    <t>2021BU01602902</t>
  </si>
  <si>
    <t>Verspreide huizen Bruchterveld</t>
  </si>
  <si>
    <t>buurt_gegeneraliseerd_2021.2ccb5d2d-cd79-436f-bfeb-43f97391e6a9</t>
  </si>
  <si>
    <t>BU01630509</t>
  </si>
  <si>
    <t>2021BU01630509</t>
  </si>
  <si>
    <t>Daarlerveen</t>
  </si>
  <si>
    <t>buurt_gegeneraliseerd_2021.6610a135-8e9e-4b5c-aa42-c1beb687e956</t>
  </si>
  <si>
    <t>BU01630900</t>
  </si>
  <si>
    <t>2021BU01630900</t>
  </si>
  <si>
    <t>Dorp Daarlerveen</t>
  </si>
  <si>
    <t>buurt_gegeneraliseerd_2021.d65d393d-48a4-40bc-b284-c85867e317f5</t>
  </si>
  <si>
    <t>BU01640000</t>
  </si>
  <si>
    <t>2021BU01640000</t>
  </si>
  <si>
    <t>Binnenstad-Centrum</t>
  </si>
  <si>
    <t>GM0164</t>
  </si>
  <si>
    <t>buurt_gegeneraliseerd_2021.eae374e6-d093-4dc6-99b3-30156107abc9</t>
  </si>
  <si>
    <t>BU01640001</t>
  </si>
  <si>
    <t>2021BU01640001</t>
  </si>
  <si>
    <t>Binnenstad-West</t>
  </si>
  <si>
    <t>buurt_gegeneraliseerd_2021.b129b5b9-3553-4448-91d3-4cd939ff2ed6</t>
  </si>
  <si>
    <t>BU01640002</t>
  </si>
  <si>
    <t>2021BU01640002</t>
  </si>
  <si>
    <t>Binnenstad-Oost</t>
  </si>
  <si>
    <t>buurt_gegeneraliseerd_2021.4f6142d6-0487-4f98-8de0-c46d7af524aa</t>
  </si>
  <si>
    <t>BU01640100</t>
  </si>
  <si>
    <t>2021BU01640100</t>
  </si>
  <si>
    <t>Hengelose Es-Noord</t>
  </si>
  <si>
    <t>buurt_gegeneraliseerd_2021.3bc993bb-6a21-4691-acd0-b1f9a13d711d</t>
  </si>
  <si>
    <t>BU01640101</t>
  </si>
  <si>
    <t>2021BU01640101</t>
  </si>
  <si>
    <t>Tichelwerk</t>
  </si>
  <si>
    <t>buurt_gegeneraliseerd_2021.fde87302-1c33-4121-8c5f-711f28e8dcbd</t>
  </si>
  <si>
    <t>BU01640102</t>
  </si>
  <si>
    <t>2021BU01640102</t>
  </si>
  <si>
    <t>'t Wilbert</t>
  </si>
  <si>
    <t>buurt_gegeneraliseerd_2021.877a4c84-a2f6-4c8d-9382-c8e7262a48fe</t>
  </si>
  <si>
    <t>BU01640103</t>
  </si>
  <si>
    <t>2021BU01640103</t>
  </si>
  <si>
    <t>Bedrijventerrein Timmersveld</t>
  </si>
  <si>
    <t>buurt_gegeneraliseerd_2021.b6c5f0ae-068c-44d4-abae-90ababd3c858</t>
  </si>
  <si>
    <t>BU01640200</t>
  </si>
  <si>
    <t>2021BU01640200</t>
  </si>
  <si>
    <t>buurt_gegeneraliseerd_2021.5a5a331b-ce48-4d13-93de-db6c625a770d</t>
  </si>
  <si>
    <t>BU01640201</t>
  </si>
  <si>
    <t>2021BU01640201</t>
  </si>
  <si>
    <t>Elsbeek</t>
  </si>
  <si>
    <t>buurt_gegeneraliseerd_2021.6c98a49d-a348-4d7c-b02a-3b19e722b9da</t>
  </si>
  <si>
    <t>BU01640202</t>
  </si>
  <si>
    <t>2021BU01640202</t>
  </si>
  <si>
    <t>De Noork</t>
  </si>
  <si>
    <t>buurt_gegeneraliseerd_2021.30dccf4b-3912-4f33-80c6-d76fac94dfc6</t>
  </si>
  <si>
    <t>BU01640203</t>
  </si>
  <si>
    <t>2021BU01640203</t>
  </si>
  <si>
    <t>Klein Driene</t>
  </si>
  <si>
    <t>buurt_gegeneraliseerd_2021.8ded905e-9ca2-4f48-b3e6-9437a9abe5b9</t>
  </si>
  <si>
    <t>BU01640204</t>
  </si>
  <si>
    <t>2021BU01640204</t>
  </si>
  <si>
    <t>'t Rot</t>
  </si>
  <si>
    <t>buurt_gegeneraliseerd_2021.a6c070db-8970-41fe-bc88-bf19616c1f84</t>
  </si>
  <si>
    <t>BU01640300</t>
  </si>
  <si>
    <t>2021BU01640300</t>
  </si>
  <si>
    <t>Bovenhoek</t>
  </si>
  <si>
    <t>buurt_gegeneraliseerd_2021.22f0fdc9-66e8-4b00-af13-5c91ff2ab349</t>
  </si>
  <si>
    <t>BU01640301</t>
  </si>
  <si>
    <t>2021BU01640301</t>
  </si>
  <si>
    <t>Schothorsthoek</t>
  </si>
  <si>
    <t>buurt_gegeneraliseerd_2021.252d1eb0-aa54-4303-980f-49fc6765c22e</t>
  </si>
  <si>
    <t>BU01640302</t>
  </si>
  <si>
    <t>2021BU01640302</t>
  </si>
  <si>
    <t>Bartelinkshoek</t>
  </si>
  <si>
    <t>buurt_gegeneraliseerd_2021.4e562154-83d2-4852-bc29-7030a0f70d42</t>
  </si>
  <si>
    <t>BU01640303</t>
  </si>
  <si>
    <t>2021BU01640303</t>
  </si>
  <si>
    <t>Tijertshoek</t>
  </si>
  <si>
    <t>buurt_gegeneraliseerd_2021.64b5fd17-e72a-450b-adfc-db05ec64418c</t>
  </si>
  <si>
    <t>BU01640304</t>
  </si>
  <si>
    <t>2021BU01640304</t>
  </si>
  <si>
    <t>Sogtoenhoek</t>
  </si>
  <si>
    <t>buurt_gegeneraliseerd_2021.05b7c6aa-519b-4b3e-a8c3-d24b5178dd19</t>
  </si>
  <si>
    <t>BU01640305</t>
  </si>
  <si>
    <t>2021BU01640305</t>
  </si>
  <si>
    <t>Bruninkshoek</t>
  </si>
  <si>
    <t>buurt_gegeneraliseerd_2021.e60a8e96-29f7-4c31-aa6a-8c976f4054af</t>
  </si>
  <si>
    <t>BU01640306</t>
  </si>
  <si>
    <t>2021BU01640306</t>
  </si>
  <si>
    <t>Middelhoek</t>
  </si>
  <si>
    <t>buurt_gegeneraliseerd_2021.b24c76e7-10df-40e1-aadd-ecf037ae8027</t>
  </si>
  <si>
    <t>BU01640307</t>
  </si>
  <si>
    <t>2021BU01640307</t>
  </si>
  <si>
    <t>Molendijkhoek</t>
  </si>
  <si>
    <t>buurt_gegeneraliseerd_2021.42a17e82-761e-4cca-8e68-f805b320eaf2</t>
  </si>
  <si>
    <t>BU01640308</t>
  </si>
  <si>
    <t>2021BU01640308</t>
  </si>
  <si>
    <t>Weijinkshoek</t>
  </si>
  <si>
    <t>buurt_gegeneraliseerd_2021.18fbc286-e429-4f74-b5d4-f8b7747cdc06</t>
  </si>
  <si>
    <t>BU01640309</t>
  </si>
  <si>
    <t>2021BU01640309</t>
  </si>
  <si>
    <t>Oosterveld</t>
  </si>
  <si>
    <t>buurt_gegeneraliseerd_2021.6483caa8-6e72-43f6-ace5-2f00dc240f85</t>
  </si>
  <si>
    <t>BU01640400</t>
  </si>
  <si>
    <t>2021BU01640400</t>
  </si>
  <si>
    <t>Zwavertshoek</t>
  </si>
  <si>
    <t>buurt_gegeneraliseerd_2021.a62003ee-8d59-421d-94b5-1f9e3b49b121</t>
  </si>
  <si>
    <t>BU01640401</t>
  </si>
  <si>
    <t>2021BU01640401</t>
  </si>
  <si>
    <t>Anninks-/Nijhofshoek</t>
  </si>
  <si>
    <t>buurt_gegeneraliseerd_2021.03037df9-8503-4017-a9fc-334b9861ede6</t>
  </si>
  <si>
    <t>BU01640402</t>
  </si>
  <si>
    <t>2021BU01640402</t>
  </si>
  <si>
    <t>Groot Driene-Zuid</t>
  </si>
  <si>
    <t>buurt_gegeneraliseerd_2021.3b7f3869-49de-4d90-bce7-44417ddccda0</t>
  </si>
  <si>
    <t>BU01640403</t>
  </si>
  <si>
    <t>2021BU01640403</t>
  </si>
  <si>
    <t>Groot Driene-Noord</t>
  </si>
  <si>
    <t>buurt_gegeneraliseerd_2021.c459921c-80e1-4119-b38e-dff7b1ea56a5</t>
  </si>
  <si>
    <t>BU01640500</t>
  </si>
  <si>
    <t>2021BU01640500</t>
  </si>
  <si>
    <t>Bedrijventerrein Twentekanaal-Zuid II</t>
  </si>
  <si>
    <t>buurt_gegeneraliseerd_2021.d39d9ffe-fa55-4716-a03c-768c7653fa43</t>
  </si>
  <si>
    <t>BU01640501</t>
  </si>
  <si>
    <t>2021BU01640501</t>
  </si>
  <si>
    <t>Berflo Es Noord</t>
  </si>
  <si>
    <t>buurt_gegeneraliseerd_2021.6f67bb28-fffe-4914-99b1-519355c9d234</t>
  </si>
  <si>
    <t>BU01640502</t>
  </si>
  <si>
    <t>2021BU01640502</t>
  </si>
  <si>
    <t>Berflo Es Zuid</t>
  </si>
  <si>
    <t>buurt_gegeneraliseerd_2021.044b2db7-da62-4712-b415-0555f2155f10</t>
  </si>
  <si>
    <t>BU01640503</t>
  </si>
  <si>
    <t>2021BU01640503</t>
  </si>
  <si>
    <t>Bedrijventerrein Twentekanaal-Noord II</t>
  </si>
  <si>
    <t>buurt_gegeneraliseerd_2021.363f799d-e705-493d-897f-eab89d794b71</t>
  </si>
  <si>
    <t>BU01640504</t>
  </si>
  <si>
    <t>2021BU01640504</t>
  </si>
  <si>
    <t>Veldwijk-Noord</t>
  </si>
  <si>
    <t>buurt_gegeneraliseerd_2021.46043506-2fa7-4eaa-8f31-93f5894105b6</t>
  </si>
  <si>
    <t>BU01640505</t>
  </si>
  <si>
    <t>2021BU01640505</t>
  </si>
  <si>
    <t>Veldwijk-Zuid</t>
  </si>
  <si>
    <t>buurt_gegeneraliseerd_2021.03cd93f3-59fc-400e-a546-ba6c2d53317d</t>
  </si>
  <si>
    <t>BU01640506</t>
  </si>
  <si>
    <t>2021BU01640506</t>
  </si>
  <si>
    <t>Boeldershoek</t>
  </si>
  <si>
    <t>buurt_gegeneraliseerd_2021.749b2493-51ec-4b00-8f57-1d937c2de5ce</t>
  </si>
  <si>
    <t>BU01640600</t>
  </si>
  <si>
    <t>2021BU01640600</t>
  </si>
  <si>
    <t>Bedrijventerrein Twentekanaal-Zuid I</t>
  </si>
  <si>
    <t>buurt_gegeneraliseerd_2021.29589360-3ea3-4768-a1ae-a4f3f8aa2f85</t>
  </si>
  <si>
    <t>BU01640601</t>
  </si>
  <si>
    <t>2021BU01640601</t>
  </si>
  <si>
    <t>Tuindorp 't Lansink</t>
  </si>
  <si>
    <t>buurt_gegeneraliseerd_2021.d43ae93c-a274-4fa0-80b1-4e3e92ce96be</t>
  </si>
  <si>
    <t>BU01640602</t>
  </si>
  <si>
    <t>2021BU01640602</t>
  </si>
  <si>
    <t>Tuindorp-Zuid</t>
  </si>
  <si>
    <t>buurt_gegeneraliseerd_2021.15103364-af63-4980-b164-ee2c21118ac9</t>
  </si>
  <si>
    <t>BU01640603</t>
  </si>
  <si>
    <t>2021BU01640603</t>
  </si>
  <si>
    <t>Bedrijventerrein Twentekanaal-Noord I</t>
  </si>
  <si>
    <t>buurt_gegeneraliseerd_2021.ba02bf1a-1566-4b0b-973b-8f8f2ebc2a67</t>
  </si>
  <si>
    <t>BU01640604</t>
  </si>
  <si>
    <t>2021BU01640604</t>
  </si>
  <si>
    <t>Nijverheid</t>
  </si>
  <si>
    <t>buurt_gegeneraliseerd_2021.0089ca17-6127-43dd-9dd4-1080fd34962b</t>
  </si>
  <si>
    <t>BU01640605</t>
  </si>
  <si>
    <t>2021BU01640605</t>
  </si>
  <si>
    <t>Vikkerhoek</t>
  </si>
  <si>
    <t>buurt_gegeneraliseerd_2021.d6322ae9-2ed3-4e71-a497-2d2293f8ff55</t>
  </si>
  <si>
    <t>BU01640606</t>
  </si>
  <si>
    <t>2021BU01640606</t>
  </si>
  <si>
    <t>Bedrijventerrein Zeggershoek</t>
  </si>
  <si>
    <t>buurt_gegeneraliseerd_2021.f45970e8-bdbc-47b8-bc85-fb8360c8bf57</t>
  </si>
  <si>
    <t>BU01640700</t>
  </si>
  <si>
    <t>2021BU01640700</t>
  </si>
  <si>
    <t>Bedrijventerrein Westermaat-Zuidwest</t>
  </si>
  <si>
    <t>buurt_gegeneraliseerd_2021.96908872-dd2c-4498-bbc0-9aae9d16f848</t>
  </si>
  <si>
    <t>BU01640701</t>
  </si>
  <si>
    <t>2021BU01640701</t>
  </si>
  <si>
    <t>Woolde</t>
  </si>
  <si>
    <t>buurt_gegeneraliseerd_2021.5c292d33-6fd4-46f4-8625-839893bbcad0</t>
  </si>
  <si>
    <t>BU01640702</t>
  </si>
  <si>
    <t>2021BU01640702</t>
  </si>
  <si>
    <t>Woolder Es</t>
  </si>
  <si>
    <t>buurt_gegeneraliseerd_2021.0d506556-5409-4d5e-9490-219f01a69428</t>
  </si>
  <si>
    <t>BU01640703</t>
  </si>
  <si>
    <t>2021BU01640703</t>
  </si>
  <si>
    <t>Weidedorp</t>
  </si>
  <si>
    <t>buurt_gegeneraliseerd_2021.383df14a-0823-4f8c-b6c6-49e40c728ef3</t>
  </si>
  <si>
    <t>BU01640704</t>
  </si>
  <si>
    <t>2021BU01640704</t>
  </si>
  <si>
    <t>Bedrijvenpark Westermaat-Zuidoost</t>
  </si>
  <si>
    <t>buurt_gegeneraliseerd_2021.ff87fae5-c6c6-4064-8320-a90ac13f8658</t>
  </si>
  <si>
    <t>BU01640705</t>
  </si>
  <si>
    <t>2021BU01640705</t>
  </si>
  <si>
    <t>Bedrijventerrein Westermaat-Noordoost</t>
  </si>
  <si>
    <t>buurt_gegeneraliseerd_2021.de6de790-dcd7-46ae-b783-2accb9032eb1</t>
  </si>
  <si>
    <t>BU01640706</t>
  </si>
  <si>
    <t>2021BU01640706</t>
  </si>
  <si>
    <t>Bedrijventerrein Westermaat-Noordwest</t>
  </si>
  <si>
    <t>buurt_gegeneraliseerd_2021.57b1b4ff-b649-48fb-8f6d-e7bd2a3c471e</t>
  </si>
  <si>
    <t>BU01640800</t>
  </si>
  <si>
    <t>2021BU01640800</t>
  </si>
  <si>
    <t>Roershoek</t>
  </si>
  <si>
    <t>buurt_gegeneraliseerd_2021.4eb330c6-7b6e-48ea-8a08-2ed7ffe39bb9</t>
  </si>
  <si>
    <t>BU01640801</t>
  </si>
  <si>
    <t>2021BU01640801</t>
  </si>
  <si>
    <t>Vossenbelt-Zuid</t>
  </si>
  <si>
    <t>buurt_gegeneraliseerd_2021.5293a9dc-9ed9-491a-b4c9-976e56acfde0</t>
  </si>
  <si>
    <t>BU01640802</t>
  </si>
  <si>
    <t>2021BU01640802</t>
  </si>
  <si>
    <t>Vossenbelt-Noord</t>
  </si>
  <si>
    <t>buurt_gegeneraliseerd_2021.14fa976d-22a9-4de5-9830-0a54d06e911b</t>
  </si>
  <si>
    <t>BU01640803</t>
  </si>
  <si>
    <t>2021BU01640803</t>
  </si>
  <si>
    <t>buurt_gegeneraliseerd_2021.8e4fb484-8f35-4b45-888a-9e51aa8f9d57</t>
  </si>
  <si>
    <t>BU01640804</t>
  </si>
  <si>
    <t>2021BU01640804</t>
  </si>
  <si>
    <t>Kristenbos</t>
  </si>
  <si>
    <t>buurt_gegeneraliseerd_2021.6f8c4e37-f819-46ef-8881-61377da1143c</t>
  </si>
  <si>
    <t>BU01640805</t>
  </si>
  <si>
    <t>2021BU01640805</t>
  </si>
  <si>
    <t>Dalmeden</t>
  </si>
  <si>
    <t>buurt_gegeneraliseerd_2021.e8b109ac-80c5-440b-a52d-04e32b4d8819</t>
  </si>
  <si>
    <t>BU01640900</t>
  </si>
  <si>
    <t>2021BU01640900</t>
  </si>
  <si>
    <t>Beckum kern</t>
  </si>
  <si>
    <t>buurt_gegeneraliseerd_2021.cbe62746-887f-49a3-b0fa-382904048728</t>
  </si>
  <si>
    <t>BU01640901</t>
  </si>
  <si>
    <t>2021BU01640901</t>
  </si>
  <si>
    <t>Verspreide huizen Slangenbeek</t>
  </si>
  <si>
    <t>buurt_gegeneraliseerd_2021.ec951159-5482-4c32-a9ee-3ff4172a46f7</t>
  </si>
  <si>
    <t>BU01640902</t>
  </si>
  <si>
    <t>2021BU01640902</t>
  </si>
  <si>
    <t>Stadspark Weusthag-Noord</t>
  </si>
  <si>
    <t>buurt_gegeneraliseerd_2021.66059d7e-e7de-427a-915d-28099e1e3844</t>
  </si>
  <si>
    <t>BU01640903</t>
  </si>
  <si>
    <t>2021BU01640903</t>
  </si>
  <si>
    <t>Stadspark Weusthag-Zuid</t>
  </si>
  <si>
    <t>buurt_gegeneraliseerd_2021.4031c38a-8cc3-4f01-ae66-b196fdbc4c6a</t>
  </si>
  <si>
    <t>BU01640904</t>
  </si>
  <si>
    <t>2021BU01640904</t>
  </si>
  <si>
    <t>Verspreide huizen Driene</t>
  </si>
  <si>
    <t>buurt_gegeneraliseerd_2021.c77c2755-b0b3-45bd-ba0a-5f0e2bd8c144</t>
  </si>
  <si>
    <t>BU01640905</t>
  </si>
  <si>
    <t>2021BU01640905</t>
  </si>
  <si>
    <t>Verspreide huizen Twekkelo</t>
  </si>
  <si>
    <t>buurt_gegeneraliseerd_2021.9ecc980a-5367-424e-a2ab-b0b0fd7c656e</t>
  </si>
  <si>
    <t>BU01640906</t>
  </si>
  <si>
    <t>2021BU01640906</t>
  </si>
  <si>
    <t>Verspreide huizen Oele</t>
  </si>
  <si>
    <t>buurt_gegeneraliseerd_2021.b924e78e-1178-42a1-88e4-03b4972b4f9d</t>
  </si>
  <si>
    <t>BU01640907</t>
  </si>
  <si>
    <t>2021BU01640907</t>
  </si>
  <si>
    <t>Verspreide huizen Woolde</t>
  </si>
  <si>
    <t>buurt_gegeneraliseerd_2021.67d87207-af11-464e-92ed-d15900485257</t>
  </si>
  <si>
    <t>BU01640909</t>
  </si>
  <si>
    <t>2021BU01640909</t>
  </si>
  <si>
    <t>Verspreide huizen Beckum</t>
  </si>
  <si>
    <t>buurt_gegeneraliseerd_2021.5573c9b3-245e-4ca1-aa9e-3ac226e44ba2</t>
  </si>
  <si>
    <t>BU01660000</t>
  </si>
  <si>
    <t>2021BU01660000</t>
  </si>
  <si>
    <t>Binnenstad Kampen</t>
  </si>
  <si>
    <t>buurt_gegeneraliseerd_2021.61bde2b4-0334-4bf9-9e49-7cd179950dbc</t>
  </si>
  <si>
    <t>BU01660001</t>
  </si>
  <si>
    <t>2021BU01660001</t>
  </si>
  <si>
    <t>Brunnepe</t>
  </si>
  <si>
    <t>buurt_gegeneraliseerd_2021.3f2d996a-ca60-4fe7-8bba-c62ede1acb1e</t>
  </si>
  <si>
    <t>BU01660002</t>
  </si>
  <si>
    <t>2021BU01660002</t>
  </si>
  <si>
    <t>Groene Hart</t>
  </si>
  <si>
    <t>buurt_gegeneraliseerd_2021.34f9d444-dd44-44e1-a8d7-4dff3962c1cd</t>
  </si>
  <si>
    <t>BU01660003</t>
  </si>
  <si>
    <t>2021BU01660003</t>
  </si>
  <si>
    <t>Hanzewijk en Greente</t>
  </si>
  <si>
    <t>buurt_gegeneraliseerd_2021.2502cbf9-4829-4f83-aabb-4dd78faebb73</t>
  </si>
  <si>
    <t>BU01660004</t>
  </si>
  <si>
    <t>2021BU01660004</t>
  </si>
  <si>
    <t>Kampen-Zuid</t>
  </si>
  <si>
    <t>buurt_gegeneraliseerd_2021.064af485-8f2d-4c69-aafb-b83e4461bdb5</t>
  </si>
  <si>
    <t>BU01660005</t>
  </si>
  <si>
    <t>2021BU01660005</t>
  </si>
  <si>
    <t>Flevowijk</t>
  </si>
  <si>
    <t>buurt_gegeneraliseerd_2021.4f5be98b-5010-4682-8e68-d5f808e70738</t>
  </si>
  <si>
    <t>BU01660006</t>
  </si>
  <si>
    <t>2021BU01660006</t>
  </si>
  <si>
    <t>Industrieterrein Kampen</t>
  </si>
  <si>
    <t>buurt_gegeneraliseerd_2021.1652c278-04ee-443a-bfcf-5629edc7e954</t>
  </si>
  <si>
    <t>BU01660007</t>
  </si>
  <si>
    <t>2021BU01660007</t>
  </si>
  <si>
    <t>Bovenbroek</t>
  </si>
  <si>
    <t>buurt_gegeneraliseerd_2021.b08dcaf8-c9bb-453c-911a-6ea8b28a8160</t>
  </si>
  <si>
    <t>BU01660008</t>
  </si>
  <si>
    <t>2021BU01660008</t>
  </si>
  <si>
    <t>Cellesbroek</t>
  </si>
  <si>
    <t>buurt_gegeneraliseerd_2021.e522a22f-84b3-4e22-bfb9-84a6e731549b</t>
  </si>
  <si>
    <t>BU01660009</t>
  </si>
  <si>
    <t>2021BU01660009</t>
  </si>
  <si>
    <t>Hagenbroek</t>
  </si>
  <si>
    <t>buurt_gegeneraliseerd_2021.b09df899-b184-4c9f-a455-a1521189ebba</t>
  </si>
  <si>
    <t>BU01660010</t>
  </si>
  <si>
    <t>2021BU01660010</t>
  </si>
  <si>
    <t>buurt_gegeneraliseerd_2021.080296bb-96f2-42f3-ac7a-6496e064dcaf</t>
  </si>
  <si>
    <t>BU01660011</t>
  </si>
  <si>
    <t>2021BU01660011</t>
  </si>
  <si>
    <t>buurt_gegeneraliseerd_2021.a6487aae-aecf-4830-ac4c-eb1aeb01468c</t>
  </si>
  <si>
    <t>BU01660012</t>
  </si>
  <si>
    <t>2021BU01660012</t>
  </si>
  <si>
    <t>buurt_gegeneraliseerd_2021.48f449dc-fa49-475f-b8b4-e60b57e30c7b</t>
  </si>
  <si>
    <t>BU01660013</t>
  </si>
  <si>
    <t>2021BU01660013</t>
  </si>
  <si>
    <t>Stationskwartier</t>
  </si>
  <si>
    <t>buurt_gegeneraliseerd_2021.58fa5d2d-345d-485e-9f14-e0ae01c6783c</t>
  </si>
  <si>
    <t>BU01660015</t>
  </si>
  <si>
    <t>2021BU01660015</t>
  </si>
  <si>
    <t>Het Onderdijks</t>
  </si>
  <si>
    <t>buurt_gegeneraliseerd_2021.711dd7c5-324b-41ca-b00a-fa8e450f69b3</t>
  </si>
  <si>
    <t>BU01660016</t>
  </si>
  <si>
    <t>2021BU01660016</t>
  </si>
  <si>
    <t>Polder Dronthen</t>
  </si>
  <si>
    <t>buurt_gegeneraliseerd_2021.0b76c018-717e-4f3f-9d57-4517169f6711</t>
  </si>
  <si>
    <t>BU01660017</t>
  </si>
  <si>
    <t>2021BU01660017</t>
  </si>
  <si>
    <t>De Melm</t>
  </si>
  <si>
    <t>buurt_gegeneraliseerd_2021.c25479a9-e785-4373-b1d2-de740a14ee06</t>
  </si>
  <si>
    <t>BU01660018</t>
  </si>
  <si>
    <t>2021BU01660018</t>
  </si>
  <si>
    <t>Kampereiland</t>
  </si>
  <si>
    <t>buurt_gegeneraliseerd_2021.c7ed4305-f3c3-47dc-80aa-61589cd7b970</t>
  </si>
  <si>
    <t>BU01660019</t>
  </si>
  <si>
    <t>2021BU01660019</t>
  </si>
  <si>
    <t>Mandjeswaard</t>
  </si>
  <si>
    <t>buurt_gegeneraliseerd_2021.1b067e92-44df-4cfe-97e2-225b387e5cab</t>
  </si>
  <si>
    <t>BU01660300</t>
  </si>
  <si>
    <t>2021BU01660300</t>
  </si>
  <si>
    <t>IJsselmuiden-Centrum</t>
  </si>
  <si>
    <t>buurt_gegeneraliseerd_2021.0552ebab-8cf5-4b96-b723-b54029c3d372</t>
  </si>
  <si>
    <t>BU01660301</t>
  </si>
  <si>
    <t>2021BU01660301</t>
  </si>
  <si>
    <t>Losselanden</t>
  </si>
  <si>
    <t>buurt_gegeneraliseerd_2021.1b129f7e-9521-4186-bc56-5967559e130c</t>
  </si>
  <si>
    <t>BU01660302</t>
  </si>
  <si>
    <t>2021BU01660302</t>
  </si>
  <si>
    <t>Industrieterrein IJsselmuiden</t>
  </si>
  <si>
    <t>buurt_gegeneraliseerd_2021.482ca189-8cc4-478e-b5df-43086e23f204</t>
  </si>
  <si>
    <t>BU01660303</t>
  </si>
  <si>
    <t>2021BU01660303</t>
  </si>
  <si>
    <t>De Waard</t>
  </si>
  <si>
    <t>buurt_gegeneraliseerd_2021.494b2f94-9ec9-45cd-a975-14f33d3b9ce0</t>
  </si>
  <si>
    <t>BU01660304</t>
  </si>
  <si>
    <t>2021BU01660304</t>
  </si>
  <si>
    <t>De Koekoek</t>
  </si>
  <si>
    <t>buurt_gegeneraliseerd_2021.90c6f305-3f1e-4989-bd93-d7e5399f0117</t>
  </si>
  <si>
    <t>BU01660305</t>
  </si>
  <si>
    <t>2021BU01660305</t>
  </si>
  <si>
    <t>Oosterholt</t>
  </si>
  <si>
    <t>buurt_gegeneraliseerd_2021.9b656f2e-2faf-425e-949b-cac798cd0643</t>
  </si>
  <si>
    <t>BU01660306</t>
  </si>
  <si>
    <t>2021BU01660306</t>
  </si>
  <si>
    <t>Sonnenberg</t>
  </si>
  <si>
    <t>buurt_gegeneraliseerd_2021.f0708043-f1e6-48e7-9cf2-b2850a4dc832</t>
  </si>
  <si>
    <t>BU01660307</t>
  </si>
  <si>
    <t>2021BU01660307</t>
  </si>
  <si>
    <t>Trekvaart</t>
  </si>
  <si>
    <t>buurt_gegeneraliseerd_2021.bf52b8aa-198a-4d4d-bd28-57055b48b866</t>
  </si>
  <si>
    <t>BU01660400</t>
  </si>
  <si>
    <t>2021BU01660400</t>
  </si>
  <si>
    <t>Zalk</t>
  </si>
  <si>
    <t>buurt_gegeneraliseerd_2021.4ba2a8d7-14ab-4db1-8668-b5ac3af322eb</t>
  </si>
  <si>
    <t>BU01660500</t>
  </si>
  <si>
    <t>2021BU01660500</t>
  </si>
  <si>
    <t>Wilsum</t>
  </si>
  <si>
    <t>buurt_gegeneraliseerd_2021.6a53b2a7-6a31-4f6b-9ae4-1c8ea8f976f6</t>
  </si>
  <si>
    <t>BU01660501</t>
  </si>
  <si>
    <t>2021BU01660501</t>
  </si>
  <si>
    <t>Verspreide huizen Wilsum</t>
  </si>
  <si>
    <t>buurt_gegeneraliseerd_2021.40fdca30-d26c-4d74-a856-b8f86656df60</t>
  </si>
  <si>
    <t>BU01660600</t>
  </si>
  <si>
    <t>2021BU01660600</t>
  </si>
  <si>
    <t>Grafhorst</t>
  </si>
  <si>
    <t>buurt_gegeneraliseerd_2021.363189de-3a61-432e-8058-942f52698476</t>
  </si>
  <si>
    <t>BU01660800</t>
  </si>
  <si>
    <t>2021BU01660800</t>
  </si>
  <si>
    <t>'s-Heerenbroek</t>
  </si>
  <si>
    <t>buurt_gegeneraliseerd_2021.7aef005e-7bfa-4499-bafa-b5ab83497d85</t>
  </si>
  <si>
    <t>BU01660900</t>
  </si>
  <si>
    <t>2021BU01660900</t>
  </si>
  <si>
    <t>Verspreide huizen polder Mastenbroek</t>
  </si>
  <si>
    <t>buurt_gegeneraliseerd_2021.b19e38e5-2d42-48b6-b6df-f262ae27ba8f</t>
  </si>
  <si>
    <t>BU01680001</t>
  </si>
  <si>
    <t>2021BU01680001</t>
  </si>
  <si>
    <t>Losser-West</t>
  </si>
  <si>
    <t>GM0168</t>
  </si>
  <si>
    <t>buurt_gegeneraliseerd_2021.727d8c10-dbbe-4a44-bdfc-e0cff946262d</t>
  </si>
  <si>
    <t>BU01680002</t>
  </si>
  <si>
    <t>2021BU01680002</t>
  </si>
  <si>
    <t>Bedrijfsterrein Losser</t>
  </si>
  <si>
    <t>buurt_gegeneraliseerd_2021.170954dd-29b8-4b35-991e-65cd3ce548e5</t>
  </si>
  <si>
    <t>BU01680003</t>
  </si>
  <si>
    <t>2021BU01680003</t>
  </si>
  <si>
    <t>Losser-Oost</t>
  </si>
  <si>
    <t>buurt_gegeneraliseerd_2021.a3d4341f-c9ed-46b6-8a25-430e6896d859</t>
  </si>
  <si>
    <t>BU01680009</t>
  </si>
  <si>
    <t>2021BU01680009</t>
  </si>
  <si>
    <t>Verspreide huizen Losser</t>
  </si>
  <si>
    <t>buurt_gegeneraliseerd_2021.3a194e22-5ad3-412f-aad5-4359b10e3e39</t>
  </si>
  <si>
    <t>BU01680101</t>
  </si>
  <si>
    <t>2021BU01680101</t>
  </si>
  <si>
    <t>Glane kern</t>
  </si>
  <si>
    <t>buurt_gegeneraliseerd_2021.ab0933ac-7b1c-44b5-88f9-55da70992843</t>
  </si>
  <si>
    <t>BU01680102</t>
  </si>
  <si>
    <t>2021BU01680102</t>
  </si>
  <si>
    <t>Glane-beekhoek</t>
  </si>
  <si>
    <t>buurt_gegeneraliseerd_2021.55aea298-6eb6-4ebf-9105-c800ff68d9d7</t>
  </si>
  <si>
    <t>BU01680109</t>
  </si>
  <si>
    <t>2021BU01680109</t>
  </si>
  <si>
    <t>Verspreide huizen Glane</t>
  </si>
  <si>
    <t>buurt_gegeneraliseerd_2021.76360452-3f1f-42ce-a5ed-0acb694ec260</t>
  </si>
  <si>
    <t>BU01680201</t>
  </si>
  <si>
    <t>2021BU01680201</t>
  </si>
  <si>
    <t>Overdinkel kern</t>
  </si>
  <si>
    <t>buurt_gegeneraliseerd_2021.a182777d-4ba1-43fa-94a4-3015c1edc8e3</t>
  </si>
  <si>
    <t>BU01680209</t>
  </si>
  <si>
    <t>2021BU01680209</t>
  </si>
  <si>
    <t>Verspreide huizen Overdinkel</t>
  </si>
  <si>
    <t>buurt_gegeneraliseerd_2021.94dfe5b9-7aeb-47f5-9d95-db3d9918fa7f</t>
  </si>
  <si>
    <t>BU01680301</t>
  </si>
  <si>
    <t>2021BU01680301</t>
  </si>
  <si>
    <t>De Lutte kern</t>
  </si>
  <si>
    <t>buurt_gegeneraliseerd_2021.5e34f572-9fb9-4880-83f7-f32d2a4ac18d</t>
  </si>
  <si>
    <t>BU01680309</t>
  </si>
  <si>
    <t>2021BU01680309</t>
  </si>
  <si>
    <t>Verspreide huizen De Lutte</t>
  </si>
  <si>
    <t>buurt_gegeneraliseerd_2021.5342e0ab-14d8-4765-bdba-8923ef912782</t>
  </si>
  <si>
    <t>BU01680401</t>
  </si>
  <si>
    <t>2021BU01680401</t>
  </si>
  <si>
    <t>Beuningen kern</t>
  </si>
  <si>
    <t>buurt_gegeneraliseerd_2021.71ddf674-fa69-4111-90ca-a07a8ebf3a8a</t>
  </si>
  <si>
    <t>BU01680409</t>
  </si>
  <si>
    <t>2021BU01680409</t>
  </si>
  <si>
    <t>Verspreide huizen Beuningen</t>
  </si>
  <si>
    <t>buurt_gegeneraliseerd_2021.7cf1bc06-53d6-4485-9c26-bf83b86b1973</t>
  </si>
  <si>
    <t>BU01710101</t>
  </si>
  <si>
    <t>2021BU01710101</t>
  </si>
  <si>
    <t>Emmeloord-Centrum-Tussen Gracht en Vaart</t>
  </si>
  <si>
    <t>GM0171</t>
  </si>
  <si>
    <t>buurt_gegeneraliseerd_2021.9f27cfb3-d7b4-42ce-9cbb-cccf1a20b0ce</t>
  </si>
  <si>
    <t>BU01710102</t>
  </si>
  <si>
    <t>2021BU01710102</t>
  </si>
  <si>
    <t>Emmeloord-Centrum-Centrum West</t>
  </si>
  <si>
    <t>buurt_gegeneraliseerd_2021.aa04fec0-603c-49d9-99b8-b8c5734466a9</t>
  </si>
  <si>
    <t>BU01710103</t>
  </si>
  <si>
    <t>2021BU01710103</t>
  </si>
  <si>
    <t>Emmeloord-Centrum-Bos en Gaard</t>
  </si>
  <si>
    <t>buurt_gegeneraliseerd_2021.fc6efb0b-9b96-442d-bd8f-d19653a7cdcf</t>
  </si>
  <si>
    <t>BU01710104</t>
  </si>
  <si>
    <t>2021BU01710104</t>
  </si>
  <si>
    <t>Emmeloord-Centrum-Centrum Oost</t>
  </si>
  <si>
    <t>buurt_gegeneraliseerd_2021.22c71bc8-7142-45ab-af68-2fa3de562d54</t>
  </si>
  <si>
    <t>BU01710105</t>
  </si>
  <si>
    <t>2021BU01710105</t>
  </si>
  <si>
    <t>Emmeloord-Revelsant-Noord</t>
  </si>
  <si>
    <t>buurt_gegeneraliseerd_2021.e3639d7d-6a5f-480d-b8d0-e62a4587c837</t>
  </si>
  <si>
    <t>BU01710106</t>
  </si>
  <si>
    <t>2021BU01710106</t>
  </si>
  <si>
    <t>Emmeloord-Revelsant-Zuid</t>
  </si>
  <si>
    <t>buurt_gegeneraliseerd_2021.f2d77055-b538-4ebc-aee8-dbb48d7055ee</t>
  </si>
  <si>
    <t>BU01710107</t>
  </si>
  <si>
    <t>2021BU01710107</t>
  </si>
  <si>
    <t>Emmeloord-Espelervaart-Bergenbuurt</t>
  </si>
  <si>
    <t>buurt_gegeneraliseerd_2021.1c3fc115-ae28-472b-ab2a-761f0b8e3e1b</t>
  </si>
  <si>
    <t>BU01710108</t>
  </si>
  <si>
    <t>2021BU01710108</t>
  </si>
  <si>
    <t>Emmeloord-Espelervaart-Rivierenbuurt</t>
  </si>
  <si>
    <t>buurt_gegeneraliseerd_2021.3ef7f023-cf09-47fc-a1c5-c22efde4331b</t>
  </si>
  <si>
    <t>BU01710109</t>
  </si>
  <si>
    <t>2021BU01710109</t>
  </si>
  <si>
    <t>Emmeloord-Espelervaart-Espelervaart West</t>
  </si>
  <si>
    <t>buurt_gegeneraliseerd_2021.ec29d73d-834c-4846-b4e7-ab3342597fa1</t>
  </si>
  <si>
    <t>BU01710110</t>
  </si>
  <si>
    <t>2021BU01710110</t>
  </si>
  <si>
    <t>Emmeloord-de Zuidert</t>
  </si>
  <si>
    <t>buurt_gegeneraliseerd_2021.7a0d5abd-aa39-4fcd-a43a-4c20d37050fc</t>
  </si>
  <si>
    <t>BU01710111</t>
  </si>
  <si>
    <t>2021BU01710111</t>
  </si>
  <si>
    <t>Emmeloord-de Erven</t>
  </si>
  <si>
    <t>buurt_gegeneraliseerd_2021.1739f962-c146-41b7-b2b6-966e15b9835a</t>
  </si>
  <si>
    <t>BU01710112</t>
  </si>
  <si>
    <t>2021BU01710112</t>
  </si>
  <si>
    <t>Emmeloord-Waterland</t>
  </si>
  <si>
    <t>buurt_gegeneraliseerd_2021.1d55a94e-a007-42e2-8a68-de70d57ac5d5</t>
  </si>
  <si>
    <t>BU01710113</t>
  </si>
  <si>
    <t>2021BU01710113</t>
  </si>
  <si>
    <t>Emmeloord-Emmelhage-Boswonen</t>
  </si>
  <si>
    <t>buurt_gegeneraliseerd_2021.8a337009-cb06-4bee-9c56-689e5cb15afb</t>
  </si>
  <si>
    <t>BU01710114</t>
  </si>
  <si>
    <t>2021BU01710114</t>
  </si>
  <si>
    <t>Emmeloord-Emmelhage-Waterwonen/Polderwonen</t>
  </si>
  <si>
    <t>buurt_gegeneraliseerd_2021.4464a1ae-2772-4d1c-8da2-13d911a6d0f2</t>
  </si>
  <si>
    <t>BU01710115</t>
  </si>
  <si>
    <t>2021BU01710115</t>
  </si>
  <si>
    <t>Emmeloord-Bedrijventerrein de Munt</t>
  </si>
  <si>
    <t>buurt_gegeneraliseerd_2021.99209d5d-b8a1-4136-b3eb-6e2f1dc39e1e</t>
  </si>
  <si>
    <t>BU01710116</t>
  </si>
  <si>
    <t>2021BU01710116</t>
  </si>
  <si>
    <t>Emmeloord-Bedrijventerrein Nagelerweg</t>
  </si>
  <si>
    <t>buurt_gegeneraliseerd_2021.ecaebd2b-84ca-4dc1-b59a-30ea45467c50</t>
  </si>
  <si>
    <t>BU01710117</t>
  </si>
  <si>
    <t>2021BU01710117</t>
  </si>
  <si>
    <t>Emmeloord-Bedrijventerrein A6</t>
  </si>
  <si>
    <t>buurt_gegeneraliseerd_2021.502933ca-5f1e-4af2-9156-84f2987f29b2</t>
  </si>
  <si>
    <t>BU01710118</t>
  </si>
  <si>
    <t>2021BU01710118</t>
  </si>
  <si>
    <t>Emmeloord-landelijk gebied</t>
  </si>
  <si>
    <t>buurt_gegeneraliseerd_2021.26dc18af-3365-4538-8cd2-4a1e35b708bb</t>
  </si>
  <si>
    <t>BU01710219</t>
  </si>
  <si>
    <t>2021BU01710219</t>
  </si>
  <si>
    <t>Bant-woonkern</t>
  </si>
  <si>
    <t>buurt_gegeneraliseerd_2021.277c6a09-055f-402e-81bb-89fb202c529e</t>
  </si>
  <si>
    <t>BU01710220</t>
  </si>
  <si>
    <t>2021BU01710220</t>
  </si>
  <si>
    <t>Bant-bedrijventerrein</t>
  </si>
  <si>
    <t>buurt_gegeneraliseerd_2021.37914cba-967f-412b-93b4-e49f20765897</t>
  </si>
  <si>
    <t>BU01710221</t>
  </si>
  <si>
    <t>2021BU01710221</t>
  </si>
  <si>
    <t>Bant-landelijk gebied</t>
  </si>
  <si>
    <t>buurt_gegeneraliseerd_2021.2ce73a6c-005a-418b-8f9b-41eb760a6c4e</t>
  </si>
  <si>
    <t>BU01710322</t>
  </si>
  <si>
    <t>2021BU01710322</t>
  </si>
  <si>
    <t>Luttelgeest-woonkern</t>
  </si>
  <si>
    <t>buurt_gegeneraliseerd_2021.e899732c-145a-49e0-be27-cade137c3977</t>
  </si>
  <si>
    <t>BU01710323</t>
  </si>
  <si>
    <t>2021BU01710323</t>
  </si>
  <si>
    <t>Luttelgeest-landelijk gebied</t>
  </si>
  <si>
    <t>buurt_gegeneraliseerd_2021.21942cb0-d6b3-4df1-a4c5-a271d3ac5e4c</t>
  </si>
  <si>
    <t>BU01710424</t>
  </si>
  <si>
    <t>2021BU01710424</t>
  </si>
  <si>
    <t>Marknesse-woonkern</t>
  </si>
  <si>
    <t>buurt_gegeneraliseerd_2021.9b9e2080-ab25-4652-b3d3-4826834d6389</t>
  </si>
  <si>
    <t>BU01710425</t>
  </si>
  <si>
    <t>2021BU01710425</t>
  </si>
  <si>
    <t>Marknesse-bedrijventerrein</t>
  </si>
  <si>
    <t>buurt_gegeneraliseerd_2021.98074b46-e36a-49b3-922e-b7e1767bf11b</t>
  </si>
  <si>
    <t>BU01710426</t>
  </si>
  <si>
    <t>2021BU01710426</t>
  </si>
  <si>
    <t>Marknesse-landelijk gebied</t>
  </si>
  <si>
    <t>buurt_gegeneraliseerd_2021.989e56dc-de53-4f56-ba04-643426cfc5d3</t>
  </si>
  <si>
    <t>BU01710527</t>
  </si>
  <si>
    <t>2021BU01710527</t>
  </si>
  <si>
    <t>Kraggenburg-woonkern</t>
  </si>
  <si>
    <t>buurt_gegeneraliseerd_2021.14ae02f3-b69a-4a64-b7f8-cf40c8543a5d</t>
  </si>
  <si>
    <t>BU01710528</t>
  </si>
  <si>
    <t>2021BU01710528</t>
  </si>
  <si>
    <t>Kraggenburg-bedrijventerrein</t>
  </si>
  <si>
    <t>buurt_gegeneraliseerd_2021.79377a40-753d-42e9-8c0c-17448f1f801f</t>
  </si>
  <si>
    <t>BU01710529</t>
  </si>
  <si>
    <t>2021BU01710529</t>
  </si>
  <si>
    <t>buurt_gegeneraliseerd_2021.082c9832-026a-4321-a358-fee5af6cd62e</t>
  </si>
  <si>
    <t>BU01710530</t>
  </si>
  <si>
    <t>2021BU01710530</t>
  </si>
  <si>
    <t>Kraggenburg-landelijk gebied</t>
  </si>
  <si>
    <t>buurt_gegeneraliseerd_2021.8a70c04c-c199-4a20-a480-6abead224e4d</t>
  </si>
  <si>
    <t>BU01710631</t>
  </si>
  <si>
    <t>2021BU01710631</t>
  </si>
  <si>
    <t>Ens-woonkern</t>
  </si>
  <si>
    <t>buurt_gegeneraliseerd_2021.a354215c-9545-4bf0-a857-8615fa860edc</t>
  </si>
  <si>
    <t>BU01710632</t>
  </si>
  <si>
    <t>2021BU01710632</t>
  </si>
  <si>
    <t>Ens-bedrijventerrein</t>
  </si>
  <si>
    <t>buurt_gegeneraliseerd_2021.a90f26ce-47d3-447a-a792-b9dfdaaad452</t>
  </si>
  <si>
    <t>BU01710633</t>
  </si>
  <si>
    <t>2021BU01710633</t>
  </si>
  <si>
    <t>Ens-landelijk gebied</t>
  </si>
  <si>
    <t>buurt_gegeneraliseerd_2021.0b63330e-6bca-470c-88f0-bd4dddcd9f78</t>
  </si>
  <si>
    <t>BU01710734</t>
  </si>
  <si>
    <t>2021BU01710734</t>
  </si>
  <si>
    <t>Nagele-woonkern</t>
  </si>
  <si>
    <t>buurt_gegeneraliseerd_2021.38970acd-df4a-447c-8330-211351285cdd</t>
  </si>
  <si>
    <t>BU01710735</t>
  </si>
  <si>
    <t>2021BU01710735</t>
  </si>
  <si>
    <t>Nagele-bedrijventerrein</t>
  </si>
  <si>
    <t>buurt_gegeneraliseerd_2021.7d738d3f-0232-481d-bf5a-b38e228ec3fa</t>
  </si>
  <si>
    <t>BU01710736</t>
  </si>
  <si>
    <t>2021BU01710736</t>
  </si>
  <si>
    <t>Nagele-landelijk gebied</t>
  </si>
  <si>
    <t>buurt_gegeneraliseerd_2021.fa34dab7-ebae-465c-b050-fd36794e7c49</t>
  </si>
  <si>
    <t>BU01710837</t>
  </si>
  <si>
    <t>2021BU01710837</t>
  </si>
  <si>
    <t>Tollebeek-woonkern</t>
  </si>
  <si>
    <t>buurt_gegeneraliseerd_2021.41adcc2e-d66d-45b5-b7dc-229fe414702c</t>
  </si>
  <si>
    <t>BU01710838</t>
  </si>
  <si>
    <t>2021BU01710838</t>
  </si>
  <si>
    <t>Tollebeek-bedrijventerrein</t>
  </si>
  <si>
    <t>buurt_gegeneraliseerd_2021.a1c1c1ce-279d-42ca-89b8-00f46f652078</t>
  </si>
  <si>
    <t>BU01710839</t>
  </si>
  <si>
    <t>2021BU01710839</t>
  </si>
  <si>
    <t>Tollebeek-landelijk gebied</t>
  </si>
  <si>
    <t>buurt_gegeneraliseerd_2021.d531e6ca-7bd0-4703-8d0f-ca60723be973</t>
  </si>
  <si>
    <t>BU01710941</t>
  </si>
  <si>
    <t>2021BU01710941</t>
  </si>
  <si>
    <t>Espel-woonkern</t>
  </si>
  <si>
    <t>buurt_gegeneraliseerd_2021.0ef20a4c-5fe3-4798-8841-33ab77ea7cc4</t>
  </si>
  <si>
    <t>BU01710942</t>
  </si>
  <si>
    <t>2021BU01710942</t>
  </si>
  <si>
    <t>Espel-bedrijventerrein</t>
  </si>
  <si>
    <t>buurt_gegeneraliseerd_2021.d33f631c-d0fa-4795-a856-26d20fed1971</t>
  </si>
  <si>
    <t>BU01710943</t>
  </si>
  <si>
    <t>2021BU01710943</t>
  </si>
  <si>
    <t>Espel-landelijk gebied</t>
  </si>
  <si>
    <t>buurt_gegeneraliseerd_2021.d02eda8c-b70e-4313-a887-291f7531352c</t>
  </si>
  <si>
    <t>BU01711045</t>
  </si>
  <si>
    <t>2021BU01711045</t>
  </si>
  <si>
    <t>Creil-woonkern</t>
  </si>
  <si>
    <t>buurt_gegeneraliseerd_2021.fd803106-ebdf-4232-b824-da8b6e2ac3b6</t>
  </si>
  <si>
    <t>BU01711046</t>
  </si>
  <si>
    <t>2021BU01711046</t>
  </si>
  <si>
    <t>Creil-bedrijventerrein</t>
  </si>
  <si>
    <t>buurt_gegeneraliseerd_2021.e64d51af-b67f-43b7-8b13-6f7947306471</t>
  </si>
  <si>
    <t>BU01711047</t>
  </si>
  <si>
    <t>2021BU01711047</t>
  </si>
  <si>
    <t>Creil-landelijk gebied</t>
  </si>
  <si>
    <t>buurt_gegeneraliseerd_2021.fd848af2-1d74-4a03-a6e8-1004c566bc30</t>
  </si>
  <si>
    <t>BU01711149</t>
  </si>
  <si>
    <t>2021BU01711149</t>
  </si>
  <si>
    <t>Rutten-woonkern</t>
  </si>
  <si>
    <t>buurt_gegeneraliseerd_2021.4769ef7f-bd4c-4ae7-98b2-121034831cd5</t>
  </si>
  <si>
    <t>BU01711150</t>
  </si>
  <si>
    <t>2021BU01711150</t>
  </si>
  <si>
    <t>Rutten-bedrijventerrein</t>
  </si>
  <si>
    <t>buurt_gegeneraliseerd_2021.ab5c9963-e61f-47a5-8719-0b332420b349</t>
  </si>
  <si>
    <t>BU01711151</t>
  </si>
  <si>
    <t>2021BU01711151</t>
  </si>
  <si>
    <t>Rutten-landelijk gebied</t>
  </si>
  <si>
    <t>buurt_gegeneraliseerd_2021.dd885ebf-f518-4fd6-a174-9beeda08b126</t>
  </si>
  <si>
    <t>BU01711252</t>
  </si>
  <si>
    <t>2021BU01711252</t>
  </si>
  <si>
    <t>Schokland-woonkern</t>
  </si>
  <si>
    <t>buurt_gegeneraliseerd_2021.78db7abf-f2a7-4994-8e11-2ef8bbb83879</t>
  </si>
  <si>
    <t>BU01730100</t>
  </si>
  <si>
    <t>2021BU01730100</t>
  </si>
  <si>
    <t>GM0173</t>
  </si>
  <si>
    <t>buurt_gegeneraliseerd_2021.5696a01d-0159-4bc2-a03a-0d57767b48ad</t>
  </si>
  <si>
    <t>BU01730200</t>
  </si>
  <si>
    <t>2021BU01730200</t>
  </si>
  <si>
    <t>Het Inslag-De Kleies</t>
  </si>
  <si>
    <t>buurt_gegeneraliseerd_2021.84e0f650-f16e-4f4b-af5b-5dd6dfbc77d2</t>
  </si>
  <si>
    <t>BU01730300</t>
  </si>
  <si>
    <t>2021BU01730300</t>
  </si>
  <si>
    <t>Glinde-Hooiland</t>
  </si>
  <si>
    <t>buurt_gegeneraliseerd_2021.08ffe030-6ba9-4457-82c5-c14a30f1502b</t>
  </si>
  <si>
    <t>BU01730400</t>
  </si>
  <si>
    <t>2021BU01730400</t>
  </si>
  <si>
    <t>De Meijbree</t>
  </si>
  <si>
    <t>buurt_gegeneraliseerd_2021.161016aa-dbdf-4cce-b16c-5a52a3689eb4</t>
  </si>
  <si>
    <t>BU01730500</t>
  </si>
  <si>
    <t>2021BU01730500</t>
  </si>
  <si>
    <t>Haerbroek-Scholtenhoek</t>
  </si>
  <si>
    <t>buurt_gegeneraliseerd_2021.3d05c7d9-2ca5-4ae6-8e15-74cdde403e1b</t>
  </si>
  <si>
    <t>BU01730600</t>
  </si>
  <si>
    <t>2021BU01730600</t>
  </si>
  <si>
    <t>Zuid-Berghuizen</t>
  </si>
  <si>
    <t>buurt_gegeneraliseerd_2021.721396d2-9af6-44d2-b838-195b8e5ea539</t>
  </si>
  <si>
    <t>BU01730700</t>
  </si>
  <si>
    <t>2021BU01730700</t>
  </si>
  <si>
    <t>Hanzepoort</t>
  </si>
  <si>
    <t>buurt_gegeneraliseerd_2021.c542fc79-bfd1-4009-aca5-464081593f06</t>
  </si>
  <si>
    <t>BU01730800</t>
  </si>
  <si>
    <t>2021BU01730800</t>
  </si>
  <si>
    <t>Eekte-Hazewinkel</t>
  </si>
  <si>
    <t>buurt_gegeneraliseerd_2021.36343d6d-8d82-42e9-9da0-fe91899cda62</t>
  </si>
  <si>
    <t>BU01730900</t>
  </si>
  <si>
    <t>2021BU01730900</t>
  </si>
  <si>
    <t>Jufferbeek</t>
  </si>
  <si>
    <t>buurt_gegeneraliseerd_2021.0908b631-08df-44a3-9b95-384ac9b3382a</t>
  </si>
  <si>
    <t>BU01731000</t>
  </si>
  <si>
    <t>2021BU01731000</t>
  </si>
  <si>
    <t>Het Hulsbeek</t>
  </si>
  <si>
    <t>buurt_gegeneraliseerd_2021.2d6b06df-e3e6-4004-a850-0f197f61e4b6</t>
  </si>
  <si>
    <t>BU01731100</t>
  </si>
  <si>
    <t>2021BU01731100</t>
  </si>
  <si>
    <t>De Thij</t>
  </si>
  <si>
    <t>buurt_gegeneraliseerd_2021.210a906c-3c07-4f83-94a9-0fe173f27270</t>
  </si>
  <si>
    <t>BU01731200</t>
  </si>
  <si>
    <t>2021BU01731200</t>
  </si>
  <si>
    <t>De Graven Es</t>
  </si>
  <si>
    <t>buurt_gegeneraliseerd_2021.ceaecd6c-a011-4686-bbe8-01977bdfa79c</t>
  </si>
  <si>
    <t>BU01731300</t>
  </si>
  <si>
    <t>2021BU01731300</t>
  </si>
  <si>
    <t>De Essen</t>
  </si>
  <si>
    <t>buurt_gegeneraliseerd_2021.daeb276b-69c6-4a28-8353-d914dcd0ba6f</t>
  </si>
  <si>
    <t>BU01731400</t>
  </si>
  <si>
    <t>2021BU01731400</t>
  </si>
  <si>
    <t>Bekspring</t>
  </si>
  <si>
    <t>buurt_gegeneraliseerd_2021.7896eccd-1c9c-4877-9f26-42d4e963f5af</t>
  </si>
  <si>
    <t>BU01750101</t>
  </si>
  <si>
    <t>2021BU01750101</t>
  </si>
  <si>
    <t>Kern Ommen - Centrum</t>
  </si>
  <si>
    <t>buurt_gegeneraliseerd_2021.253e6d12-b358-4e10-90d3-bd273f61b61c</t>
  </si>
  <si>
    <t>BU01750102</t>
  </si>
  <si>
    <t>2021BU01750102</t>
  </si>
  <si>
    <t>Buurtschap Ommeres</t>
  </si>
  <si>
    <t>buurt_gegeneraliseerd_2021.0952fd56-c239-4834-a0df-70862d6e016d</t>
  </si>
  <si>
    <t>BU01750103</t>
  </si>
  <si>
    <t>2021BU01750103</t>
  </si>
  <si>
    <t>Kern Ommen - Laarakkers</t>
  </si>
  <si>
    <t>buurt_gegeneraliseerd_2021.6bbd19da-561f-4fe4-9b9d-8003467504bc</t>
  </si>
  <si>
    <t>BU01750104</t>
  </si>
  <si>
    <t>2021BU01750104</t>
  </si>
  <si>
    <t>Buurtschap Ommen ten zuiden van de Vecht</t>
  </si>
  <si>
    <t>buurt_gegeneraliseerd_2021.2a05abac-0f9b-440e-9218-e56356db3852</t>
  </si>
  <si>
    <t>BU01750105</t>
  </si>
  <si>
    <t>2021BU01750105</t>
  </si>
  <si>
    <t>Kern Ommen - Industrieterrein</t>
  </si>
  <si>
    <t>buurt_gegeneraliseerd_2021.61a65605-cee7-4199-a162-c2cd4b9b8a9e</t>
  </si>
  <si>
    <t>BU01750108</t>
  </si>
  <si>
    <t>2021BU01750108</t>
  </si>
  <si>
    <t>Buurtschap Besthmen</t>
  </si>
  <si>
    <t>buurt_gegeneraliseerd_2021.43868796-c8f1-4a79-add8-e1346891e824</t>
  </si>
  <si>
    <t>BU01750109</t>
  </si>
  <si>
    <t>2021BU01750109</t>
  </si>
  <si>
    <t>Buurtschap Varsen</t>
  </si>
  <si>
    <t>buurt_gegeneraliseerd_2021.e97f3baf-7d6f-4636-b86c-48d20dde209b</t>
  </si>
  <si>
    <t>BU01750110</t>
  </si>
  <si>
    <t>2021BU01750110</t>
  </si>
  <si>
    <t>Buurtschap Ommerbos-Ommerkanaal</t>
  </si>
  <si>
    <t>buurt_gegeneraliseerd_2021.ff64e4f6-5ad5-442b-b79c-5b7af185f4fb</t>
  </si>
  <si>
    <t>BU01750111</t>
  </si>
  <si>
    <t>2021BU01750111</t>
  </si>
  <si>
    <t>Buurtschap Emsland</t>
  </si>
  <si>
    <t>buurt_gegeneraliseerd_2021.2f7bd280-f6d3-4f94-950d-a0f94909c866</t>
  </si>
  <si>
    <t>BU01750112</t>
  </si>
  <si>
    <t>2021BU01750112</t>
  </si>
  <si>
    <t>Buurtschap Zeesse</t>
  </si>
  <si>
    <t>buurt_gegeneraliseerd_2021.deee898f-e71d-4fc5-ab3a-020139c3081a</t>
  </si>
  <si>
    <t>BU01750113</t>
  </si>
  <si>
    <t>2021BU01750113</t>
  </si>
  <si>
    <t>Kern Ommen - Zuid - ten noorden v spoor</t>
  </si>
  <si>
    <t>buurt_gegeneraliseerd_2021.9c5798f4-3919-41a0-9d06-c85148afd972</t>
  </si>
  <si>
    <t>BU01750114</t>
  </si>
  <si>
    <t>2021BU01750114</t>
  </si>
  <si>
    <t>Kern Ommen - Zuid - ten zuiden v spoor</t>
  </si>
  <si>
    <t>buurt_gegeneraliseerd_2021.9cdaa116-2fcf-46c8-8a1f-d054d84b45ef</t>
  </si>
  <si>
    <t>BU01750115</t>
  </si>
  <si>
    <t>2021BU01750115</t>
  </si>
  <si>
    <t>Kern Ommen - Dante noord</t>
  </si>
  <si>
    <t>buurt_gegeneraliseerd_2021.3c7426dd-a77d-4fc8-9b75-8fca045d6e49</t>
  </si>
  <si>
    <t>BU01750116</t>
  </si>
  <si>
    <t>2021BU01750116</t>
  </si>
  <si>
    <t>Kern Ommen - Dante zuid</t>
  </si>
  <si>
    <t>buurt_gegeneraliseerd_2021.39482c4f-04c2-45eb-8597-c31c8030d540</t>
  </si>
  <si>
    <t>BU01750117</t>
  </si>
  <si>
    <t>2021BU01750117</t>
  </si>
  <si>
    <t>Kern Ommen - Zeeheldenbuurt - Lodderholt</t>
  </si>
  <si>
    <t>buurt_gegeneraliseerd_2021.10ad9d39-576f-402c-91a2-7f8222a0c18c</t>
  </si>
  <si>
    <t>BU01750118</t>
  </si>
  <si>
    <t>2021BU01750118</t>
  </si>
  <si>
    <t>Kern Ommen - Strangen</t>
  </si>
  <si>
    <t>buurt_gegeneraliseerd_2021.a04f2f86-6ed3-4ac1-bbec-443a820172bb</t>
  </si>
  <si>
    <t>BU01750119</t>
  </si>
  <si>
    <t>2021BU01750119</t>
  </si>
  <si>
    <t>Kern Ommen - Alteveer Wonen 5-6</t>
  </si>
  <si>
    <t>buurt_gegeneraliseerd_2021.03c3a0d0-ede6-415c-ba20-faa9ba0aee0e</t>
  </si>
  <si>
    <t>BU01750120</t>
  </si>
  <si>
    <t>2021BU01750120</t>
  </si>
  <si>
    <t>Kern Ommen - Rotbrink</t>
  </si>
  <si>
    <t>buurt_gegeneraliseerd_2021.98bf2f4f-3925-4d10-9f83-93a432583fbe</t>
  </si>
  <si>
    <t>BU01750121</t>
  </si>
  <si>
    <t>2021BU01750121</t>
  </si>
  <si>
    <t>Kern Ommen - Alteveer wonen 1-4</t>
  </si>
  <si>
    <t>buurt_gegeneraliseerd_2021.23b22175-8cf4-4342-8dc7-d02e87b98f4c</t>
  </si>
  <si>
    <t>BU01750122</t>
  </si>
  <si>
    <t>2021BU01750122</t>
  </si>
  <si>
    <t>Kern Ommen - Alteveer Bedrijven</t>
  </si>
  <si>
    <t>buurt_gegeneraliseerd_2021.4e1d8082-8a33-495d-b7aa-18053dc61e5c</t>
  </si>
  <si>
    <t>BU01750123</t>
  </si>
  <si>
    <t>2021BU01750123</t>
  </si>
  <si>
    <t>Kern Ommen - Alteveer Voorzieningen</t>
  </si>
  <si>
    <t>buurt_gegeneraliseerd_2021.bdecfbd8-6a93-465a-b6cf-f9208df24daf</t>
  </si>
  <si>
    <t>BU01750124</t>
  </si>
  <si>
    <t>2021BU01750124</t>
  </si>
  <si>
    <t>Kern Ommen - Havengebied</t>
  </si>
  <si>
    <t>buurt_gegeneraliseerd_2021.264fe403-e3d3-4f54-8780-35e7db813be6</t>
  </si>
  <si>
    <t>BU01750125</t>
  </si>
  <si>
    <t>2021BU01750125</t>
  </si>
  <si>
    <t>Kern Ommen - Vlierlanden</t>
  </si>
  <si>
    <t>buurt_gegeneraliseerd_2021.ea0e2e25-c67b-4a88-9f49-38e0c8de2ca3</t>
  </si>
  <si>
    <t>BU01750126</t>
  </si>
  <si>
    <t>2021BU01750126</t>
  </si>
  <si>
    <t>Kern Ommen - sportpark Westbroek</t>
  </si>
  <si>
    <t>buurt_gegeneraliseerd_2021.793405e7-e5ae-40fd-9bcc-002f3e7338c8</t>
  </si>
  <si>
    <t>BU01750201</t>
  </si>
  <si>
    <t>2021BU01750201</t>
  </si>
  <si>
    <t>Buurtschap Arrien</t>
  </si>
  <si>
    <t>buurt_gegeneraliseerd_2021.f521fb1f-0323-45d8-b9a6-8b9ae76a61ef</t>
  </si>
  <si>
    <t>BU01750202</t>
  </si>
  <si>
    <t>2021BU01750202</t>
  </si>
  <si>
    <t>Buurtschap Arrienveld</t>
  </si>
  <si>
    <t>buurt_gegeneraliseerd_2021.e80d4f11-b823-459c-a743-715309fdfa69</t>
  </si>
  <si>
    <t>BU01750301</t>
  </si>
  <si>
    <t>2021BU01750301</t>
  </si>
  <si>
    <t>Buurtschap Beerze</t>
  </si>
  <si>
    <t>buurt_gegeneraliseerd_2021.ed8de557-668d-4e31-9961-9e56895e3877</t>
  </si>
  <si>
    <t>BU01750401</t>
  </si>
  <si>
    <t>2021BU01750401</t>
  </si>
  <si>
    <t>Kern Beerzerveld</t>
  </si>
  <si>
    <t>buurt_gegeneraliseerd_2021.b242f6f9-fc76-426c-95dc-95b1479e7eea</t>
  </si>
  <si>
    <t>BU01750402</t>
  </si>
  <si>
    <t>2021BU01750402</t>
  </si>
  <si>
    <t>Kern Kloosterdijk</t>
  </si>
  <si>
    <t>buurt_gegeneraliseerd_2021.81fc7278-57bb-476d-b02b-9c84b6e240e1</t>
  </si>
  <si>
    <t>BU01750403</t>
  </si>
  <si>
    <t>2021BU01750403</t>
  </si>
  <si>
    <t>Buurtschap Beerzerveld</t>
  </si>
  <si>
    <t>buurt_gegeneraliseerd_2021.5994e47b-3997-40cd-9ea2-b27602090ca8</t>
  </si>
  <si>
    <t>BU01750801</t>
  </si>
  <si>
    <t>2021BU01750801</t>
  </si>
  <si>
    <t>Buurtschap Stegeren</t>
  </si>
  <si>
    <t>buurt_gegeneraliseerd_2021.ee782ea8-2fbb-48e4-9309-448207fad0d1</t>
  </si>
  <si>
    <t>BU01750802</t>
  </si>
  <si>
    <t>2021BU01750802</t>
  </si>
  <si>
    <t>Buurtschap Stegerveld</t>
  </si>
  <si>
    <t>buurt_gegeneraliseerd_2021.5d501197-9d16-442b-8ff5-97bd91bcf94f</t>
  </si>
  <si>
    <t>BU01750901</t>
  </si>
  <si>
    <t>2021BU01750901</t>
  </si>
  <si>
    <t>Kern Vilsteren</t>
  </si>
  <si>
    <t>buurt_gegeneraliseerd_2021.def0c587-3f11-4ff0-aecd-bbb006101dd6</t>
  </si>
  <si>
    <t>BU01751001</t>
  </si>
  <si>
    <t>2021BU01751001</t>
  </si>
  <si>
    <t>Buurtschap Vinkenbuurt</t>
  </si>
  <si>
    <t>buurt_gegeneraliseerd_2021.e9b8b086-23f2-4893-adf4-afe6aa9759d2</t>
  </si>
  <si>
    <t>BU01751002</t>
  </si>
  <si>
    <t>2021BU01751002</t>
  </si>
  <si>
    <t>Buurtschap Ommerschans</t>
  </si>
  <si>
    <t>buurt_gegeneraliseerd_2021.89ecf523-e3f1-4edf-a43b-16c57be907d0</t>
  </si>
  <si>
    <t>BU01751101</t>
  </si>
  <si>
    <t>2021BU01751101</t>
  </si>
  <si>
    <t>Kern Witharen</t>
  </si>
  <si>
    <t>buurt_gegeneraliseerd_2021.3e03eb0c-2dfe-417c-9a4a-332cc7fffed9</t>
  </si>
  <si>
    <t>BU01751102</t>
  </si>
  <si>
    <t>2021BU01751102</t>
  </si>
  <si>
    <t>Buurtschap Witharen</t>
  </si>
  <si>
    <t>buurt_gegeneraliseerd_2021.df3f96c8-f50d-4156-b267-7d36610d480f</t>
  </si>
  <si>
    <t>BU01751103</t>
  </si>
  <si>
    <t>2021BU01751103</t>
  </si>
  <si>
    <t>Buurtschap Ommerveld</t>
  </si>
  <si>
    <t>buurt_gegeneraliseerd_2021.b7a1d2b4-be1d-4317-b970-f4c4517bc9b2</t>
  </si>
  <si>
    <t>BU01800000</t>
  </si>
  <si>
    <t>2021BU01800000</t>
  </si>
  <si>
    <t>Staphorst plan-Oost</t>
  </si>
  <si>
    <t>GM0180</t>
  </si>
  <si>
    <t>buurt_gegeneraliseerd_2021.ea0ecdcb-4125-4d88-bbe0-74afff9bfa93</t>
  </si>
  <si>
    <t>BU01800001</t>
  </si>
  <si>
    <t>2021BU01800001</t>
  </si>
  <si>
    <t>Staphorst plan-West</t>
  </si>
  <si>
    <t>buurt_gegeneraliseerd_2021.379b25b3-5a8a-4eae-97b7-65e1bf6b8228</t>
  </si>
  <si>
    <t>BU01800002</t>
  </si>
  <si>
    <t>2021BU01800002</t>
  </si>
  <si>
    <t>Staphorst streek-West</t>
  </si>
  <si>
    <t>buurt_gegeneraliseerd_2021.674c843c-c774-4ac9-b7f6-7ba401e2fd09</t>
  </si>
  <si>
    <t>BU01800003</t>
  </si>
  <si>
    <t>2021BU01800003</t>
  </si>
  <si>
    <t>Staphorst streek-Oost</t>
  </si>
  <si>
    <t>buurt_gegeneraliseerd_2021.2bee1bc2-b3ac-4ced-a478-38e6e982c771</t>
  </si>
  <si>
    <t>BU01800004</t>
  </si>
  <si>
    <t>2021BU01800004</t>
  </si>
  <si>
    <t>Industrieterrein Staphorst</t>
  </si>
  <si>
    <t>buurt_gegeneraliseerd_2021.c1dcdb5b-b5ec-404a-8d36-89571acff192</t>
  </si>
  <si>
    <t>BU01800005</t>
  </si>
  <si>
    <t>2021BU01800005</t>
  </si>
  <si>
    <t>Staphorst-Zuid</t>
  </si>
  <si>
    <t>buurt_gegeneraliseerd_2021.29889b5e-2bd5-4b9b-b86e-827a79a2b914</t>
  </si>
  <si>
    <t>BU01800006</t>
  </si>
  <si>
    <t>2021BU01800006</t>
  </si>
  <si>
    <t>Staphorst-Noord</t>
  </si>
  <si>
    <t>buurt_gegeneraliseerd_2021.12cd46c0-4971-4818-872a-5a2a8a0cb773</t>
  </si>
  <si>
    <t>BU01800007</t>
  </si>
  <si>
    <t>2021BU01800007</t>
  </si>
  <si>
    <t>De Slagen</t>
  </si>
  <si>
    <t>buurt_gegeneraliseerd_2021.c79d3b22-a6aa-496a-a472-8701138da21d</t>
  </si>
  <si>
    <t>BU01800100</t>
  </si>
  <si>
    <t>2021BU01800100</t>
  </si>
  <si>
    <t>Rouveen kern</t>
  </si>
  <si>
    <t>buurt_gegeneraliseerd_2021.e6e74337-eaea-45dc-81a0-9cf284dab6a0</t>
  </si>
  <si>
    <t>BU01800101</t>
  </si>
  <si>
    <t>2021BU01800101</t>
  </si>
  <si>
    <t>Rouveen Streek-Zuid</t>
  </si>
  <si>
    <t>buurt_gegeneraliseerd_2021.799369a1-0c46-40bd-82a5-36f0e5976e7e</t>
  </si>
  <si>
    <t>BU01800102</t>
  </si>
  <si>
    <t>2021BU01800102</t>
  </si>
  <si>
    <t>Rouveen Streek-Noord</t>
  </si>
  <si>
    <t>buurt_gegeneraliseerd_2021.ff4cc477-3289-42fa-b844-6eae99d78683</t>
  </si>
  <si>
    <t>BU01800206</t>
  </si>
  <si>
    <t>2021BU01800206</t>
  </si>
  <si>
    <t>buurt_gegeneraliseerd_2021.eabe5000-34ea-48eb-91e4-8060ab8e7e03</t>
  </si>
  <si>
    <t>BU01800207</t>
  </si>
  <si>
    <t>2021BU01800207</t>
  </si>
  <si>
    <t>Verspreide huizen Bisschops- en Munnikenslag</t>
  </si>
  <si>
    <t>buurt_gegeneraliseerd_2021.c02f643a-fff4-44c9-8a57-c14b1e1eb48e</t>
  </si>
  <si>
    <t>BU01800208</t>
  </si>
  <si>
    <t>2021BU01800208</t>
  </si>
  <si>
    <t>Verspreide huizen Geerenland</t>
  </si>
  <si>
    <t>buurt_gegeneraliseerd_2021.adecd2a9-9c0c-495c-8644-e83fef4982f6</t>
  </si>
  <si>
    <t>BU01800209</t>
  </si>
  <si>
    <t>2021BU01800209</t>
  </si>
  <si>
    <t>Verspreide huizen Oldmaten</t>
  </si>
  <si>
    <t>buurt_gegeneraliseerd_2021.183467ae-b947-4368-b649-401093fa5ce0</t>
  </si>
  <si>
    <t>BU01800305</t>
  </si>
  <si>
    <t>2021BU01800305</t>
  </si>
  <si>
    <t>Verspreide huizen Lankhorst</t>
  </si>
  <si>
    <t>buurt_gegeneraliseerd_2021.c0ec13a9-717e-4dd1-837e-ba51d37f6473</t>
  </si>
  <si>
    <t>BU01800306</t>
  </si>
  <si>
    <t>2021BU01800306</t>
  </si>
  <si>
    <t>Verspreide huizen Leyen</t>
  </si>
  <si>
    <t>buurt_gegeneraliseerd_2021.27410d8a-8ec2-47fa-b2da-6031c43fa743</t>
  </si>
  <si>
    <t>BU01800307</t>
  </si>
  <si>
    <t>2021BU01800307</t>
  </si>
  <si>
    <t>Verspreide huizen Berger Achthoven en omgeving</t>
  </si>
  <si>
    <t>buurt_gegeneraliseerd_2021.026215b8-593c-4c65-81e2-e18efa1e0674</t>
  </si>
  <si>
    <t>BU01800308</t>
  </si>
  <si>
    <t>2021BU01800308</t>
  </si>
  <si>
    <t>Verspreide huizen Heidehoogten</t>
  </si>
  <si>
    <t>buurt_gegeneraliseerd_2021.041a192a-0f40-45d5-b353-c006d09c84c3</t>
  </si>
  <si>
    <t>BU01800309</t>
  </si>
  <si>
    <t>2021BU01800309</t>
  </si>
  <si>
    <t>Verspreide huizen Rechterensweg en omgeving</t>
  </si>
  <si>
    <t>buurt_gegeneraliseerd_2021.1e92c556-0696-4e4d-b214-f0ac91b9d5cd</t>
  </si>
  <si>
    <t>BU01800400</t>
  </si>
  <si>
    <t>2021BU01800400</t>
  </si>
  <si>
    <t>IJhorst</t>
  </si>
  <si>
    <t>buurt_gegeneraliseerd_2021.ad5dbe42-9b46-4a40-bf0c-cc8753a5ee8a</t>
  </si>
  <si>
    <t>BU01800409</t>
  </si>
  <si>
    <t>2021BU01800409</t>
  </si>
  <si>
    <t>Verspreide huizen IJhorst</t>
  </si>
  <si>
    <t>buurt_gegeneraliseerd_2021.2cd1f92c-b129-4ef6-a6a9-57134de478e1</t>
  </si>
  <si>
    <t>BU01800509</t>
  </si>
  <si>
    <t>2021BU01800509</t>
  </si>
  <si>
    <t>Verspreide huizen Punthorst</t>
  </si>
  <si>
    <t>buurt_gegeneraliseerd_2021.b34e0d3b-77f3-457a-851b-89c1a11300b8</t>
  </si>
  <si>
    <t>BU01800609</t>
  </si>
  <si>
    <t>2021BU01800609</t>
  </si>
  <si>
    <t>buurt_gegeneraliseerd_2021.3cbf81fe-d418-478a-8367-626cf5728030</t>
  </si>
  <si>
    <t>BU01800709</t>
  </si>
  <si>
    <t>2021BU01800709</t>
  </si>
  <si>
    <t>Verspreide huizen Zwartewatersklooster en Holtrust</t>
  </si>
  <si>
    <t>buurt_gegeneraliseerd_2021.72bdec53-ebaf-4be9-b3ba-f727911e4eff</t>
  </si>
  <si>
    <t>BU01830000</t>
  </si>
  <si>
    <t>2021BU01830000</t>
  </si>
  <si>
    <t>Tubbergen-Dorp</t>
  </si>
  <si>
    <t>GM0183</t>
  </si>
  <si>
    <t>buurt_gegeneraliseerd_2021.d819d7d9-1727-4994-87ed-de212419dd46</t>
  </si>
  <si>
    <t>BU01830008</t>
  </si>
  <si>
    <t>2021BU01830008</t>
  </si>
  <si>
    <t>Verspreide huizen Manderveen</t>
  </si>
  <si>
    <t>buurt_gegeneraliseerd_2021.a52876f6-d6ac-4f2e-9a25-3f3735a15a53</t>
  </si>
  <si>
    <t>BU01830009</t>
  </si>
  <si>
    <t>2021BU01830009</t>
  </si>
  <si>
    <t>Verspreide huizen Tubbergen</t>
  </si>
  <si>
    <t>buurt_gegeneraliseerd_2021.915af5c7-f5b0-4bfb-92b1-e7711838bda5</t>
  </si>
  <si>
    <t>BU01830100</t>
  </si>
  <si>
    <t>2021BU01830100</t>
  </si>
  <si>
    <t>Albergen kern</t>
  </si>
  <si>
    <t>buurt_gegeneraliseerd_2021.72a12bd3-d313-458d-8c06-85012f2d30fb</t>
  </si>
  <si>
    <t>BU01830109</t>
  </si>
  <si>
    <t>2021BU01830109</t>
  </si>
  <si>
    <t>Verspreide huizen Albergen</t>
  </si>
  <si>
    <t>buurt_gegeneraliseerd_2021.380773a1-62a9-4117-8817-6e90a647bcd5</t>
  </si>
  <si>
    <t>BU01830200</t>
  </si>
  <si>
    <t>2021BU01830200</t>
  </si>
  <si>
    <t>Harbrinkhoek kern</t>
  </si>
  <si>
    <t>buurt_gegeneraliseerd_2021.db3852bd-86b3-4078-bb5a-bd30f282e483</t>
  </si>
  <si>
    <t>BU01830201</t>
  </si>
  <si>
    <t>2021BU01830201</t>
  </si>
  <si>
    <t>Mariaparochie</t>
  </si>
  <si>
    <t>buurt_gegeneraliseerd_2021.f6eac788-1155-4249-b3d5-5c9849189f17</t>
  </si>
  <si>
    <t>BU01830209</t>
  </si>
  <si>
    <t>2021BU01830209</t>
  </si>
  <si>
    <t>Verspreide huizen Harbrinkhoek</t>
  </si>
  <si>
    <t>buurt_gegeneraliseerd_2021.363ab9ec-7898-4b3c-9a41-1002462cce20</t>
  </si>
  <si>
    <t>BU01830300</t>
  </si>
  <si>
    <t>2021BU01830300</t>
  </si>
  <si>
    <t>Geesteren kern</t>
  </si>
  <si>
    <t>buurt_gegeneraliseerd_2021.8ce7783b-61da-45c0-9e2a-9884d51decbc</t>
  </si>
  <si>
    <t>BU01830309</t>
  </si>
  <si>
    <t>2021BU01830309</t>
  </si>
  <si>
    <t>Verspreide huizen Geesteren</t>
  </si>
  <si>
    <t>buurt_gegeneraliseerd_2021.39282437-7280-4a60-8511-149089f323a3</t>
  </si>
  <si>
    <t>BU01830400</t>
  </si>
  <si>
    <t>2021BU01830400</t>
  </si>
  <si>
    <t>Langeveen kern</t>
  </si>
  <si>
    <t>buurt_gegeneraliseerd_2021.6156d6de-629e-4529-b8c2-ca9179e3e227</t>
  </si>
  <si>
    <t>BU01830409</t>
  </si>
  <si>
    <t>2021BU01830409</t>
  </si>
  <si>
    <t>Verspreide huizen Langeveen</t>
  </si>
  <si>
    <t>buurt_gegeneraliseerd_2021.1faca334-5846-4c9e-a958-a024d9988929</t>
  </si>
  <si>
    <t>BU01830500</t>
  </si>
  <si>
    <t>2021BU01830500</t>
  </si>
  <si>
    <t>Vasse kern</t>
  </si>
  <si>
    <t>buurt_gegeneraliseerd_2021.13855275-2e23-46d1-9211-24f128d2187a</t>
  </si>
  <si>
    <t>BU01830507</t>
  </si>
  <si>
    <t>2021BU01830507</t>
  </si>
  <si>
    <t>Verspreide huizen Hezingen</t>
  </si>
  <si>
    <t>buurt_gegeneraliseerd_2021.b19ee97f-9fa1-4aee-8b70-1126478ebb1b</t>
  </si>
  <si>
    <t>BU01830508</t>
  </si>
  <si>
    <t>2021BU01830508</t>
  </si>
  <si>
    <t>Verspreide huizen Vasse</t>
  </si>
  <si>
    <t>buurt_gegeneraliseerd_2021.d3f55d6c-e0f1-48b1-b651-ef020c964d84</t>
  </si>
  <si>
    <t>BU01830509</t>
  </si>
  <si>
    <t>2021BU01830509</t>
  </si>
  <si>
    <t>Verspreide huizen Mander</t>
  </si>
  <si>
    <t>buurt_gegeneraliseerd_2021.eb3608a6-9791-40b9-beed-7b94ba8d0f17</t>
  </si>
  <si>
    <t>BU01830600</t>
  </si>
  <si>
    <t>2021BU01830600</t>
  </si>
  <si>
    <t>Reutum kern</t>
  </si>
  <si>
    <t>buurt_gegeneraliseerd_2021.06a43ca2-bdfd-4a7f-b666-9583f0112e6e</t>
  </si>
  <si>
    <t>BU01830608</t>
  </si>
  <si>
    <t>2021BU01830608</t>
  </si>
  <si>
    <t>Verspreide huizen Haarle</t>
  </si>
  <si>
    <t>buurt_gegeneraliseerd_2021.5c063f56-18c3-49aa-9f18-4f72e828284e</t>
  </si>
  <si>
    <t>BU01830609</t>
  </si>
  <si>
    <t>2021BU01830609</t>
  </si>
  <si>
    <t>Verspreide huizen Reutum</t>
  </si>
  <si>
    <t>buurt_gegeneraliseerd_2021.17b3c67f-090c-4318-ac00-bfbd899e9a6f</t>
  </si>
  <si>
    <t>BU01830700</t>
  </si>
  <si>
    <t>2021BU01830700</t>
  </si>
  <si>
    <t>Fleringen kern</t>
  </si>
  <si>
    <t>buurt_gegeneraliseerd_2021.994488a4-5fd6-4685-ae0b-abb0b9bd4c2d</t>
  </si>
  <si>
    <t>BU01830709</t>
  </si>
  <si>
    <t>2021BU01830709</t>
  </si>
  <si>
    <t>Verspreide huizen Fleringen</t>
  </si>
  <si>
    <t>buurt_gegeneraliseerd_2021.c181aaca-d8d4-4e6a-8c4f-614a3e85e89f</t>
  </si>
  <si>
    <t>BU01840000</t>
  </si>
  <si>
    <t>2021BU01840000</t>
  </si>
  <si>
    <t>Urk-Kom</t>
  </si>
  <si>
    <t>GM0184</t>
  </si>
  <si>
    <t>buurt_gegeneraliseerd_2021.b660a53c-a689-43c0-a431-04a61edebd30</t>
  </si>
  <si>
    <t>BU01840002</t>
  </si>
  <si>
    <t>2021BU01840002</t>
  </si>
  <si>
    <t>Toppad</t>
  </si>
  <si>
    <t>buurt_gegeneraliseerd_2021.ca07f86e-365d-4fcf-88de-f88f62abc7f3</t>
  </si>
  <si>
    <t>BU01840003</t>
  </si>
  <si>
    <t>2021BU01840003</t>
  </si>
  <si>
    <t>Urk-Noord</t>
  </si>
  <si>
    <t>buurt_gegeneraliseerd_2021.aa0eb757-3b68-4db7-927a-9d73b62b60d0</t>
  </si>
  <si>
    <t>BU01840004</t>
  </si>
  <si>
    <t>2021BU01840004</t>
  </si>
  <si>
    <t>Havens en industrieterrein</t>
  </si>
  <si>
    <t>buurt_gegeneraliseerd_2021.b9cbc8e7-13a0-48fe-9ccf-94daa50e14b6</t>
  </si>
  <si>
    <t>BU01840006</t>
  </si>
  <si>
    <t>2021BU01840006</t>
  </si>
  <si>
    <t>De Reede</t>
  </si>
  <si>
    <t>buurt_gegeneraliseerd_2021.9220ba48-1be3-4a55-8c01-179ae581d8b8</t>
  </si>
  <si>
    <t>BU01840007</t>
  </si>
  <si>
    <t>2021BU01840007</t>
  </si>
  <si>
    <t>Urkerhard</t>
  </si>
  <si>
    <t>buurt_gegeneraliseerd_2021.c1cdea7b-148d-457d-a88a-fd472c746669</t>
  </si>
  <si>
    <t>BU01840008</t>
  </si>
  <si>
    <t>2021BU01840008</t>
  </si>
  <si>
    <t>De Top</t>
  </si>
  <si>
    <t>buurt_gegeneraliseerd_2021.0603445c-8691-4594-9d7f-c4f359b5aca8</t>
  </si>
  <si>
    <t>BU01840009</t>
  </si>
  <si>
    <t>2021BU01840009</t>
  </si>
  <si>
    <t>Buitengebied</t>
  </si>
  <si>
    <t>buurt_gegeneraliseerd_2021.180bbc7c-882b-4748-87b2-4343ce0572cb</t>
  </si>
  <si>
    <t>BU01840010</t>
  </si>
  <si>
    <t>2021BU01840010</t>
  </si>
  <si>
    <t>De Staart</t>
  </si>
  <si>
    <t>buurt_gegeneraliseerd_2021.80dfa40d-b64d-40b8-888f-e882e138da05</t>
  </si>
  <si>
    <t>BU01840011</t>
  </si>
  <si>
    <t>2021BU01840011</t>
  </si>
  <si>
    <t>Urkerland</t>
  </si>
  <si>
    <t>buurt_gegeneraliseerd_2021.bda99af6-5362-4810-9117-f5ad93fc7c28</t>
  </si>
  <si>
    <t>BU01840015</t>
  </si>
  <si>
    <t>2021BU01840015</t>
  </si>
  <si>
    <t>Industrieterrein II</t>
  </si>
  <si>
    <t>buurt_gegeneraliseerd_2021.ff757eef-0387-4974-a675-ae603c8a2721</t>
  </si>
  <si>
    <t>BU01890000</t>
  </si>
  <si>
    <t>2021BU01890000</t>
  </si>
  <si>
    <t>Wierden-Centrum</t>
  </si>
  <si>
    <t>buurt_gegeneraliseerd_2021.c28790c1-cb3a-4900-afcf-2b099b84d339</t>
  </si>
  <si>
    <t>BU01890001</t>
  </si>
  <si>
    <t>2021BU01890001</t>
  </si>
  <si>
    <t>Wierden-Noord</t>
  </si>
  <si>
    <t>buurt_gegeneraliseerd_2021.cb637ff5-a828-4e88-9270-7f2abf5b6fa6</t>
  </si>
  <si>
    <t>BU01890002</t>
  </si>
  <si>
    <t>2021BU01890002</t>
  </si>
  <si>
    <t>Wierden-West</t>
  </si>
  <si>
    <t>buurt_gegeneraliseerd_2021.231900d8-9297-4d8a-8620-833615f01557</t>
  </si>
  <si>
    <t>BU01890003</t>
  </si>
  <si>
    <t>2021BU01890003</t>
  </si>
  <si>
    <t>De Maaten</t>
  </si>
  <si>
    <t>buurt_gegeneraliseerd_2021.e6f880bd-0dae-4e3d-8113-bb23ac367882</t>
  </si>
  <si>
    <t>BU01890004</t>
  </si>
  <si>
    <t>2021BU01890004</t>
  </si>
  <si>
    <t>Wierden-Oost</t>
  </si>
  <si>
    <t>buurt_gegeneraliseerd_2021.a958d697-b61f-4b1b-a1f7-8e41e093c143</t>
  </si>
  <si>
    <t>BU01890005</t>
  </si>
  <si>
    <t>2021BU01890005</t>
  </si>
  <si>
    <t>De Stouwe</t>
  </si>
  <si>
    <t>buurt_gegeneraliseerd_2021.ebb15752-ab48-4c1f-98d3-7f98509fef5f</t>
  </si>
  <si>
    <t>BU01890006</t>
  </si>
  <si>
    <t>2021BU01890006</t>
  </si>
  <si>
    <t>'t Loo</t>
  </si>
  <si>
    <t>buurt_gegeneraliseerd_2021.a802d43f-505a-4658-9f79-f682818685ca</t>
  </si>
  <si>
    <t>BU01890007</t>
  </si>
  <si>
    <t>2021BU01890007</t>
  </si>
  <si>
    <t>buurt_gegeneraliseerd_2021.1447318c-a2a2-4d34-95e8-318c47e20745</t>
  </si>
  <si>
    <t>BU01890008</t>
  </si>
  <si>
    <t>2021BU01890008</t>
  </si>
  <si>
    <t>Zuidbroek</t>
  </si>
  <si>
    <t>buurt_gegeneraliseerd_2021.f8d5ed1b-e9b1-43bd-b806-70ac7f999d05</t>
  </si>
  <si>
    <t>BU01890105</t>
  </si>
  <si>
    <t>2021BU01890105</t>
  </si>
  <si>
    <t>Verspreide huizen Lage Egge en omgeving</t>
  </si>
  <si>
    <t>buurt_gegeneraliseerd_2021.b897b743-8bc8-4cdf-bb4c-c8d3d4394847</t>
  </si>
  <si>
    <t>BU01890106</t>
  </si>
  <si>
    <t>2021BU01890106</t>
  </si>
  <si>
    <t>Verspreide huizen Broeklanden</t>
  </si>
  <si>
    <t>buurt_gegeneraliseerd_2021.db27da50-b5a7-49a5-a78c-38ea428265ce</t>
  </si>
  <si>
    <t>BU01890107</t>
  </si>
  <si>
    <t>2021BU01890107</t>
  </si>
  <si>
    <t>Verspreide huizen Huurne I</t>
  </si>
  <si>
    <t>buurt_gegeneraliseerd_2021.0894eae0-6b22-4682-9c92-101840c2ec4f</t>
  </si>
  <si>
    <t>BU01890200</t>
  </si>
  <si>
    <t>2021BU01890200</t>
  </si>
  <si>
    <t>Hooge-Hexel kern</t>
  </si>
  <si>
    <t>buurt_gegeneraliseerd_2021.dfe09056-b2c6-46c3-b45e-21115cfafc22</t>
  </si>
  <si>
    <t>BU01890300</t>
  </si>
  <si>
    <t>2021BU01890300</t>
  </si>
  <si>
    <t>Enter-Zuidwest</t>
  </si>
  <si>
    <t>buurt_gegeneraliseerd_2021.ca61a9f7-8170-4100-9696-85c3a1bf63b3</t>
  </si>
  <si>
    <t>BU01890301</t>
  </si>
  <si>
    <t>2021BU01890301</t>
  </si>
  <si>
    <t>Enter-Noordwest</t>
  </si>
  <si>
    <t>buurt_gegeneraliseerd_2021.fb782cd2-dc36-4c3a-9147-9b55fa51fae9</t>
  </si>
  <si>
    <t>BU01890302</t>
  </si>
  <si>
    <t>2021BU01890302</t>
  </si>
  <si>
    <t>Enter-Oost</t>
  </si>
  <si>
    <t>buurt_gegeneraliseerd_2021.0b8c57d7-2b30-43bc-8b14-b0f18f4edd41</t>
  </si>
  <si>
    <t>BU01890303</t>
  </si>
  <si>
    <t>2021BU01890303</t>
  </si>
  <si>
    <t>Enter-West</t>
  </si>
  <si>
    <t>buurt_gegeneraliseerd_2021.af8c3016-1bf6-42a2-8d29-281af8ae231d</t>
  </si>
  <si>
    <t>BU01890405</t>
  </si>
  <si>
    <t>2021BU01890405</t>
  </si>
  <si>
    <t>Verspreide huizen IJpelo</t>
  </si>
  <si>
    <t>buurt_gegeneraliseerd_2021.7738871a-f3b2-46e3-ba56-01f10fb440d0</t>
  </si>
  <si>
    <t>BU01890406</t>
  </si>
  <si>
    <t>2021BU01890406</t>
  </si>
  <si>
    <t>Verspreide huizen Waterhoek</t>
  </si>
  <si>
    <t>buurt_gegeneraliseerd_2021.5e8b8217-b348-44a1-a956-617049a2d4ae</t>
  </si>
  <si>
    <t>BU01890407</t>
  </si>
  <si>
    <t>2021BU01890407</t>
  </si>
  <si>
    <t>Verspreide huizen Enterveen en Elsslagen</t>
  </si>
  <si>
    <t>buurt_gegeneraliseerd_2021.50ca034e-bb97-4e33-8b18-5f980d730524</t>
  </si>
  <si>
    <t>BU01890408</t>
  </si>
  <si>
    <t>2021BU01890408</t>
  </si>
  <si>
    <t>Verspreide huizen Zuiderveld</t>
  </si>
  <si>
    <t>buurt_gegeneraliseerd_2021.8ef1ec5f-e2ba-4038-b8c5-a0475ac75d65</t>
  </si>
  <si>
    <t>BU01890409</t>
  </si>
  <si>
    <t>2021BU01890409</t>
  </si>
  <si>
    <t>Verspreide huizen Enterbroek en omgeving</t>
  </si>
  <si>
    <t>buurt_gegeneraliseerd_2021.fba5525d-6619-41c7-b995-d0bf295ac10c</t>
  </si>
  <si>
    <t>BU01890507</t>
  </si>
  <si>
    <t>2021BU01890507</t>
  </si>
  <si>
    <t>Verspreide huizen Rectum</t>
  </si>
  <si>
    <t>buurt_gegeneraliseerd_2021.079393e4-ad89-40e3-a8b3-52c70e3b82c7</t>
  </si>
  <si>
    <t>BU01970101</t>
  </si>
  <si>
    <t>2021BU01970101</t>
  </si>
  <si>
    <t>Barlo-Kern</t>
  </si>
  <si>
    <t>buurt_gegeneraliseerd_2021.7b966356-b045-4d17-ba85-e0c391b20e0e</t>
  </si>
  <si>
    <t>BU01970102</t>
  </si>
  <si>
    <t>2021BU01970102</t>
  </si>
  <si>
    <t>Verspreide huizen Barlo</t>
  </si>
  <si>
    <t>buurt_gegeneraliseerd_2021.c54f14b7-d6bb-4eab-b2ff-565abaca7b0d</t>
  </si>
  <si>
    <t>BU01970103</t>
  </si>
  <si>
    <t>2021BU01970103</t>
  </si>
  <si>
    <t>Verspreide huizen Heurne</t>
  </si>
  <si>
    <t>buurt_gegeneraliseerd_2021.6e0b69ef-4bd4-4350-88f9-1d0ed520f078</t>
  </si>
  <si>
    <t>BU01970105</t>
  </si>
  <si>
    <t>2021BU01970105</t>
  </si>
  <si>
    <t>IJzerlo-kern</t>
  </si>
  <si>
    <t>buurt_gegeneraliseerd_2021.6dedfbff-ee56-4efb-86df-80717fabbedb</t>
  </si>
  <si>
    <t>BU01970107</t>
  </si>
  <si>
    <t>2021BU01970107</t>
  </si>
  <si>
    <t>Verspreide huizen ten westen van Aalten</t>
  </si>
  <si>
    <t>buurt_gegeneraliseerd_2021.2a6d7803-cb9b-4d96-a8ff-a44d056834bd</t>
  </si>
  <si>
    <t>BU01970110</t>
  </si>
  <si>
    <t>2021BU01970110</t>
  </si>
  <si>
    <t>Verspreide huizen Dale</t>
  </si>
  <si>
    <t>buurt_gegeneraliseerd_2021.c5cad713-51fd-41ac-8735-9c4258ceeae8</t>
  </si>
  <si>
    <t>BU01970111</t>
  </si>
  <si>
    <t>2021BU01970111</t>
  </si>
  <si>
    <t>Verspreide huizen Haart</t>
  </si>
  <si>
    <t>buurt_gegeneraliseerd_2021.a00f79df-3130-4b76-9875-597160981b24</t>
  </si>
  <si>
    <t>BU01970112</t>
  </si>
  <si>
    <t>2021BU01970112</t>
  </si>
  <si>
    <t>Haart-kern</t>
  </si>
  <si>
    <t>buurt_gegeneraliseerd_2021.d6118add-5ee7-430c-bc2a-5f1e1ce5778b</t>
  </si>
  <si>
    <t>BU01970201</t>
  </si>
  <si>
    <t>2021BU01970201</t>
  </si>
  <si>
    <t>Verspreide huizen Bredevoort</t>
  </si>
  <si>
    <t>buurt_gegeneraliseerd_2021.e7d4c530-6d8f-4b1d-98cb-ed9c4a91cd6f</t>
  </si>
  <si>
    <t>BU01970202</t>
  </si>
  <si>
    <t>2021BU01970202</t>
  </si>
  <si>
    <t>Verspreide huizen Hollenberg</t>
  </si>
  <si>
    <t>buurt_gegeneraliseerd_2021.83445eec-ac29-4c5d-9458-80af64bf33b5</t>
  </si>
  <si>
    <t>BU01970203</t>
  </si>
  <si>
    <t>2021BU01970203</t>
  </si>
  <si>
    <t>Verspreide huizen Het Zwanenbroek</t>
  </si>
  <si>
    <t>buurt_gegeneraliseerd_2021.0f489680-c405-4051-9d06-51296a2795c2</t>
  </si>
  <si>
    <t>BU01970204</t>
  </si>
  <si>
    <t>2021BU01970204</t>
  </si>
  <si>
    <t>Bredevoort</t>
  </si>
  <si>
    <t>buurt_gegeneraliseerd_2021.497e161f-3d24-4263-a022-5a752f834afb</t>
  </si>
  <si>
    <t>BU01970301</t>
  </si>
  <si>
    <t>2021BU01970301</t>
  </si>
  <si>
    <t>Aalten-kern West</t>
  </si>
  <si>
    <t>buurt_gegeneraliseerd_2021.1fc8d36d-53c9-4634-ae8b-613a1306b243</t>
  </si>
  <si>
    <t>BU01970302</t>
  </si>
  <si>
    <t>2021BU01970302</t>
  </si>
  <si>
    <t>Aalten-kern Zuid 1</t>
  </si>
  <si>
    <t>buurt_gegeneraliseerd_2021.670fdcf6-f46c-4381-a1d4-0e4afd2c1a95</t>
  </si>
  <si>
    <t>BU01970303</t>
  </si>
  <si>
    <t>2021BU01970303</t>
  </si>
  <si>
    <t>Aalten-kern Zuid 2</t>
  </si>
  <si>
    <t>buurt_gegeneraliseerd_2021.b1df8b56-ebde-48ed-9550-b32c0b1f51b8</t>
  </si>
  <si>
    <t>BU01970304</t>
  </si>
  <si>
    <t>2021BU01970304</t>
  </si>
  <si>
    <t>Aalten-kern Noord/Noordoost</t>
  </si>
  <si>
    <t>buurt_gegeneraliseerd_2021.82957e05-ebc7-4fc0-a998-a3709f596ff8</t>
  </si>
  <si>
    <t>BU01970305</t>
  </si>
  <si>
    <t>2021BU01970305</t>
  </si>
  <si>
    <t>Aalten Kern 't Kobus</t>
  </si>
  <si>
    <t>buurt_gegeneraliseerd_2021.bb988fbd-8dde-410b-9ddd-e3b0932abb3f</t>
  </si>
  <si>
    <t>BU01970306</t>
  </si>
  <si>
    <t>2021BU01970306</t>
  </si>
  <si>
    <t>Aalten-kern Oost</t>
  </si>
  <si>
    <t>buurt_gegeneraliseerd_2021.900f3a29-464e-4821-a24b-33d0e040840e</t>
  </si>
  <si>
    <t>BU01970307</t>
  </si>
  <si>
    <t>2021BU01970307</t>
  </si>
  <si>
    <t>Aalten-kern Centrum</t>
  </si>
  <si>
    <t>buurt_gegeneraliseerd_2021.3d971b3f-7572-48dd-82bc-bd53c9423c28</t>
  </si>
  <si>
    <t>BU02320005</t>
  </si>
  <si>
    <t>2021BU02320005</t>
  </si>
  <si>
    <t>Enkweg</t>
  </si>
  <si>
    <t>buurt_gegeneraliseerd_2021.312b0ce5-f66a-45b4-a7af-2dbd10ee8167</t>
  </si>
  <si>
    <t>BU02320006</t>
  </si>
  <si>
    <t>2021BU02320006</t>
  </si>
  <si>
    <t>Gildehoek</t>
  </si>
  <si>
    <t>buurt_gegeneraliseerd_2021.2a4bac32-0bb1-4d1d-bc7d-d6e4efa22d4b</t>
  </si>
  <si>
    <t>BU02320007</t>
  </si>
  <si>
    <t>2021BU02320007</t>
  </si>
  <si>
    <t>Kweekweg</t>
  </si>
  <si>
    <t>buurt_gegeneraliseerd_2021.8d0fa186-b520-45a9-a85f-cb5fe82c45f3</t>
  </si>
  <si>
    <t>BU02320008</t>
  </si>
  <si>
    <t>2021BU02320008</t>
  </si>
  <si>
    <t>Vegtelarij</t>
  </si>
  <si>
    <t>buurt_gegeneraliseerd_2021.62a198ce-d40e-4f83-99c7-86de49ce358f</t>
  </si>
  <si>
    <t>BU02320009</t>
  </si>
  <si>
    <t>2021BU02320009</t>
  </si>
  <si>
    <t>Klaarbeek</t>
  </si>
  <si>
    <t>buurt_gegeneraliseerd_2021.382180ed-6e93-4ee3-a69f-ec663a39c1a5</t>
  </si>
  <si>
    <t>BU02320010</t>
  </si>
  <si>
    <t>2021BU02320010</t>
  </si>
  <si>
    <t>Buitengebied Epe Noord</t>
  </si>
  <si>
    <t>buurt_gegeneraliseerd_2021.7f7e849b-48fe-4470-9bcc-106221e48dee</t>
  </si>
  <si>
    <t>BU02320011</t>
  </si>
  <si>
    <t>2021BU02320011</t>
  </si>
  <si>
    <t>Buitengebied Epe West</t>
  </si>
  <si>
    <t>buurt_gegeneraliseerd_2021.0d6c8982-ddab-4303-b1d9-8004d4e1445e</t>
  </si>
  <si>
    <t>BU02320012</t>
  </si>
  <si>
    <t>2021BU02320012</t>
  </si>
  <si>
    <t>Buitengebied Epe Oost</t>
  </si>
  <si>
    <t>buurt_gegeneraliseerd_2021.13c3a88f-9aeb-4e68-8d09-7ad40869ad43</t>
  </si>
  <si>
    <t>BU02320100</t>
  </si>
  <si>
    <t>2021BU02320100</t>
  </si>
  <si>
    <t>Kern Emst</t>
  </si>
  <si>
    <t>buurt_gegeneraliseerd_2021.0cc8c7f4-1ac6-4d51-972c-b5e3677ab03c</t>
  </si>
  <si>
    <t>BU02320101</t>
  </si>
  <si>
    <t>2021BU02320101</t>
  </si>
  <si>
    <t>Buitengebied Emst</t>
  </si>
  <si>
    <t>buurt_gegeneraliseerd_2021.ae4ad60d-a7b4-4416-b2e4-2eb74c53bb5a</t>
  </si>
  <si>
    <t>BU02320200</t>
  </si>
  <si>
    <t>2021BU02320200</t>
  </si>
  <si>
    <t>Vaassen Centrum</t>
  </si>
  <si>
    <t>buurt_gegeneraliseerd_2021.07cec929-b57e-44b3-81ff-a0340e66f92a</t>
  </si>
  <si>
    <t>BU02320201</t>
  </si>
  <si>
    <t>2021BU02320201</t>
  </si>
  <si>
    <t>Heggerenk</t>
  </si>
  <si>
    <t>buurt_gegeneraliseerd_2021.1d4e8008-f852-445c-aaab-f78fe91f0d62</t>
  </si>
  <si>
    <t>BU02320202</t>
  </si>
  <si>
    <t>2021BU02320202</t>
  </si>
  <si>
    <t>Krugerstraat Noord</t>
  </si>
  <si>
    <t>buurt_gegeneraliseerd_2021.960547fc-a68e-45c0-bdb1-29832e424ae5</t>
  </si>
  <si>
    <t>BU02320203</t>
  </si>
  <si>
    <t>2021BU02320203</t>
  </si>
  <si>
    <t>Krugerstraat Zuid</t>
  </si>
  <si>
    <t>buurt_gegeneraliseerd_2021.53c82462-60aa-442e-995d-2e9633cedc2e</t>
  </si>
  <si>
    <t>BU02320204</t>
  </si>
  <si>
    <t>2021BU02320204</t>
  </si>
  <si>
    <t>Oosterhof</t>
  </si>
  <si>
    <t>buurt_gegeneraliseerd_2021.ac23319e-db17-44b4-9e37-9383b6580f3a</t>
  </si>
  <si>
    <t>BU02320205</t>
  </si>
  <si>
    <t>2021BU02320205</t>
  </si>
  <si>
    <t>Berkenoord 1</t>
  </si>
  <si>
    <t>buurt_gegeneraliseerd_2021.dd1c7511-f75c-4d7c-b59b-bd88d10dbc3f</t>
  </si>
  <si>
    <t>BU02320206</t>
  </si>
  <si>
    <t>2021BU02320206</t>
  </si>
  <si>
    <t>Berkenoord 2</t>
  </si>
  <si>
    <t>buurt_gegeneraliseerd_2021.2aa7ea70-cb9b-448d-a750-0793b2eb8ae3</t>
  </si>
  <si>
    <t>BU02320207</t>
  </si>
  <si>
    <t>2021BU02320207</t>
  </si>
  <si>
    <t>Woestijnweg</t>
  </si>
  <si>
    <t>buurt_gegeneraliseerd_2021.cc8c3225-20d7-4d52-b9e9-ca4ba7ee42f2</t>
  </si>
  <si>
    <t>BU02320208</t>
  </si>
  <si>
    <t>2021BU02320208</t>
  </si>
  <si>
    <t>buurt_gegeneraliseerd_2021.9dfea229-c0e6-4425-b542-6a48b45979b9</t>
  </si>
  <si>
    <t>BU02320209</t>
  </si>
  <si>
    <t>2021BU02320209</t>
  </si>
  <si>
    <t>Vulcanus - de Pirk</t>
  </si>
  <si>
    <t>buurt_gegeneraliseerd_2021.a6155aff-2c5c-45bf-b4d4-dfe3e3c3be06</t>
  </si>
  <si>
    <t>BU02320210</t>
  </si>
  <si>
    <t>2021BU02320210</t>
  </si>
  <si>
    <t>Eekterveld</t>
  </si>
  <si>
    <t>buurt_gegeneraliseerd_2021.85e83154-c425-4c64-9cf7-e92715e1d672</t>
  </si>
  <si>
    <t>BU02320211</t>
  </si>
  <si>
    <t>2021BU02320211</t>
  </si>
  <si>
    <t>Buitengebied Vaassen</t>
  </si>
  <si>
    <t>buurt_gegeneraliseerd_2021.978eeeea-27f5-4df6-9f85-0e3526f45304</t>
  </si>
  <si>
    <t>BU02320300</t>
  </si>
  <si>
    <t>2021BU02320300</t>
  </si>
  <si>
    <t>Kern Oene</t>
  </si>
  <si>
    <t>buurt_gegeneraliseerd_2021.efe7da30-4acf-4eb1-afb3-edee9f069fd0</t>
  </si>
  <si>
    <t>BU02320301</t>
  </si>
  <si>
    <t>2021BU02320301</t>
  </si>
  <si>
    <t>Buitengebied Oene</t>
  </si>
  <si>
    <t>buurt_gegeneraliseerd_2021.c0118a3f-1cba-41fc-a928-fb66697a25f7</t>
  </si>
  <si>
    <t>BU02330000</t>
  </si>
  <si>
    <t>2021BU02330000</t>
  </si>
  <si>
    <t>Ermelo</t>
  </si>
  <si>
    <t>GM0233</t>
  </si>
  <si>
    <t>buurt_gegeneraliseerd_2021.6951f4c4-ffa7-42c1-a08f-c5e3aa803158</t>
  </si>
  <si>
    <t>BU02330001</t>
  </si>
  <si>
    <t>2021BU02330001</t>
  </si>
  <si>
    <t>Ermelo-Oost</t>
  </si>
  <si>
    <t>buurt_gegeneraliseerd_2021.bd725273-d573-44ae-8a47-7ea97d888358</t>
  </si>
  <si>
    <t>BU02330002</t>
  </si>
  <si>
    <t>2021BU02330002</t>
  </si>
  <si>
    <t>Ermelo-West</t>
  </si>
  <si>
    <t>buurt_gegeneraliseerd_2021.0d3be10e-58e6-4667-a7be-f8460e33e70d</t>
  </si>
  <si>
    <t>BU02330003</t>
  </si>
  <si>
    <t>2021BU02330003</t>
  </si>
  <si>
    <t>Veldwijk-'s Heerenloo</t>
  </si>
  <si>
    <t>buurt_gegeneraliseerd_2021.54fc4af2-0778-49ae-a602-810687dff1b7</t>
  </si>
  <si>
    <t>BU02330004</t>
  </si>
  <si>
    <t>2021BU02330004</t>
  </si>
  <si>
    <t>Tonsel</t>
  </si>
  <si>
    <t>buurt_gegeneraliseerd_2021.e332bed0-1cc0-4c3f-8647-ec2d1bc687d4</t>
  </si>
  <si>
    <t>BU02330005</t>
  </si>
  <si>
    <t>2021BU02330005</t>
  </si>
  <si>
    <t>Horst</t>
  </si>
  <si>
    <t>buurt_gegeneraliseerd_2021.8a79c066-75f0-4ac0-b265-2bd0d81c4bb1</t>
  </si>
  <si>
    <t>BU02330006</t>
  </si>
  <si>
    <t>2021BU02330006</t>
  </si>
  <si>
    <t>Buurt Ermelo ten dele bij de kern</t>
  </si>
  <si>
    <t>buurt_gegeneraliseerd_2021.13fc64db-9d05-4194-b07e-287bda9f7afb</t>
  </si>
  <si>
    <t>BU02330007</t>
  </si>
  <si>
    <t>2021BU02330007</t>
  </si>
  <si>
    <t>Verspreide huizen Telgt</t>
  </si>
  <si>
    <t>buurt_gegeneraliseerd_2021.1aaf9b1d-e11a-470a-930b-ad3885271578</t>
  </si>
  <si>
    <t>BU02330008</t>
  </si>
  <si>
    <t>2021BU02330008</t>
  </si>
  <si>
    <t>Verspreide huizen Zuiderzeeland</t>
  </si>
  <si>
    <t>buurt_gegeneraliseerd_2021.c6ac2721-8c3e-42bc-a22e-138533f7613b</t>
  </si>
  <si>
    <t>BU02330009</t>
  </si>
  <si>
    <t>2021BU02330009</t>
  </si>
  <si>
    <t>Verspreide huizen bosgebied</t>
  </si>
  <si>
    <t>buurt_gegeneraliseerd_2021.7b30a716-e0a0-4e1a-8f30-99d43e0d683e</t>
  </si>
  <si>
    <t>BU02330100</t>
  </si>
  <si>
    <t>2021BU02330100</t>
  </si>
  <si>
    <t>Speuld</t>
  </si>
  <si>
    <t>buurt_gegeneraliseerd_2021.e008f8a1-cfc3-4ca5-b6e4-3096d4c9d3db</t>
  </si>
  <si>
    <t>BU02330105</t>
  </si>
  <si>
    <t>2021BU02330105</t>
  </si>
  <si>
    <t>Verspreide huizen Staverden</t>
  </si>
  <si>
    <t>buurt_gegeneraliseerd_2021.72b39966-b2ea-4f63-ab58-fd33cfd1b9fb</t>
  </si>
  <si>
    <t>BU02330106</t>
  </si>
  <si>
    <t>2021BU02330106</t>
  </si>
  <si>
    <t>Verspreide huizen Houtdorp</t>
  </si>
  <si>
    <t>buurt_gegeneraliseerd_2021.25b91212-7e96-4647-a1bc-7569d44d9e3c</t>
  </si>
  <si>
    <t>BU02330107</t>
  </si>
  <si>
    <t>2021BU02330107</t>
  </si>
  <si>
    <t>Verspreide huizen Leuvenum</t>
  </si>
  <si>
    <t>buurt_gegeneraliseerd_2021.c0f62341-b854-41b2-8d27-0ce6cd6bfd8d</t>
  </si>
  <si>
    <t>BU02330108</t>
  </si>
  <si>
    <t>2021BU02330108</t>
  </si>
  <si>
    <t>Verspreide huizen De Beek</t>
  </si>
  <si>
    <t>buurt_gegeneraliseerd_2021.19060faa-350a-491f-9499-b703482b82cc</t>
  </si>
  <si>
    <t>BU02330109</t>
  </si>
  <si>
    <t>2021BU02330109</t>
  </si>
  <si>
    <t>buurt_gegeneraliseerd_2021.4888eece-15de-4e66-8c3e-6968179838cb</t>
  </si>
  <si>
    <t>BU02430101</t>
  </si>
  <si>
    <t>2021BU02430101</t>
  </si>
  <si>
    <t>Binnenstad-Noord</t>
  </si>
  <si>
    <t>GM0243</t>
  </si>
  <si>
    <t>buurt_gegeneraliseerd_2021.122ad630-4245-427b-965b-c1d6df785c6c</t>
  </si>
  <si>
    <t>BU02430102</t>
  </si>
  <si>
    <t>2021BU02430102</t>
  </si>
  <si>
    <t>Binnenstad-Zuid</t>
  </si>
  <si>
    <t>buurt_gegeneraliseerd_2021.3d002736-e322-4811-9e3e-9e36de3418b4</t>
  </si>
  <si>
    <t>BU02430201</t>
  </si>
  <si>
    <t>2021BU02430201</t>
  </si>
  <si>
    <t>De Eilanden</t>
  </si>
  <si>
    <t>buurt_gegeneraliseerd_2021.c3ec3d7b-db88-4594-9198-2a44c532e053</t>
  </si>
  <si>
    <t>BU02430202</t>
  </si>
  <si>
    <t>2021BU02430202</t>
  </si>
  <si>
    <t>De Kades</t>
  </si>
  <si>
    <t>buurt_gegeneraliseerd_2021.733bd640-56ae-4257-916a-5d746273a477</t>
  </si>
  <si>
    <t>BU02430203</t>
  </si>
  <si>
    <t>2021BU02430203</t>
  </si>
  <si>
    <t>buurt_gegeneraliseerd_2021.e612a9ca-dc32-4c61-bfe2-71bb9d383f9d</t>
  </si>
  <si>
    <t>BU02430204</t>
  </si>
  <si>
    <t>2021BU02430204</t>
  </si>
  <si>
    <t>De Knar</t>
  </si>
  <si>
    <t>buurt_gegeneraliseerd_2021.2fd09269-91ca-4cd8-8edd-c6be749f8845</t>
  </si>
  <si>
    <t>BU02430301</t>
  </si>
  <si>
    <t>2021BU02430301</t>
  </si>
  <si>
    <t>Zeebuurt-Oost</t>
  </si>
  <si>
    <t>buurt_gegeneraliseerd_2021.7e36b193-8bf7-4803-88c4-05e54d1b3c69</t>
  </si>
  <si>
    <t>BU02430302</t>
  </si>
  <si>
    <t>2021BU02430302</t>
  </si>
  <si>
    <t>Zeebuurt-west</t>
  </si>
  <si>
    <t>buurt_gegeneraliseerd_2021.a587d7c0-ec67-4e7a-b9b6-e332d0939d54</t>
  </si>
  <si>
    <t>BU02430401</t>
  </si>
  <si>
    <t>2021BU02430401</t>
  </si>
  <si>
    <t>Friesegracht-Noord</t>
  </si>
  <si>
    <t>buurt_gegeneraliseerd_2021.ba93f2e3-e6ee-4098-b9f8-d6d9c3972265</t>
  </si>
  <si>
    <t>BU02430402</t>
  </si>
  <si>
    <t>2021BU02430402</t>
  </si>
  <si>
    <t>Friesegracht-Zuid</t>
  </si>
  <si>
    <t>buurt_gegeneraliseerd_2021.bb6da4dc-257b-4caf-ac3f-4464ada5fb8c</t>
  </si>
  <si>
    <t>BU02430501</t>
  </si>
  <si>
    <t>2021BU02430501</t>
  </si>
  <si>
    <t>Stadsdennen-Noord</t>
  </si>
  <si>
    <t>buurt_gegeneraliseerd_2021.95d4c71d-95a7-4cf4-83e3-28d2a4442d13</t>
  </si>
  <si>
    <t>BU02430502</t>
  </si>
  <si>
    <t>2021BU02430502</t>
  </si>
  <si>
    <t>Stadsdennen-Midden</t>
  </si>
  <si>
    <t>buurt_gegeneraliseerd_2021.c1e99dc2-8755-4a47-af04-97cffc351892</t>
  </si>
  <si>
    <t>BU02430503</t>
  </si>
  <si>
    <t>2021BU02430503</t>
  </si>
  <si>
    <t>Stadsdennen-Oost</t>
  </si>
  <si>
    <t>buurt_gegeneraliseerd_2021.62ba1bbf-7e77-404a-8ed5-df2b592d446b</t>
  </si>
  <si>
    <t>BU02430504</t>
  </si>
  <si>
    <t>2021BU02430504</t>
  </si>
  <si>
    <t>Stadsdennen-Zuidwest</t>
  </si>
  <si>
    <t>buurt_gegeneraliseerd_2021.29c3fe35-7780-411d-99d3-b4d38efcae96</t>
  </si>
  <si>
    <t>BU02430601</t>
  </si>
  <si>
    <t>2021BU02430601</t>
  </si>
  <si>
    <t>Sypel-Oost</t>
  </si>
  <si>
    <t>buurt_gegeneraliseerd_2021.559e148e-695d-45c9-918e-f13f042280cb</t>
  </si>
  <si>
    <t>BU02430602</t>
  </si>
  <si>
    <t>2021BU02430602</t>
  </si>
  <si>
    <t>Sypel-West</t>
  </si>
  <si>
    <t>buurt_gegeneraliseerd_2021.74f31528-b508-4878-bfdb-bddffdf21de5</t>
  </si>
  <si>
    <t>BU02430701</t>
  </si>
  <si>
    <t>2021BU02430701</t>
  </si>
  <si>
    <t>nachthok</t>
  </si>
  <si>
    <t>buurt_gegeneraliseerd_2021.56bdf613-fc7b-452b-9ff1-bc63871692f2</t>
  </si>
  <si>
    <t>BU02430702</t>
  </si>
  <si>
    <t>2021BU02430702</t>
  </si>
  <si>
    <t>Weiburg</t>
  </si>
  <si>
    <t>buurt_gegeneraliseerd_2021.83820a64-50c9-41e7-b862-d93938ab6198</t>
  </si>
  <si>
    <t>BU02430801</t>
  </si>
  <si>
    <t>2021BU02430801</t>
  </si>
  <si>
    <t>Kruithuis</t>
  </si>
  <si>
    <t>buurt_gegeneraliseerd_2021.d437a0a3-5cfd-43bd-96b9-2060785a3b6a</t>
  </si>
  <si>
    <t>BU02430802</t>
  </si>
  <si>
    <t>2021BU02430802</t>
  </si>
  <si>
    <t>Hanzewaard</t>
  </si>
  <si>
    <t>buurt_gegeneraliseerd_2021.59604efc-f5a9-4848-a823-ed048a93d22b</t>
  </si>
  <si>
    <t>BU02430803</t>
  </si>
  <si>
    <t>2021BU02430803</t>
  </si>
  <si>
    <t>Scheepswaard</t>
  </si>
  <si>
    <t>buurt_gegeneraliseerd_2021.17cf2f63-e336-4a89-9e31-5a375eecffa5</t>
  </si>
  <si>
    <t>BU02430804</t>
  </si>
  <si>
    <t>2021BU02430804</t>
  </si>
  <si>
    <t>Stedenwaard</t>
  </si>
  <si>
    <t>buurt_gegeneraliseerd_2021.bde5ac95-430b-4be1-912c-b1347dc6b23d</t>
  </si>
  <si>
    <t>BU02430805</t>
  </si>
  <si>
    <t>2021BU02430805</t>
  </si>
  <si>
    <t>Vogelwaard</t>
  </si>
  <si>
    <t>buurt_gegeneraliseerd_2021.6c6601eb-9a67-4f24-8424-85cc6d34a38c</t>
  </si>
  <si>
    <t>BU02430806</t>
  </si>
  <si>
    <t>2021BU02430806</t>
  </si>
  <si>
    <t>Weidewaard</t>
  </si>
  <si>
    <t>buurt_gegeneraliseerd_2021.4fee0390-b91a-49ee-bf3d-5166bbe697a8</t>
  </si>
  <si>
    <t>BU02430807</t>
  </si>
  <si>
    <t>2021BU02430807</t>
  </si>
  <si>
    <t>Drift</t>
  </si>
  <si>
    <t>buurt_gegeneraliseerd_2021.9f07a660-fdd6-4713-94df-522dc764927d</t>
  </si>
  <si>
    <t>BU02430808</t>
  </si>
  <si>
    <t>2021BU02430808</t>
  </si>
  <si>
    <t>Stromenwaard</t>
  </si>
  <si>
    <t>buurt_gegeneraliseerd_2021.21aef199-850c-4611-a60a-e48e94473663</t>
  </si>
  <si>
    <t>BU02430901</t>
  </si>
  <si>
    <t>2021BU02430901</t>
  </si>
  <si>
    <t>Slingerbos-Noord</t>
  </si>
  <si>
    <t>buurt_gegeneraliseerd_2021.16795f8e-769c-46de-ae9d-80e4e5bce3f4</t>
  </si>
  <si>
    <t>BU02430902</t>
  </si>
  <si>
    <t>2021BU02430902</t>
  </si>
  <si>
    <t>Slingerbos-Zuid</t>
  </si>
  <si>
    <t>buurt_gegeneraliseerd_2021.93f823d7-2bd3-477c-885f-b868621684af</t>
  </si>
  <si>
    <t>BU02431001</t>
  </si>
  <si>
    <t>2021BU02431001</t>
  </si>
  <si>
    <t>Veldkamp</t>
  </si>
  <si>
    <t>buurt_gegeneraliseerd_2021.34549245-181e-49e8-a0ed-96186f40e1b1</t>
  </si>
  <si>
    <t>BU02431002</t>
  </si>
  <si>
    <t>2021BU02431002</t>
  </si>
  <si>
    <t>Kranenburg</t>
  </si>
  <si>
    <t>buurt_gegeneraliseerd_2021.f6dbfab9-3bd5-48da-9abd-316e9a031859</t>
  </si>
  <si>
    <t>BU02431003</t>
  </si>
  <si>
    <t>2021BU02431003</t>
  </si>
  <si>
    <t>Bedrijventerrein "De Sypel"</t>
  </si>
  <si>
    <t>buurt_gegeneraliseerd_2021.c0164b82-0e38-436a-85db-9f2ee930b8cc</t>
  </si>
  <si>
    <t>BU02431004</t>
  </si>
  <si>
    <t>2021BU02431004</t>
  </si>
  <si>
    <t>Tinnegieter</t>
  </si>
  <si>
    <t>buurt_gegeneraliseerd_2021.6cc9cd2c-efc6-4904-94b2-85ac0f198a5d</t>
  </si>
  <si>
    <t>BU02431005</t>
  </si>
  <si>
    <t>2021BU02431005</t>
  </si>
  <si>
    <t>De Wittenhagen-Noord</t>
  </si>
  <si>
    <t>buurt_gegeneraliseerd_2021.c46fe6ea-e987-4584-bbf3-833249e6e3a3</t>
  </si>
  <si>
    <t>BU02431006</t>
  </si>
  <si>
    <t>2021BU02431006</t>
  </si>
  <si>
    <t>De Wittenhagen-Zuid</t>
  </si>
  <si>
    <t>buurt_gegeneraliseerd_2021.9e4a742d-d50e-4b81-8823-177e5a4c6e08</t>
  </si>
  <si>
    <t>BU02431101</t>
  </si>
  <si>
    <t>2021BU02431101</t>
  </si>
  <si>
    <t>Broekland</t>
  </si>
  <si>
    <t>buurt_gegeneraliseerd_2021.37f742d0-f73a-4fff-8a99-d37ee1b768d7</t>
  </si>
  <si>
    <t>BU02431102</t>
  </si>
  <si>
    <t>2021BU02431102</t>
  </si>
  <si>
    <t>De Akker</t>
  </si>
  <si>
    <t>buurt_gegeneraliseerd_2021.bdc691e3-135c-440b-bd90-0f619c210f32</t>
  </si>
  <si>
    <t>BU02431103</t>
  </si>
  <si>
    <t>2021BU02431103</t>
  </si>
  <si>
    <t>Walstein</t>
  </si>
  <si>
    <t>buurt_gegeneraliseerd_2021.230d9068-bd84-4b92-9230-75ffa9454ca1</t>
  </si>
  <si>
    <t>BU02431104</t>
  </si>
  <si>
    <t>2021BU02431104</t>
  </si>
  <si>
    <t>Overveld</t>
  </si>
  <si>
    <t>buurt_gegeneraliseerd_2021.0d7754b7-df50-4c11-943d-4547430fe813</t>
  </si>
  <si>
    <t>BU02431201</t>
  </si>
  <si>
    <t>2021BU02431201</t>
  </si>
  <si>
    <t>Muziekland I</t>
  </si>
  <si>
    <t>buurt_gegeneraliseerd_2021.53618283-849a-45d7-a9d8-d6498cfb5241</t>
  </si>
  <si>
    <t>BU02431202</t>
  </si>
  <si>
    <t>2021BU02431202</t>
  </si>
  <si>
    <t>Muziekland II</t>
  </si>
  <si>
    <t>buurt_gegeneraliseerd_2021.e523fc6b-5ab3-4b3f-bc45-9e1bc77effc2</t>
  </si>
  <si>
    <t>BU02431203</t>
  </si>
  <si>
    <t>2021BU02431203</t>
  </si>
  <si>
    <t>Muziekland III</t>
  </si>
  <si>
    <t>buurt_gegeneraliseerd_2021.b7e35d65-0876-4560-8c76-b2749f601803</t>
  </si>
  <si>
    <t>BU02431204</t>
  </si>
  <si>
    <t>2021BU02431204</t>
  </si>
  <si>
    <t>Muziekland IV</t>
  </si>
  <si>
    <t>buurt_gegeneraliseerd_2021.d55a1f1b-5f80-4263-b7f3-dd4b6b079482</t>
  </si>
  <si>
    <t>BU02431205</t>
  </si>
  <si>
    <t>2021BU02431205</t>
  </si>
  <si>
    <t>Drielanden-Centrum</t>
  </si>
  <si>
    <t>buurt_gegeneraliseerd_2021.ad03156e-7393-47f8-be52-ff44eeefbecd</t>
  </si>
  <si>
    <t>BU02431206</t>
  </si>
  <si>
    <t>2021BU02431206</t>
  </si>
  <si>
    <t>Harderhout I</t>
  </si>
  <si>
    <t>buurt_gegeneraliseerd_2021.124bf859-da79-40d5-8a6c-dbadec4cd4f4</t>
  </si>
  <si>
    <t>BU02431207</t>
  </si>
  <si>
    <t>2021BU02431207</t>
  </si>
  <si>
    <t>Harderhout II</t>
  </si>
  <si>
    <t>buurt_gegeneraliseerd_2021.8043a80e-7f55-4dd7-ad43-ea6c6f9882a4</t>
  </si>
  <si>
    <t>BU02431208</t>
  </si>
  <si>
    <t>2021BU02431208</t>
  </si>
  <si>
    <t>De Burcht</t>
  </si>
  <si>
    <t>buurt_gegeneraliseerd_2021.f2c366fa-bf67-40c6-b349-ee7dd2338507</t>
  </si>
  <si>
    <t>BU02431209</t>
  </si>
  <si>
    <t>2021BU02431209</t>
  </si>
  <si>
    <t>De Gronden</t>
  </si>
  <si>
    <t>buurt_gegeneraliseerd_2021.93c07ff4-d66f-48b7-817f-db7fda58393e</t>
  </si>
  <si>
    <t>BU02431210</t>
  </si>
  <si>
    <t>2021BU02431210</t>
  </si>
  <si>
    <t>Groerne Zoom</t>
  </si>
  <si>
    <t>buurt_gegeneraliseerd_2021.7d409914-d78e-4d20-be2d-3f548a7ccafc</t>
  </si>
  <si>
    <t>BU02431211</t>
  </si>
  <si>
    <t>2021BU02431211</t>
  </si>
  <si>
    <t>buurt_gegeneraliseerd_2021.7b8805c2-8e85-4b7c-8c90-de9554beaadb</t>
  </si>
  <si>
    <t>BU02431212</t>
  </si>
  <si>
    <t>2021BU02431212</t>
  </si>
  <si>
    <t>Weisteeg</t>
  </si>
  <si>
    <t>buurt_gegeneraliseerd_2021.e7304b28-9243-42a4-a9b2-649d993d6b67</t>
  </si>
  <si>
    <t>BU02431301</t>
  </si>
  <si>
    <t>2021BU02431301</t>
  </si>
  <si>
    <t>Lorentz I</t>
  </si>
  <si>
    <t>buurt_gegeneraliseerd_2021.25f94b9b-7f4a-4ecd-8b56-941da0add0b1</t>
  </si>
  <si>
    <t>BU02431302</t>
  </si>
  <si>
    <t>2021BU02431302</t>
  </si>
  <si>
    <t>Lorentz II</t>
  </si>
  <si>
    <t>buurt_gegeneraliseerd_2021.fc19a91c-5c3f-4a9f-acea-cc11e049750b</t>
  </si>
  <si>
    <t>BU02431303</t>
  </si>
  <si>
    <t>2021BU02431303</t>
  </si>
  <si>
    <t>Lorentz III</t>
  </si>
  <si>
    <t>buurt_gegeneraliseerd_2021.3e3072b0-c871-432a-8315-5d0698583362</t>
  </si>
  <si>
    <t>BU02431401</t>
  </si>
  <si>
    <t>2021BU02431401</t>
  </si>
  <si>
    <t>Strokel</t>
  </si>
  <si>
    <t>buurt_gegeneraliseerd_2021.ed126496-e722-4edd-967c-8200c58fc6c5</t>
  </si>
  <si>
    <t>BU02431402</t>
  </si>
  <si>
    <t>2021BU02431402</t>
  </si>
  <si>
    <t>Sonnevanck</t>
  </si>
  <si>
    <t>buurt_gegeneraliseerd_2021.38e0a731-7eed-48be-868a-e106eb17f997</t>
  </si>
  <si>
    <t>BU02431403</t>
  </si>
  <si>
    <t>2021BU02431403</t>
  </si>
  <si>
    <t>Harderwijkerbos</t>
  </si>
  <si>
    <t>buurt_gegeneraliseerd_2021.1c0cec6b-ad41-461f-bb87-62f23c7b09eb</t>
  </si>
  <si>
    <t>BU02431501</t>
  </si>
  <si>
    <t>2021BU02431501</t>
  </si>
  <si>
    <t>Hierden-Dorp</t>
  </si>
  <si>
    <t>buurt_gegeneraliseerd_2021.5b18f854-e73b-4ac1-af54-c5d42899954f</t>
  </si>
  <si>
    <t>BU02431502</t>
  </si>
  <si>
    <t>2021BU02431502</t>
  </si>
  <si>
    <t>Hierden Glindweg</t>
  </si>
  <si>
    <t>buurt_gegeneraliseerd_2021.c80587bb-3399-4585-94be-5bdd54d6e07a</t>
  </si>
  <si>
    <t>BU02431503</t>
  </si>
  <si>
    <t>2021BU02431503</t>
  </si>
  <si>
    <t>Hierden Mheenlanden</t>
  </si>
  <si>
    <t>buurt_gegeneraliseerd_2021.0b78a9bf-bd6d-437f-9225-379562c55099</t>
  </si>
  <si>
    <t>BU02431504</t>
  </si>
  <si>
    <t>2021BU02431504</t>
  </si>
  <si>
    <t>Hierden de Enk</t>
  </si>
  <si>
    <t>buurt_gegeneraliseerd_2021.8198e8b9-604e-49c2-9ff8-e238294b1d4e</t>
  </si>
  <si>
    <t>BU02431505</t>
  </si>
  <si>
    <t>2021BU02431505</t>
  </si>
  <si>
    <t>Hierden De Duinen</t>
  </si>
  <si>
    <t>buurt_gegeneraliseerd_2021.2fef2ca7-a347-4fdf-a71d-fad689c6b362</t>
  </si>
  <si>
    <t>BU02431506</t>
  </si>
  <si>
    <t>2021BU02431506</t>
  </si>
  <si>
    <t>Hierden De Biest</t>
  </si>
  <si>
    <t>buurt_gegeneraliseerd_2021.7f27c6c3-8307-4034-b0f2-3804754af32d</t>
  </si>
  <si>
    <t>BU02431601</t>
  </si>
  <si>
    <t>2021BU02431601</t>
  </si>
  <si>
    <t>Woldenwijd-Noord</t>
  </si>
  <si>
    <t>buurt_gegeneraliseerd_2021.cfe1515b-a472-4643-9e46-cf66d7629296</t>
  </si>
  <si>
    <t>BU02440000</t>
  </si>
  <si>
    <t>2021BU02440000</t>
  </si>
  <si>
    <t>GM0244</t>
  </si>
  <si>
    <t>buurt_gegeneraliseerd_2021.a1770cd0-3265-4ee2-a0f3-4da56332043b</t>
  </si>
  <si>
    <t>BU02440001</t>
  </si>
  <si>
    <t>2021BU02440001</t>
  </si>
  <si>
    <t>Zandkamp en omgeving</t>
  </si>
  <si>
    <t>buurt_gegeneraliseerd_2021.d6b02a78-d597-43cd-903a-f7bcc6cf512b</t>
  </si>
  <si>
    <t>BU02440002</t>
  </si>
  <si>
    <t>2021BU02440002</t>
  </si>
  <si>
    <t>Ten oosten van Apeldoornseweg</t>
  </si>
  <si>
    <t>buurt_gegeneraliseerd_2021.4c1446c9-9147-4c09-9c84-2c2876efc1e9</t>
  </si>
  <si>
    <t>BU02440003</t>
  </si>
  <si>
    <t>2021BU02440003</t>
  </si>
  <si>
    <t>Hogenkamp en omgeving</t>
  </si>
  <si>
    <t>buurt_gegeneraliseerd_2021.458f8304-ecb5-4281-9be8-8c8fe17f31e3</t>
  </si>
  <si>
    <t>BU02440004</t>
  </si>
  <si>
    <t>2021BU02440004</t>
  </si>
  <si>
    <t>Villapark</t>
  </si>
  <si>
    <t>buurt_gegeneraliseerd_2021.d468f55e-fb24-4dfe-84e4-32822e62ac2f</t>
  </si>
  <si>
    <t>BU02440005</t>
  </si>
  <si>
    <t>2021BU02440005</t>
  </si>
  <si>
    <t>De Hilst</t>
  </si>
  <si>
    <t>buurt_gegeneraliseerd_2021.039eaf3f-0874-42c7-bf1b-6a0fe5f2a4dd</t>
  </si>
  <si>
    <t>BU02440008</t>
  </si>
  <si>
    <t>2021BU02440008</t>
  </si>
  <si>
    <t>buurt_gegeneraliseerd_2021.fcc43b7d-72b8-4184-9023-4648d3968c8d</t>
  </si>
  <si>
    <t>BU02440009</t>
  </si>
  <si>
    <t>2021BU02440009</t>
  </si>
  <si>
    <t>Verspreide huizen Hoenwaard</t>
  </si>
  <si>
    <t>buurt_gegeneraliseerd_2021.46974b1e-be20-407d-9fc4-a83c9495e6bd</t>
  </si>
  <si>
    <t>BU02440108</t>
  </si>
  <si>
    <t>2021BU02440108</t>
  </si>
  <si>
    <t>Verspreide huizen Koeweg en Molecaten</t>
  </si>
  <si>
    <t>buurt_gegeneraliseerd_2021.125c91b0-7806-4733-960f-3aa1c371cb8a</t>
  </si>
  <si>
    <t>BU02440109</t>
  </si>
  <si>
    <t>2021BU02440109</t>
  </si>
  <si>
    <t>Verspreide huizen Gelderse Dijk en omgeving</t>
  </si>
  <si>
    <t>buurt_gegeneraliseerd_2021.d191ee71-f6c9-4d46-9584-eb0bfc7862ea</t>
  </si>
  <si>
    <t>BU02460000</t>
  </si>
  <si>
    <t>2021BU02460000</t>
  </si>
  <si>
    <t>Heerde</t>
  </si>
  <si>
    <t>GM0246</t>
  </si>
  <si>
    <t>buurt_gegeneraliseerd_2021.7a2ab842-2b44-488b-a0a7-c25d80601600</t>
  </si>
  <si>
    <t>BU02460001</t>
  </si>
  <si>
    <t>2021BU02460001</t>
  </si>
  <si>
    <t>Veessen</t>
  </si>
  <si>
    <t>buurt_gegeneraliseerd_2021.57f58cc6-1ed2-42c7-a622-720c1bf0920c</t>
  </si>
  <si>
    <t>BU02460002</t>
  </si>
  <si>
    <t>2021BU02460002</t>
  </si>
  <si>
    <t>Vorchten</t>
  </si>
  <si>
    <t>buurt_gegeneraliseerd_2021.bfa9cda3-f364-40e1-86a5-e67481c26198</t>
  </si>
  <si>
    <t>BU02460003</t>
  </si>
  <si>
    <t>2021BU02460003</t>
  </si>
  <si>
    <t>buurt_gegeneraliseerd_2021.6ee795d3-fc7b-425c-9845-4c4a47a8fcac</t>
  </si>
  <si>
    <t>BU02460004</t>
  </si>
  <si>
    <t>2021BU02460004</t>
  </si>
  <si>
    <t>Verspreide huizen Veessen</t>
  </si>
  <si>
    <t>buurt_gegeneraliseerd_2021.d3592811-539c-4a2a-b913-db30bde0f562</t>
  </si>
  <si>
    <t>BU02460005</t>
  </si>
  <si>
    <t>2021BU02460005</t>
  </si>
  <si>
    <t>Verspreide huizen Heerde-Noord en Hoorn</t>
  </si>
  <si>
    <t>buurt_gegeneraliseerd_2021.3fbea9f7-23e5-4296-81c4-060e219cea88</t>
  </si>
  <si>
    <t>BU02460006</t>
  </si>
  <si>
    <t>2021BU02460006</t>
  </si>
  <si>
    <t>Verspreide huizen Heerde-Zuid</t>
  </si>
  <si>
    <t>buurt_gegeneraliseerd_2021.a7a01f3a-cfa7-43bc-a8f1-45e4e945f4fb</t>
  </si>
  <si>
    <t>BU02460007</t>
  </si>
  <si>
    <t>2021BU02460007</t>
  </si>
  <si>
    <t>Verspreide huizen Vorchten</t>
  </si>
  <si>
    <t>buurt_gegeneraliseerd_2021.fd0b6826-7c78-428d-a344-82e9438e12fc</t>
  </si>
  <si>
    <t>BU02460008</t>
  </si>
  <si>
    <t>2021BU02460008</t>
  </si>
  <si>
    <t>Verspreide huizen Lage Land</t>
  </si>
  <si>
    <t>buurt_gegeneraliseerd_2021.a24ee8cd-b228-46ec-b251-b3ad2eda25af</t>
  </si>
  <si>
    <t>BU02460009</t>
  </si>
  <si>
    <t>2021BU02460009</t>
  </si>
  <si>
    <t>buurt_gegeneraliseerd_2021.eddcf7b8-d5e0-40c0-8de7-25ccd3faf576</t>
  </si>
  <si>
    <t>BU02460100</t>
  </si>
  <si>
    <t>2021BU02460100</t>
  </si>
  <si>
    <t>Wapenveld</t>
  </si>
  <si>
    <t>buurt_gegeneraliseerd_2021.15a506d9-e25c-4a02-918c-97af6a4d9f84</t>
  </si>
  <si>
    <t>BU02460106</t>
  </si>
  <si>
    <t>2021BU02460106</t>
  </si>
  <si>
    <t>Verspreide huizen Wapenveld-Noord</t>
  </si>
  <si>
    <t>buurt_gegeneraliseerd_2021.7694eec5-2d4c-4da2-844d-ff966ec52207</t>
  </si>
  <si>
    <t>BU02460107</t>
  </si>
  <si>
    <t>2021BU02460107</t>
  </si>
  <si>
    <t>Verspreide huizen Wapenveld-Zuid</t>
  </si>
  <si>
    <t>buurt_gegeneraliseerd_2021.a7abd8b7-db10-4ba5-a6f3-bd2c96154f47</t>
  </si>
  <si>
    <t>BU02460108</t>
  </si>
  <si>
    <t>2021BU02460108</t>
  </si>
  <si>
    <t>buurt_gegeneraliseerd_2021.b0ef4542-0e7b-42b9-816b-80aa7140a938</t>
  </si>
  <si>
    <t>BU02460109</t>
  </si>
  <si>
    <t>2021BU02460109</t>
  </si>
  <si>
    <t>buurt_gegeneraliseerd_2021.6f9dec06-2e55-4b10-895d-b67485cab4eb</t>
  </si>
  <si>
    <t>BU02520000</t>
  </si>
  <si>
    <t>2021BU02520000</t>
  </si>
  <si>
    <t>Heumen</t>
  </si>
  <si>
    <t>GM0252</t>
  </si>
  <si>
    <t>buurt_gegeneraliseerd_2021.0192e6c5-dea9-4e50-8e6c-4f7efe6101e8</t>
  </si>
  <si>
    <t>BU02520001</t>
  </si>
  <si>
    <t>2021BU02520001</t>
  </si>
  <si>
    <t>Malden-West</t>
  </si>
  <si>
    <t>buurt_gegeneraliseerd_2021.7a1176cd-a714-4c6a-941e-0d79cab3144a</t>
  </si>
  <si>
    <t>BU02520002</t>
  </si>
  <si>
    <t>2021BU02520002</t>
  </si>
  <si>
    <t>Malden-Oost</t>
  </si>
  <si>
    <t>buurt_gegeneraliseerd_2021.49930334-f7bc-4ac9-9206-5fd1a4354cf5</t>
  </si>
  <si>
    <t>BU02520003</t>
  </si>
  <si>
    <t>2021BU02520003</t>
  </si>
  <si>
    <t>Broekkant en Droge</t>
  </si>
  <si>
    <t>buurt_gegeneraliseerd_2021.0c74837e-b3dc-43f4-a9c5-9d0e18cb8c81</t>
  </si>
  <si>
    <t>BU02520004</t>
  </si>
  <si>
    <t>2021BU02520004</t>
  </si>
  <si>
    <t>buurt_gegeneraliseerd_2021.cd6a8d0d-705f-45a4-9ae1-2b1c7ff8d76c</t>
  </si>
  <si>
    <t>BU02520005</t>
  </si>
  <si>
    <t>2021BU02520005</t>
  </si>
  <si>
    <t>Kluis</t>
  </si>
  <si>
    <t>buurt_gegeneraliseerd_2021.27495455-2685-4b63-aa71-d3aa56e9d774</t>
  </si>
  <si>
    <t>BU02520006</t>
  </si>
  <si>
    <t>2021BU02520006</t>
  </si>
  <si>
    <t>Verspreide huizen Malden</t>
  </si>
  <si>
    <t>buurt_gegeneraliseerd_2021.ab7c11dc-bee6-4a94-a9be-3614a37dd629</t>
  </si>
  <si>
    <t>BU02520007</t>
  </si>
  <si>
    <t>2021BU02520007</t>
  </si>
  <si>
    <t>Verspreide huizen bosgebied ten oosten kanaal</t>
  </si>
  <si>
    <t>buurt_gegeneraliseerd_2021.7a27d233-bdc7-4b13-8de3-750e38ea8c6b</t>
  </si>
  <si>
    <t>BU02520008</t>
  </si>
  <si>
    <t>2021BU02520008</t>
  </si>
  <si>
    <t>Verspreide huizen Heumen</t>
  </si>
  <si>
    <t>buurt_gegeneraliseerd_2021.4e81be3d-dafd-4e5a-aa73-97769a550b8b</t>
  </si>
  <si>
    <t>BU02520009</t>
  </si>
  <si>
    <t>2021BU02520009</t>
  </si>
  <si>
    <t>Verspreide huizen bosgebied ten westen kanaal</t>
  </si>
  <si>
    <t>buurt_gegeneraliseerd_2021.94310823-75d1-43ee-95c3-79e5f05b59ed</t>
  </si>
  <si>
    <t>BU02520100</t>
  </si>
  <si>
    <t>2021BU02520100</t>
  </si>
  <si>
    <t>Overasselt</t>
  </si>
  <si>
    <t>buurt_gegeneraliseerd_2021.2b07d7c4-cf67-4428-9540-a022ad4ded4e</t>
  </si>
  <si>
    <t>BU02520101</t>
  </si>
  <si>
    <t>2021BU02520101</t>
  </si>
  <si>
    <t>Nederasselt</t>
  </si>
  <si>
    <t>buurt_gegeneraliseerd_2021.a3ee68a4-5b45-4fbb-bf5c-47185b6f5ce4</t>
  </si>
  <si>
    <t>BU02520103</t>
  </si>
  <si>
    <t>2021BU02520103</t>
  </si>
  <si>
    <t>Verspreide huizen Overasseltse Broek</t>
  </si>
  <si>
    <t>buurt_gegeneraliseerd_2021.63760ca3-17c7-4b12-91f3-d8d79467adde</t>
  </si>
  <si>
    <t>BU02520104</t>
  </si>
  <si>
    <t>2021BU02520104</t>
  </si>
  <si>
    <t>Verspreide huizen Overasseltse Uiterwaarden</t>
  </si>
  <si>
    <t>buurt_gegeneraliseerd_2021.5d243504-d818-4431-8ea0-dab54ba9f1d8</t>
  </si>
  <si>
    <t>BU02520105</t>
  </si>
  <si>
    <t>2021BU02520105</t>
  </si>
  <si>
    <t>Verspreide huizen Valenberg en Heide</t>
  </si>
  <si>
    <t>buurt_gegeneraliseerd_2021.cf3ef970-db0a-4e27-b3f3-a82dbf54e6c9</t>
  </si>
  <si>
    <t>BU02520106</t>
  </si>
  <si>
    <t>2021BU02520106</t>
  </si>
  <si>
    <t>Verspreide huizen Nederasseltse Broek</t>
  </si>
  <si>
    <t>buurt_gegeneraliseerd_2021.cc422e9b-ee77-4ec0-8b06-9ee76f329b78</t>
  </si>
  <si>
    <t>BU02520107</t>
  </si>
  <si>
    <t>2021BU02520107</t>
  </si>
  <si>
    <t>Verspreide huizen Worsum</t>
  </si>
  <si>
    <t>buurt_gegeneraliseerd_2021.e687dd32-3277-4208-9ea6-3650cfe8428c</t>
  </si>
  <si>
    <t>BU02520108</t>
  </si>
  <si>
    <t>2021BU02520108</t>
  </si>
  <si>
    <t>Verspreide huizen in de polder Balgoij en Einde</t>
  </si>
  <si>
    <t>buurt_gegeneraliseerd_2021.ae42f5f9-26c8-4670-810c-e1ed3aa5bb54</t>
  </si>
  <si>
    <t>BU02520109</t>
  </si>
  <si>
    <t>2021BU02520109</t>
  </si>
  <si>
    <t>Verspreide huizen Nederasseltse Uiterwaarden</t>
  </si>
  <si>
    <t>buurt_gegeneraliseerd_2021.1542963c-ecaf-494c-9c59-b3946f08e3c7</t>
  </si>
  <si>
    <t>BU02620000</t>
  </si>
  <si>
    <t>2021BU02620000</t>
  </si>
  <si>
    <t>Vesting</t>
  </si>
  <si>
    <t>GM0262</t>
  </si>
  <si>
    <t>buurt_gegeneraliseerd_2021.64dc78a9-7b03-449a-b411-4a4e3d4cf549</t>
  </si>
  <si>
    <t>BU02620001</t>
  </si>
  <si>
    <t>2021BU02620001</t>
  </si>
  <si>
    <t>Zuiderenk</t>
  </si>
  <si>
    <t>buurt_gegeneraliseerd_2021.aebe4a58-ae73-41d8-979a-2082d5e7c452</t>
  </si>
  <si>
    <t>BU02620002</t>
  </si>
  <si>
    <t>2021BU02620002</t>
  </si>
  <si>
    <t>Lochem-Zuid</t>
  </si>
  <si>
    <t>buurt_gegeneraliseerd_2021.70e3cdd0-2bf0-45b3-b132-0c12c6e27ce7</t>
  </si>
  <si>
    <t>BU02620003</t>
  </si>
  <si>
    <t>2021BU02620003</t>
  </si>
  <si>
    <t>Lochem-Oost</t>
  </si>
  <si>
    <t>buurt_gegeneraliseerd_2021.6c1c7bee-ce63-4626-9360-e9521f7ae969</t>
  </si>
  <si>
    <t>BU02620004</t>
  </si>
  <si>
    <t>2021BU02620004</t>
  </si>
  <si>
    <t>Lochem-West</t>
  </si>
  <si>
    <t>buurt_gegeneraliseerd_2021.15cebb32-14cd-456c-81c5-37d84bf9275e</t>
  </si>
  <si>
    <t>BU02620005</t>
  </si>
  <si>
    <t>2021BU02620005</t>
  </si>
  <si>
    <t>Lochem-Noord</t>
  </si>
  <si>
    <t>buurt_gegeneraliseerd_2021.d1e4cf7a-228e-49a0-a5d6-a361e1125476</t>
  </si>
  <si>
    <t>BU02620006</t>
  </si>
  <si>
    <t>2021BU02620006</t>
  </si>
  <si>
    <t>Molengronden</t>
  </si>
  <si>
    <t>buurt_gegeneraliseerd_2021.0d2a5e63-22cf-4742-84da-d594fee499a3</t>
  </si>
  <si>
    <t>BU02620100</t>
  </si>
  <si>
    <t>2021BU02620100</t>
  </si>
  <si>
    <t>Zwiep</t>
  </si>
  <si>
    <t>buurt_gegeneraliseerd_2021.74818704-3211-44ba-a22d-15141678f090</t>
  </si>
  <si>
    <t>BU02620106</t>
  </si>
  <si>
    <t>2021BU02620106</t>
  </si>
  <si>
    <t>Verspreide huizen Het Veen en Grote Veld</t>
  </si>
  <si>
    <t>buurt_gegeneraliseerd_2021.560b2249-ee4e-42c2-9eb3-84e8a7421ba5</t>
  </si>
  <si>
    <t>BU02620107</t>
  </si>
  <si>
    <t>2021BU02620107</t>
  </si>
  <si>
    <t>Verspreide huizen Klein Dochteren</t>
  </si>
  <si>
    <t>buurt_gegeneraliseerd_2021.4913fa04-4fb7-4b1c-8025-25f6a2d8f89c</t>
  </si>
  <si>
    <t>BU02620108</t>
  </si>
  <si>
    <t>2021BU02620108</t>
  </si>
  <si>
    <t>Verspreide huizen Ampsen</t>
  </si>
  <si>
    <t>buurt_gegeneraliseerd_2021.a89abf03-20ab-4fc6-9717-f9d59e4e63f1</t>
  </si>
  <si>
    <t>BU02620109</t>
  </si>
  <si>
    <t>2021BU02620109</t>
  </si>
  <si>
    <t>Verspreide huizen Nettelhorst, Langen en Zwiep</t>
  </si>
  <si>
    <t>buurt_gegeneraliseerd_2021.1c5edb1b-d882-4d9b-ad17-7ba8765b9d74</t>
  </si>
  <si>
    <t>BU02620200</t>
  </si>
  <si>
    <t>2021BU02620200</t>
  </si>
  <si>
    <t>Laren</t>
  </si>
  <si>
    <t>buurt_gegeneraliseerd_2021.88b1ebc2-363e-4c6c-8caf-1fc5e1881dc4</t>
  </si>
  <si>
    <t>BU02620201</t>
  </si>
  <si>
    <t>2021BU02620201</t>
  </si>
  <si>
    <t>Exel</t>
  </si>
  <si>
    <t>buurt_gegeneraliseerd_2021.732dd667-68a3-4dc4-8c6c-7dcb4f547ecb</t>
  </si>
  <si>
    <t>BU02620205</t>
  </si>
  <si>
    <t>2021BU02620205</t>
  </si>
  <si>
    <t>Verspreide huizen Groot Dochteren</t>
  </si>
  <si>
    <t>buurt_gegeneraliseerd_2021.381431fa-aa1d-47c7-bc79-31a3df89c650</t>
  </si>
  <si>
    <t>BU02620206</t>
  </si>
  <si>
    <t>2021BU02620206</t>
  </si>
  <si>
    <t>Verspreide huizen Oolde</t>
  </si>
  <si>
    <t>buurt_gegeneraliseerd_2021.9c455191-95dd-419d-bb6a-5782c6fb0019</t>
  </si>
  <si>
    <t>BU02620207</t>
  </si>
  <si>
    <t>2021BU02620207</t>
  </si>
  <si>
    <t>Verspreide huizen Verwolde</t>
  </si>
  <si>
    <t>buurt_gegeneraliseerd_2021.2f0af505-440c-40db-87e1-282fb2c309b3</t>
  </si>
  <si>
    <t>BU02620208</t>
  </si>
  <si>
    <t>2021BU02620208</t>
  </si>
  <si>
    <t>Verspreide huizen Exel</t>
  </si>
  <si>
    <t>buurt_gegeneraliseerd_2021.1d9e5f30-0f50-4b54-ae94-9fc32c641509</t>
  </si>
  <si>
    <t>BU02620209</t>
  </si>
  <si>
    <t>2021BU02620209</t>
  </si>
  <si>
    <t>Exel Tol</t>
  </si>
  <si>
    <t>buurt_gegeneraliseerd_2021.61782e0d-18cd-42ff-b740-261fe84ef5b1</t>
  </si>
  <si>
    <t>BU02620300</t>
  </si>
  <si>
    <t>2021BU02620300</t>
  </si>
  <si>
    <t>Barchem</t>
  </si>
  <si>
    <t>buurt_gegeneraliseerd_2021.a506dd9a-0925-42cc-a54d-af1ebd56fb77</t>
  </si>
  <si>
    <t>BU02620307</t>
  </si>
  <si>
    <t>2021BU02620307</t>
  </si>
  <si>
    <t>Verspreide huizen Lochemseweg</t>
  </si>
  <si>
    <t>buurt_gegeneraliseerd_2021.dba73ce5-b91f-432c-900e-39774340c1a8</t>
  </si>
  <si>
    <t>BU02620308</t>
  </si>
  <si>
    <t>2021BU02620308</t>
  </si>
  <si>
    <t>Verspreide huizen Zwarte Veen en Barchemse Enk</t>
  </si>
  <si>
    <t>buurt_gegeneraliseerd_2021.e7d3564f-c110-4d4b-90da-5bfd56416192</t>
  </si>
  <si>
    <t>BU02620309</t>
  </si>
  <si>
    <t>2021BU02620309</t>
  </si>
  <si>
    <t>Verspreide huizen Boschheurne en Zwiepsche Broek</t>
  </si>
  <si>
    <t>buurt_gegeneraliseerd_2021.65506301-0dc1-41c8-95f6-560b23f3b982</t>
  </si>
  <si>
    <t>BU02620400</t>
  </si>
  <si>
    <t>2021BU02620400</t>
  </si>
  <si>
    <t>Gorssel</t>
  </si>
  <si>
    <t>buurt_gegeneraliseerd_2021.e392d611-b773-424a-9143-0a92d54de342</t>
  </si>
  <si>
    <t>BU02620401</t>
  </si>
  <si>
    <t>2021BU02620401</t>
  </si>
  <si>
    <t>Eefde</t>
  </si>
  <si>
    <t>buurt_gegeneraliseerd_2021.23762705-b748-4d41-8321-6c3ed3ef771a</t>
  </si>
  <si>
    <t>BU02620402</t>
  </si>
  <si>
    <t>2021BU02620402</t>
  </si>
  <si>
    <t>Epse</t>
  </si>
  <si>
    <t>buurt_gegeneraliseerd_2021.cb44e12c-b14a-4700-b17a-12c53f81f54e</t>
  </si>
  <si>
    <t>BU02620406</t>
  </si>
  <si>
    <t>2021BU02620406</t>
  </si>
  <si>
    <t>Verspreide huizen Joppe</t>
  </si>
  <si>
    <t>buurt_gegeneraliseerd_2021.4afbe732-07e4-4e3a-9ad6-0f9d970f974a</t>
  </si>
  <si>
    <t>BU02620407</t>
  </si>
  <si>
    <t>2021BU02620407</t>
  </si>
  <si>
    <t>Verspreide huizen Gorssel</t>
  </si>
  <si>
    <t>buurt_gegeneraliseerd_2021.18e5b473-b9dd-4801-9529-a97df4c8b78f</t>
  </si>
  <si>
    <t>BU02620408</t>
  </si>
  <si>
    <t>2021BU02620408</t>
  </si>
  <si>
    <t>Verspreide huizen Epse</t>
  </si>
  <si>
    <t>buurt_gegeneraliseerd_2021.13ce6c47-eca6-420f-a1aa-c374a7e2cd9f</t>
  </si>
  <si>
    <t>BU02620409</t>
  </si>
  <si>
    <t>2021BU02620409</t>
  </si>
  <si>
    <t>Verspreide huizen Eefde</t>
  </si>
  <si>
    <t>buurt_gegeneraliseerd_2021.2d4f022b-fd95-467e-a818-cc8a1c86842e</t>
  </si>
  <si>
    <t>BU02620500</t>
  </si>
  <si>
    <t>2021BU02620500</t>
  </si>
  <si>
    <t>Almen</t>
  </si>
  <si>
    <t>buurt_gegeneraliseerd_2021.fb8f5dcc-5630-4d9d-9528-b85fde607059</t>
  </si>
  <si>
    <t>BU02620501</t>
  </si>
  <si>
    <t>2021BU02620501</t>
  </si>
  <si>
    <t>Harfsen</t>
  </si>
  <si>
    <t>buurt_gegeneraliseerd_2021.bbb00608-8181-4c3d-ac88-df8a78113f79</t>
  </si>
  <si>
    <t>BU02620506</t>
  </si>
  <si>
    <t>2021BU02620506</t>
  </si>
  <si>
    <t>Verspreide huizen Almen ten zuiden van Twentekanaal</t>
  </si>
  <si>
    <t>buurt_gegeneraliseerd_2021.04747496-f900-4cdf-8cc5-f9554ee22045</t>
  </si>
  <si>
    <t>BU02620507</t>
  </si>
  <si>
    <t>2021BU02620507</t>
  </si>
  <si>
    <t>Verspreide huizen Almen ten noorden van Twentekanaal</t>
  </si>
  <si>
    <t>buurt_gegeneraliseerd_2021.1a2a3d01-3c67-4e84-9761-eda8f36bfa07</t>
  </si>
  <si>
    <t>BU02620508</t>
  </si>
  <si>
    <t>2021BU02620508</t>
  </si>
  <si>
    <t>Verspreide huizen Harfsen</t>
  </si>
  <si>
    <t>buurt_gegeneraliseerd_2021.b3a1ac69-c362-4e56-8b83-11e4a5dc5740</t>
  </si>
  <si>
    <t>BU02620509</t>
  </si>
  <si>
    <t>2021BU02620509</t>
  </si>
  <si>
    <t>Verspreide huizen Kring van Dorth</t>
  </si>
  <si>
    <t>buurt_gegeneraliseerd_2021.5906e4e9-246f-4944-b11b-17b1a2fdf34d</t>
  </si>
  <si>
    <t>BU02630000</t>
  </si>
  <si>
    <t>2021BU02630000</t>
  </si>
  <si>
    <t>Kerkdriel</t>
  </si>
  <si>
    <t>GM0263</t>
  </si>
  <si>
    <t>buurt_gegeneraliseerd_2021.ea996dbb-1f03-4d10-8ad6-7cbeca516d20</t>
  </si>
  <si>
    <t>BU02630001</t>
  </si>
  <si>
    <t>2021BU02630001</t>
  </si>
  <si>
    <t>Velddriel</t>
  </si>
  <si>
    <t>buurt_gegeneraliseerd_2021.d7f99590-2ab1-4df5-b013-d629ba3cd49d</t>
  </si>
  <si>
    <t>BU02630002</t>
  </si>
  <si>
    <t>2021BU02630002</t>
  </si>
  <si>
    <t>Hoenzadriel</t>
  </si>
  <si>
    <t>buurt_gegeneraliseerd_2021.18a13a0a-71a4-4d0a-8d99-5e6eb441b033</t>
  </si>
  <si>
    <t>BU02630003</t>
  </si>
  <si>
    <t>2021BU02630003</t>
  </si>
  <si>
    <t>Alem</t>
  </si>
  <si>
    <t>buurt_gegeneraliseerd_2021.fb28fc56-bf9e-493b-88b6-4a0f7fdb6e78</t>
  </si>
  <si>
    <t>BU02630006</t>
  </si>
  <si>
    <t>2021BU02630006</t>
  </si>
  <si>
    <t>Verspreide huizen Noord Beemden</t>
  </si>
  <si>
    <t>buurt_gegeneraliseerd_2021.ec91200a-c7a1-4e6a-bed3-a5528f646753</t>
  </si>
  <si>
    <t>BU02630007</t>
  </si>
  <si>
    <t>2021BU02630007</t>
  </si>
  <si>
    <t>Verspreide huizen Kerkdriel, Berm en Hoorzik</t>
  </si>
  <si>
    <t>buurt_gegeneraliseerd_2021.5d2615af-b8ed-4636-b37a-6bc5f0c73e5e</t>
  </si>
  <si>
    <t>BU02630008</t>
  </si>
  <si>
    <t>2021BU02630008</t>
  </si>
  <si>
    <t>Verspreide huizen Velddriel, Vlierd en Beemden</t>
  </si>
  <si>
    <t>buurt_gegeneraliseerd_2021.7e956902-2eca-4c09-8f9c-18453227b824</t>
  </si>
  <si>
    <t>BU02630009</t>
  </si>
  <si>
    <t>2021BU02630009</t>
  </si>
  <si>
    <t>Verspreide huizen Maasdijk en Uiterwaarden</t>
  </si>
  <si>
    <t>buurt_gegeneraliseerd_2021.6cdf5d8e-7210-40b2-835c-48f3713b2530</t>
  </si>
  <si>
    <t>BU02630010</t>
  </si>
  <si>
    <t>2021BU02630010</t>
  </si>
  <si>
    <t>Verspreide huizen Alem</t>
  </si>
  <si>
    <t>buurt_gegeneraliseerd_2021.05aa0578-13e8-48e0-ab19-ad4fc944e6d6</t>
  </si>
  <si>
    <t>BU02630100</t>
  </si>
  <si>
    <t>2021BU02630100</t>
  </si>
  <si>
    <t>Ammerzoden</t>
  </si>
  <si>
    <t>buurt_gegeneraliseerd_2021.2bd92317-bff7-4360-9849-5f7a613f6011</t>
  </si>
  <si>
    <t>BU02630101</t>
  </si>
  <si>
    <t>2021BU02630101</t>
  </si>
  <si>
    <t>Well</t>
  </si>
  <si>
    <t>buurt_gegeneraliseerd_2021.74ecac4c-ad31-487a-8dd2-154f5ba0fdd7</t>
  </si>
  <si>
    <t>BU02630102</t>
  </si>
  <si>
    <t>2021BU02630102</t>
  </si>
  <si>
    <t>Wellseind-Slijkwell</t>
  </si>
  <si>
    <t>buurt_gegeneraliseerd_2021.1da38949-d9d6-4643-8d02-44d1d8f04271</t>
  </si>
  <si>
    <t>BU02630108</t>
  </si>
  <si>
    <t>2021BU02630108</t>
  </si>
  <si>
    <t>Verspreide huizen Het Heust</t>
  </si>
  <si>
    <t>buurt_gegeneraliseerd_2021.9aef932d-6bfa-4ffa-b0f4-980ca8809fb3</t>
  </si>
  <si>
    <t>BU02630109</t>
  </si>
  <si>
    <t>2021BU02630109</t>
  </si>
  <si>
    <t>Verspreide huizen Uilecoten</t>
  </si>
  <si>
    <t>buurt_gegeneraliseerd_2021.6b9baf90-2e16-42ff-ac3f-7d323f52ac63</t>
  </si>
  <si>
    <t>BU02630200</t>
  </si>
  <si>
    <t>2021BU02630200</t>
  </si>
  <si>
    <t>Hedel</t>
  </si>
  <si>
    <t>buurt_gegeneraliseerd_2021.ea582245-62d4-4269-9f7f-bf4ca0589cee</t>
  </si>
  <si>
    <t>BU02630208</t>
  </si>
  <si>
    <t>2021BU02630208</t>
  </si>
  <si>
    <t>Verspreide huizen in het bouwgebied</t>
  </si>
  <si>
    <t>buurt_gegeneraliseerd_2021.440df331-9437-40cc-9dda-eb545ecc64e9</t>
  </si>
  <si>
    <t>BU02630209</t>
  </si>
  <si>
    <t>2021BU02630209</t>
  </si>
  <si>
    <t>Verspreide huizen in de polder Hedel</t>
  </si>
  <si>
    <t>buurt_gegeneraliseerd_2021.56519ba5-e41e-4b5b-ab65-750cfa84266a</t>
  </si>
  <si>
    <t>BU02630300</t>
  </si>
  <si>
    <t>2021BU02630300</t>
  </si>
  <si>
    <t>Heerewaarden</t>
  </si>
  <si>
    <t>buurt_gegeneraliseerd_2021.4ce4fc01-bf9c-4ef4-a5d2-03e3e482e367</t>
  </si>
  <si>
    <t>BU02630301</t>
  </si>
  <si>
    <t>2021BU02630301</t>
  </si>
  <si>
    <t>Huizendijk, Voorne, De Kop en Veluwe</t>
  </si>
  <si>
    <t>buurt_gegeneraliseerd_2021.67cd4740-d01c-41d4-955c-e7002460414c</t>
  </si>
  <si>
    <t>BU02630309</t>
  </si>
  <si>
    <t>2021BU02630309</t>
  </si>
  <si>
    <t>Verspreide huizen Heerewaarden</t>
  </si>
  <si>
    <t>buurt_gegeneraliseerd_2021.e22e3579-2d34-4ae3-8ae1-262a5ad51e66</t>
  </si>
  <si>
    <t>BU02630400</t>
  </si>
  <si>
    <t>2021BU02630400</t>
  </si>
  <si>
    <t>Rossum</t>
  </si>
  <si>
    <t>buurt_gegeneraliseerd_2021.ad100189-ae93-4060-826b-16f11fab71b9</t>
  </si>
  <si>
    <t>BU02630401</t>
  </si>
  <si>
    <t>2021BU02630401</t>
  </si>
  <si>
    <t>Hurwenen</t>
  </si>
  <si>
    <t>buurt_gegeneraliseerd_2021.73fa82e1-e6d7-42a6-a829-6f4290b6afad</t>
  </si>
  <si>
    <t>BU02630408</t>
  </si>
  <si>
    <t>2021BU02630408</t>
  </si>
  <si>
    <t>Verspreide huizen Hurwenen en Rossum</t>
  </si>
  <si>
    <t>buurt_gegeneraliseerd_2021.e3f49495-a1a2-4d7b-8649-1c15e88336a8</t>
  </si>
  <si>
    <t>BU02630409</t>
  </si>
  <si>
    <t>2021BU02630409</t>
  </si>
  <si>
    <t>Overige verspreide huizen</t>
  </si>
  <si>
    <t>buurt_gegeneraliseerd_2021.15bbcd90-4785-40e0-b189-c51ab2a2496b</t>
  </si>
  <si>
    <t>BU02670101</t>
  </si>
  <si>
    <t>2021BU02670101</t>
  </si>
  <si>
    <t>GM0267</t>
  </si>
  <si>
    <t>buurt_gegeneraliseerd_2021.610bb68e-fdc8-4b96-880b-4980cff37cc5</t>
  </si>
  <si>
    <t>BU02670102</t>
  </si>
  <si>
    <t>2021BU02670102</t>
  </si>
  <si>
    <t>Groot Corlaer</t>
  </si>
  <si>
    <t>buurt_gegeneraliseerd_2021.a9565788-4d70-47ab-b9fe-77cdebe03e2a</t>
  </si>
  <si>
    <t>BU02670103</t>
  </si>
  <si>
    <t>2021BU02670103</t>
  </si>
  <si>
    <t>Corlaer</t>
  </si>
  <si>
    <t>buurt_gegeneraliseerd_2021.4c7642fb-9c95-46dd-85d3-afdc75fc0b9d</t>
  </si>
  <si>
    <t>BU02670104</t>
  </si>
  <si>
    <t>2021BU02670104</t>
  </si>
  <si>
    <t>Nautena-zuid/Schulpkamp</t>
  </si>
  <si>
    <t>buurt_gegeneraliseerd_2021.e9b2f3ca-6c24-4915-bad4-3c4981007c8f</t>
  </si>
  <si>
    <t>BU02670105</t>
  </si>
  <si>
    <t>2021BU02670105</t>
  </si>
  <si>
    <t>Nautena-noord/Havenstraat</t>
  </si>
  <si>
    <t>buurt_gegeneraliseerd_2021.85075687-f692-41dd-8afc-9c4b5a573132</t>
  </si>
  <si>
    <t>BU02670106</t>
  </si>
  <si>
    <t>2021BU02670106</t>
  </si>
  <si>
    <t>buurt_gegeneraliseerd_2021.ad09bb78-c5ec-4e8b-b1c6-a1d5f9c94038</t>
  </si>
  <si>
    <t>BU02670107</t>
  </si>
  <si>
    <t>2021BU02670107</t>
  </si>
  <si>
    <t>Bruins Slotlaan/Campenbuurt</t>
  </si>
  <si>
    <t>buurt_gegeneraliseerd_2021.cfa11e29-5604-4714-9f68-52ba3b220be8</t>
  </si>
  <si>
    <t>BU02670108</t>
  </si>
  <si>
    <t>2021BU02670108</t>
  </si>
  <si>
    <t>Zilverschoon/Oranjebuurt</t>
  </si>
  <si>
    <t>buurt_gegeneraliseerd_2021.72f45a13-9c67-43f8-813a-476539b62956</t>
  </si>
  <si>
    <t>BU02670109</t>
  </si>
  <si>
    <t>2021BU02670109</t>
  </si>
  <si>
    <t>Coltoflaan/van Oldenbarneveldstraat</t>
  </si>
  <si>
    <t>buurt_gegeneraliseerd_2021.eef3eb30-3264-4738-b31f-d60bc2f07478</t>
  </si>
  <si>
    <t>BU02670110</t>
  </si>
  <si>
    <t>2021BU02670110</t>
  </si>
  <si>
    <t>Luxool</t>
  </si>
  <si>
    <t>buurt_gegeneraliseerd_2021.8b804fd1-adb8-4a7c-95de-e42c2a069f9f</t>
  </si>
  <si>
    <t>BU02670111</t>
  </si>
  <si>
    <t>2021BU02670111</t>
  </si>
  <si>
    <t>Paasbos-west</t>
  </si>
  <si>
    <t>buurt_gegeneraliseerd_2021.537e07aa-c866-4496-b91d-142fbe410580</t>
  </si>
  <si>
    <t>BU02670112</t>
  </si>
  <si>
    <t>2021BU02670112</t>
  </si>
  <si>
    <t>Paasbos-oost</t>
  </si>
  <si>
    <t>buurt_gegeneraliseerd_2021.681df772-3de7-4034-a90e-2b6d77be1e8e</t>
  </si>
  <si>
    <t>BU02670113</t>
  </si>
  <si>
    <t>2021BU02670113</t>
  </si>
  <si>
    <t>Strijland-west</t>
  </si>
  <si>
    <t>buurt_gegeneraliseerd_2021.fa2f5663-272a-4ad4-9b20-5fd65b8accf0</t>
  </si>
  <si>
    <t>BU02670114</t>
  </si>
  <si>
    <t>2021BU02670114</t>
  </si>
  <si>
    <t>Strijland-oost</t>
  </si>
  <si>
    <t>buurt_gegeneraliseerd_2021.7fb9c925-1339-4855-9bf3-cff648c1f299</t>
  </si>
  <si>
    <t>BU02670115</t>
  </si>
  <si>
    <t>2021BU02670115</t>
  </si>
  <si>
    <t>Spoorkamp/De Terrassen</t>
  </si>
  <si>
    <t>buurt_gegeneraliseerd_2021.8d5602e3-1879-456a-9c86-879c608324d4</t>
  </si>
  <si>
    <t>BU02670116</t>
  </si>
  <si>
    <t>2021BU02670116</t>
  </si>
  <si>
    <t>De Flier/Arkerpoort</t>
  </si>
  <si>
    <t>buurt_gegeneraliseerd_2021.a5bd9aff-9d70-4c68-b40a-d9a10ea1e939</t>
  </si>
  <si>
    <t>BU02670117</t>
  </si>
  <si>
    <t>2021BU02670117</t>
  </si>
  <si>
    <t>De Bogen</t>
  </si>
  <si>
    <t>buurt_gegeneraliseerd_2021.d7e0b374-f517-4ce4-8245-80f209a9c9ae</t>
  </si>
  <si>
    <t>BU02670118</t>
  </si>
  <si>
    <t>2021BU02670118</t>
  </si>
  <si>
    <t>Doornsteeg</t>
  </si>
  <si>
    <t>buurt_gegeneraliseerd_2021.8925dc10-bfd6-49a4-8445-37b0c75028eb</t>
  </si>
  <si>
    <t>BU02670201</t>
  </si>
  <si>
    <t>2021BU02670201</t>
  </si>
  <si>
    <t>Kruishaar</t>
  </si>
  <si>
    <t>buurt_gegeneraliseerd_2021.0d21e4bf-6177-48f5-b9e4-5c28b2bc5691</t>
  </si>
  <si>
    <t>BU02670202</t>
  </si>
  <si>
    <t>2021BU02670202</t>
  </si>
  <si>
    <t>Slichtenhorst</t>
  </si>
  <si>
    <t>buurt_gegeneraliseerd_2021.f9be1bb0-4959-4920-8449-15e179196ccf</t>
  </si>
  <si>
    <t>BU02670203</t>
  </si>
  <si>
    <t>2021BU02670203</t>
  </si>
  <si>
    <t>Appel/'t Woud</t>
  </si>
  <si>
    <t>buurt_gegeneraliseerd_2021.89ff65d7-b383-421b-b58f-fef218fad1ea</t>
  </si>
  <si>
    <t>BU02670204</t>
  </si>
  <si>
    <t>2021BU02670204</t>
  </si>
  <si>
    <t>Prinsenkamp</t>
  </si>
  <si>
    <t>buurt_gegeneraliseerd_2021.58027c49-5062-4cea-a75a-6e612889324d</t>
  </si>
  <si>
    <t>BU02670300</t>
  </si>
  <si>
    <t>2021BU02670300</t>
  </si>
  <si>
    <t>Nijkerkerveen-Noord</t>
  </si>
  <si>
    <t>buurt_gegeneraliseerd_2021.a86ada66-574e-4a83-ac10-1e5e0eed9af9</t>
  </si>
  <si>
    <t>BU02670301</t>
  </si>
  <si>
    <t>2021BU02670301</t>
  </si>
  <si>
    <t>Nijkerkerveen-Zuid</t>
  </si>
  <si>
    <t>buurt_gegeneraliseerd_2021.8535161c-baf7-4eba-999b-0bf12aae7a26</t>
  </si>
  <si>
    <t>BU02670302</t>
  </si>
  <si>
    <t>2021BU02670302</t>
  </si>
  <si>
    <t>Holkerveen</t>
  </si>
  <si>
    <t>buurt_gegeneraliseerd_2021.177446bb-78ee-4c80-9fe7-7c53a747b91d</t>
  </si>
  <si>
    <t>BU02670401</t>
  </si>
  <si>
    <t>2021BU02670401</t>
  </si>
  <si>
    <t>Arkemheen</t>
  </si>
  <si>
    <t>buurt_gegeneraliseerd_2021.554e64d7-e772-4c08-b024-c19f02785bab</t>
  </si>
  <si>
    <t>BU02670402</t>
  </si>
  <si>
    <t>2021BU02670402</t>
  </si>
  <si>
    <t>De Veenhuis/Achterhoek</t>
  </si>
  <si>
    <t>buurt_gegeneraliseerd_2021.1a546c42-d937-410d-b6bb-d1e8d1f0a0ae</t>
  </si>
  <si>
    <t>BU02670500</t>
  </si>
  <si>
    <t>2021BU02670500</t>
  </si>
  <si>
    <t>Hoevelaken-Stoutenburgerlaan-Oost</t>
  </si>
  <si>
    <t>buurt_gegeneraliseerd_2021.db803bdb-7dff-44fc-a0d1-641dd42ee009</t>
  </si>
  <si>
    <t>BU02670501</t>
  </si>
  <si>
    <t>2021BU02670501</t>
  </si>
  <si>
    <t>Hoevelaken-Oranjebuurt-Horstbeek</t>
  </si>
  <si>
    <t>buurt_gegeneraliseerd_2021.c387c0cf-68ab-42a5-824e-909c80fda875</t>
  </si>
  <si>
    <t>BU02670502</t>
  </si>
  <si>
    <t>2021BU02670502</t>
  </si>
  <si>
    <t>Hoevelaken-Overhorst</t>
  </si>
  <si>
    <t>buurt_gegeneraliseerd_2021.f5d2e712-bb66-47eb-bcee-caf11e53ae76</t>
  </si>
  <si>
    <t>BU02670503</t>
  </si>
  <si>
    <t>2021BU02670503</t>
  </si>
  <si>
    <t>Hoevelaken-Kleinhoven</t>
  </si>
  <si>
    <t>buurt_gegeneraliseerd_2021.2b3e34c8-ce45-4737-911f-3d0bddd744a2</t>
  </si>
  <si>
    <t>BU02670504</t>
  </si>
  <si>
    <t>2021BU02670504</t>
  </si>
  <si>
    <t>Hoevelaken-Hogenbrink</t>
  </si>
  <si>
    <t>buurt_gegeneraliseerd_2021.8cedd58a-7444-424a-a455-9060c916691e</t>
  </si>
  <si>
    <t>BU02670505</t>
  </si>
  <si>
    <t>2021BU02670505</t>
  </si>
  <si>
    <t>Hoevelaken-Middelaar</t>
  </si>
  <si>
    <t>buurt_gegeneraliseerd_2021.d785dd3a-aa2c-400a-8923-a507c5309ac4</t>
  </si>
  <si>
    <t>BU02680100</t>
  </si>
  <si>
    <t>2021BU02680100</t>
  </si>
  <si>
    <t>Benedenstad</t>
  </si>
  <si>
    <t>GM0268</t>
  </si>
  <si>
    <t>buurt_gegeneraliseerd_2021.3381ec00-91c3-4234-a013-47d26ebea532</t>
  </si>
  <si>
    <t>BU02680101</t>
  </si>
  <si>
    <t>2021BU02680101</t>
  </si>
  <si>
    <t>Stadscentrum</t>
  </si>
  <si>
    <t>buurt_gegeneraliseerd_2021.7cdcbc32-9e5d-4a85-9936-66b8961def6d</t>
  </si>
  <si>
    <t>BU02680202</t>
  </si>
  <si>
    <t>2021BU02680202</t>
  </si>
  <si>
    <t>Bottendaal</t>
  </si>
  <si>
    <t>buurt_gegeneraliseerd_2021.16077423-2215-42e0-9b41-0fc696382da1</t>
  </si>
  <si>
    <t>BU02680203</t>
  </si>
  <si>
    <t>2021BU02680203</t>
  </si>
  <si>
    <t>buurt_gegeneraliseerd_2021.8bbc381e-e94e-4231-b172-71965be08bbc</t>
  </si>
  <si>
    <t>BU02680204</t>
  </si>
  <si>
    <t>2021BU02680204</t>
  </si>
  <si>
    <t>Altrade</t>
  </si>
  <si>
    <t>buurt_gegeneraliseerd_2021.fb2cb8fd-b578-4e48-83d5-ea0268a16d53</t>
  </si>
  <si>
    <t>BU02680205</t>
  </si>
  <si>
    <t>2021BU02680205</t>
  </si>
  <si>
    <t>Hunnerberg</t>
  </si>
  <si>
    <t>buurt_gegeneraliseerd_2021.e0cfd5b0-9d7e-4847-af9c-25761d11c0af</t>
  </si>
  <si>
    <t>BU02680206</t>
  </si>
  <si>
    <t>2021BU02680206</t>
  </si>
  <si>
    <t>Hengstdal</t>
  </si>
  <si>
    <t>buurt_gegeneraliseerd_2021.90cc23fe-5eae-4b67-b231-6fde99adc777</t>
  </si>
  <si>
    <t>BU02680207</t>
  </si>
  <si>
    <t>2021BU02680207</t>
  </si>
  <si>
    <t>Kwakkenberg</t>
  </si>
  <si>
    <t>buurt_gegeneraliseerd_2021.1a809ebe-bcfd-4f66-ba85-42c21b495887</t>
  </si>
  <si>
    <t>BU02680208</t>
  </si>
  <si>
    <t>2021BU02680208</t>
  </si>
  <si>
    <t>Groenewoud</t>
  </si>
  <si>
    <t>buurt_gegeneraliseerd_2021.bd04c07b-10aa-40dc-ac91-0f4d1f95fe86</t>
  </si>
  <si>
    <t>BU02680209</t>
  </si>
  <si>
    <t>2021BU02680209</t>
  </si>
  <si>
    <t>Ooyse Schependom</t>
  </si>
  <si>
    <t>buurt_gegeneraliseerd_2021.da5e422c-37b3-4267-b258-dad3c73280d8</t>
  </si>
  <si>
    <t>BU02680320</t>
  </si>
  <si>
    <t>2021BU02680320</t>
  </si>
  <si>
    <t>Biezen</t>
  </si>
  <si>
    <t>buurt_gegeneraliseerd_2021.2c347443-753a-40c5-8adc-9a179f81adfc</t>
  </si>
  <si>
    <t>BU02680321</t>
  </si>
  <si>
    <t>2021BU02680321</t>
  </si>
  <si>
    <t>Wolfskuil</t>
  </si>
  <si>
    <t>buurt_gegeneraliseerd_2021.aa3adcfd-67fe-4bde-a147-34c83dae427a</t>
  </si>
  <si>
    <t>BU02680422</t>
  </si>
  <si>
    <t>2021BU02680422</t>
  </si>
  <si>
    <t>Hees</t>
  </si>
  <si>
    <t>buurt_gegeneraliseerd_2021.8ed73e6e-bfca-4897-82cc-71d9015e46a1</t>
  </si>
  <si>
    <t>BU02680423</t>
  </si>
  <si>
    <t>2021BU02680423</t>
  </si>
  <si>
    <t>Heseveld</t>
  </si>
  <si>
    <t>buurt_gegeneraliseerd_2021.41e9c1ba-bedd-4456-81a2-e3f5107cb061</t>
  </si>
  <si>
    <t>BU02680424</t>
  </si>
  <si>
    <t>2021BU02680424</t>
  </si>
  <si>
    <t>Neerbosch-Oost</t>
  </si>
  <si>
    <t>buurt_gegeneraliseerd_2021.11eb8ca0-ec23-49c8-b618-29d7948b6dd7</t>
  </si>
  <si>
    <t>BU02680425</t>
  </si>
  <si>
    <t>2021BU02680425</t>
  </si>
  <si>
    <t>Haven- en industrieterrein</t>
  </si>
  <si>
    <t>buurt_gegeneraliseerd_2021.8bde2a70-49e0-4b96-ba60-06dc55eda99c</t>
  </si>
  <si>
    <t>BU02680510</t>
  </si>
  <si>
    <t>2021BU02680510</t>
  </si>
  <si>
    <t>Nije Veld</t>
  </si>
  <si>
    <t>buurt_gegeneraliseerd_2021.58f27045-266c-48b4-8ad9-cde9acd0cd26</t>
  </si>
  <si>
    <t>BU02680511</t>
  </si>
  <si>
    <t>2021BU02680511</t>
  </si>
  <si>
    <t>Hazenkamp</t>
  </si>
  <si>
    <t>buurt_gegeneraliseerd_2021.fe1c573f-b7c3-475e-826f-b3cc03004486</t>
  </si>
  <si>
    <t>BU02680512</t>
  </si>
  <si>
    <t>2021BU02680512</t>
  </si>
  <si>
    <t>Goffert</t>
  </si>
  <si>
    <t>buurt_gegeneraliseerd_2021.82f1352a-0c22-41d0-8c66-857276a48fdc</t>
  </si>
  <si>
    <t>BU02680513</t>
  </si>
  <si>
    <t>2021BU02680513</t>
  </si>
  <si>
    <t>St. Anna</t>
  </si>
  <si>
    <t>buurt_gegeneraliseerd_2021.b49dfcba-6c3f-4c12-9aa6-4ea0c2db00a3</t>
  </si>
  <si>
    <t>BU02680517</t>
  </si>
  <si>
    <t>2021BU02680517</t>
  </si>
  <si>
    <t>Heijendaal</t>
  </si>
  <si>
    <t>buurt_gegeneraliseerd_2021.8c33ff95-ddb7-445a-a85a-b9b731a1a96e</t>
  </si>
  <si>
    <t>BU02680614</t>
  </si>
  <si>
    <t>2021BU02680614</t>
  </si>
  <si>
    <t>Hatertse Hei</t>
  </si>
  <si>
    <t>buurt_gegeneraliseerd_2021.2361926f-f12f-4ac6-bd3d-6843a9cedcf5</t>
  </si>
  <si>
    <t>BU02680615</t>
  </si>
  <si>
    <t>2021BU02680615</t>
  </si>
  <si>
    <t>Grootstal</t>
  </si>
  <si>
    <t>buurt_gegeneraliseerd_2021.16343d9d-1d41-48c3-9647-056e428e9339</t>
  </si>
  <si>
    <t>BU02680616</t>
  </si>
  <si>
    <t>2021BU02680616</t>
  </si>
  <si>
    <t>Hatert</t>
  </si>
  <si>
    <t>buurt_gegeneraliseerd_2021.af769f5a-c460-448f-b1fa-05a8a433aafa</t>
  </si>
  <si>
    <t>BU02680618</t>
  </si>
  <si>
    <t>2021BU02680618</t>
  </si>
  <si>
    <t>Brakkenstein</t>
  </si>
  <si>
    <t>buurt_gegeneraliseerd_2021.cffadd9c-d741-4110-bbb3-de7618f933b9</t>
  </si>
  <si>
    <t>BU02680731</t>
  </si>
  <si>
    <t>2021BU02680731</t>
  </si>
  <si>
    <t>Tolhuis</t>
  </si>
  <si>
    <t>buurt_gegeneraliseerd_2021.d967b26a-2b53-40f5-acda-a70cbe92f891</t>
  </si>
  <si>
    <t>BU02680732</t>
  </si>
  <si>
    <t>2021BU02680732</t>
  </si>
  <si>
    <t>Zwanenveld</t>
  </si>
  <si>
    <t>buurt_gegeneraliseerd_2021.17246f15-2024-4330-92d4-19d474d89c46</t>
  </si>
  <si>
    <t>BU02680733</t>
  </si>
  <si>
    <t>2021BU02680733</t>
  </si>
  <si>
    <t>Meijhorst</t>
  </si>
  <si>
    <t>buurt_gegeneraliseerd_2021.99355bf6-c592-48c2-b654-f07a79a34dbd</t>
  </si>
  <si>
    <t>BU02680734</t>
  </si>
  <si>
    <t>2021BU02680734</t>
  </si>
  <si>
    <t>Lankforst</t>
  </si>
  <si>
    <t>buurt_gegeneraliseerd_2021.33a0fa94-190f-46ec-a2f7-dec676da141b</t>
  </si>
  <si>
    <t>BU02680735</t>
  </si>
  <si>
    <t>2021BU02680735</t>
  </si>
  <si>
    <t>Aldenhof</t>
  </si>
  <si>
    <t>buurt_gegeneraliseerd_2021.d7e50a5f-aefa-406c-baad-ca9afaf6a481</t>
  </si>
  <si>
    <t>BU02680736</t>
  </si>
  <si>
    <t>2021BU02680736</t>
  </si>
  <si>
    <t>Malvert</t>
  </si>
  <si>
    <t>buurt_gegeneraliseerd_2021.98ea821a-8a8a-48b4-97da-e2eae4ea2bbf</t>
  </si>
  <si>
    <t>BU02680737</t>
  </si>
  <si>
    <t>2021BU02680737</t>
  </si>
  <si>
    <t>Weezenhof</t>
  </si>
  <si>
    <t>buurt_gegeneraliseerd_2021.39bd5143-4ba0-4bd1-8b64-22d9e2e2f41c</t>
  </si>
  <si>
    <t>BU02680738</t>
  </si>
  <si>
    <t>2021BU02680738</t>
  </si>
  <si>
    <t>Vogelzang</t>
  </si>
  <si>
    <t>buurt_gegeneraliseerd_2021.eee3ab54-9938-405e-aeac-a771b4f718e4</t>
  </si>
  <si>
    <t>BU02680739</t>
  </si>
  <si>
    <t>2021BU02680739</t>
  </si>
  <si>
    <t>Staddijk</t>
  </si>
  <si>
    <t>buurt_gegeneraliseerd_2021.1f879f0e-2a00-4ce1-a6b0-148338723985</t>
  </si>
  <si>
    <t>BU02680840</t>
  </si>
  <si>
    <t>2021BU02680840</t>
  </si>
  <si>
    <t>'t Acker</t>
  </si>
  <si>
    <t>buurt_gegeneraliseerd_2021.2f823f0b-0b52-4ef5-a4ba-ea0d9a365152</t>
  </si>
  <si>
    <t>BU02680841</t>
  </si>
  <si>
    <t>2021BU02680841</t>
  </si>
  <si>
    <t>De Kamp</t>
  </si>
  <si>
    <t>buurt_gegeneraliseerd_2021.b6f474f9-dd43-497d-be18-348fc9b239b7</t>
  </si>
  <si>
    <t>BU02680842</t>
  </si>
  <si>
    <t>2021BU02680842</t>
  </si>
  <si>
    <t>'t Broek</t>
  </si>
  <si>
    <t>buurt_gegeneraliseerd_2021.c7c00bbb-26f0-41e1-bb7d-c12d92c78a3e</t>
  </si>
  <si>
    <t>BU02680843</t>
  </si>
  <si>
    <t>2021BU02680843</t>
  </si>
  <si>
    <t>Kerkenbos</t>
  </si>
  <si>
    <t>buurt_gegeneraliseerd_2021.f5a36072-8716-4704-965d-b2e97796146f</t>
  </si>
  <si>
    <t>BU02680847</t>
  </si>
  <si>
    <t>2021BU02680847</t>
  </si>
  <si>
    <t>Westkanaaldijk</t>
  </si>
  <si>
    <t>buurt_gegeneraliseerd_2021.de5071b0-2760-4433-848a-e3ac3804fdb2</t>
  </si>
  <si>
    <t>BU02680848</t>
  </si>
  <si>
    <t>2021BU02680848</t>
  </si>
  <si>
    <t>Neerbosch-West</t>
  </si>
  <si>
    <t>buurt_gegeneraliseerd_2021.061be403-5aa2-4015-83e0-e2c526de4e3d</t>
  </si>
  <si>
    <t>BU02680849</t>
  </si>
  <si>
    <t>2021BU02680849</t>
  </si>
  <si>
    <t>Bijsterhuizen</t>
  </si>
  <si>
    <t>buurt_gegeneraliseerd_2021.4d9e127b-55be-48f5-a854-a4fcbdd62bb2</t>
  </si>
  <si>
    <t>BU02680950</t>
  </si>
  <si>
    <t>2021BU02680950</t>
  </si>
  <si>
    <t>Oosterhout</t>
  </si>
  <si>
    <t>buurt_gegeneraliseerd_2021.a87d427d-9f80-406a-a3f5-3249cacd30c2</t>
  </si>
  <si>
    <t>BU02680960</t>
  </si>
  <si>
    <t>2021BU02680960</t>
  </si>
  <si>
    <t>Ressen</t>
  </si>
  <si>
    <t>buurt_gegeneraliseerd_2021.c7c6e673-8b49-473c-9c8e-b11c27ccf973</t>
  </si>
  <si>
    <t>BU02680970</t>
  </si>
  <si>
    <t>2021BU02680970</t>
  </si>
  <si>
    <t>Lent</t>
  </si>
  <si>
    <t>buurt_gegeneraliseerd_2021.010c47ff-a9cb-4a46-8bf4-d28124714464</t>
  </si>
  <si>
    <t>BU02690000</t>
  </si>
  <si>
    <t>2021BU02690000</t>
  </si>
  <si>
    <t>Oldebroek</t>
  </si>
  <si>
    <t>GM0269</t>
  </si>
  <si>
    <t>buurt_gegeneraliseerd_2021.d2c93606-ad52-40cf-890c-2a31bccaf00e</t>
  </si>
  <si>
    <t>BU02690001</t>
  </si>
  <si>
    <t>2021BU02690001</t>
  </si>
  <si>
    <t>Bovenstreek</t>
  </si>
  <si>
    <t>buurt_gegeneraliseerd_2021.284af4fd-36f0-4314-b4df-71657cdad960</t>
  </si>
  <si>
    <t>BU02690002</t>
  </si>
  <si>
    <t>2021BU02690002</t>
  </si>
  <si>
    <t>Broekdijk</t>
  </si>
  <si>
    <t>buurt_gegeneraliseerd_2021.512a0202-ba78-46e5-9208-2be2ecba1bbb</t>
  </si>
  <si>
    <t>BU02690004</t>
  </si>
  <si>
    <t>2021BU02690004</t>
  </si>
  <si>
    <t>buurt_gegeneraliseerd_2021.99c0e1d5-d920-4677-ac3a-fe5f40af1a12</t>
  </si>
  <si>
    <t>BU02690005</t>
  </si>
  <si>
    <t>2021BU02690005</t>
  </si>
  <si>
    <t>Verspreide huizen Oldebroek</t>
  </si>
  <si>
    <t>buurt_gegeneraliseerd_2021.a14336ec-c973-46ce-b168-3e9e2c140b77</t>
  </si>
  <si>
    <t>BU02690006</t>
  </si>
  <si>
    <t>2021BU02690006</t>
  </si>
  <si>
    <t>Verspreide huizen Oldebroekse Heide</t>
  </si>
  <si>
    <t>buurt_gegeneraliseerd_2021.84077e8c-038d-462b-b3b0-379a243cce43</t>
  </si>
  <si>
    <t>BU02690007</t>
  </si>
  <si>
    <t>2021BU02690007</t>
  </si>
  <si>
    <t>Verspreide huizen polder Oldebroek</t>
  </si>
  <si>
    <t>buurt_gegeneraliseerd_2021.b394fcc9-a171-4909-ae58-eacb9a961e72</t>
  </si>
  <si>
    <t>BU02690008</t>
  </si>
  <si>
    <t>2021BU02690008</t>
  </si>
  <si>
    <t>Verspreide huizen 't Loo</t>
  </si>
  <si>
    <t>buurt_gegeneraliseerd_2021.49c85676-9c36-48dc-992a-b1e87b54f9cc</t>
  </si>
  <si>
    <t>BU02690009</t>
  </si>
  <si>
    <t>2021BU02690009</t>
  </si>
  <si>
    <t>Verspreide huizen heide 't Loo</t>
  </si>
  <si>
    <t>buurt_gegeneraliseerd_2021.60fbe24a-2a60-4e4e-b9bb-193a0810437b</t>
  </si>
  <si>
    <t>BU02690100</t>
  </si>
  <si>
    <t>2021BU02690100</t>
  </si>
  <si>
    <t>Wezep-Centrum</t>
  </si>
  <si>
    <t>buurt_gegeneraliseerd_2021.073634e4-bc20-4164-a8c7-4012b9514443</t>
  </si>
  <si>
    <t>BU02690101</t>
  </si>
  <si>
    <t>2021BU02690101</t>
  </si>
  <si>
    <t>Wezep-Oost</t>
  </si>
  <si>
    <t>buurt_gegeneraliseerd_2021.5adcdab4-581e-4802-9975-04082e22ef57</t>
  </si>
  <si>
    <t>BU02690102</t>
  </si>
  <si>
    <t>2021BU02690102</t>
  </si>
  <si>
    <t>Hattemerbroek</t>
  </si>
  <si>
    <t>buurt_gegeneraliseerd_2021.d5dc0fd1-4fc5-4d6f-bd11-9d03fff3d18a</t>
  </si>
  <si>
    <t>BU02690103</t>
  </si>
  <si>
    <t>2021BU02690103</t>
  </si>
  <si>
    <t>Wezep-West</t>
  </si>
  <si>
    <t>buurt_gegeneraliseerd_2021.7d039128-e2cd-4c87-8901-b8ff001cea49</t>
  </si>
  <si>
    <t>BU02690104</t>
  </si>
  <si>
    <t>2021BU02690104</t>
  </si>
  <si>
    <t>Wezep-Noord</t>
  </si>
  <si>
    <t>buurt_gegeneraliseerd_2021.8dbc109a-6b18-417f-a5ca-18aa1e106a21</t>
  </si>
  <si>
    <t>BU02690105</t>
  </si>
  <si>
    <t>2021BU02690105</t>
  </si>
  <si>
    <t>Verspreide huizen Wezep</t>
  </si>
  <si>
    <t>buurt_gegeneraliseerd_2021.6704724c-ea56-4bcb-aaa7-c44e3964806f</t>
  </si>
  <si>
    <t>BU02690106</t>
  </si>
  <si>
    <t>2021BU02690106</t>
  </si>
  <si>
    <t>Verspreide huizen Duivendans</t>
  </si>
  <si>
    <t>buurt_gegeneraliseerd_2021.7a1eee0c-1beb-433c-995c-3b281c8a27db</t>
  </si>
  <si>
    <t>BU02690107</t>
  </si>
  <si>
    <t>2021BU02690107</t>
  </si>
  <si>
    <t>Verspreide huizen Wezepse Heide</t>
  </si>
  <si>
    <t>buurt_gegeneraliseerd_2021.3774f2a6-2eb6-438b-9aa4-d2f6244b29a0</t>
  </si>
  <si>
    <t>BU02690108</t>
  </si>
  <si>
    <t>2021BU02690108</t>
  </si>
  <si>
    <t>Verspreide huizen polder Hattemerbroek</t>
  </si>
  <si>
    <t>buurt_gegeneraliseerd_2021.485d88f3-0bc5-41a8-9591-ce914ef1504a</t>
  </si>
  <si>
    <t>BU02690109</t>
  </si>
  <si>
    <t>2021BU02690109</t>
  </si>
  <si>
    <t>Verspreide huizen Hattemerbroekse Heide</t>
  </si>
  <si>
    <t>buurt_gegeneraliseerd_2021.faa1567a-c4ed-4812-a909-7a1602efd4e4</t>
  </si>
  <si>
    <t>BU02690110</t>
  </si>
  <si>
    <t>2021BU02690110</t>
  </si>
  <si>
    <t>Verspreide huizen Heide Hoek</t>
  </si>
  <si>
    <t>buurt_gegeneraliseerd_2021.ff5015b5-3b69-474c-a417-b25ebb39435f</t>
  </si>
  <si>
    <t>BU02690200</t>
  </si>
  <si>
    <t>2021BU02690200</t>
  </si>
  <si>
    <t>Oosterwolde</t>
  </si>
  <si>
    <t>buurt_gegeneraliseerd_2021.d9871c08-4d12-4b0b-b6fc-28f45e191884</t>
  </si>
  <si>
    <t>BU02690201</t>
  </si>
  <si>
    <t>2021BU02690201</t>
  </si>
  <si>
    <t>Noordeinde</t>
  </si>
  <si>
    <t>buurt_gegeneraliseerd_2021.d0d2f27a-dc3d-4772-bbab-f18a17ed97a2</t>
  </si>
  <si>
    <t>BU02690203</t>
  </si>
  <si>
    <t>2021BU02690203</t>
  </si>
  <si>
    <t>Eekt</t>
  </si>
  <si>
    <t>buurt_gegeneraliseerd_2021.2dd6051a-f713-451b-aa00-1864f89f5e05</t>
  </si>
  <si>
    <t>BU02690208</t>
  </si>
  <si>
    <t>2021BU02690208</t>
  </si>
  <si>
    <t>Verspreide huizen Oosterwolde</t>
  </si>
  <si>
    <t>buurt_gegeneraliseerd_2021.ed6f9a7c-1f4d-409d-ad8c-4dc9123ccd5e</t>
  </si>
  <si>
    <t>BU02690209</t>
  </si>
  <si>
    <t>2021BU02690209</t>
  </si>
  <si>
    <t>Verspreide huizen Noordeinde</t>
  </si>
  <si>
    <t>buurt_gegeneraliseerd_2021.b2aee57d-346e-4017-8fea-42e5c44821a2</t>
  </si>
  <si>
    <t>BU02690210</t>
  </si>
  <si>
    <t>2021BU02690210</t>
  </si>
  <si>
    <t>buurt_gegeneraliseerd_2021.b8bcd7d9-3135-46c1-8fdb-3405246ed358</t>
  </si>
  <si>
    <t>BU02730000</t>
  </si>
  <si>
    <t>2021BU02730000</t>
  </si>
  <si>
    <t>Putten-Centrum</t>
  </si>
  <si>
    <t>GM0273</t>
  </si>
  <si>
    <t>buurt_gegeneraliseerd_2021.cbd99452-653d-47ac-af6d-84229e200c10</t>
  </si>
  <si>
    <t>BU02730001</t>
  </si>
  <si>
    <t>2021BU02730001</t>
  </si>
  <si>
    <t>Putten-Zuid-Oost</t>
  </si>
  <si>
    <t>buurt_gegeneraliseerd_2021.5595ac72-3c9b-46ee-82e4-f5e1fcd568a8</t>
  </si>
  <si>
    <t>BU02730002</t>
  </si>
  <si>
    <t>2021BU02730002</t>
  </si>
  <si>
    <t>Putten-Noord</t>
  </si>
  <si>
    <t>buurt_gegeneraliseerd_2021.77a30748-bd55-4e68-8812-b76dd6278301</t>
  </si>
  <si>
    <t>BU02730003</t>
  </si>
  <si>
    <t>2021BU02730003</t>
  </si>
  <si>
    <t>Putten-Zuid-West</t>
  </si>
  <si>
    <t>buurt_gegeneraliseerd_2021.1b4d2dd2-3360-44af-a782-415ab7bb297d</t>
  </si>
  <si>
    <t>BU02730004</t>
  </si>
  <si>
    <t>2021BU02730004</t>
  </si>
  <si>
    <t>Putten-Stationsstraat industriegebied</t>
  </si>
  <si>
    <t>buurt_gegeneraliseerd_2021.34b16aec-2e21-4b75-835d-b09de0aeb345</t>
  </si>
  <si>
    <t>BU02730005</t>
  </si>
  <si>
    <t>2021BU02730005</t>
  </si>
  <si>
    <t>Verspreide huizen Hell en Diermen</t>
  </si>
  <si>
    <t>buurt_gegeneraliseerd_2021.6cd948e6-517f-42f0-a946-345cc33931f4</t>
  </si>
  <si>
    <t>BU02730006</t>
  </si>
  <si>
    <t>2021BU02730006</t>
  </si>
  <si>
    <t>Verspreide huizen Huinen en Halvinkhuizen</t>
  </si>
  <si>
    <t>buurt_gegeneraliseerd_2021.b90d36bf-3e16-42b4-a619-f0a48e94b351</t>
  </si>
  <si>
    <t>BU02730007</t>
  </si>
  <si>
    <t>2021BU02730007</t>
  </si>
  <si>
    <t>Verspreide huizen Gerven</t>
  </si>
  <si>
    <t>buurt_gegeneraliseerd_2021.12840015-0e2e-44a1-a75e-bfb2130e19a0</t>
  </si>
  <si>
    <t>BU02730008</t>
  </si>
  <si>
    <t>2021BU02730008</t>
  </si>
  <si>
    <t>Verspreide huizen Norden, Bijsteren en Hoef</t>
  </si>
  <si>
    <t>buurt_gegeneraliseerd_2021.05e15220-8936-410f-84ed-3585848906f8</t>
  </si>
  <si>
    <t>BU02730009</t>
  </si>
  <si>
    <t>2021BU02730009</t>
  </si>
  <si>
    <t>Verspreide huizen Nulde</t>
  </si>
  <si>
    <t>buurt_gegeneraliseerd_2021.dbb66695-80b7-4157-86e8-5ccd0c16ae0d</t>
  </si>
  <si>
    <t>BU02730100</t>
  </si>
  <si>
    <t>2021BU02730100</t>
  </si>
  <si>
    <t>Koudhoorn</t>
  </si>
  <si>
    <t>buurt_gegeneraliseerd_2021.b2122ca0-71ae-4493-8363-41dc4db91d3c</t>
  </si>
  <si>
    <t>BU02730108</t>
  </si>
  <si>
    <t>2021BU02730108</t>
  </si>
  <si>
    <t>Verspreide huizen Krachtighuizen en omgeving</t>
  </si>
  <si>
    <t>buurt_gegeneraliseerd_2021.3c5788e2-301a-4c15-bfda-90ff7d386c45</t>
  </si>
  <si>
    <t>BU02730109</t>
  </si>
  <si>
    <t>2021BU02730109</t>
  </si>
  <si>
    <t>buurt_gegeneraliseerd_2021.d8cc88a2-153c-4c40-85f6-827c23a209a3</t>
  </si>
  <si>
    <t>BU02740101</t>
  </si>
  <si>
    <t>2021BU02740101</t>
  </si>
  <si>
    <t>Jufferswaard</t>
  </si>
  <si>
    <t>GM0274</t>
  </si>
  <si>
    <t>buurt_gegeneraliseerd_2021.dfc5b871-9e26-4f94-9412-1f31cc322770</t>
  </si>
  <si>
    <t>BU02740102</t>
  </si>
  <si>
    <t>2021BU02740102</t>
  </si>
  <si>
    <t>Grunsfoort</t>
  </si>
  <si>
    <t>buurt_gegeneraliseerd_2021.53980e5c-72d3-4081-87d3-f2eb1a494bca</t>
  </si>
  <si>
    <t>BU02740103</t>
  </si>
  <si>
    <t>2021BU02740103</t>
  </si>
  <si>
    <t>Onder de Bomen</t>
  </si>
  <si>
    <t>buurt_gegeneraliseerd_2021.5ae8b574-dcd0-4379-8ae7-a3e135004e75</t>
  </si>
  <si>
    <t>BU02740104</t>
  </si>
  <si>
    <t>2021BU02740104</t>
  </si>
  <si>
    <t>Renkum Centrum</t>
  </si>
  <si>
    <t>buurt_gegeneraliseerd_2021.77f35fb7-e370-423a-919f-379a3db12b78</t>
  </si>
  <si>
    <t>BU02740105</t>
  </si>
  <si>
    <t>2021BU02740105</t>
  </si>
  <si>
    <t>De Enk</t>
  </si>
  <si>
    <t>buurt_gegeneraliseerd_2021.98691835-a603-486c-8382-64e6d3f28de0</t>
  </si>
  <si>
    <t>BU02740106</t>
  </si>
  <si>
    <t>2021BU02740106</t>
  </si>
  <si>
    <t>Gelria</t>
  </si>
  <si>
    <t>buurt_gegeneraliseerd_2021.12f24267-eefd-4897-b4c6-b38b3a5bde9e</t>
  </si>
  <si>
    <t>BU02740201</t>
  </si>
  <si>
    <t>2021BU02740201</t>
  </si>
  <si>
    <t>Keijenberg</t>
  </si>
  <si>
    <t>buurt_gegeneraliseerd_2021.c71ecf63-27f3-48fc-b4eb-ef5f6df6e9e2</t>
  </si>
  <si>
    <t>BU02740202</t>
  </si>
  <si>
    <t>2021BU02740202</t>
  </si>
  <si>
    <t>Hogenkamp</t>
  </si>
  <si>
    <t>buurt_gegeneraliseerd_2021.1aab2bfe-bdee-4b3e-9fd4-eb99f9527833</t>
  </si>
  <si>
    <t>BU02740203</t>
  </si>
  <si>
    <t>2021BU02740203</t>
  </si>
  <si>
    <t>Bakkershaag</t>
  </si>
  <si>
    <t>buurt_gegeneraliseerd_2021.920870d8-0b2c-4deb-a642-ea0a1e7b04f2</t>
  </si>
  <si>
    <t>BU02740204</t>
  </si>
  <si>
    <t>2021BU02740204</t>
  </si>
  <si>
    <t>Schaapsdrift</t>
  </si>
  <si>
    <t>buurt_gegeneraliseerd_2021.903ade77-bb76-402e-8f30-301f03aff9b5</t>
  </si>
  <si>
    <t>BU02740205</t>
  </si>
  <si>
    <t>2021BU02740205</t>
  </si>
  <si>
    <t>Fluitersmaat</t>
  </si>
  <si>
    <t>buurt_gegeneraliseerd_2021.342214ee-332f-4413-a458-17dcb990f6dc</t>
  </si>
  <si>
    <t>BU02740206</t>
  </si>
  <si>
    <t>2021BU02740206</t>
  </si>
  <si>
    <t>Quadenoord</t>
  </si>
  <si>
    <t>buurt_gegeneraliseerd_2021.50a1f415-a532-4923-9675-7181fdbccc6e</t>
  </si>
  <si>
    <t>BU02740207</t>
  </si>
  <si>
    <t>2021BU02740207</t>
  </si>
  <si>
    <t>Renkumse Heide</t>
  </si>
  <si>
    <t>buurt_gegeneraliseerd_2021.bc412aa4-7225-42c0-acac-9c62fb1f9da2</t>
  </si>
  <si>
    <t>BU02740301</t>
  </si>
  <si>
    <t>2021BU02740301</t>
  </si>
  <si>
    <t>Vosdal</t>
  </si>
  <si>
    <t>buurt_gegeneraliseerd_2021.0ad63d7e-3a00-439d-8c6b-8d96da0e5920</t>
  </si>
  <si>
    <t>BU02740302</t>
  </si>
  <si>
    <t>2021BU02740302</t>
  </si>
  <si>
    <t>Aan de Beek</t>
  </si>
  <si>
    <t>buurt_gegeneraliseerd_2021.ec0d7a6c-9724-49a2-8680-3863f3d96367</t>
  </si>
  <si>
    <t>BU02740303</t>
  </si>
  <si>
    <t>2021BU02740303</t>
  </si>
  <si>
    <t>Heidestein</t>
  </si>
  <si>
    <t>buurt_gegeneraliseerd_2021.5ba19b51-3201-4aeb-a9db-c5b38c3ab152</t>
  </si>
  <si>
    <t>BU02740304</t>
  </si>
  <si>
    <t>2021BU02740304</t>
  </si>
  <si>
    <t>Kamperdijk</t>
  </si>
  <si>
    <t>buurt_gegeneraliseerd_2021.e1e209f2-8eda-4a9a-97db-ec781d1dec5b</t>
  </si>
  <si>
    <t>BU02740305</t>
  </si>
  <si>
    <t>2021BU02740305</t>
  </si>
  <si>
    <t>Klein Zwitserland</t>
  </si>
  <si>
    <t>buurt_gegeneraliseerd_2021.9d1e2dcc-f27a-45c1-bd4c-983b53219f20</t>
  </si>
  <si>
    <t>BU02740306</t>
  </si>
  <si>
    <t>2021BU02740306</t>
  </si>
  <si>
    <t>buurt_gegeneraliseerd_2021.b7cd2ddc-67b9-481f-8519-5a1edf51ab31</t>
  </si>
  <si>
    <t>BU02740401</t>
  </si>
  <si>
    <t>2021BU02740401</t>
  </si>
  <si>
    <t>Hoog Doorwerth</t>
  </si>
  <si>
    <t>buurt_gegeneraliseerd_2021.5a2e39b1-00c8-4199-9212-d3f57802e85d</t>
  </si>
  <si>
    <t>BU02740402</t>
  </si>
  <si>
    <t>2021BU02740402</t>
  </si>
  <si>
    <t>Doorwerthsestraat</t>
  </si>
  <si>
    <t>buurt_gegeneraliseerd_2021.2eaca890-61f8-45a4-84f4-58ffa2338a22</t>
  </si>
  <si>
    <t>BU02740403</t>
  </si>
  <si>
    <t>2021BU02740403</t>
  </si>
  <si>
    <t>buurt_gegeneraliseerd_2021.bfdb49ec-8221-450c-8e70-020c7407fcaa</t>
  </si>
  <si>
    <t>BU02740501</t>
  </si>
  <si>
    <t>2021BU02740501</t>
  </si>
  <si>
    <t>Boschhoeve</t>
  </si>
  <si>
    <t>buurt_gegeneraliseerd_2021.23e7e6ef-6046-4242-8924-7be87fdca83d</t>
  </si>
  <si>
    <t>BU02740502</t>
  </si>
  <si>
    <t>2021BU02740502</t>
  </si>
  <si>
    <t>Wolfhezerbeek</t>
  </si>
  <si>
    <t>buurt_gegeneraliseerd_2021.1a9c2de7-1bb6-46fd-98f4-21d0d8fee3ca</t>
  </si>
  <si>
    <t>BU02740503</t>
  </si>
  <si>
    <t>2021BU02740503</t>
  </si>
  <si>
    <t>De Stichting</t>
  </si>
  <si>
    <t>buurt_gegeneraliseerd_2021.add92823-e10d-490b-9dd2-f7ce3ab8ec89</t>
  </si>
  <si>
    <t>BU02740504</t>
  </si>
  <si>
    <t>2021BU02740504</t>
  </si>
  <si>
    <t>Lawijckerhof</t>
  </si>
  <si>
    <t>buurt_gegeneraliseerd_2021.a0ac0ac2-09eb-4553-a7b2-88a212f23d17</t>
  </si>
  <si>
    <t>BU02740601</t>
  </si>
  <si>
    <t>2021BU02740601</t>
  </si>
  <si>
    <t>De Buunderkamp</t>
  </si>
  <si>
    <t>buurt_gegeneraliseerd_2021.40103a77-97ae-46fb-a065-39551d391115</t>
  </si>
  <si>
    <t>BU02740602</t>
  </si>
  <si>
    <t>2021BU02740602</t>
  </si>
  <si>
    <t>Reijers-Camp</t>
  </si>
  <si>
    <t>buurt_gegeneraliseerd_2021.9219fb66-5a5b-4b7d-80a6-365dc8c1e0df</t>
  </si>
  <si>
    <t>BU02740603</t>
  </si>
  <si>
    <t>2021BU02740603</t>
  </si>
  <si>
    <t>Duitsekampweg</t>
  </si>
  <si>
    <t>buurt_gegeneraliseerd_2021.a9c0edf8-795f-4f82-b1a7-92d0be1c2da4</t>
  </si>
  <si>
    <t>BU02740604</t>
  </si>
  <si>
    <t>2021BU02740604</t>
  </si>
  <si>
    <t>Het Hazeleger</t>
  </si>
  <si>
    <t>buurt_gegeneraliseerd_2021.cf181a67-8a4b-46c3-92d2-44cef69e465c</t>
  </si>
  <si>
    <t>BU02740701</t>
  </si>
  <si>
    <t>2021BU02740701</t>
  </si>
  <si>
    <t>Doorwerthse Waarden</t>
  </si>
  <si>
    <t>buurt_gegeneraliseerd_2021.0ea968c7-4073-43de-bd97-0b9dd7afe3d3</t>
  </si>
  <si>
    <t>BU02740702</t>
  </si>
  <si>
    <t>2021BU02740702</t>
  </si>
  <si>
    <t>Doorwerthse Bossen</t>
  </si>
  <si>
    <t>buurt_gegeneraliseerd_2021.5cf8dfd9-2f45-403c-b4e3-64101c9968fa</t>
  </si>
  <si>
    <t>BU02740703</t>
  </si>
  <si>
    <t>2021BU02740703</t>
  </si>
  <si>
    <t>Kievitsdel</t>
  </si>
  <si>
    <t>buurt_gegeneraliseerd_2021.22a9ef8a-daf8-42bb-9340-aabcdf662c78</t>
  </si>
  <si>
    <t>BU02740801</t>
  </si>
  <si>
    <t>2021BU02740801</t>
  </si>
  <si>
    <t>Doorwerth Zuid</t>
  </si>
  <si>
    <t>buurt_gegeneraliseerd_2021.227520e6-acb8-4c76-81a1-745669b03ccc</t>
  </si>
  <si>
    <t>BU02740802</t>
  </si>
  <si>
    <t>2021BU02740802</t>
  </si>
  <si>
    <t>Clusterwoningen</t>
  </si>
  <si>
    <t>buurt_gegeneraliseerd_2021.9d088777-f420-4904-868c-9c1b4f526542</t>
  </si>
  <si>
    <t>BU02740803</t>
  </si>
  <si>
    <t>2021BU02740803</t>
  </si>
  <si>
    <t>Cardanuslaan</t>
  </si>
  <si>
    <t>buurt_gegeneraliseerd_2021.5fe6c5e4-1c33-4143-b5d2-4c67dc8bdac7</t>
  </si>
  <si>
    <t>BU02740901</t>
  </si>
  <si>
    <t>2021BU02740901</t>
  </si>
  <si>
    <t>Hunneschans - Valckeniersbossen</t>
  </si>
  <si>
    <t>buurt_gegeneraliseerd_2021.1702d65d-d649-463b-9829-8d19d16d0e6e</t>
  </si>
  <si>
    <t>BU02740902</t>
  </si>
  <si>
    <t>2021BU02740902</t>
  </si>
  <si>
    <t>Heveadorp</t>
  </si>
  <si>
    <t>buurt_gegeneraliseerd_2021.cfb10449-2684-4843-872b-ef6946d1fde6</t>
  </si>
  <si>
    <t>BU02741001</t>
  </si>
  <si>
    <t>2021BU02741001</t>
  </si>
  <si>
    <t>Hemelse Berg</t>
  </si>
  <si>
    <t>buurt_gegeneraliseerd_2021.fcabcb23-8fd0-49ed-be13-42f9f1b57592</t>
  </si>
  <si>
    <t>BU02741002</t>
  </si>
  <si>
    <t>2021BU02741002</t>
  </si>
  <si>
    <t>Valkenberg</t>
  </si>
  <si>
    <t>buurt_gegeneraliseerd_2021.b1985064-b493-4fdd-912a-fa797b9ea2c6</t>
  </si>
  <si>
    <t>BU02741003</t>
  </si>
  <si>
    <t>2021BU02741003</t>
  </si>
  <si>
    <t>Wodanswoud</t>
  </si>
  <si>
    <t>buurt_gegeneraliseerd_2021.754cdde5-d367-47fd-8ee8-15a7261ebc27</t>
  </si>
  <si>
    <t>BU02741004</t>
  </si>
  <si>
    <t>2021BU02741004</t>
  </si>
  <si>
    <t>buurt_gegeneraliseerd_2021.3f32490c-aed4-448b-917c-212078d2885c</t>
  </si>
  <si>
    <t>BU02741005</t>
  </si>
  <si>
    <t>2021BU02741005</t>
  </si>
  <si>
    <t>Bilderberg</t>
  </si>
  <si>
    <t>buurt_gegeneraliseerd_2021.439a5960-ecf4-4153-af25-3e2ce8940157</t>
  </si>
  <si>
    <t>BU02741101</t>
  </si>
  <si>
    <t>2021BU02741101</t>
  </si>
  <si>
    <t>Oosterbeekse Waarden</t>
  </si>
  <si>
    <t>buurt_gegeneraliseerd_2021.317c98b0-9709-4704-81aa-75fe71555f20</t>
  </si>
  <si>
    <t>BU02741102</t>
  </si>
  <si>
    <t>2021BU02741102</t>
  </si>
  <si>
    <t>Bato's Wijk</t>
  </si>
  <si>
    <t>buurt_gegeneraliseerd_2021.bac2dc6e-ce31-4f1b-a92a-6d22d67f4811</t>
  </si>
  <si>
    <t>BU02741103</t>
  </si>
  <si>
    <t>2021BU02741103</t>
  </si>
  <si>
    <t>buurt_gegeneraliseerd_2021.4ce8d411-b09e-465d-aec8-9ae11c670a88</t>
  </si>
  <si>
    <t>BU02741104</t>
  </si>
  <si>
    <t>2021BU02741104</t>
  </si>
  <si>
    <t>Stenenkruis</t>
  </si>
  <si>
    <t>buurt_gegeneraliseerd_2021.32200218-42cd-4659-bab6-a14074f254eb</t>
  </si>
  <si>
    <t>BU02741105</t>
  </si>
  <si>
    <t>2021BU02741105</t>
  </si>
  <si>
    <t>buurt_gegeneraliseerd_2021.dd32d0d6-21ca-4a1b-9563-5b9e262531c5</t>
  </si>
  <si>
    <t>BU02741201</t>
  </si>
  <si>
    <t>2021BU02741201</t>
  </si>
  <si>
    <t>Beelaertslaan</t>
  </si>
  <si>
    <t>buurt_gegeneraliseerd_2021.0319f61f-a7a0-4137-9a6d-edc81774fa0d</t>
  </si>
  <si>
    <t>BU02741202</t>
  </si>
  <si>
    <t>2021BU02741202</t>
  </si>
  <si>
    <t>Transvaal</t>
  </si>
  <si>
    <t>buurt_gegeneraliseerd_2021.fc2b2d9a-0304-4315-956e-8f5dcbc75009</t>
  </si>
  <si>
    <t>BU02741203</t>
  </si>
  <si>
    <t>2021BU02741203</t>
  </si>
  <si>
    <t>Dreyeroord</t>
  </si>
  <si>
    <t>buurt_gegeneraliseerd_2021.ae28a15c-8e6a-4894-be8f-f5a7696a7571</t>
  </si>
  <si>
    <t>BU02741204</t>
  </si>
  <si>
    <t>2021BU02741204</t>
  </si>
  <si>
    <t>Dennenkamp</t>
  </si>
  <si>
    <t>buurt_gegeneraliseerd_2021.62982e04-14fe-4161-8a4a-64b472d6e9e7</t>
  </si>
  <si>
    <t>BU02741205</t>
  </si>
  <si>
    <t>2021BU02741205</t>
  </si>
  <si>
    <t>De Dreijen</t>
  </si>
  <si>
    <t>buurt_gegeneraliseerd_2021.32aec7d1-e870-493f-8477-acc2506a7464</t>
  </si>
  <si>
    <t>BU02741206</t>
  </si>
  <si>
    <t>2021BU02741206</t>
  </si>
  <si>
    <t>Talud</t>
  </si>
  <si>
    <t>buurt_gegeneraliseerd_2021.19c5fe1c-e000-4c90-85ee-92c5c264cf61</t>
  </si>
  <si>
    <t>BU02750000</t>
  </si>
  <si>
    <t>2021BU02750000</t>
  </si>
  <si>
    <t>Dieren-Zuid beneden spoorlijn</t>
  </si>
  <si>
    <t>GM0275</t>
  </si>
  <si>
    <t>buurt_gegeneraliseerd_2021.069c6bf3-1666-47bc-b94a-4aab7bdc2e34</t>
  </si>
  <si>
    <t>BU02750001</t>
  </si>
  <si>
    <t>2021BU02750001</t>
  </si>
  <si>
    <t>Dieren-Noord boven spoorlijn</t>
  </si>
  <si>
    <t>buurt_gegeneraliseerd_2021.86ee4b2c-3ce2-43d9-9b6a-d0bb276f3ec2</t>
  </si>
  <si>
    <t>BU02750002</t>
  </si>
  <si>
    <t>2021BU02750002</t>
  </si>
  <si>
    <t>Dieren-West boven spoorlijn</t>
  </si>
  <si>
    <t>buurt_gegeneraliseerd_2021.71028b77-a0cc-49f7-888d-23040cc1b41a</t>
  </si>
  <si>
    <t>BU02750003</t>
  </si>
  <si>
    <t>2021BU02750003</t>
  </si>
  <si>
    <t>Spankeren</t>
  </si>
  <si>
    <t>buurt_gegeneraliseerd_2021.2544e6a2-b0ca-4656-954a-a031284d124a</t>
  </si>
  <si>
    <t>BU02750004</t>
  </si>
  <si>
    <t>2021BU02750004</t>
  </si>
  <si>
    <t>Ellecom</t>
  </si>
  <si>
    <t>buurt_gegeneraliseerd_2021.9e91e95d-121f-4a96-bd3d-9ef4b2ca0d61</t>
  </si>
  <si>
    <t>BU02750005</t>
  </si>
  <si>
    <t>2021BU02750005</t>
  </si>
  <si>
    <t>Laag-Soeren</t>
  </si>
  <si>
    <t>buurt_gegeneraliseerd_2021.4fa7cf5a-7b4d-49b4-b118-ce48ffecdca1</t>
  </si>
  <si>
    <t>BU02750007</t>
  </si>
  <si>
    <t>2021BU02750007</t>
  </si>
  <si>
    <t>Verspreide huizen bosgebied Laag Soeren</t>
  </si>
  <si>
    <t>buurt_gegeneraliseerd_2021.f401e068-7bce-4ff1-818d-61685c26a586</t>
  </si>
  <si>
    <t>BU02750008</t>
  </si>
  <si>
    <t>2021BU02750008</t>
  </si>
  <si>
    <t>Verspreide huizen Spankeren</t>
  </si>
  <si>
    <t>buurt_gegeneraliseerd_2021.ae8639dc-32b6-4753-8a07-4b76db0012f6</t>
  </si>
  <si>
    <t>BU02750009</t>
  </si>
  <si>
    <t>2021BU02750009</t>
  </si>
  <si>
    <t>Verspreide huizen Fraterwaard en Beimerwaard</t>
  </si>
  <si>
    <t>buurt_gegeneraliseerd_2021.4ebb9ca6-0e49-4e3e-b2c3-191b0b453ffe</t>
  </si>
  <si>
    <t>BU02750010</t>
  </si>
  <si>
    <t>2021BU02750010</t>
  </si>
  <si>
    <t>Verspreide huizen bosgebied Ellecom</t>
  </si>
  <si>
    <t>buurt_gegeneraliseerd_2021.47cda6c7-fa7e-4ff9-b7dc-86d3c619be15</t>
  </si>
  <si>
    <t>BU02750011</t>
  </si>
  <si>
    <t>2021BU02750011</t>
  </si>
  <si>
    <t>Verspreide huizen bosgebied Dieren</t>
  </si>
  <si>
    <t>buurt_gegeneraliseerd_2021.f9d1f00e-d123-492d-a3c8-9fa7eb46d593</t>
  </si>
  <si>
    <t>BU02750100</t>
  </si>
  <si>
    <t>2021BU02750100</t>
  </si>
  <si>
    <t>Rheden</t>
  </si>
  <si>
    <t>buurt_gegeneraliseerd_2021.91280c71-4d56-43c5-9214-4df4101b6cfc</t>
  </si>
  <si>
    <t>BU02750101</t>
  </si>
  <si>
    <t>2021BU02750101</t>
  </si>
  <si>
    <t>Rheden-West ten westen van Oranjeweg en Haverweg</t>
  </si>
  <si>
    <t>buurt_gegeneraliseerd_2021.9c8bb364-445e-48db-aeb6-c195ef0825f2</t>
  </si>
  <si>
    <t>BU02750102</t>
  </si>
  <si>
    <t>2021BU02750102</t>
  </si>
  <si>
    <t>Verspreide huizen Rheden</t>
  </si>
  <si>
    <t>buurt_gegeneraliseerd_2021.9ae719a2-feff-4760-876f-ac5fb110ff1d</t>
  </si>
  <si>
    <t>BU02750103</t>
  </si>
  <si>
    <t>2021BU02750103</t>
  </si>
  <si>
    <t>De Steeg</t>
  </si>
  <si>
    <t>buurt_gegeneraliseerd_2021.b6c570d2-0067-410e-ac34-6ceb51fef557</t>
  </si>
  <si>
    <t>BU02750106</t>
  </si>
  <si>
    <t>2021BU02750106</t>
  </si>
  <si>
    <t>Verspreide huizen bosgebied De Steeg</t>
  </si>
  <si>
    <t>buurt_gegeneraliseerd_2021.74d31bcc-db3a-4fe6-8e50-01c2faf54318</t>
  </si>
  <si>
    <t>BU02750107</t>
  </si>
  <si>
    <t>2021BU02750107</t>
  </si>
  <si>
    <t>Verspreide huizen bosgebied Rheden</t>
  </si>
  <si>
    <t>buurt_gegeneraliseerd_2021.2a18c73b-5846-4dce-b994-892b6fec10b2</t>
  </si>
  <si>
    <t>BU02750108</t>
  </si>
  <si>
    <t>2021BU02750108</t>
  </si>
  <si>
    <t>Verspreide huizen Havikerwaard en Middachten</t>
  </si>
  <si>
    <t>buurt_gegeneraliseerd_2021.51334caa-d7ff-491b-bdf5-5411d981fa4f</t>
  </si>
  <si>
    <t>BU02750200</t>
  </si>
  <si>
    <t>2021BU02750200</t>
  </si>
  <si>
    <t>Velp-Noord boven spoorlijn</t>
  </si>
  <si>
    <t>buurt_gegeneraliseerd_2021.25fb9dd9-43b7-462f-8af7-0ca39eff365a</t>
  </si>
  <si>
    <t>BU02750201</t>
  </si>
  <si>
    <t>2021BU02750201</t>
  </si>
  <si>
    <t>Velp-Zuid beneden spoorlijn</t>
  </si>
  <si>
    <t>buurt_gegeneraliseerd_2021.462c5c47-8278-46f5-a0d8-b0865b8e1e1c</t>
  </si>
  <si>
    <t>BU02750202</t>
  </si>
  <si>
    <t>2021BU02750202</t>
  </si>
  <si>
    <t>Velp-Zuid ten zuiden van Waterstraat</t>
  </si>
  <si>
    <t>buurt_gegeneraliseerd_2021.a44ab1f8-3e60-436e-ad18-2d4a2975fa62</t>
  </si>
  <si>
    <t>BU02750208</t>
  </si>
  <si>
    <t>2021BU02750208</t>
  </si>
  <si>
    <t>Verspreide huizen Velp-Noordoost</t>
  </si>
  <si>
    <t>buurt_gegeneraliseerd_2021.87bc1ea4-1528-4c05-ad8b-629de14bbb3e</t>
  </si>
  <si>
    <t>BU02750209</t>
  </si>
  <si>
    <t>2021BU02750209</t>
  </si>
  <si>
    <t>Verspreide huizen Velp-Zuidoost</t>
  </si>
  <si>
    <t>buurt_gegeneraliseerd_2021.37c8c591-f4aa-45a5-8fef-f30866e27d07</t>
  </si>
  <si>
    <t>BU02770000</t>
  </si>
  <si>
    <t>2021BU02770000</t>
  </si>
  <si>
    <t>Rozendaal</t>
  </si>
  <si>
    <t>GM0277</t>
  </si>
  <si>
    <t>buurt_gegeneraliseerd_2021.41dd6cf9-d768-48f4-a143-12b6bec0b237</t>
  </si>
  <si>
    <t>BU02770009</t>
  </si>
  <si>
    <t>2021BU02770009</t>
  </si>
  <si>
    <t>Verspreide huizen Imbosch en Terlet</t>
  </si>
  <si>
    <t>buurt_gegeneraliseerd_2021.3fe03643-c907-4a3b-adce-fbb7e2fbd11e</t>
  </si>
  <si>
    <t>BU02790000</t>
  </si>
  <si>
    <t>2021BU02790000</t>
  </si>
  <si>
    <t>GM0279</t>
  </si>
  <si>
    <t>buurt_gegeneraliseerd_2021.00172211-41cf-498c-ae62-fa3f2e43efa8</t>
  </si>
  <si>
    <t>BU02790008</t>
  </si>
  <si>
    <t>2021BU02790008</t>
  </si>
  <si>
    <t>Verspreide huizen ten zuiden van Scherpenzeel</t>
  </si>
  <si>
    <t>buurt_gegeneraliseerd_2021.9bd6759c-7cd6-49ab-94da-6c1b506bbfd4</t>
  </si>
  <si>
    <t>BU02790009</t>
  </si>
  <si>
    <t>2021BU02790009</t>
  </si>
  <si>
    <t>Verspreide huizen ten noorden van Scherpenzeel</t>
  </si>
  <si>
    <t>buurt_gegeneraliseerd_2021.0ce144db-7d58-444d-8ac5-aefb41866b06</t>
  </si>
  <si>
    <t>BU02810000</t>
  </si>
  <si>
    <t>2021BU02810000</t>
  </si>
  <si>
    <t>GM0281</t>
  </si>
  <si>
    <t>buurt_gegeneraliseerd_2021.1c392e98-1829-4108-bf1a-e584078f93f3</t>
  </si>
  <si>
    <t>BU02810001</t>
  </si>
  <si>
    <t>2021BU02810001</t>
  </si>
  <si>
    <t>Sterrebos</t>
  </si>
  <si>
    <t>buurt_gegeneraliseerd_2021.0c941094-98f8-448b-ba65-6404805f1126</t>
  </si>
  <si>
    <t>BU02810002</t>
  </si>
  <si>
    <t>2021BU02810002</t>
  </si>
  <si>
    <t>Hertogenwijk</t>
  </si>
  <si>
    <t>buurt_gegeneraliseerd_2021.e528431e-6058-4034-b9a2-8514c9ef4ba1</t>
  </si>
  <si>
    <t>BU02810003</t>
  </si>
  <si>
    <t>2021BU02810003</t>
  </si>
  <si>
    <t>buurt_gegeneraliseerd_2021.f1b84665-b1e8-4f8c-9d1c-847f27c5b054</t>
  </si>
  <si>
    <t>BU02810004</t>
  </si>
  <si>
    <t>2021BU02810004</t>
  </si>
  <si>
    <t>buurt_gegeneraliseerd_2021.1c0b9f18-52c2-49b9-881e-e9751b2079c6</t>
  </si>
  <si>
    <t>BU02810005</t>
  </si>
  <si>
    <t>2021BU02810005</t>
  </si>
  <si>
    <t>Santwijck</t>
  </si>
  <si>
    <t>buurt_gegeneraliseerd_2021.f12f06f2-52db-4404-bd6a-f17196ac457f</t>
  </si>
  <si>
    <t>BU02810006</t>
  </si>
  <si>
    <t>2021BU02810006</t>
  </si>
  <si>
    <t>De Lok</t>
  </si>
  <si>
    <t>buurt_gegeneraliseerd_2021.5e88c4ec-8c1f-461b-a5da-db13eed45f63</t>
  </si>
  <si>
    <t>BU02810007</t>
  </si>
  <si>
    <t>2021BU02810007</t>
  </si>
  <si>
    <t>Het Ooij</t>
  </si>
  <si>
    <t>buurt_gegeneraliseerd_2021.823f9bed-9f36-4212-9a75-f7a37c04832e</t>
  </si>
  <si>
    <t>BU02810009</t>
  </si>
  <si>
    <t>2021BU02810009</t>
  </si>
  <si>
    <t>Latenstein</t>
  </si>
  <si>
    <t>buurt_gegeneraliseerd_2021.ada7a8b1-1766-45d8-809f-3e688c0c53f1</t>
  </si>
  <si>
    <t>BU02810010</t>
  </si>
  <si>
    <t>2021BU02810010</t>
  </si>
  <si>
    <t>Tiel-West</t>
  </si>
  <si>
    <t>buurt_gegeneraliseerd_2021.a44c8361-de74-4589-b74b-b23675fe2f87</t>
  </si>
  <si>
    <t>BU02810011</t>
  </si>
  <si>
    <t>2021BU02810011</t>
  </si>
  <si>
    <t>Wadenoijenlaan e.o.</t>
  </si>
  <si>
    <t>buurt_gegeneraliseerd_2021.85bc5fb6-ac6c-4300-8f6f-d5c1b354ab14</t>
  </si>
  <si>
    <t>BU02810100</t>
  </si>
  <si>
    <t>2021BU02810100</t>
  </si>
  <si>
    <t>Elzenpas</t>
  </si>
  <si>
    <t>buurt_gegeneraliseerd_2021.d42647aa-13b4-4a19-8c2d-8cdc7285b3ec</t>
  </si>
  <si>
    <t>BU02810101</t>
  </si>
  <si>
    <t>2021BU02810101</t>
  </si>
  <si>
    <t>Westroijen</t>
  </si>
  <si>
    <t>buurt_gegeneraliseerd_2021.2cf1bcf5-5e29-4515-8f15-5e6e76b65371</t>
  </si>
  <si>
    <t>BU02810102</t>
  </si>
  <si>
    <t>2021BU02810102</t>
  </si>
  <si>
    <t>Rauwenhof e.o.</t>
  </si>
  <si>
    <t>buurt_gegeneraliseerd_2021.9c0bb308-34b2-4c91-b4b8-aae32bd662aa</t>
  </si>
  <si>
    <t>BU02810103</t>
  </si>
  <si>
    <t>2021BU02810103</t>
  </si>
  <si>
    <t>Rauwenhof</t>
  </si>
  <si>
    <t>buurt_gegeneraliseerd_2021.bd46e4e8-4640-4519-ac79-b288eec51539</t>
  </si>
  <si>
    <t>BU02810104</t>
  </si>
  <si>
    <t>2021BU02810104</t>
  </si>
  <si>
    <t>Drumpt</t>
  </si>
  <si>
    <t>buurt_gegeneraliseerd_2021.798e5c39-c6de-4213-bea1-2b4a8c5f7669</t>
  </si>
  <si>
    <t>BU02810107</t>
  </si>
  <si>
    <t>2021BU02810107</t>
  </si>
  <si>
    <t>Industrieterrein Medel</t>
  </si>
  <si>
    <t>buurt_gegeneraliseerd_2021.c4c8b263-a4d9-4658-98a7-1fd05adc235c</t>
  </si>
  <si>
    <t>BU02810108</t>
  </si>
  <si>
    <t>2021BU02810108</t>
  </si>
  <si>
    <t>Veluwe</t>
  </si>
  <si>
    <t>buurt_gegeneraliseerd_2021.2176b162-e951-4c29-931e-04f480649cbd</t>
  </si>
  <si>
    <t>BU02810109</t>
  </si>
  <si>
    <t>2021BU02810109</t>
  </si>
  <si>
    <t>Industrieterrein Kellen</t>
  </si>
  <si>
    <t>buurt_gegeneraliseerd_2021.9989fe52-2e65-42c0-8778-a5ba16ca1004</t>
  </si>
  <si>
    <t>BU02810200</t>
  </si>
  <si>
    <t>2021BU02810200</t>
  </si>
  <si>
    <t>Wadenoijen</t>
  </si>
  <si>
    <t>buurt_gegeneraliseerd_2021.be35d0bb-5978-42e3-8762-fc7b7cbd434e</t>
  </si>
  <si>
    <t>BU02810201</t>
  </si>
  <si>
    <t>2021BU02810201</t>
  </si>
  <si>
    <t>Kapel-Avezaath</t>
  </si>
  <si>
    <t>buurt_gegeneraliseerd_2021.6f25ebba-af5a-46d3-b62d-c88041f2108f</t>
  </si>
  <si>
    <t>BU02810208</t>
  </si>
  <si>
    <t>2021BU02810208</t>
  </si>
  <si>
    <t>Kapel-Avezaath e.o.</t>
  </si>
  <si>
    <t>buurt_gegeneraliseerd_2021.7f186738-35ec-470a-9c55-7019c913e92d</t>
  </si>
  <si>
    <t>BU02810209</t>
  </si>
  <si>
    <t>2021BU02810209</t>
  </si>
  <si>
    <t>Wadenoijen e.o.</t>
  </si>
  <si>
    <t>buurt_gegeneraliseerd_2021.e12e0c1d-107d-479c-9b7a-a5f3371dfe79</t>
  </si>
  <si>
    <t>BU02810300</t>
  </si>
  <si>
    <t>2021BU02810300</t>
  </si>
  <si>
    <t>Passewaaij-Noord-West</t>
  </si>
  <si>
    <t>buurt_gegeneraliseerd_2021.708905c1-61f3-4b82-b3ce-69fd1327950b</t>
  </si>
  <si>
    <t>BU02810301</t>
  </si>
  <si>
    <t>2021BU02810301</t>
  </si>
  <si>
    <t>Passewaaij-Noord-Oost</t>
  </si>
  <si>
    <t>buurt_gegeneraliseerd_2021.273fd561-4a2f-4cde-ab1b-dc99371d75f1</t>
  </si>
  <si>
    <t>BU02810302</t>
  </si>
  <si>
    <t>2021BU02810302</t>
  </si>
  <si>
    <t>Passewaaij-Zuid-West</t>
  </si>
  <si>
    <t>buurt_gegeneraliseerd_2021.dbfd3798-7625-42ac-97b9-1cf0c701a91d</t>
  </si>
  <si>
    <t>BU02810303</t>
  </si>
  <si>
    <t>2021BU02810303</t>
  </si>
  <si>
    <t>Passewaaij-Zuid-Oost</t>
  </si>
  <si>
    <t>buurt_gegeneraliseerd_2021.50cb5161-1728-48b7-8c1e-f03499b63e84</t>
  </si>
  <si>
    <t>BU02810304</t>
  </si>
  <si>
    <t>2021BU02810304</t>
  </si>
  <si>
    <t>Passewaaij e.o.</t>
  </si>
  <si>
    <t>buurt_gegeneraliseerd_2021.88626043-efa0-46de-a171-3cec1961164c</t>
  </si>
  <si>
    <t>BU02810305</t>
  </si>
  <si>
    <t>2021BU02810305</t>
  </si>
  <si>
    <t>Zennewijnen</t>
  </si>
  <si>
    <t>buurt_gegeneraliseerd_2021.880307f1-8597-4a81-bc4f-e53eda758f9e</t>
  </si>
  <si>
    <t>BU02810306</t>
  </si>
  <si>
    <t>2021BU02810306</t>
  </si>
  <si>
    <t>Zennewijnen e.o.</t>
  </si>
  <si>
    <t>buurt_gegeneraliseerd_2021.bbba4fc2-8711-4dff-b25d-c3caebd06fdf</t>
  </si>
  <si>
    <t>BU02850000</t>
  </si>
  <si>
    <t>2021BU02850000</t>
  </si>
  <si>
    <t>Voorst</t>
  </si>
  <si>
    <t>GM0285</t>
  </si>
  <si>
    <t>buurt_gegeneraliseerd_2021.8647ddd9-de4b-4c8c-83c7-c26f00e64967</t>
  </si>
  <si>
    <t>BU02850001</t>
  </si>
  <si>
    <t>2021BU02850001</t>
  </si>
  <si>
    <t>Bussloo</t>
  </si>
  <si>
    <t>buurt_gegeneraliseerd_2021.c74297e5-31c4-4917-a9ee-304614ae665e</t>
  </si>
  <si>
    <t>BU02850002</t>
  </si>
  <si>
    <t>2021BU02850002</t>
  </si>
  <si>
    <t>Gietelo</t>
  </si>
  <si>
    <t>buurt_gegeneraliseerd_2021.440a71e5-1448-4347-b556-ccc176322921</t>
  </si>
  <si>
    <t>BU02850005</t>
  </si>
  <si>
    <t>2021BU02850005</t>
  </si>
  <si>
    <t>Verspreide huizen Voorst en Wilpse Klei</t>
  </si>
  <si>
    <t>buurt_gegeneraliseerd_2021.fa9a122b-d50d-4e2e-8d99-3d0ff520d36c</t>
  </si>
  <si>
    <t>BU02850006</t>
  </si>
  <si>
    <t>2021BU02850006</t>
  </si>
  <si>
    <t>Verspreide huizen Gietelo-Bussloo</t>
  </si>
  <si>
    <t>buurt_gegeneraliseerd_2021.8ca41ee3-e22b-48c8-9e4a-a18cb4fb8dfc</t>
  </si>
  <si>
    <t>BU02850007</t>
  </si>
  <si>
    <t>2021BU02850007</t>
  </si>
  <si>
    <t>Verspreide huizen langs de IJssel Voorster Klei</t>
  </si>
  <si>
    <t>buurt_gegeneraliseerd_2021.07607ef8-f63c-4392-8bdb-2072c28be3ed</t>
  </si>
  <si>
    <t>BU02850008</t>
  </si>
  <si>
    <t>2021BU02850008</t>
  </si>
  <si>
    <t>Verspreide huizen Appensche Veld</t>
  </si>
  <si>
    <t>buurt_gegeneraliseerd_2021.b878bce3-7893-4cfa-a60d-9c40e385a918</t>
  </si>
  <si>
    <t>BU02850009</t>
  </si>
  <si>
    <t>2021BU02850009</t>
  </si>
  <si>
    <t>Verspreide huizen akkerbouwgebied Noord-Empe</t>
  </si>
  <si>
    <t>buurt_gegeneraliseerd_2021.7435c93c-02aa-425a-addd-06b850f95aee</t>
  </si>
  <si>
    <t>BU02850100</t>
  </si>
  <si>
    <t>2021BU02850100</t>
  </si>
  <si>
    <t>Twello-Midden</t>
  </si>
  <si>
    <t>buurt_gegeneraliseerd_2021.82b5ef04-9292-4893-b5be-373d3d51318f</t>
  </si>
  <si>
    <t>BU02850101</t>
  </si>
  <si>
    <t>2021BU02850101</t>
  </si>
  <si>
    <t>Twello-Zuid</t>
  </si>
  <si>
    <t>buurt_gegeneraliseerd_2021.f4afa851-8439-44bd-9399-74b0d4f269a5</t>
  </si>
  <si>
    <t>BU02850102</t>
  </si>
  <si>
    <t>2021BU02850102</t>
  </si>
  <si>
    <t>Twello-Noord</t>
  </si>
  <si>
    <t>buurt_gegeneraliseerd_2021.4487f22e-e653-41f8-a506-282476543450</t>
  </si>
  <si>
    <t>BU02850103</t>
  </si>
  <si>
    <t>2021BU02850103</t>
  </si>
  <si>
    <t>Terwolde</t>
  </si>
  <si>
    <t>buurt_gegeneraliseerd_2021.86c7015d-8bf9-41ee-a637-06a03ccee41b</t>
  </si>
  <si>
    <t>BU02850104</t>
  </si>
  <si>
    <t>2021BU02850104</t>
  </si>
  <si>
    <t>Nijbroek</t>
  </si>
  <si>
    <t>buurt_gegeneraliseerd_2021.abcc3a7c-b75d-479e-8be7-e0df3c915b89</t>
  </si>
  <si>
    <t>BU02850105</t>
  </si>
  <si>
    <t>2021BU02850105</t>
  </si>
  <si>
    <t>Verspreide huizen Twello-Zuid</t>
  </si>
  <si>
    <t>buurt_gegeneraliseerd_2021.52343cf8-a770-48d8-a57c-6dfcf2915656</t>
  </si>
  <si>
    <t>BU02850106</t>
  </si>
  <si>
    <t>2021BU02850106</t>
  </si>
  <si>
    <t>Steenenkamer</t>
  </si>
  <si>
    <t>buurt_gegeneraliseerd_2021.d38039f8-defe-478c-906c-c47bcbace1e1</t>
  </si>
  <si>
    <t>BU02850107</t>
  </si>
  <si>
    <t>2021BU02850107</t>
  </si>
  <si>
    <t>Verspreide huizen Twello-Noord</t>
  </si>
  <si>
    <t>buurt_gegeneraliseerd_2021.b7112fbb-3282-4f49-b93d-d32bf7e7d3c9</t>
  </si>
  <si>
    <t>BU02850108</t>
  </si>
  <si>
    <t>2021BU02850108</t>
  </si>
  <si>
    <t>Verspreide huizen Nijbroek</t>
  </si>
  <si>
    <t>buurt_gegeneraliseerd_2021.fba03faf-2cbc-4499-8713-287fce35af48</t>
  </si>
  <si>
    <t>BU02850109</t>
  </si>
  <si>
    <t>2021BU02850109</t>
  </si>
  <si>
    <t>Verspreide huizen op de oeverwal Terwolde</t>
  </si>
  <si>
    <t>buurt_gegeneraliseerd_2021.dcdbf737-007c-4f22-9cf3-6e349e7b9a23</t>
  </si>
  <si>
    <t>BU02850200</t>
  </si>
  <si>
    <t>2021BU02850200</t>
  </si>
  <si>
    <t>Klarenbeek (gedeeltelijk)</t>
  </si>
  <si>
    <t>buurt_gegeneraliseerd_2021.ed8bff0c-f543-432f-b98e-b5e7ba10b369</t>
  </si>
  <si>
    <t>BU02850201</t>
  </si>
  <si>
    <t>2021BU02850201</t>
  </si>
  <si>
    <t>Teuge</t>
  </si>
  <si>
    <t>buurt_gegeneraliseerd_2021.54d98ed3-d071-4703-b860-acb025866207</t>
  </si>
  <si>
    <t>BU02850202</t>
  </si>
  <si>
    <t>2021BU02850202</t>
  </si>
  <si>
    <t>Wilp-Achterhoek</t>
  </si>
  <si>
    <t>buurt_gegeneraliseerd_2021.333125c8-eb00-4cdb-930e-60de3bc661f8</t>
  </si>
  <si>
    <t>BU02850203</t>
  </si>
  <si>
    <t>2021BU02850203</t>
  </si>
  <si>
    <t>De Vecht</t>
  </si>
  <si>
    <t>buurt_gegeneraliseerd_2021.a054ef9b-f975-4d27-b5f8-e57bbbc212f9</t>
  </si>
  <si>
    <t>BU02850205</t>
  </si>
  <si>
    <t>2021BU02850205</t>
  </si>
  <si>
    <t>Verspreide huizen De Vecht, De Pol en omgeving</t>
  </si>
  <si>
    <t>buurt_gegeneraliseerd_2021.23c19c4e-3061-4108-a030-b1444cef8cec</t>
  </si>
  <si>
    <t>BU02850206</t>
  </si>
  <si>
    <t>2021BU02850206</t>
  </si>
  <si>
    <t>Verspreide huizen Teuge</t>
  </si>
  <si>
    <t>buurt_gegeneraliseerd_2021.9d3ba485-8eb4-40d0-9bf3-d04e546e6a5b</t>
  </si>
  <si>
    <t>BU02850207</t>
  </si>
  <si>
    <t>2021BU02850207</t>
  </si>
  <si>
    <t>Verspreide huizen Wilp-Achterhoek</t>
  </si>
  <si>
    <t>buurt_gegeneraliseerd_2021.31874a33-b958-4a3a-8b7b-4263926922a4</t>
  </si>
  <si>
    <t>BU02850208</t>
  </si>
  <si>
    <t>2021BU02850208</t>
  </si>
  <si>
    <t>Verspreide huizen Klarenbeek-Noord</t>
  </si>
  <si>
    <t>buurt_gegeneraliseerd_2021.901b9361-3e65-4487-bf0d-7be32417fff9</t>
  </si>
  <si>
    <t>BU02850209</t>
  </si>
  <si>
    <t>2021BU02850209</t>
  </si>
  <si>
    <t>Verspreide huizen Klarenbeek-Zuid</t>
  </si>
  <si>
    <t>buurt_gegeneraliseerd_2021.5d6ee71d-cb59-4487-932f-9bab4a21878a</t>
  </si>
  <si>
    <t>BU02850300</t>
  </si>
  <si>
    <t>2021BU02850300</t>
  </si>
  <si>
    <t>Wilp</t>
  </si>
  <si>
    <t>buurt_gegeneraliseerd_2021.fa0dbf97-7257-4bf4-af25-3f52ec705db9</t>
  </si>
  <si>
    <t>BU02850301</t>
  </si>
  <si>
    <t>2021BU02850301</t>
  </si>
  <si>
    <t>Posterenk</t>
  </si>
  <si>
    <t>buurt_gegeneraliseerd_2021.bc2541b3-cd4f-45ef-bc68-594146f5dbeb</t>
  </si>
  <si>
    <t>BU02850308</t>
  </si>
  <si>
    <t>2021BU02850308</t>
  </si>
  <si>
    <t>Verspreide huizen Wilp en Posterenk</t>
  </si>
  <si>
    <t>buurt_gegeneraliseerd_2021.a807765b-47f8-4295-bb55-741b1dd8f6b5</t>
  </si>
  <si>
    <t>BU02850309</t>
  </si>
  <si>
    <t>2021BU02850309</t>
  </si>
  <si>
    <t>Verspreide huizen op de Wilpse Klei</t>
  </si>
  <si>
    <t>buurt_gegeneraliseerd_2021.767b7c9d-924e-4862-a528-3f8a5eb21553</t>
  </si>
  <si>
    <t>BU02890101</t>
  </si>
  <si>
    <t>2021BU02890101</t>
  </si>
  <si>
    <t>Rietveldbuurt</t>
  </si>
  <si>
    <t>GM0289</t>
  </si>
  <si>
    <t>buurt_gegeneraliseerd_2021.5a86016e-2f7e-47ad-879b-1dd5ebb4f010</t>
  </si>
  <si>
    <t>BU02890102</t>
  </si>
  <si>
    <t>2021BU02890102</t>
  </si>
  <si>
    <t>buurt_gegeneraliseerd_2021.80d6fc8b-f543-4b32-8697-cb308dc326e3</t>
  </si>
  <si>
    <t>BU02890103</t>
  </si>
  <si>
    <t>2021BU02890103</t>
  </si>
  <si>
    <t>Mondriaanbuurt</t>
  </si>
  <si>
    <t>buurt_gegeneraliseerd_2021.a1895197-1d6d-42b9-8d30-e44c60aba201</t>
  </si>
  <si>
    <t>BU02890104</t>
  </si>
  <si>
    <t>2021BU02890104</t>
  </si>
  <si>
    <t>Business &amp; Science Park</t>
  </si>
  <si>
    <t>buurt_gegeneraliseerd_2021.a81e3726-2970-4edb-87c3-b727c7a67723</t>
  </si>
  <si>
    <t>BU02890201</t>
  </si>
  <si>
    <t>2021BU02890201</t>
  </si>
  <si>
    <t>Wageningen Campus en Droevendaal</t>
  </si>
  <si>
    <t>buurt_gegeneraliseerd_2021.80651119-0c36-4fcd-aa9c-ac625f0cb23b</t>
  </si>
  <si>
    <t>BU02890202</t>
  </si>
  <si>
    <t>2021BU02890202</t>
  </si>
  <si>
    <t>De Blauwe Bergen en de Bongerd</t>
  </si>
  <si>
    <t>buurt_gegeneraliseerd_2021.0481d790-bd34-4d77-b44f-f07e934626ac</t>
  </si>
  <si>
    <t>BU02890301</t>
  </si>
  <si>
    <t>2021BU02890301</t>
  </si>
  <si>
    <t>De Weiden</t>
  </si>
  <si>
    <t>buurt_gegeneraliseerd_2021.5cc3492b-8ae1-48c8-bebb-2a518f46a726</t>
  </si>
  <si>
    <t>BU02890302</t>
  </si>
  <si>
    <t>2021BU02890302</t>
  </si>
  <si>
    <t>Boomgaarden</t>
  </si>
  <si>
    <t>buurt_gegeneraliseerd_2021.cecbface-3b3c-4790-a555-add1ef113e36</t>
  </si>
  <si>
    <t>BU02890401</t>
  </si>
  <si>
    <t>2021BU02890401</t>
  </si>
  <si>
    <t>Tarthorst</t>
  </si>
  <si>
    <t>buurt_gegeneraliseerd_2021.aaa0faf5-2f17-404c-8f12-f53a481b7575</t>
  </si>
  <si>
    <t>BU02890402</t>
  </si>
  <si>
    <t>2021BU02890402</t>
  </si>
  <si>
    <t>Roghorst</t>
  </si>
  <si>
    <t>buurt_gegeneraliseerd_2021.4ad23b70-a431-49ce-8415-d8b3a8c8a2ea</t>
  </si>
  <si>
    <t>BU02890501</t>
  </si>
  <si>
    <t>2021BU02890501</t>
  </si>
  <si>
    <t>Kortenoord-West</t>
  </si>
  <si>
    <t>buurt_gegeneraliseerd_2021.17a2a2b8-f94e-40e2-b8b6-daf875b20877</t>
  </si>
  <si>
    <t>BU02890502</t>
  </si>
  <si>
    <t>2021BU02890502</t>
  </si>
  <si>
    <t>Kortenoord-Oost</t>
  </si>
  <si>
    <t>buurt_gegeneraliseerd_2021.d250c3e3-ccb7-4872-bf57-c4c8c6b3f315</t>
  </si>
  <si>
    <t>BU02890503</t>
  </si>
  <si>
    <t>2021BU02890503</t>
  </si>
  <si>
    <t>Haarweg</t>
  </si>
  <si>
    <t>buurt_gegeneraliseerd_2021.52b763a9-43c2-4851-8fef-15693002e9ff</t>
  </si>
  <si>
    <t>BU02890504</t>
  </si>
  <si>
    <t>2021BU02890504</t>
  </si>
  <si>
    <t>Marijkebuurt</t>
  </si>
  <si>
    <t>buurt_gegeneraliseerd_2021.a181eb4a-a319-4249-b7e8-06d20dbab23e</t>
  </si>
  <si>
    <t>BU02890601</t>
  </si>
  <si>
    <t>2021BU02890601</t>
  </si>
  <si>
    <t>Pomona</t>
  </si>
  <si>
    <t>buurt_gegeneraliseerd_2021.535d8aa2-5cb4-481d-8bcb-c3a1a035e88a</t>
  </si>
  <si>
    <t>BU02890602</t>
  </si>
  <si>
    <t>2021BU02890602</t>
  </si>
  <si>
    <t>Haverlanden</t>
  </si>
  <si>
    <t>buurt_gegeneraliseerd_2021.e952004c-2def-4408-8aeb-200b72474600</t>
  </si>
  <si>
    <t>BU02890603</t>
  </si>
  <si>
    <t>2021BU02890603</t>
  </si>
  <si>
    <t>De Buurt-West</t>
  </si>
  <si>
    <t>buurt_gegeneraliseerd_2021.0ffe0e52-f6f5-4741-bb3f-df8eac0f0a51</t>
  </si>
  <si>
    <t>BU02890604</t>
  </si>
  <si>
    <t>2021BU02890604</t>
  </si>
  <si>
    <t>De Buurt-Oost</t>
  </si>
  <si>
    <t>buurt_gegeneraliseerd_2021.73e427cd-d1d9-4501-b116-2a940e221fa5</t>
  </si>
  <si>
    <t>BU02890701</t>
  </si>
  <si>
    <t>2021BU02890701</t>
  </si>
  <si>
    <t>Bovenbuurt</t>
  </si>
  <si>
    <t>buurt_gegeneraliseerd_2021.10b66bd3-25aa-449b-93ef-0deb97c1ddde</t>
  </si>
  <si>
    <t>BU02890702</t>
  </si>
  <si>
    <t>2021BU02890702</t>
  </si>
  <si>
    <t>Benedenbuurt</t>
  </si>
  <si>
    <t>buurt_gegeneraliseerd_2021.9c73cba2-daae-47c3-b78a-32b12fa9b7e6</t>
  </si>
  <si>
    <t>BU02890801</t>
  </si>
  <si>
    <t>2021BU02890801</t>
  </si>
  <si>
    <t>Nude-buurt</t>
  </si>
  <si>
    <t>buurt_gegeneraliseerd_2021.ae7a8fcc-e579-4205-b8fe-bfe816402065</t>
  </si>
  <si>
    <t>BU02890802</t>
  </si>
  <si>
    <t>2021BU02890802</t>
  </si>
  <si>
    <t>Nudepark, Rijnhaven en Industrieweg</t>
  </si>
  <si>
    <t>buurt_gegeneraliseerd_2021.86515caa-00b9-4ab7-ad31-d6b34c2fadd7</t>
  </si>
  <si>
    <t>BU02890901</t>
  </si>
  <si>
    <t>2021BU02890901</t>
  </si>
  <si>
    <t>buurt_gegeneraliseerd_2021.dcad00b0-b083-4646-8a10-4ad52c742c03</t>
  </si>
  <si>
    <t>BU02890902</t>
  </si>
  <si>
    <t>2021BU02890902</t>
  </si>
  <si>
    <t>Rustenburg</t>
  </si>
  <si>
    <t>buurt_gegeneraliseerd_2021.7424e9cb-978a-48bb-838b-226f567ccc49</t>
  </si>
  <si>
    <t>BU02891001</t>
  </si>
  <si>
    <t>2021BU02891001</t>
  </si>
  <si>
    <t>Veluvia</t>
  </si>
  <si>
    <t>buurt_gegeneraliseerd_2021.eeb3debb-67f3-4eea-958c-2ba90044d9be</t>
  </si>
  <si>
    <t>BU02891002</t>
  </si>
  <si>
    <t>2021BU02891002</t>
  </si>
  <si>
    <t>buurt_gegeneraliseerd_2021.500500cb-6862-42c4-861e-8baeeff457ab</t>
  </si>
  <si>
    <t>BU02891003</t>
  </si>
  <si>
    <t>2021BU02891003</t>
  </si>
  <si>
    <t>Hamelakkers</t>
  </si>
  <si>
    <t>buurt_gegeneraliseerd_2021.4e083116-3266-4abf-8f6a-b3c1110095dc</t>
  </si>
  <si>
    <t>BU02891101</t>
  </si>
  <si>
    <t>2021BU02891101</t>
  </si>
  <si>
    <t>Wageningen-Hoog</t>
  </si>
  <si>
    <t>buurt_gegeneraliseerd_2021.c9073149-20c0-4ad2-b4bb-aaf0b75c91c8</t>
  </si>
  <si>
    <t>BU02891201</t>
  </si>
  <si>
    <t>2021BU02891201</t>
  </si>
  <si>
    <t>Het Binnenveld</t>
  </si>
  <si>
    <t>buurt_gegeneraliseerd_2021.3b2d64e3-36ae-425f-8188-a72e8ed44d84</t>
  </si>
  <si>
    <t>BU02891202</t>
  </si>
  <si>
    <t>2021BU02891202</t>
  </si>
  <si>
    <t>De Eng</t>
  </si>
  <si>
    <t>buurt_gegeneraliseerd_2021.bbe8e8ed-bd2a-4ba7-8393-043695ee1021</t>
  </si>
  <si>
    <t>BU02891203</t>
  </si>
  <si>
    <t>2021BU02891203</t>
  </si>
  <si>
    <t>Wageningse Berg</t>
  </si>
  <si>
    <t>buurt_gegeneraliseerd_2021.fb2e3ead-709b-4e46-9fd1-341d7f0702ce</t>
  </si>
  <si>
    <t>BU02891204</t>
  </si>
  <si>
    <t>2021BU02891204</t>
  </si>
  <si>
    <t>Oude Nude</t>
  </si>
  <si>
    <t>buurt_gegeneraliseerd_2021.649c786f-98b0-4107-aa6f-61bb8d5683ed</t>
  </si>
  <si>
    <t>BU02891205</t>
  </si>
  <si>
    <t>2021BU02891205</t>
  </si>
  <si>
    <t>Uiterwaarden</t>
  </si>
  <si>
    <t>buurt_gegeneraliseerd_2021.a3d32ba5-056b-40a2-a8a6-f4960661d90e</t>
  </si>
  <si>
    <t>BU02930000</t>
  </si>
  <si>
    <t>2021BU02930000</t>
  </si>
  <si>
    <t>Westervoort</t>
  </si>
  <si>
    <t>GM0293</t>
  </si>
  <si>
    <t>buurt_gegeneraliseerd_2021.6ef4880f-92b8-4ba5-be0d-90aa43d9f51c</t>
  </si>
  <si>
    <t>BU02930001</t>
  </si>
  <si>
    <t>2021BU02930001</t>
  </si>
  <si>
    <t>Westervoort-Broeklanden</t>
  </si>
  <si>
    <t>buurt_gegeneraliseerd_2021.ef6d0a3f-d8f1-4040-8a4d-0e95a9192e67</t>
  </si>
  <si>
    <t>BU02930002</t>
  </si>
  <si>
    <t>2021BU02930002</t>
  </si>
  <si>
    <t>Westervoort-Lange Maat en Hoogeind</t>
  </si>
  <si>
    <t>buurt_gegeneraliseerd_2021.6d8b2f2b-ff49-46f8-a619-bddeeeaf6e6f</t>
  </si>
  <si>
    <t>BU02930003</t>
  </si>
  <si>
    <t>2021BU02930003</t>
  </si>
  <si>
    <t>De Leigraaf-De Steenderens</t>
  </si>
  <si>
    <t>buurt_gegeneraliseerd_2021.dec6df45-fd9d-416f-b265-917584c3184b</t>
  </si>
  <si>
    <t>BU02930004</t>
  </si>
  <si>
    <t>2021BU02930004</t>
  </si>
  <si>
    <t>De Ganzepoel-Schans</t>
  </si>
  <si>
    <t>buurt_gegeneraliseerd_2021.81aff3d3-6ea3-4e83-81bd-6ee2fa1c23d9</t>
  </si>
  <si>
    <t>BU02930009</t>
  </si>
  <si>
    <t>2021BU02930009</t>
  </si>
  <si>
    <t>Verspreide huizen Westervoort</t>
  </si>
  <si>
    <t>buurt_gegeneraliseerd_2021.5a2f487b-d616-4ac2-990d-cf2816003799</t>
  </si>
  <si>
    <t>BU02940000</t>
  </si>
  <si>
    <t>2021BU02940000</t>
  </si>
  <si>
    <t>Centrale deel</t>
  </si>
  <si>
    <t>GM0294</t>
  </si>
  <si>
    <t>buurt_gegeneraliseerd_2021.5121bf35-2eee-420f-9ce4-77e2c2b544e5</t>
  </si>
  <si>
    <t>BU02940001</t>
  </si>
  <si>
    <t>2021BU02940001</t>
  </si>
  <si>
    <t>Winterswijk-Zuidwest</t>
  </si>
  <si>
    <t>buurt_gegeneraliseerd_2021.da184e8e-c2cd-44cf-b376-935e87745032</t>
  </si>
  <si>
    <t>BU02940002</t>
  </si>
  <si>
    <t>2021BU02940002</t>
  </si>
  <si>
    <t>Winterswijk-Noordwest</t>
  </si>
  <si>
    <t>buurt_gegeneraliseerd_2021.4fe2b4a0-ba11-4c42-90e9-fb7e6d4a71b9</t>
  </si>
  <si>
    <t>BU02940003</t>
  </si>
  <si>
    <t>2021BU02940003</t>
  </si>
  <si>
    <t>Winterswijk-Noordoost</t>
  </si>
  <si>
    <t>buurt_gegeneraliseerd_2021.add52abb-bf42-4eca-844e-0e25d652e002</t>
  </si>
  <si>
    <t>BU02940004</t>
  </si>
  <si>
    <t>2021BU02940004</t>
  </si>
  <si>
    <t>Winterswijk-Zuidoost</t>
  </si>
  <si>
    <t>buurt_gegeneraliseerd_2021.b2abcbd7-14f7-433f-8b40-ef2994a6ab2b</t>
  </si>
  <si>
    <t>BU02940100</t>
  </si>
  <si>
    <t>2021BU02940100</t>
  </si>
  <si>
    <t>Meddo</t>
  </si>
  <si>
    <t>buurt_gegeneraliseerd_2021.7047a17a-f14d-4a1c-b617-c992470bbf74</t>
  </si>
  <si>
    <t>BU02940101</t>
  </si>
  <si>
    <t>2021BU02940101</t>
  </si>
  <si>
    <t>Kotten</t>
  </si>
  <si>
    <t>buurt_gegeneraliseerd_2021.ce39b725-7183-44d1-bdba-742a45d1d34b</t>
  </si>
  <si>
    <t>BU02940102</t>
  </si>
  <si>
    <t>2021BU02940102</t>
  </si>
  <si>
    <t>Miste</t>
  </si>
  <si>
    <t>buurt_gegeneraliseerd_2021.d472e62b-3a49-424d-bf0d-66f68d270043</t>
  </si>
  <si>
    <t>BU02940103</t>
  </si>
  <si>
    <t>2021BU02940103</t>
  </si>
  <si>
    <t>Verspreide huizen Brinkheurne en omgeving</t>
  </si>
  <si>
    <t>buurt_gegeneraliseerd_2021.61d352b4-6444-4147-a94d-b2cdbea2800d</t>
  </si>
  <si>
    <t>BU02940104</t>
  </si>
  <si>
    <t>2021BU02940104</t>
  </si>
  <si>
    <t>Verspreide huizen Meddo</t>
  </si>
  <si>
    <t>buurt_gegeneraliseerd_2021.a592a88c-7831-483b-b667-7fccf3cd7b9e</t>
  </si>
  <si>
    <t>BU02940105</t>
  </si>
  <si>
    <t>2021BU02940105</t>
  </si>
  <si>
    <t>Verspreide huizen ten noorden van Winterswijk</t>
  </si>
  <si>
    <t>buurt_gegeneraliseerd_2021.a2a1d17a-ffe2-428b-a51a-a136eed80ef4</t>
  </si>
  <si>
    <t>BU02940106</t>
  </si>
  <si>
    <t>2021BU02940106</t>
  </si>
  <si>
    <t>Verspreide huizen Ratum, Henxel, Huppel</t>
  </si>
  <si>
    <t>buurt_gegeneraliseerd_2021.7c9dd4a5-b6f3-46b6-8a43-392a6a05670f</t>
  </si>
  <si>
    <t>BU02940107</t>
  </si>
  <si>
    <t>2021BU02940107</t>
  </si>
  <si>
    <t>Verspreide huizen Kotten</t>
  </si>
  <si>
    <t>buurt_gegeneraliseerd_2021.ed11e179-04bb-4985-bb8d-b15e364064fb</t>
  </si>
  <si>
    <t>BU02940108</t>
  </si>
  <si>
    <t>2021BU02940108</t>
  </si>
  <si>
    <t>Woold</t>
  </si>
  <si>
    <t>buurt_gegeneraliseerd_2021.b27ef332-0d69-428d-ab0b-4b07cecaeff7</t>
  </si>
  <si>
    <t>BU02940109</t>
  </si>
  <si>
    <t>2021BU02940109</t>
  </si>
  <si>
    <t>Verspreide huizen Miste</t>
  </si>
  <si>
    <t>buurt_gegeneraliseerd_2021.25f8db2c-553a-4436-9c12-49cdd3200d22</t>
  </si>
  <si>
    <t>BU02940120</t>
  </si>
  <si>
    <t>2021BU02940120</t>
  </si>
  <si>
    <t>Verspreide huizen Corle en omgeving</t>
  </si>
  <si>
    <t>buurt_gegeneraliseerd_2021.0e8ba0aa-6dfe-4fe7-a2b5-7f607ebfd5c0</t>
  </si>
  <si>
    <t>BU02940121</t>
  </si>
  <si>
    <t>2021BU02940121</t>
  </si>
  <si>
    <t>Verspreide huizen Woold</t>
  </si>
  <si>
    <t>buurt_gegeneraliseerd_2021.bd99473e-d82c-40b2-8377-9c352a3efe06</t>
  </si>
  <si>
    <t>BU02960000</t>
  </si>
  <si>
    <t>2021BU02960000</t>
  </si>
  <si>
    <t>Verspreide huizen wezel</t>
  </si>
  <si>
    <t>GM0296</t>
  </si>
  <si>
    <t>buurt_gegeneraliseerd_2021.59af5d13-c11d-4900-8bbc-0718f890155b</t>
  </si>
  <si>
    <t>BU02960001</t>
  </si>
  <si>
    <t>2021BU02960001</t>
  </si>
  <si>
    <t>Verspreide huizen Vormer</t>
  </si>
  <si>
    <t>buurt_gegeneraliseerd_2021.d7af9cfd-741e-4ae6-97b1-f398681ff076</t>
  </si>
  <si>
    <t>BU02960002</t>
  </si>
  <si>
    <t>2021BU02960002</t>
  </si>
  <si>
    <t>Verspreide huizen Bankhoef</t>
  </si>
  <si>
    <t>buurt_gegeneraliseerd_2021.349aba53-d77e-4f85-8384-11248955a4d7</t>
  </si>
  <si>
    <t>BU02960100</t>
  </si>
  <si>
    <t>2021BU02960100</t>
  </si>
  <si>
    <t>Saltshof</t>
  </si>
  <si>
    <t>buurt_gegeneraliseerd_2021.5c65d933-5932-47fb-b9c6-f15b930fb605</t>
  </si>
  <si>
    <t>BU02960101</t>
  </si>
  <si>
    <t>2021BU02960101</t>
  </si>
  <si>
    <t>Bedrijventerrein Bijsterhuizen</t>
  </si>
  <si>
    <t>buurt_gegeneraliseerd_2021.ac33e5df-ef00-4440-b36c-819b31e787f3</t>
  </si>
  <si>
    <t>BU02960102</t>
  </si>
  <si>
    <t>2021BU02960102</t>
  </si>
  <si>
    <t>Woezik</t>
  </si>
  <si>
    <t>buurt_gegeneraliseerd_2021.912747b5-5f04-41d3-8962-54aee08265b6</t>
  </si>
  <si>
    <t>BU02960103</t>
  </si>
  <si>
    <t>2021BU02960103</t>
  </si>
  <si>
    <t>Veenhof</t>
  </si>
  <si>
    <t>buurt_gegeneraliseerd_2021.0a74739b-35b0-4aa6-acb2-033f4024751a</t>
  </si>
  <si>
    <t>BU02960104</t>
  </si>
  <si>
    <t>2021BU02960104</t>
  </si>
  <si>
    <t>Verspreide huizen Woezik</t>
  </si>
  <si>
    <t>buurt_gegeneraliseerd_2021.42068a1d-03cd-47aa-acc6-4318db7b64f5</t>
  </si>
  <si>
    <t>BU02960105</t>
  </si>
  <si>
    <t>2021BU02960105</t>
  </si>
  <si>
    <t>Lambrasse</t>
  </si>
  <si>
    <t>buurt_gegeneraliseerd_2021.59eee4a0-5c41-4750-b42a-00f8bc6b5a8b</t>
  </si>
  <si>
    <t>BU02960106</t>
  </si>
  <si>
    <t>2021BU02960106</t>
  </si>
  <si>
    <t>Kraaijenberg</t>
  </si>
  <si>
    <t>buurt_gegeneraliseerd_2021.8288d9a8-9b36-4a86-adc7-84002a3b7184</t>
  </si>
  <si>
    <t>BU02960107</t>
  </si>
  <si>
    <t>2021BU02960107</t>
  </si>
  <si>
    <t>Heilige Stoel</t>
  </si>
  <si>
    <t>buurt_gegeneraliseerd_2021.3c8a640f-1711-43e0-bf96-3b164e3bfb8f</t>
  </si>
  <si>
    <t>BU02960108</t>
  </si>
  <si>
    <t>2021BU02960108</t>
  </si>
  <si>
    <t>Homberg</t>
  </si>
  <si>
    <t>buurt_gegeneraliseerd_2021.b5024c8e-8d1e-4013-a3cc-809869667afc</t>
  </si>
  <si>
    <t>BU02960109</t>
  </si>
  <si>
    <t>2021BU02960109</t>
  </si>
  <si>
    <t>Wijchen Noord</t>
  </si>
  <si>
    <t>buurt_gegeneraliseerd_2021.b6aaec0a-ed13-4435-852e-bd27e0cbcd10</t>
  </si>
  <si>
    <t>BU02960110</t>
  </si>
  <si>
    <t>2021BU02960110</t>
  </si>
  <si>
    <t>Hofsedam</t>
  </si>
  <si>
    <t>buurt_gegeneraliseerd_2021.f9a71a03-7150-4ca9-b947-79e33e7c0349</t>
  </si>
  <si>
    <t>BU02960111</t>
  </si>
  <si>
    <t>2021BU02960111</t>
  </si>
  <si>
    <t>Bedrijventerrein Zesweg</t>
  </si>
  <si>
    <t>buurt_gegeneraliseerd_2021.50a42973-5c15-4275-b79f-6c26d790d3f9</t>
  </si>
  <si>
    <t>BU02960112</t>
  </si>
  <si>
    <t>2021BU02960112</t>
  </si>
  <si>
    <t>Blauwe Hof</t>
  </si>
  <si>
    <t>buurt_gegeneraliseerd_2021.57e7a282-b0bb-46c1-b405-deaad8e5940b</t>
  </si>
  <si>
    <t>BU02960113</t>
  </si>
  <si>
    <t>2021BU02960113</t>
  </si>
  <si>
    <t>Aalsburg</t>
  </si>
  <si>
    <t>buurt_gegeneraliseerd_2021.14641db5-42d6-4a27-a266-fb512f9df511</t>
  </si>
  <si>
    <t>BU02960114</t>
  </si>
  <si>
    <t>2021BU02960114</t>
  </si>
  <si>
    <t>buurt_gegeneraliseerd_2021.94e99a14-4a53-4dd5-91d5-2397c554c42a</t>
  </si>
  <si>
    <t>BU02960115</t>
  </si>
  <si>
    <t>2021BU02960115</t>
  </si>
  <si>
    <t>De Uilenboom</t>
  </si>
  <si>
    <t>buurt_gegeneraliseerd_2021.699a6d41-8164-4d6a-89b5-4d7853c6fafc</t>
  </si>
  <si>
    <t>BU02960116</t>
  </si>
  <si>
    <t>2021BU02960116</t>
  </si>
  <si>
    <t>Valendries</t>
  </si>
  <si>
    <t>buurt_gegeneraliseerd_2021.0e6016e8-677d-4bb2-b5fe-7a766d8cad23</t>
  </si>
  <si>
    <t>BU02960117</t>
  </si>
  <si>
    <t>2021BU02960117</t>
  </si>
  <si>
    <t>Bedrijventerrein Nieuwenweg</t>
  </si>
  <si>
    <t>buurt_gegeneraliseerd_2021.2e033a70-6219-4d42-a65b-fdca84a395ce</t>
  </si>
  <si>
    <t>BU02960118</t>
  </si>
  <si>
    <t>2021BU02960118</t>
  </si>
  <si>
    <t>Verspreide huizen Valendries</t>
  </si>
  <si>
    <t>buurt_gegeneraliseerd_2021.d6645358-c35b-43f5-a908-6f5ff34ac302</t>
  </si>
  <si>
    <t>BU02960119</t>
  </si>
  <si>
    <t>2021BU02960119</t>
  </si>
  <si>
    <t>Zevendreef</t>
  </si>
  <si>
    <t>buurt_gegeneraliseerd_2021.f55227a6-d1f0-44d6-973d-ce9685d2a21a</t>
  </si>
  <si>
    <t>BU02960120</t>
  </si>
  <si>
    <t>2021BU02960120</t>
  </si>
  <si>
    <t>Zesakkers</t>
  </si>
  <si>
    <t>buurt_gegeneraliseerd_2021.7be0f476-dbfe-43b8-aea2-7dc816f9acd4</t>
  </si>
  <si>
    <t>BU02960121</t>
  </si>
  <si>
    <t>2021BU02960121</t>
  </si>
  <si>
    <t>De Grippen</t>
  </si>
  <si>
    <t>buurt_gegeneraliseerd_2021.37bbe47b-9902-4752-9d5c-049d749fd817</t>
  </si>
  <si>
    <t>BU02960122</t>
  </si>
  <si>
    <t>2021BU02960122</t>
  </si>
  <si>
    <t>De Weertjes</t>
  </si>
  <si>
    <t>buurt_gegeneraliseerd_2021.e09f70cf-9213-4b00-a9f9-1193bb5be8b0</t>
  </si>
  <si>
    <t>BU02960123</t>
  </si>
  <si>
    <t>2021BU02960123</t>
  </si>
  <si>
    <t>Diepvoorde</t>
  </si>
  <si>
    <t>buurt_gegeneraliseerd_2021.ed65f289-f83a-4792-9580-84ad364ecea7</t>
  </si>
  <si>
    <t>BU02960124</t>
  </si>
  <si>
    <t>2021BU02960124</t>
  </si>
  <si>
    <t>Huissteden-Zuiderpoort</t>
  </si>
  <si>
    <t>buurt_gegeneraliseerd_2021.fd295973-1ac2-41fc-8483-aa26e39d4973</t>
  </si>
  <si>
    <t>BU02960125</t>
  </si>
  <si>
    <t>2021BU02960125</t>
  </si>
  <si>
    <t>Hoogmeer</t>
  </si>
  <si>
    <t>buurt_gegeneraliseerd_2021.f572d703-3766-478a-ba1a-cae6a61c726a</t>
  </si>
  <si>
    <t>BU02960126</t>
  </si>
  <si>
    <t>2021BU02960126</t>
  </si>
  <si>
    <t>De Ververt</t>
  </si>
  <si>
    <t>buurt_gegeneraliseerd_2021.4d59aa26-dd4b-4317-ba26-744653390c8e</t>
  </si>
  <si>
    <t>BU02960127</t>
  </si>
  <si>
    <t>2021BU02960127</t>
  </si>
  <si>
    <t>Sluiskamp</t>
  </si>
  <si>
    <t>buurt_gegeneraliseerd_2021.797170de-66a6-486a-a49d-a42db4bcb903</t>
  </si>
  <si>
    <t>BU02960128</t>
  </si>
  <si>
    <t>2021BU02960128</t>
  </si>
  <si>
    <t>Oudelaan</t>
  </si>
  <si>
    <t>buurt_gegeneraliseerd_2021.43b0721e-5492-45f3-a1af-44d592f277c1</t>
  </si>
  <si>
    <t>BU02960129</t>
  </si>
  <si>
    <t>2021BU02960129</t>
  </si>
  <si>
    <t>Kronenland</t>
  </si>
  <si>
    <t>buurt_gegeneraliseerd_2021.e76ddb81-e335-43de-b747-3076963b5aaf</t>
  </si>
  <si>
    <t>BU02960130</t>
  </si>
  <si>
    <t>2021BU02960130</t>
  </si>
  <si>
    <t>Abersland</t>
  </si>
  <si>
    <t>buurt_gegeneraliseerd_2021.7825e835-5d35-4bf9-b941-768850677975</t>
  </si>
  <si>
    <t>BU02960131</t>
  </si>
  <si>
    <t>2021BU02960131</t>
  </si>
  <si>
    <t>Elsland</t>
  </si>
  <si>
    <t>buurt_gegeneraliseerd_2021.0ba6dffd-b949-4253-9ac2-0a69dcdf41d0</t>
  </si>
  <si>
    <t>BU02960132</t>
  </si>
  <si>
    <t>2021BU02960132</t>
  </si>
  <si>
    <t>De Geer</t>
  </si>
  <si>
    <t>buurt_gegeneraliseerd_2021.6206d5c7-8c25-4379-83e2-abb83e4e1217</t>
  </si>
  <si>
    <t>BU02960133</t>
  </si>
  <si>
    <t>2021BU02960133</t>
  </si>
  <si>
    <t>De gamert</t>
  </si>
  <si>
    <t>buurt_gegeneraliseerd_2021.a9587c77-70b6-40df-bbbd-98217974a786</t>
  </si>
  <si>
    <t>BU02960134</t>
  </si>
  <si>
    <t>2021BU02960134</t>
  </si>
  <si>
    <t>De Meren</t>
  </si>
  <si>
    <t>buurt_gegeneraliseerd_2021.99c89c47-68ba-4b97-913d-4cf3aee8fe9a</t>
  </si>
  <si>
    <t>BU02960135</t>
  </si>
  <si>
    <t>2021BU02960135</t>
  </si>
  <si>
    <t>De Flier</t>
  </si>
  <si>
    <t>buurt_gegeneraliseerd_2021.7cf120ff-4a4e-496c-849f-3b259182ca44</t>
  </si>
  <si>
    <t>BU02960136</t>
  </si>
  <si>
    <t>2021BU02960136</t>
  </si>
  <si>
    <t>Diemewei</t>
  </si>
  <si>
    <t>buurt_gegeneraliseerd_2021.ad5df2a0-b9ae-48e7-80cd-66f7aa785f5e</t>
  </si>
  <si>
    <t>BU02960137</t>
  </si>
  <si>
    <t>2021BU02960137</t>
  </si>
  <si>
    <t>De Lingert</t>
  </si>
  <si>
    <t>buurt_gegeneraliseerd_2021.5d05157e-2347-46a3-9e12-03b594d1eb4a</t>
  </si>
  <si>
    <t>BU02960138</t>
  </si>
  <si>
    <t>2021BU02960138</t>
  </si>
  <si>
    <t>Huurlingsedam</t>
  </si>
  <si>
    <t>buurt_gegeneraliseerd_2021.47b0cc25-968d-4572-a28b-91251ea17279</t>
  </si>
  <si>
    <t>BU02960200</t>
  </si>
  <si>
    <t>2021BU02960200</t>
  </si>
  <si>
    <t>Balgoij</t>
  </si>
  <si>
    <t>buurt_gegeneraliseerd_2021.f0cc248a-f0a2-45e0-892d-fa916a7e25d6</t>
  </si>
  <si>
    <t>BU02960201</t>
  </si>
  <si>
    <t>2021BU02960201</t>
  </si>
  <si>
    <t>Verspreidehuizen Balgoij</t>
  </si>
  <si>
    <t>buurt_gegeneraliseerd_2021.b5cffdf2-038a-4420-b97a-db4d1c4fe3a1</t>
  </si>
  <si>
    <t>BU02960300</t>
  </si>
  <si>
    <t>2021BU02960300</t>
  </si>
  <si>
    <t>Batenburg</t>
  </si>
  <si>
    <t>buurt_gegeneraliseerd_2021.54db4955-67ca-4c69-8399-0c8a0a75d173</t>
  </si>
  <si>
    <t>BU02960301</t>
  </si>
  <si>
    <t>2021BU02960301</t>
  </si>
  <si>
    <t>Verspreide huizen Batenburg</t>
  </si>
  <si>
    <t>buurt_gegeneraliseerd_2021.8c48fe8c-7372-4197-94eb-9bbb78b19600</t>
  </si>
  <si>
    <t>BU02960400</t>
  </si>
  <si>
    <t>2021BU02960400</t>
  </si>
  <si>
    <t>Bergharen</t>
  </si>
  <si>
    <t>buurt_gegeneraliseerd_2021.194af2e0-2e5a-4072-8f46-755cce7a578f</t>
  </si>
  <si>
    <t>BU02960401</t>
  </si>
  <si>
    <t>2021BU02960401</t>
  </si>
  <si>
    <t>Bedrijventerrein Breekwagen</t>
  </si>
  <si>
    <t>buurt_gegeneraliseerd_2021.3fca7d82-0d0b-4860-a318-e02ba3524ed6</t>
  </si>
  <si>
    <t>BU02960402</t>
  </si>
  <si>
    <t>2021BU02960402</t>
  </si>
  <si>
    <t>Verspreide huizen Bergharen</t>
  </si>
  <si>
    <t>buurt_gegeneraliseerd_2021.0f95251f-5dc6-4a42-95b5-134a15e0c561</t>
  </si>
  <si>
    <t>BU02960500</t>
  </si>
  <si>
    <t>2021BU02960500</t>
  </si>
  <si>
    <t>Hernen</t>
  </si>
  <si>
    <t>buurt_gegeneraliseerd_2021.f4df2c2d-f5ac-42bb-a214-1217a65f3820</t>
  </si>
  <si>
    <t>BU02960501</t>
  </si>
  <si>
    <t>2021BU02960501</t>
  </si>
  <si>
    <t>Verspreide huizen Hernen</t>
  </si>
  <si>
    <t>buurt_gegeneraliseerd_2021.8b446e9f-fe1b-4230-9a99-3b479318ba8c</t>
  </si>
  <si>
    <t>BU02960600</t>
  </si>
  <si>
    <t>2021BU02960600</t>
  </si>
  <si>
    <t>Leur</t>
  </si>
  <si>
    <t>buurt_gegeneraliseerd_2021.e6d89133-1cb3-4d97-bc4b-29f2fa4f7b37</t>
  </si>
  <si>
    <t>BU02960601</t>
  </si>
  <si>
    <t>2021BU02960601</t>
  </si>
  <si>
    <t>Verspreide huizen Leur</t>
  </si>
  <si>
    <t>buurt_gegeneraliseerd_2021.fbdba1b2-68af-4e8d-aa56-627e1289546e</t>
  </si>
  <si>
    <t>BU02960700</t>
  </si>
  <si>
    <t>2021BU02960700</t>
  </si>
  <si>
    <t>Niftrik</t>
  </si>
  <si>
    <t>buurt_gegeneraliseerd_2021.1797e217-409f-4c5a-abd1-a20ced7ba8fe</t>
  </si>
  <si>
    <t>BU02960701</t>
  </si>
  <si>
    <t>2021BU02960701</t>
  </si>
  <si>
    <t>Loonse Waard</t>
  </si>
  <si>
    <t>buurt_gegeneraliseerd_2021.e20933b8-43e7-4c1a-ad59-29a4154a7790</t>
  </si>
  <si>
    <t>BU02960702</t>
  </si>
  <si>
    <t>2021BU02960702</t>
  </si>
  <si>
    <t>Verspreide huizen Niftrik</t>
  </si>
  <si>
    <t>buurt_gegeneraliseerd_2021.a4a3dc48-873d-427c-9fc2-278251588ec1</t>
  </si>
  <si>
    <t>BU02960800</t>
  </si>
  <si>
    <t>2021BU02960800</t>
  </si>
  <si>
    <t>Verspreide huizen Hoogbroek</t>
  </si>
  <si>
    <t>buurt_gegeneraliseerd_2021.e1f9a7e6-a677-469d-b619-bb779dcff221</t>
  </si>
  <si>
    <t>BU02960801</t>
  </si>
  <si>
    <t>2021BU02960801</t>
  </si>
  <si>
    <t>Verspreide huizen Heumenseweg-Boskant</t>
  </si>
  <si>
    <t>buurt_gegeneraliseerd_2021.628875f1-1f23-4b12-bb59-743e606b3d15</t>
  </si>
  <si>
    <t>BU02960802</t>
  </si>
  <si>
    <t>2021BU02960802</t>
  </si>
  <si>
    <t>Verspreide huizen Lunen</t>
  </si>
  <si>
    <t>buurt_gegeneraliseerd_2021.eff43926-7e74-4f50-9397-e655a34cdae5</t>
  </si>
  <si>
    <t>BU02960803</t>
  </si>
  <si>
    <t>2021BU02960803</t>
  </si>
  <si>
    <t>Alverna</t>
  </si>
  <si>
    <t>buurt_gegeneraliseerd_2021.8126ca9c-f2f7-4d15-9a2d-c9d574d85c7b</t>
  </si>
  <si>
    <t>BU02970000</t>
  </si>
  <si>
    <t>2021BU02970000</t>
  </si>
  <si>
    <t>Zaltbommel Binnenstad</t>
  </si>
  <si>
    <t>GM0297</t>
  </si>
  <si>
    <t>buurt_gegeneraliseerd_2021.da9e5a63-ae8b-4515-abe1-e87b5ce48135</t>
  </si>
  <si>
    <t>BU02970001</t>
  </si>
  <si>
    <t>2021BU02970001</t>
  </si>
  <si>
    <t>Zaltbommel Vergt en omgeving</t>
  </si>
  <si>
    <t>buurt_gegeneraliseerd_2021.f59e824c-9ed3-453d-b1ef-3d6dad231be9</t>
  </si>
  <si>
    <t>BU02970002</t>
  </si>
  <si>
    <t>2021BU02970002</t>
  </si>
  <si>
    <t>Zaltbommel Spellewaard</t>
  </si>
  <si>
    <t>buurt_gegeneraliseerd_2021.6117e016-3776-4511-b99f-3d5fb668e874</t>
  </si>
  <si>
    <t>BU02970007</t>
  </si>
  <si>
    <t>2021BU02970007</t>
  </si>
  <si>
    <t>Verspreide huizen Hoeven</t>
  </si>
  <si>
    <t>buurt_gegeneraliseerd_2021.2d0d0128-315a-4a09-9f2c-0462210a8bbf</t>
  </si>
  <si>
    <t>BU02970008</t>
  </si>
  <si>
    <t>2021BU02970008</t>
  </si>
  <si>
    <t>Verspreide huizen Oostzijde</t>
  </si>
  <si>
    <t>buurt_gegeneraliseerd_2021.a0db9f65-da1d-4ab5-a009-5e0d5dea1d0b</t>
  </si>
  <si>
    <t>BU02970009</t>
  </si>
  <si>
    <t>2021BU02970009</t>
  </si>
  <si>
    <t>Verspreide huizen Westzijde</t>
  </si>
  <si>
    <t>buurt_gegeneraliseerd_2021.16c326a9-5547-40cd-93f8-83dd7c22d54a</t>
  </si>
  <si>
    <t>BU02970100</t>
  </si>
  <si>
    <t>2021BU02970100</t>
  </si>
  <si>
    <t>Brakel</t>
  </si>
  <si>
    <t>buurt_gegeneraliseerd_2021.122a33cf-678e-4fc5-bc76-c31269a062bc</t>
  </si>
  <si>
    <t>BU02970101</t>
  </si>
  <si>
    <t>2021BU02970101</t>
  </si>
  <si>
    <t>Poederoijen</t>
  </si>
  <si>
    <t>buurt_gegeneraliseerd_2021.a053ff8b-6888-4adb-8df2-7029231a2ec0</t>
  </si>
  <si>
    <t>BU02970102</t>
  </si>
  <si>
    <t>2021BU02970102</t>
  </si>
  <si>
    <t>Aalst</t>
  </si>
  <si>
    <t>buurt_gegeneraliseerd_2021.ed77cfab-fd7b-468c-9814-bc45942a95aa</t>
  </si>
  <si>
    <t>BU02970103</t>
  </si>
  <si>
    <t>2021BU02970103</t>
  </si>
  <si>
    <t>Zuilichem</t>
  </si>
  <si>
    <t>buurt_gegeneraliseerd_2021.16758e6c-02c8-4b1c-a4f2-625f0333524d</t>
  </si>
  <si>
    <t>BU02970104</t>
  </si>
  <si>
    <t>2021BU02970104</t>
  </si>
  <si>
    <t>De Rietschoof</t>
  </si>
  <si>
    <t>buurt_gegeneraliseerd_2021.226d4f7d-6115-4bf5-969e-aa669ef805e1</t>
  </si>
  <si>
    <t>BU02970105</t>
  </si>
  <si>
    <t>2021BU02970105</t>
  </si>
  <si>
    <t>Verspreide huizen in de polder Aalst</t>
  </si>
  <si>
    <t>buurt_gegeneraliseerd_2021.1ec46271-45e9-4355-a83f-c14103048b5e</t>
  </si>
  <si>
    <t>BU02970106</t>
  </si>
  <si>
    <t>2021BU02970106</t>
  </si>
  <si>
    <t>Verspreide huizen in de polder Poederoijen</t>
  </si>
  <si>
    <t>buurt_gegeneraliseerd_2021.37f31884-0ef5-467b-b928-b1b0f9c7c8cb</t>
  </si>
  <si>
    <t>BU02970107</t>
  </si>
  <si>
    <t>2021BU02970107</t>
  </si>
  <si>
    <t>Verspreide huizen in de polder Brakel</t>
  </si>
  <si>
    <t>buurt_gegeneraliseerd_2021.9a87b88d-0c20-469c-9b5c-cf1b15a9bccf</t>
  </si>
  <si>
    <t>BU02970108</t>
  </si>
  <si>
    <t>2021BU02970108</t>
  </si>
  <si>
    <t>Verspreide huizen in het Munnikenland</t>
  </si>
  <si>
    <t>buurt_gegeneraliseerd_2021.7c815cb0-63df-4386-a6ff-d3ae9e58b574</t>
  </si>
  <si>
    <t>BU02970109</t>
  </si>
  <si>
    <t>2021BU02970109</t>
  </si>
  <si>
    <t>Verspreide huizen in de polder Zuilichem en omgeving</t>
  </si>
  <si>
    <t>buurt_gegeneraliseerd_2021.afe1c2c9-f3b2-4599-8cff-73ee64d44162</t>
  </si>
  <si>
    <t>BU02970200</t>
  </si>
  <si>
    <t>2021BU02970200</t>
  </si>
  <si>
    <t>Kerkwijk</t>
  </si>
  <si>
    <t>buurt_gegeneraliseerd_2021.b62f1a85-6da7-410c-a12a-b1da0181d470</t>
  </si>
  <si>
    <t>BU02970201</t>
  </si>
  <si>
    <t>2021BU02970201</t>
  </si>
  <si>
    <t>Bruchem</t>
  </si>
  <si>
    <t>buurt_gegeneraliseerd_2021.cdeb7d32-500d-424e-98f5-39c838420b30</t>
  </si>
  <si>
    <t>BU02970202</t>
  </si>
  <si>
    <t>2021BU02970202</t>
  </si>
  <si>
    <t>Beneden-Delwijnen</t>
  </si>
  <si>
    <t>buurt_gegeneraliseerd_2021.4a513522-c23d-4ffb-b77f-29acf8a391ce</t>
  </si>
  <si>
    <t>BU02970203</t>
  </si>
  <si>
    <t>2021BU02970203</t>
  </si>
  <si>
    <t>Gameren</t>
  </si>
  <si>
    <t>buurt_gegeneraliseerd_2021.93c5359a-4f29-42cc-9d7e-741ffb56f87f</t>
  </si>
  <si>
    <t>BU02970204</t>
  </si>
  <si>
    <t>2021BU02970204</t>
  </si>
  <si>
    <t>Nieuwaal</t>
  </si>
  <si>
    <t>buurt_gegeneraliseerd_2021.b4706db8-7fc8-499e-b082-5036fde300b8</t>
  </si>
  <si>
    <t>BU02970207</t>
  </si>
  <si>
    <t>2021BU02970207</t>
  </si>
  <si>
    <t>Verspreide huizen polders Delwijnen en Bruchem</t>
  </si>
  <si>
    <t>buurt_gegeneraliseerd_2021.eb0ef569-ca75-4100-853e-c2eb516ef8d1</t>
  </si>
  <si>
    <t>BU02970208</t>
  </si>
  <si>
    <t>2021BU02970208</t>
  </si>
  <si>
    <t>Verspreide huizen Kerkwijk en Bruchem</t>
  </si>
  <si>
    <t>buurt_gegeneraliseerd_2021.a32e4b6f-bd6f-4e8a-928c-6781a99a0b85</t>
  </si>
  <si>
    <t>BU02970209</t>
  </si>
  <si>
    <t>2021BU02970209</t>
  </si>
  <si>
    <t>Verspreide huizen polders Gameren en Nieuwaal</t>
  </si>
  <si>
    <t>buurt_gegeneraliseerd_2021.17fa388c-0ba3-4cb8-942a-0501b2b0d0d4</t>
  </si>
  <si>
    <t>BU02970300</t>
  </si>
  <si>
    <t>2021BU02970300</t>
  </si>
  <si>
    <t>Nederhemert-Noordzijde</t>
  </si>
  <si>
    <t>buurt_gegeneraliseerd_2021.21b49ba4-30c1-4abd-8a1d-f4cce1677c15</t>
  </si>
  <si>
    <t>BU02970301</t>
  </si>
  <si>
    <t>2021BU02970301</t>
  </si>
  <si>
    <t>Nederhemert-Zuidzijde</t>
  </si>
  <si>
    <t>buurt_gegeneraliseerd_2021.e3cc49e9-dec4-445a-bfc5-b4d932901c23</t>
  </si>
  <si>
    <t>BU02970309</t>
  </si>
  <si>
    <t>2021BU02970309</t>
  </si>
  <si>
    <t>Verspreide huizen Nederhemert</t>
  </si>
  <si>
    <t>buurt_gegeneraliseerd_2021.2e314fb3-dd3f-4e70-994e-59098fec4ee7</t>
  </si>
  <si>
    <t>BU02990000</t>
  </si>
  <si>
    <t>2021BU02990000</t>
  </si>
  <si>
    <t>GM0299</t>
  </si>
  <si>
    <t>buurt_gegeneraliseerd_2021.28d01dd0-d8aa-4d40-93de-5da405c33981</t>
  </si>
  <si>
    <t>BU02990001</t>
  </si>
  <si>
    <t>2021BU02990001</t>
  </si>
  <si>
    <t>Molenwijk</t>
  </si>
  <si>
    <t>buurt_gegeneraliseerd_2021.568b9aad-e208-484e-a242-b03e81a453f2</t>
  </si>
  <si>
    <t>BU02990002</t>
  </si>
  <si>
    <t>2021BU02990002</t>
  </si>
  <si>
    <t>Het Grieth</t>
  </si>
  <si>
    <t>buurt_gegeneraliseerd_2021.adaf4cb7-ae3c-43b9-bc89-5ba70bd915c5</t>
  </si>
  <si>
    <t>BU02990003</t>
  </si>
  <si>
    <t>2021BU02990003</t>
  </si>
  <si>
    <t>Schrijvershoek</t>
  </si>
  <si>
    <t>buurt_gegeneraliseerd_2021.164453bc-c418-433a-9a09-2d1c64048ce4</t>
  </si>
  <si>
    <t>BU02990004</t>
  </si>
  <si>
    <t>2021BU02990004</t>
  </si>
  <si>
    <t>Zonnemaat</t>
  </si>
  <si>
    <t>buurt_gegeneraliseerd_2021.911f9af1-0e68-4c85-b8e9-ec2a29a3fe2b</t>
  </si>
  <si>
    <t>BU02990005</t>
  </si>
  <si>
    <t>2021BU02990005</t>
  </si>
  <si>
    <t>Lentemorgen I</t>
  </si>
  <si>
    <t>buurt_gegeneraliseerd_2021.f390ab8a-e6a8-4f95-a053-94135f2929ec</t>
  </si>
  <si>
    <t>BU02990006</t>
  </si>
  <si>
    <t>2021BU02990006</t>
  </si>
  <si>
    <t>Stegeslag</t>
  </si>
  <si>
    <t>buurt_gegeneraliseerd_2021.ae57da64-cd25-462d-bf7f-0bb913395f55</t>
  </si>
  <si>
    <t>BU02990007</t>
  </si>
  <si>
    <t>2021BU02990007</t>
  </si>
  <si>
    <t>Lentemorgen II</t>
  </si>
  <si>
    <t>buurt_gegeneraliseerd_2021.9cee71ba-1a7f-4676-ac2d-6c48a3c44631</t>
  </si>
  <si>
    <t>BU02990008</t>
  </si>
  <si>
    <t>2021BU02990008</t>
  </si>
  <si>
    <t>Tatelaar</t>
  </si>
  <si>
    <t>buurt_gegeneraliseerd_2021.be9911bf-0698-4efb-b7f1-d6a67ba2d92a</t>
  </si>
  <si>
    <t>BU02990009</t>
  </si>
  <si>
    <t>2021BU02990009</t>
  </si>
  <si>
    <t>De Horst</t>
  </si>
  <si>
    <t>buurt_gegeneraliseerd_2021.3e39269d-55fe-4749-aee7-a23e212df087</t>
  </si>
  <si>
    <t>BU02990010</t>
  </si>
  <si>
    <t>2021BU02990010</t>
  </si>
  <si>
    <t>Methen</t>
  </si>
  <si>
    <t>buurt_gegeneraliseerd_2021.18e2dc28-2b92-42c4-82c4-dad72724f58e</t>
  </si>
  <si>
    <t>BU02990011</t>
  </si>
  <si>
    <t>2021BU02990011</t>
  </si>
  <si>
    <t>Mercurion</t>
  </si>
  <si>
    <t>buurt_gegeneraliseerd_2021.a402546f-a4cc-4ed6-a2bf-82b922f9ebba</t>
  </si>
  <si>
    <t>BU02990012</t>
  </si>
  <si>
    <t>2021BU02990012</t>
  </si>
  <si>
    <t>Hengelder</t>
  </si>
  <si>
    <t>buurt_gegeneraliseerd_2021.6ed5afbe-24ef-433f-aa67-e20acb842875</t>
  </si>
  <si>
    <t>BU02990013</t>
  </si>
  <si>
    <t>2021BU02990013</t>
  </si>
  <si>
    <t>Zuidspoor</t>
  </si>
  <si>
    <t>buurt_gegeneraliseerd_2021.eff1db88-f4b5-4c71-9e6f-d7eb8514c73f</t>
  </si>
  <si>
    <t>BU02990014</t>
  </si>
  <si>
    <t>2021BU02990014</t>
  </si>
  <si>
    <t>Oud Zevenaar</t>
  </si>
  <si>
    <t>buurt_gegeneraliseerd_2021.d6c900e7-b85e-41ac-913f-ae181af1cd92</t>
  </si>
  <si>
    <t>BU02990015</t>
  </si>
  <si>
    <t>2021BU02990015</t>
  </si>
  <si>
    <t>Ooy</t>
  </si>
  <si>
    <t>buurt_gegeneraliseerd_2021.92f63cec-5bd5-4a0b-9109-d29b5f636140</t>
  </si>
  <si>
    <t>BU02990016</t>
  </si>
  <si>
    <t>2021BU02990016</t>
  </si>
  <si>
    <t>Groot Holthuizen</t>
  </si>
  <si>
    <t>buurt_gegeneraliseerd_2021.a4eae66f-1437-42bb-bca2-87f772c59202</t>
  </si>
  <si>
    <t>BU02990017</t>
  </si>
  <si>
    <t>2021BU02990017</t>
  </si>
  <si>
    <t>Zevenaars Broek</t>
  </si>
  <si>
    <t>buurt_gegeneraliseerd_2021.2df5a894-56ed-4240-a377-3661f2cf8a0f</t>
  </si>
  <si>
    <t>BU02990018</t>
  </si>
  <si>
    <t>2021BU02990018</t>
  </si>
  <si>
    <t>7Poort</t>
  </si>
  <si>
    <t>buurt_gegeneraliseerd_2021.af1a1802-2e70-4128-a044-d672d6e91506</t>
  </si>
  <si>
    <t>BU02990100</t>
  </si>
  <si>
    <t>2021BU02990100</t>
  </si>
  <si>
    <t>Babberich</t>
  </si>
  <si>
    <t>buurt_gegeneraliseerd_2021.cc86c504-7e8c-4deb-9201-a76ff229c26f</t>
  </si>
  <si>
    <t>BU02990101</t>
  </si>
  <si>
    <t>2021BU02990101</t>
  </si>
  <si>
    <t>Camphuizen</t>
  </si>
  <si>
    <t>buurt_gegeneraliseerd_2021.46972019-34fc-41dd-9020-26d87742a788</t>
  </si>
  <si>
    <t>BU02990102</t>
  </si>
  <si>
    <t>2021BU02990102</t>
  </si>
  <si>
    <t>Buitengebied Babberich</t>
  </si>
  <si>
    <t>buurt_gegeneraliseerd_2021.eefdedbd-63e7-4d35-89e2-be33044f4f8b</t>
  </si>
  <si>
    <t>BU02990200</t>
  </si>
  <si>
    <t>2021BU02990200</t>
  </si>
  <si>
    <t>Angerlo</t>
  </si>
  <si>
    <t>buurt_gegeneraliseerd_2021.34b395ed-6453-423a-8836-6832d8d7b10e</t>
  </si>
  <si>
    <t>BU02990201</t>
  </si>
  <si>
    <t>2021BU02990201</t>
  </si>
  <si>
    <t>Angerlo's Broek</t>
  </si>
  <si>
    <t>buurt_gegeneraliseerd_2021.828305c7-40f5-4837-b792-f9d73957f08a</t>
  </si>
  <si>
    <t>BU02990300</t>
  </si>
  <si>
    <t>2021BU02990300</t>
  </si>
  <si>
    <t>Giesbeek</t>
  </si>
  <si>
    <t>buurt_gegeneraliseerd_2021.738baebd-2afe-404a-be06-7b32f5138b8f</t>
  </si>
  <si>
    <t>BU02990301</t>
  </si>
  <si>
    <t>2021BU02990301</t>
  </si>
  <si>
    <t>Rhederlaag</t>
  </si>
  <si>
    <t>buurt_gegeneraliseerd_2021.2edcb3ae-4fc1-48e4-9f0e-9cbf27c4734d</t>
  </si>
  <si>
    <t>BU02990302</t>
  </si>
  <si>
    <t>2021BU02990302</t>
  </si>
  <si>
    <t>Riverparc</t>
  </si>
  <si>
    <t>buurt_gegeneraliseerd_2021.597c9073-dd13-48fb-a339-3a0a84ffdd85</t>
  </si>
  <si>
    <t>BU02990400</t>
  </si>
  <si>
    <t>2021BU02990400</t>
  </si>
  <si>
    <t>Lathum</t>
  </si>
  <si>
    <t>buurt_gegeneraliseerd_2021.1909c4a5-d77e-4e03-b0dd-6e8feb444d92</t>
  </si>
  <si>
    <t>BU02990500</t>
  </si>
  <si>
    <t>2021BU02990500</t>
  </si>
  <si>
    <t>Rijnstrangen</t>
  </si>
  <si>
    <t>buurt_gegeneraliseerd_2021.964ddc23-4582-4416-add0-05335d75fb96</t>
  </si>
  <si>
    <t>BU02990600</t>
  </si>
  <si>
    <t>2021BU02990600</t>
  </si>
  <si>
    <t>Pannerden</t>
  </si>
  <si>
    <t>buurt_gegeneraliseerd_2021.c177872c-89e6-4907-9674-7e340d42ed71</t>
  </si>
  <si>
    <t>BU02990601</t>
  </si>
  <si>
    <t>2021BU02990601</t>
  </si>
  <si>
    <t>Buitengebied Pannerden</t>
  </si>
  <si>
    <t>buurt_gegeneraliseerd_2021.23f75817-0a4f-454d-8b37-ad8ae682e351</t>
  </si>
  <si>
    <t>BU02990700</t>
  </si>
  <si>
    <t>2021BU02990700</t>
  </si>
  <si>
    <t>Aerdt</t>
  </si>
  <si>
    <t>buurt_gegeneraliseerd_2021.da80f128-0371-4dce-8965-52a9abf5ea81</t>
  </si>
  <si>
    <t>BU02990701</t>
  </si>
  <si>
    <t>2021BU02990701</t>
  </si>
  <si>
    <t>Buitengebied Aerdt</t>
  </si>
  <si>
    <t>buurt_gegeneraliseerd_2021.3e098061-3fe2-4eb3-b921-4a2ff53acdd8</t>
  </si>
  <si>
    <t>BU02990800</t>
  </si>
  <si>
    <t>2021BU02990800</t>
  </si>
  <si>
    <t>Herwen</t>
  </si>
  <si>
    <t>buurt_gegeneraliseerd_2021.865ef1e4-0845-4adc-8e6e-6f3b4435f882</t>
  </si>
  <si>
    <t>BU02990801</t>
  </si>
  <si>
    <t>2021BU02990801</t>
  </si>
  <si>
    <t>Buitengebied Herwen</t>
  </si>
  <si>
    <t>buurt_gegeneraliseerd_2021.856b23d8-ce26-4094-99d7-d3867c7f76d7</t>
  </si>
  <si>
    <t>BU02990900</t>
  </si>
  <si>
    <t>2021BU02990900</t>
  </si>
  <si>
    <t>Lobith</t>
  </si>
  <si>
    <t>buurt_gegeneraliseerd_2021.83bb694e-9a95-4d9e-b1f9-23a94582b587</t>
  </si>
  <si>
    <t>BU02991000</t>
  </si>
  <si>
    <t>2021BU02991000</t>
  </si>
  <si>
    <t>Tolkamer</t>
  </si>
  <si>
    <t>buurt_gegeneraliseerd_2021.3bf8f195-7f68-461e-b43b-9392bd87894d</t>
  </si>
  <si>
    <t>BU02991001</t>
  </si>
  <si>
    <t>2021BU02991001</t>
  </si>
  <si>
    <t>De Bijland</t>
  </si>
  <si>
    <t>buurt_gegeneraliseerd_2021.efbbd52e-96fd-42e1-ac8e-a7247050dc84</t>
  </si>
  <si>
    <t>BU02991100</t>
  </si>
  <si>
    <t>2021BU02991100</t>
  </si>
  <si>
    <t>Spijk</t>
  </si>
  <si>
    <t>buurt_gegeneraliseerd_2021.bad24113-8db5-40db-9e3c-9f50914597b9</t>
  </si>
  <si>
    <t>BU02991101</t>
  </si>
  <si>
    <t>2021BU02991101</t>
  </si>
  <si>
    <t>Buitengebied Lobith/Spijk</t>
  </si>
  <si>
    <t>buurt_gegeneraliseerd_2021.fa078d7a-3aa2-4263-8ee0-5d9968c0c2d3</t>
  </si>
  <si>
    <t>BU03010000</t>
  </si>
  <si>
    <t>2021BU03010000</t>
  </si>
  <si>
    <t>Stadskern</t>
  </si>
  <si>
    <t>GM0301</t>
  </si>
  <si>
    <t>buurt_gegeneraliseerd_2021.d299c082-a05b-4556-a19a-042987dbfbaa</t>
  </si>
  <si>
    <t>BU03010001</t>
  </si>
  <si>
    <t>2021BU03010001</t>
  </si>
  <si>
    <t>Laarstraat en omgeving</t>
  </si>
  <si>
    <t>buurt_gegeneraliseerd_2021.4589d3bc-c038-45a7-918c-92da675aa5aa</t>
  </si>
  <si>
    <t>BU03010002</t>
  </si>
  <si>
    <t>2021BU03010002</t>
  </si>
  <si>
    <t>Marswegkwartier</t>
  </si>
  <si>
    <t>buurt_gegeneraliseerd_2021.b673fd57-034e-4ddb-b83e-cfd7e932ce11</t>
  </si>
  <si>
    <t>BU03010003</t>
  </si>
  <si>
    <t>2021BU03010003</t>
  </si>
  <si>
    <t>Nieuwstad en Coehoornsingel</t>
  </si>
  <si>
    <t>buurt_gegeneraliseerd_2021.0a454823-81fe-46d6-8e21-794d0b83e18d</t>
  </si>
  <si>
    <t>BU03010004</t>
  </si>
  <si>
    <t>2021BU03010004</t>
  </si>
  <si>
    <t>buurt_gegeneraliseerd_2021.88d44138-a084-421e-a722-8939eb701d2d</t>
  </si>
  <si>
    <t>BU03010100</t>
  </si>
  <si>
    <t>2021BU03010100</t>
  </si>
  <si>
    <t>Vijver en omgeving</t>
  </si>
  <si>
    <t>buurt_gegeneraliseerd_2021.aeaa6821-1320-4137-90a4-7d828b9eb885</t>
  </si>
  <si>
    <t>BU03010101</t>
  </si>
  <si>
    <t>2021BU03010101</t>
  </si>
  <si>
    <t>buurt_gegeneraliseerd_2021.8a6949f6-682b-41fe-be42-b8873fba4d3e</t>
  </si>
  <si>
    <t>BU03010102</t>
  </si>
  <si>
    <t>2021BU03010102</t>
  </si>
  <si>
    <t>Helbergen</t>
  </si>
  <si>
    <t>buurt_gegeneraliseerd_2021.5343ef60-861a-4aab-b9c7-bdec863275d9</t>
  </si>
  <si>
    <t>BU03010103</t>
  </si>
  <si>
    <t>2021BU03010103</t>
  </si>
  <si>
    <t>Warnsveldsewegkwartier-Zuid</t>
  </si>
  <si>
    <t>buurt_gegeneraliseerd_2021.7057879b-b54c-4915-ad0d-5ebd4013f472</t>
  </si>
  <si>
    <t>BU03010104</t>
  </si>
  <si>
    <t>2021BU03010104</t>
  </si>
  <si>
    <t>Warnsveldsewegkwartier-Noord</t>
  </si>
  <si>
    <t>buurt_gegeneraliseerd_2021.ccae921c-cfbc-4410-a962-30f07e54fe71</t>
  </si>
  <si>
    <t>BU03010105</t>
  </si>
  <si>
    <t>2021BU03010105</t>
  </si>
  <si>
    <t>buurt_gegeneraliseerd_2021.84ffa1c8-a700-4ac1-a3c3-9e65a74f4b62</t>
  </si>
  <si>
    <t>BU03010106</t>
  </si>
  <si>
    <t>2021BU03010106</t>
  </si>
  <si>
    <t>Pagemate en omgeving</t>
  </si>
  <si>
    <t>buurt_gegeneraliseerd_2021.acf6edae-c95d-4395-8705-7f381eae23b2</t>
  </si>
  <si>
    <t>BU03010200</t>
  </si>
  <si>
    <t>2021BU03010200</t>
  </si>
  <si>
    <t>Helleraetplein en omgeving</t>
  </si>
  <si>
    <t>buurt_gegeneraliseerd_2021.4dfd3d1e-021d-4038-8470-8b903f4302f0</t>
  </si>
  <si>
    <t>BU03010201</t>
  </si>
  <si>
    <t>2021BU03010201</t>
  </si>
  <si>
    <t>Weg naar Laren en omgeving</t>
  </si>
  <si>
    <t>buurt_gegeneraliseerd_2021.ac88d87a-e4d5-4484-8bf6-ffc68b5f84da</t>
  </si>
  <si>
    <t>BU03010202</t>
  </si>
  <si>
    <t>2021BU03010202</t>
  </si>
  <si>
    <t>Deventerweg en Polbeek</t>
  </si>
  <si>
    <t>buurt_gegeneraliseerd_2021.45f908cb-4f55-4f8f-8f96-450eabf4057b</t>
  </si>
  <si>
    <t>BU03010203</t>
  </si>
  <si>
    <t>2021BU03010203</t>
  </si>
  <si>
    <t>Voorsteralleekwartier</t>
  </si>
  <si>
    <t>buurt_gegeneraliseerd_2021.b3b73183-10f0-401c-8355-3e25a6df4742</t>
  </si>
  <si>
    <t>BU03010300</t>
  </si>
  <si>
    <t>2021BU03010300</t>
  </si>
  <si>
    <t>Moesmate en Tichelkuilen</t>
  </si>
  <si>
    <t>buurt_gegeneraliseerd_2021.5b9c5bfa-325d-499f-baaa-f8940d3171dd</t>
  </si>
  <si>
    <t>BU03010301</t>
  </si>
  <si>
    <t>2021BU03010301</t>
  </si>
  <si>
    <t>Zwanevlot en De Brink</t>
  </si>
  <si>
    <t>buurt_gegeneraliseerd_2021.bf00b931-08cd-406d-8bf7-11c88f1738ee</t>
  </si>
  <si>
    <t>BU03010302</t>
  </si>
  <si>
    <t>2021BU03010302</t>
  </si>
  <si>
    <t>Braamkamp</t>
  </si>
  <si>
    <t>buurt_gegeneraliseerd_2021.a2d891eb-4f89-452e-980e-c77fb625f3b0</t>
  </si>
  <si>
    <t>BU03010303</t>
  </si>
  <si>
    <t>2021BU03010303</t>
  </si>
  <si>
    <t>Stokebrand, Bagijnenland en Bronsbergen</t>
  </si>
  <si>
    <t>buurt_gegeneraliseerd_2021.dc47cd8c-c0d1-49c3-9089-bf3a464063aa</t>
  </si>
  <si>
    <t>BU03010304</t>
  </si>
  <si>
    <t>2021BU03010304</t>
  </si>
  <si>
    <t>Waarden en weerdslag</t>
  </si>
  <si>
    <t>buurt_gegeneraliseerd_2021.7e25454e-27c1-4f2e-aa80-666d9c06e041</t>
  </si>
  <si>
    <t>BU03010400</t>
  </si>
  <si>
    <t>2021BU03010400</t>
  </si>
  <si>
    <t>Ooyerhoek</t>
  </si>
  <si>
    <t>buurt_gegeneraliseerd_2021.7db87748-6601-4e1d-9a87-9459acbae12a</t>
  </si>
  <si>
    <t>BU03010401</t>
  </si>
  <si>
    <t>2021BU03010401</t>
  </si>
  <si>
    <t>buurt_gegeneraliseerd_2021.bd0dd34c-afa9-4a3e-ae0a-912706c0d08c</t>
  </si>
  <si>
    <t>BU03010402</t>
  </si>
  <si>
    <t>2021BU03010402</t>
  </si>
  <si>
    <t>Eme en Broek</t>
  </si>
  <si>
    <t>buurt_gegeneraliseerd_2021.dd55df39-0231-4af9-a20e-e3a633e19db6</t>
  </si>
  <si>
    <t>BU03010403</t>
  </si>
  <si>
    <t>2021BU03010403</t>
  </si>
  <si>
    <t>Looërenk en Woud</t>
  </si>
  <si>
    <t>buurt_gegeneraliseerd_2021.ced69283-70f6-4022-8bfa-4cb031104121</t>
  </si>
  <si>
    <t>BU03010409</t>
  </si>
  <si>
    <t>2021BU03010409</t>
  </si>
  <si>
    <t>Vespreide huizen Leesten</t>
  </si>
  <si>
    <t>buurt_gegeneraliseerd_2021.0cbb8feb-abea-4693-a8c0-143e7871de11</t>
  </si>
  <si>
    <t>BU03010500</t>
  </si>
  <si>
    <t>2021BU03010500</t>
  </si>
  <si>
    <t>Dorp Warnsveld</t>
  </si>
  <si>
    <t>buurt_gegeneraliseerd_2021.973ec8a1-6804-4ca0-90ab-50f6d82f2bbc</t>
  </si>
  <si>
    <t>BU03010501</t>
  </si>
  <si>
    <t>2021BU03010501</t>
  </si>
  <si>
    <t>buurt_gegeneraliseerd_2021.62e23cbc-edb3-4319-9157-d0d6d8e77921</t>
  </si>
  <si>
    <t>BU03010502</t>
  </si>
  <si>
    <t>2021BU03010502</t>
  </si>
  <si>
    <t>Scheperkamp</t>
  </si>
  <si>
    <t>buurt_gegeneraliseerd_2021.6592066a-1be8-46e9-81a8-fd658d3ef47b</t>
  </si>
  <si>
    <t>BU03010503</t>
  </si>
  <si>
    <t>2021BU03010503</t>
  </si>
  <si>
    <t>Overkamp</t>
  </si>
  <si>
    <t>buurt_gegeneraliseerd_2021.c58d8045-2f4e-4636-a2fb-31274d806d3b</t>
  </si>
  <si>
    <t>BU03010509</t>
  </si>
  <si>
    <t>2021BU03010509</t>
  </si>
  <si>
    <t>Warken</t>
  </si>
  <si>
    <t>buurt_gegeneraliseerd_2021.81ba2e2a-7afc-4b47-b5b8-a6915402de8a</t>
  </si>
  <si>
    <t>BU03020000</t>
  </si>
  <si>
    <t>2021BU03020000</t>
  </si>
  <si>
    <t>Nunspeet-Oost</t>
  </si>
  <si>
    <t>GM0302</t>
  </si>
  <si>
    <t>buurt_gegeneraliseerd_2021.f907dfdd-8237-4c52-ba51-7528b6c83f6e</t>
  </si>
  <si>
    <t>BU03020001</t>
  </si>
  <si>
    <t>2021BU03020001</t>
  </si>
  <si>
    <t>Nunspeet-West</t>
  </si>
  <si>
    <t>buurt_gegeneraliseerd_2021.1741fe6e-585a-453d-b9b9-0fbdefbf7885</t>
  </si>
  <si>
    <t>BU03020002</t>
  </si>
  <si>
    <t>2021BU03020002</t>
  </si>
  <si>
    <t>Nunspeet-Zuid</t>
  </si>
  <si>
    <t>buurt_gegeneraliseerd_2021.3f85cf57-c071-4ce2-8c81-cfa4b4511cbe</t>
  </si>
  <si>
    <t>BU03020003</t>
  </si>
  <si>
    <t>2021BU03020003</t>
  </si>
  <si>
    <t>Hulshorst</t>
  </si>
  <si>
    <t>buurt_gegeneraliseerd_2021.fe88189e-e364-4a77-955d-d544a7027a48</t>
  </si>
  <si>
    <t>BU03020005</t>
  </si>
  <si>
    <t>2021BU03020005</t>
  </si>
  <si>
    <t>Verspreide huizen Hulshorst</t>
  </si>
  <si>
    <t>buurt_gegeneraliseerd_2021.9b35584e-1104-424e-bf0f-b713d27203de</t>
  </si>
  <si>
    <t>BU03020006</t>
  </si>
  <si>
    <t>2021BU03020006</t>
  </si>
  <si>
    <t>Verspreide huizen Zuiderzeeland Nunspeet</t>
  </si>
  <si>
    <t>buurt_gegeneraliseerd_2021.023814b9-2dbb-4480-87b4-e2588663b9c3</t>
  </si>
  <si>
    <t>BU03020007</t>
  </si>
  <si>
    <t>2021BU03020007</t>
  </si>
  <si>
    <t>Verspreide huizen Zuiderzeeland Hulshorst</t>
  </si>
  <si>
    <t>buurt_gegeneraliseerd_2021.05ab9c93-5cd8-4f0c-902b-de117f25b210</t>
  </si>
  <si>
    <t>BU03020008</t>
  </si>
  <si>
    <t>2021BU03020008</t>
  </si>
  <si>
    <t>Verspreide huizen bosgebied Nunspeet</t>
  </si>
  <si>
    <t>buurt_gegeneraliseerd_2021.49d12284-fc11-48d6-ac42-684099663afe</t>
  </si>
  <si>
    <t>BU03020009</t>
  </si>
  <si>
    <t>2021BU03020009</t>
  </si>
  <si>
    <t>Verspreide huizen bosgebied Hulshorst</t>
  </si>
  <si>
    <t>buurt_gegeneraliseerd_2021.dac707bd-17bd-4f86-91db-6f5a00418666</t>
  </si>
  <si>
    <t>BU03020100</t>
  </si>
  <si>
    <t>2021BU03020100</t>
  </si>
  <si>
    <t>Elspeet</t>
  </si>
  <si>
    <t>buurt_gegeneraliseerd_2021.7c5dfeb4-e05c-4e49-86ad-6f7582dcd23c</t>
  </si>
  <si>
    <t>BU03020101</t>
  </si>
  <si>
    <t>2021BU03020101</t>
  </si>
  <si>
    <t>Vierhouten</t>
  </si>
  <si>
    <t>buurt_gegeneraliseerd_2021.9b5d46e4-0d87-43fe-a9f3-6a25303d7d4d</t>
  </si>
  <si>
    <t>BU03020107</t>
  </si>
  <si>
    <t>2021BU03020107</t>
  </si>
  <si>
    <t>Verspreide huizen bosgebied Vierhouten</t>
  </si>
  <si>
    <t>buurt_gegeneraliseerd_2021.6c6e8868-778f-409f-a84b-7b0c3526b99a</t>
  </si>
  <si>
    <t>BU03020108</t>
  </si>
  <si>
    <t>2021BU03020108</t>
  </si>
  <si>
    <t>Verspreide huizen Elspeet en omgeving</t>
  </si>
  <si>
    <t>buurt_gegeneraliseerd_2021.42f6b6b0-9f93-493b-87db-1db331dc92e9</t>
  </si>
  <si>
    <t>BU03020109</t>
  </si>
  <si>
    <t>2021BU03020109</t>
  </si>
  <si>
    <t>Verspreide huizen Elspeetse Bos</t>
  </si>
  <si>
    <t>buurt_gegeneraliseerd_2021.d11f1fb1-75ef-4b0b-9be6-bfe20a7eb3c2</t>
  </si>
  <si>
    <t>BU03030101</t>
  </si>
  <si>
    <t>2021BU03030101</t>
  </si>
  <si>
    <t>Poort van Dronten</t>
  </si>
  <si>
    <t>GM0303</t>
  </si>
  <si>
    <t>buurt_gegeneraliseerd_2021.96f401c2-80ee-4f27-8fce-da539442bbda</t>
  </si>
  <si>
    <t>BU03030102</t>
  </si>
  <si>
    <t>2021BU03030102</t>
  </si>
  <si>
    <t>Business Zone Delta</t>
  </si>
  <si>
    <t>buurt_gegeneraliseerd_2021.9fcbe8aa-c59e-404e-b6d8-53be9f363307</t>
  </si>
  <si>
    <t>BU03030103</t>
  </si>
  <si>
    <t>2021BU03030103</t>
  </si>
  <si>
    <t>De Gilden</t>
  </si>
  <si>
    <t>buurt_gegeneraliseerd_2021.a6619990-d01b-40eb-b48e-9a35249fbef4</t>
  </si>
  <si>
    <t>BU03030104</t>
  </si>
  <si>
    <t>2021BU03030104</t>
  </si>
  <si>
    <t>De Munten</t>
  </si>
  <si>
    <t>buurt_gegeneraliseerd_2021.26047e12-e3bd-46da-9bdd-af75cf0859ff</t>
  </si>
  <si>
    <t>BU03030105</t>
  </si>
  <si>
    <t>2021BU03030105</t>
  </si>
  <si>
    <t>De Drieslag</t>
  </si>
  <si>
    <t>buurt_gegeneraliseerd_2021.3dffed61-60d3-471d-9c60-7dc8afaf6f46</t>
  </si>
  <si>
    <t>BU03030210</t>
  </si>
  <si>
    <t>2021BU03030210</t>
  </si>
  <si>
    <t>Pioniersweg</t>
  </si>
  <si>
    <t>buurt_gegeneraliseerd_2021.21247836-72e7-42fa-aa54-6b3261664e8b</t>
  </si>
  <si>
    <t>BU03030211</t>
  </si>
  <si>
    <t>2021BU03030211</t>
  </si>
  <si>
    <t>Houtwijk</t>
  </si>
  <si>
    <t>buurt_gegeneraliseerd_2021.acb93af6-c721-4b5a-a80f-6c426142b920</t>
  </si>
  <si>
    <t>BU03030212</t>
  </si>
  <si>
    <t>2021BU03030212</t>
  </si>
  <si>
    <t>Hanzekwartier</t>
  </si>
  <si>
    <t>buurt_gegeneraliseerd_2021.c6a41e63-8518-41ea-bed2-cabd20491d93</t>
  </si>
  <si>
    <t>BU03030213</t>
  </si>
  <si>
    <t>2021BU03030213</t>
  </si>
  <si>
    <t>De Oeverloperwijk</t>
  </si>
  <si>
    <t>buurt_gegeneraliseerd_2021.c158810b-5996-4aac-9b8f-33e5f3438e56</t>
  </si>
  <si>
    <t>BU03030320</t>
  </si>
  <si>
    <t>2021BU03030320</t>
  </si>
  <si>
    <t>Centrum Dronten</t>
  </si>
  <si>
    <t>buurt_gegeneraliseerd_2021.f6593c8f-ec5a-425b-9fd3-0791d9a63eef</t>
  </si>
  <si>
    <t>BU03030321</t>
  </si>
  <si>
    <t>2021BU03030321</t>
  </si>
  <si>
    <t>Oud-Dronten</t>
  </si>
  <si>
    <t>buurt_gegeneraliseerd_2021.40286989-bebf-460e-802b-e0a7b4898ea8</t>
  </si>
  <si>
    <t>BU03030322</t>
  </si>
  <si>
    <t>2021BU03030322</t>
  </si>
  <si>
    <t>De Fazant</t>
  </si>
  <si>
    <t>buurt_gegeneraliseerd_2021.4db04c6e-0d36-4200-9fe9-e6ef06d77895</t>
  </si>
  <si>
    <t>BU03030323</t>
  </si>
  <si>
    <t>2021BU03030323</t>
  </si>
  <si>
    <t>Bungalowpark</t>
  </si>
  <si>
    <t>buurt_gegeneraliseerd_2021.8d26df92-d772-4973-b198-600a9b042e24</t>
  </si>
  <si>
    <t>BU03030324</t>
  </si>
  <si>
    <t>2021BU03030324</t>
  </si>
  <si>
    <t>De Boeg</t>
  </si>
  <si>
    <t>buurt_gegeneraliseerd_2021.7ab5836a-0b99-4f20-aae2-437b0181a227</t>
  </si>
  <si>
    <t>BU03030430</t>
  </si>
  <si>
    <t>2021BU03030430</t>
  </si>
  <si>
    <t>De Landmaten</t>
  </si>
  <si>
    <t>buurt_gegeneraliseerd_2021.576f032e-8260-4878-9a26-9f7fd7391ea7</t>
  </si>
  <si>
    <t>BU03030431</t>
  </si>
  <si>
    <t>2021BU03030431</t>
  </si>
  <si>
    <t>De Manege</t>
  </si>
  <si>
    <t>buurt_gegeneraliseerd_2021.8b0fd64e-5614-4b9f-81ab-262f78446e07</t>
  </si>
  <si>
    <t>BU03030432</t>
  </si>
  <si>
    <t>2021BU03030432</t>
  </si>
  <si>
    <t>De Lancaster</t>
  </si>
  <si>
    <t>buurt_gegeneraliseerd_2021.15c1bcb4-d248-4c94-a375-d5aa2272cabb</t>
  </si>
  <si>
    <t>BU03030433</t>
  </si>
  <si>
    <t>2021BU03030433</t>
  </si>
  <si>
    <t>De Landstreken</t>
  </si>
  <si>
    <t>buurt_gegeneraliseerd_2021.975446a4-a866-4d99-9cd7-2f52bea1853f</t>
  </si>
  <si>
    <t>BU03030434</t>
  </si>
  <si>
    <t>2021BU03030434</t>
  </si>
  <si>
    <t>De Kruidentuin</t>
  </si>
  <si>
    <t>buurt_gegeneraliseerd_2021.e095e9c0-3f01-4ed7-9288-df4261effade</t>
  </si>
  <si>
    <t>BU03030435</t>
  </si>
  <si>
    <t>2021BU03030435</t>
  </si>
  <si>
    <t>Golfresidentie</t>
  </si>
  <si>
    <t>buurt_gegeneraliseerd_2021.42b23e70-84eb-4f55-b9c9-b71cc0e3b4e3</t>
  </si>
  <si>
    <t>BU03030548</t>
  </si>
  <si>
    <t>2021BU03030548</t>
  </si>
  <si>
    <t>AZC</t>
  </si>
  <si>
    <t>buurt_gegeneraliseerd_2021.5710e4f1-fae2-4a2d-add1-fb8e8fb02740</t>
  </si>
  <si>
    <t>BU03030549</t>
  </si>
  <si>
    <t>2021BU03030549</t>
  </si>
  <si>
    <t>Ketelhaven</t>
  </si>
  <si>
    <t>buurt_gegeneraliseerd_2021.bc0ff2e3-856f-4796-82e1-dc673b35c7db</t>
  </si>
  <si>
    <t>BU03030550</t>
  </si>
  <si>
    <t>2021BU03030550</t>
  </si>
  <si>
    <t>Buitengebied Dronten</t>
  </si>
  <si>
    <t>buurt_gegeneraliseerd_2021.a4097a57-9735-40d8-9afd-3a3421707e8e</t>
  </si>
  <si>
    <t>BU03030601</t>
  </si>
  <si>
    <t>2021BU03030601</t>
  </si>
  <si>
    <t>Oud-Biddinghuizen Buiten</t>
  </si>
  <si>
    <t>buurt_gegeneraliseerd_2021.9a077ae3-54e1-45c6-a276-7f141c34030e</t>
  </si>
  <si>
    <t>BU03030602</t>
  </si>
  <si>
    <t>2021BU03030602</t>
  </si>
  <si>
    <t>Oud-Biddinghuizen</t>
  </si>
  <si>
    <t>buurt_gegeneraliseerd_2021.b006b519-08a3-4b85-9946-5c513e89c02d</t>
  </si>
  <si>
    <t>BU03030603</t>
  </si>
  <si>
    <t>2021BU03030603</t>
  </si>
  <si>
    <t>De Kaai</t>
  </si>
  <si>
    <t>buurt_gegeneraliseerd_2021.ca604ee3-09c7-40be-baac-b7c7f4b41f4a</t>
  </si>
  <si>
    <t>BU03030604</t>
  </si>
  <si>
    <t>2021BU03030604</t>
  </si>
  <si>
    <t>Centrum Biddinghuizen</t>
  </si>
  <si>
    <t>buurt_gegeneraliseerd_2021.9b153c5c-01a7-46c2-b4de-674a3a9d495e</t>
  </si>
  <si>
    <t>BU03030605</t>
  </si>
  <si>
    <t>2021BU03030605</t>
  </si>
  <si>
    <t>De Baan</t>
  </si>
  <si>
    <t>buurt_gegeneraliseerd_2021.414a3b4f-a29e-418d-b103-51fd1b04b28d</t>
  </si>
  <si>
    <t>BU03030606</t>
  </si>
  <si>
    <t>2021BU03030606</t>
  </si>
  <si>
    <t>Bremerpark</t>
  </si>
  <si>
    <t>buurt_gegeneraliseerd_2021.e146657d-eea2-4aa0-9eaa-089e62bcf5e1</t>
  </si>
  <si>
    <t>BU03030607</t>
  </si>
  <si>
    <t>2021BU03030607</t>
  </si>
  <si>
    <t>De Graafschap</t>
  </si>
  <si>
    <t>buurt_gegeneraliseerd_2021.55b4c03b-e59c-4a64-9231-1349cf86cfdc</t>
  </si>
  <si>
    <t>BU03030608</t>
  </si>
  <si>
    <t>2021BU03030608</t>
  </si>
  <si>
    <t>Noorderbaan</t>
  </si>
  <si>
    <t>buurt_gegeneraliseerd_2021.2c26ec30-327d-4fe8-8f8c-2f056836e46d</t>
  </si>
  <si>
    <t>BU03030609</t>
  </si>
  <si>
    <t>2021BU03030609</t>
  </si>
  <si>
    <t>Oldebroekerweg</t>
  </si>
  <si>
    <t>buurt_gegeneraliseerd_2021.b5cedbb2-ab05-40a7-98ea-0304ed32b316</t>
  </si>
  <si>
    <t>BU03030620</t>
  </si>
  <si>
    <t>2021BU03030620</t>
  </si>
  <si>
    <t>Buitengebied Biddinghuizen</t>
  </si>
  <si>
    <t>buurt_gegeneraliseerd_2021.719f0a5a-1767-4ecd-93db-a907364bf66e</t>
  </si>
  <si>
    <t>BU03030701</t>
  </si>
  <si>
    <t>2021BU03030701</t>
  </si>
  <si>
    <t>Kampbuurt</t>
  </si>
  <si>
    <t>buurt_gegeneraliseerd_2021.1ff7d0dd-b494-4978-90e1-d2dc1306d9d1</t>
  </si>
  <si>
    <t>BU03030702</t>
  </si>
  <si>
    <t>2021BU03030702</t>
  </si>
  <si>
    <t>Centrum Swifterbant</t>
  </si>
  <si>
    <t>buurt_gegeneraliseerd_2021.7e16f662-aacd-4514-ac98-0917de54f7b3</t>
  </si>
  <si>
    <t>BU03030703</t>
  </si>
  <si>
    <t>2021BU03030703</t>
  </si>
  <si>
    <t>Oud-Swifterbant</t>
  </si>
  <si>
    <t>buurt_gegeneraliseerd_2021.09bc16d0-0457-4193-90f4-9d26f601ba83</t>
  </si>
  <si>
    <t>BU03030704</t>
  </si>
  <si>
    <t>2021BU03030704</t>
  </si>
  <si>
    <t>Spelbuurt</t>
  </si>
  <si>
    <t>buurt_gegeneraliseerd_2021.1d57f69e-4690-4146-ad3c-ab3bc7379792</t>
  </si>
  <si>
    <t>BU03030705</t>
  </si>
  <si>
    <t>2021BU03030705</t>
  </si>
  <si>
    <t>buurt_gegeneraliseerd_2021.1145dcb1-a242-4988-a416-0756f17b853a</t>
  </si>
  <si>
    <t>BU03030706</t>
  </si>
  <si>
    <t>2021BU03030706</t>
  </si>
  <si>
    <t>De Kolk</t>
  </si>
  <si>
    <t>buurt_gegeneraliseerd_2021.9c031227-1bf1-4f6c-9110-d353f10ac18d</t>
  </si>
  <si>
    <t>BU03030707</t>
  </si>
  <si>
    <t>2021BU03030707</t>
  </si>
  <si>
    <t>Tarpan</t>
  </si>
  <si>
    <t>buurt_gegeneraliseerd_2021.b4b37057-58d7-40cb-84a8-4d1d77ea39ce</t>
  </si>
  <si>
    <t>BU03030708</t>
  </si>
  <si>
    <t>2021BU03030708</t>
  </si>
  <si>
    <t>Bedrijventerrein Spelwijk</t>
  </si>
  <si>
    <t>buurt_gegeneraliseerd_2021.5d00d82e-501d-4b54-9824-4dcb8b05e4fd</t>
  </si>
  <si>
    <t>BU03030720</t>
  </si>
  <si>
    <t>2021BU03030720</t>
  </si>
  <si>
    <t>Buitengebied Swifterbant</t>
  </si>
  <si>
    <t>buurt_gegeneraliseerd_2021.d4c70b02-d775-4b57-94bc-16d5b1139ad8</t>
  </si>
  <si>
    <t>BU03080000</t>
  </si>
  <si>
    <t>2021BU03080000</t>
  </si>
  <si>
    <t>GM0308</t>
  </si>
  <si>
    <t>buurt_gegeneraliseerd_2021.5c18d813-726d-4a3b-84d4-da15091f32bb</t>
  </si>
  <si>
    <t>BU03080001</t>
  </si>
  <si>
    <t>2021BU03080001</t>
  </si>
  <si>
    <t>Schoonoordpark</t>
  </si>
  <si>
    <t>buurt_gegeneraliseerd_2021.bd2c5b8d-4250-4ee5-8adc-e6eab8820fca</t>
  </si>
  <si>
    <t>BU03080002</t>
  </si>
  <si>
    <t>2021BU03080002</t>
  </si>
  <si>
    <t>buurt_gegeneraliseerd_2021.62464a30-8c72-4ef5-bb63-af970d509799</t>
  </si>
  <si>
    <t>BU03080003</t>
  </si>
  <si>
    <t>2021BU03080003</t>
  </si>
  <si>
    <t>Zandvoort</t>
  </si>
  <si>
    <t>buurt_gegeneraliseerd_2021.04ab7784-e258-470d-9cde-8814778a287b</t>
  </si>
  <si>
    <t>BU03080004</t>
  </si>
  <si>
    <t>2021BU03080004</t>
  </si>
  <si>
    <t>Oude-Oosterhei</t>
  </si>
  <si>
    <t>buurt_gegeneraliseerd_2021.9e1c913c-87c8-4d72-94fe-4290d95c9327</t>
  </si>
  <si>
    <t>BU03080005</t>
  </si>
  <si>
    <t>2021BU03080005</t>
  </si>
  <si>
    <t>Nieuwe-Oosterhei</t>
  </si>
  <si>
    <t>buurt_gegeneraliseerd_2021.517e196c-a144-4aab-a378-dd6b62d85ef8</t>
  </si>
  <si>
    <t>BU03080006</t>
  </si>
  <si>
    <t>2021BU03080006</t>
  </si>
  <si>
    <t>Pekingpark</t>
  </si>
  <si>
    <t>buurt_gegeneraliseerd_2021.6c6714a0-81ee-47f1-a791-f2b35b5bdc1e</t>
  </si>
  <si>
    <t>BU03080007</t>
  </si>
  <si>
    <t>2021BU03080007</t>
  </si>
  <si>
    <t>Amaliapark</t>
  </si>
  <si>
    <t>buurt_gegeneraliseerd_2021.7da32004-4aef-46e1-9224-0f5b4f169900</t>
  </si>
  <si>
    <t>BU03080100</t>
  </si>
  <si>
    <t>2021BU03080100</t>
  </si>
  <si>
    <t>buurt_gegeneraliseerd_2021.443ccf4c-3456-472a-a00d-98120184e780</t>
  </si>
  <si>
    <t>BU03080101</t>
  </si>
  <si>
    <t>2021BU03080101</t>
  </si>
  <si>
    <t>Professorenwijk</t>
  </si>
  <si>
    <t>buurt_gegeneraliseerd_2021.64f9543b-3c4c-4d51-b50f-22f23ef80a8d</t>
  </si>
  <si>
    <t>BU03080102</t>
  </si>
  <si>
    <t>2021BU03080102</t>
  </si>
  <si>
    <t>buurt_gegeneraliseerd_2021.39501871-64ef-4bb3-84ad-6dd40580dde2</t>
  </si>
  <si>
    <t>BU03080103</t>
  </si>
  <si>
    <t>2021BU03080103</t>
  </si>
  <si>
    <t>Schilderswijk</t>
  </si>
  <si>
    <t>buurt_gegeneraliseerd_2021.76fee084-8553-49ef-b812-4bc32df7230b</t>
  </si>
  <si>
    <t>BU03080104</t>
  </si>
  <si>
    <t>2021BU03080104</t>
  </si>
  <si>
    <t>Eemdal-Noord</t>
  </si>
  <si>
    <t>buurt_gegeneraliseerd_2021.96f79bcc-3d00-4c14-a0c3-7e482255925c</t>
  </si>
  <si>
    <t>BU03080105</t>
  </si>
  <si>
    <t>2021BU03080105</t>
  </si>
  <si>
    <t>Eemdal-Zuid</t>
  </si>
  <si>
    <t>buurt_gegeneraliseerd_2021.b79aa9fa-d4e8-4905-b07e-9f131a8710b4</t>
  </si>
  <si>
    <t>BU03080109</t>
  </si>
  <si>
    <t>2021BU03080109</t>
  </si>
  <si>
    <t>Eemland waaronder Eembrugge</t>
  </si>
  <si>
    <t>buurt_gegeneraliseerd_2021.f16dc719-1203-40d3-ae97-d5e76524abcd</t>
  </si>
  <si>
    <t>BU03080200</t>
  </si>
  <si>
    <t>2021BU03080200</t>
  </si>
  <si>
    <t>buurt_gegeneraliseerd_2021.2184b6fa-5b3e-4b69-a2b5-f55e7224d8b2</t>
  </si>
  <si>
    <t>BU03080201</t>
  </si>
  <si>
    <t>2021BU03080201</t>
  </si>
  <si>
    <t>Pr. Hendrikpark</t>
  </si>
  <si>
    <t>buurt_gegeneraliseerd_2021.32dd9160-047b-4c35-aaf1-598450574bbc</t>
  </si>
  <si>
    <t>BU03080400</t>
  </si>
  <si>
    <t>2021BU03080400</t>
  </si>
  <si>
    <t>Verspreide huizen Baarn</t>
  </si>
  <si>
    <t>buurt_gegeneraliseerd_2021.7a539347-a0f0-4bcb-aad0-70a502ec897e</t>
  </si>
  <si>
    <t>BU03080401</t>
  </si>
  <si>
    <t>2021BU03080401</t>
  </si>
  <si>
    <t>Amerpoort Sherpa</t>
  </si>
  <si>
    <t>buurt_gegeneraliseerd_2021.4f6e0e94-72ca-4f2a-9cb3-fd9b1c26d4bb</t>
  </si>
  <si>
    <t>BU03080500</t>
  </si>
  <si>
    <t>2021BU03080500</t>
  </si>
  <si>
    <t>Lage Vuursche</t>
  </si>
  <si>
    <t>buurt_gegeneraliseerd_2021.93364ad8-8217-4637-a3a2-679145e04ca6</t>
  </si>
  <si>
    <t>BU03080501</t>
  </si>
  <si>
    <t>2021BU03080501</t>
  </si>
  <si>
    <t>Verspreide huizen Lage Vuursche</t>
  </si>
  <si>
    <t>buurt_gegeneraliseerd_2021.d9fadc56-60af-4379-bc63-4b0cda6e69f8</t>
  </si>
  <si>
    <t>BU03100101</t>
  </si>
  <si>
    <t>2021BU03100101</t>
  </si>
  <si>
    <t>Westbroek Kern</t>
  </si>
  <si>
    <t>GM0310</t>
  </si>
  <si>
    <t>buurt_gegeneraliseerd_2021.ea7f2efd-6c55-4318-af1e-efbbbb413848</t>
  </si>
  <si>
    <t>BU03100102</t>
  </si>
  <si>
    <t>2021BU03100102</t>
  </si>
  <si>
    <t>Westbroek Buitengebied</t>
  </si>
  <si>
    <t>buurt_gegeneraliseerd_2021.cef239dc-99a5-4505-a5c4-b4a30865750f</t>
  </si>
  <si>
    <t>BU03100201</t>
  </si>
  <si>
    <t>2021BU03100201</t>
  </si>
  <si>
    <t>Hollandsche Rading Kern</t>
  </si>
  <si>
    <t>buurt_gegeneraliseerd_2021.1b9fbf1d-3235-42de-a2b3-3ef4c787eb16</t>
  </si>
  <si>
    <t>BU03100202</t>
  </si>
  <si>
    <t>2021BU03100202</t>
  </si>
  <si>
    <t>Hollandsche Rading Buitengebied</t>
  </si>
  <si>
    <t>buurt_gegeneraliseerd_2021.ca7a32c3-427a-4bcf-b80b-38e64a160e4a</t>
  </si>
  <si>
    <t>BU03100301</t>
  </si>
  <si>
    <t>2021BU03100301</t>
  </si>
  <si>
    <t>Maartensdijk Kern</t>
  </si>
  <si>
    <t>buurt_gegeneraliseerd_2021.fa264fee-93d7-49b6-a6a8-4bcd50a66b2f</t>
  </si>
  <si>
    <t>BU03100302</t>
  </si>
  <si>
    <t>2021BU03100302</t>
  </si>
  <si>
    <t>Industrieweg-Tolakkerweg</t>
  </si>
  <si>
    <t>buurt_gegeneraliseerd_2021.1ce7d7ca-aa90-4f5b-a629-0bd9891a98c5</t>
  </si>
  <si>
    <t>BU03100303</t>
  </si>
  <si>
    <t>2021BU03100303</t>
  </si>
  <si>
    <t>Maartensdijk Buitengebied</t>
  </si>
  <si>
    <t>buurt_gegeneraliseerd_2021.9c135d26-b3a0-43e3-bb13-12bb089169b4</t>
  </si>
  <si>
    <t>BU03100401</t>
  </si>
  <si>
    <t>2021BU03100401</t>
  </si>
  <si>
    <t>Groenekan Kern</t>
  </si>
  <si>
    <t>buurt_gegeneraliseerd_2021.18862d9e-2bd6-4a3f-8898-23136d40b050</t>
  </si>
  <si>
    <t>BU03100402</t>
  </si>
  <si>
    <t>2021BU03100402</t>
  </si>
  <si>
    <t>Groenekan Buitengebied</t>
  </si>
  <si>
    <t>buurt_gegeneraliseerd_2021.9d4c4a9a-abea-4fef-8942-a00997126639</t>
  </si>
  <si>
    <t>BU03100505</t>
  </si>
  <si>
    <t>2021BU03100505</t>
  </si>
  <si>
    <t>De Leijen</t>
  </si>
  <si>
    <t>buurt_gegeneraliseerd_2021.5dabef67-1782-4b27-a6ef-fe6d9afb5e58</t>
  </si>
  <si>
    <t>BU03100601</t>
  </si>
  <si>
    <t>2021BU03100601</t>
  </si>
  <si>
    <t>Bilthoven Noord I</t>
  </si>
  <si>
    <t>buurt_gegeneraliseerd_2021.6921616a-abe5-4a38-bb70-501a005df1b3</t>
  </si>
  <si>
    <t>BU03100602</t>
  </si>
  <si>
    <t>2021BU03100602</t>
  </si>
  <si>
    <t>Bilthoven Noord II</t>
  </si>
  <si>
    <t>buurt_gegeneraliseerd_2021.6c351dab-7706-409f-bdc8-b1fa448e19f0</t>
  </si>
  <si>
    <t>BU03100603</t>
  </si>
  <si>
    <t>2021BU03100603</t>
  </si>
  <si>
    <t>Ridderoordsche Bossen</t>
  </si>
  <si>
    <t>buurt_gegeneraliseerd_2021.88c42ed5-b719-4465-9d5d-4f8c99d965a0</t>
  </si>
  <si>
    <t>BU03100701</t>
  </si>
  <si>
    <t>2021BU03100701</t>
  </si>
  <si>
    <t>Bilthoven Centrum</t>
  </si>
  <si>
    <t>buurt_gegeneraliseerd_2021.0d4eecc8-14e2-474f-89d3-42e768893ac7</t>
  </si>
  <si>
    <t>BU03100702</t>
  </si>
  <si>
    <t>2021BU03100702</t>
  </si>
  <si>
    <t>Overbosch</t>
  </si>
  <si>
    <t>buurt_gegeneraliseerd_2021.603333a7-ce0b-4cd7-887e-064fc4018d9b</t>
  </si>
  <si>
    <t>BU03100703</t>
  </si>
  <si>
    <t>2021BU03100703</t>
  </si>
  <si>
    <t>Noord Houdringe</t>
  </si>
  <si>
    <t>buurt_gegeneraliseerd_2021.fa787c30-2f1b-4834-933a-760bf190bf65</t>
  </si>
  <si>
    <t>BU03100801</t>
  </si>
  <si>
    <t>2021BU03100801</t>
  </si>
  <si>
    <t>buurt_gegeneraliseerd_2021.7af2079c-d3b5-44be-bfff-3556d1906658</t>
  </si>
  <si>
    <t>BU03100802</t>
  </si>
  <si>
    <t>2021BU03100802</t>
  </si>
  <si>
    <t>Brandenburg</t>
  </si>
  <si>
    <t>buurt_gegeneraliseerd_2021.ed1acabf-2765-448e-b200-312e26bef3b5</t>
  </si>
  <si>
    <t>BU03100803</t>
  </si>
  <si>
    <t>2021BU03100803</t>
  </si>
  <si>
    <t>Larenstein</t>
  </si>
  <si>
    <t>buurt_gegeneraliseerd_2021.c84b9027-19ef-4b85-8899-46078357c18a</t>
  </si>
  <si>
    <t>BU03100901</t>
  </si>
  <si>
    <t>2021BU03100901</t>
  </si>
  <si>
    <t>De Bilt West</t>
  </si>
  <si>
    <t>buurt_gegeneraliseerd_2021.b591071f-95b0-495a-a832-0af2ec953629</t>
  </si>
  <si>
    <t>BU03100902</t>
  </si>
  <si>
    <t>2021BU03100902</t>
  </si>
  <si>
    <t>Weltevreden</t>
  </si>
  <si>
    <t>buurt_gegeneraliseerd_2021.d73a17be-f1a9-4ea9-a44b-f279c1c01083</t>
  </si>
  <si>
    <t>BU03100903</t>
  </si>
  <si>
    <t>2021BU03100903</t>
  </si>
  <si>
    <t>De Bilt Zuid</t>
  </si>
  <si>
    <t>buurt_gegeneraliseerd_2021.f3ef7b2c-17e1-4e94-b988-dcd67ca5afc3</t>
  </si>
  <si>
    <t>BU03101001</t>
  </si>
  <si>
    <t>2021BU03101001</t>
  </si>
  <si>
    <t>De Bilt Oost</t>
  </si>
  <si>
    <t>buurt_gegeneraliseerd_2021.a425a468-0de8-4d34-93ca-fc1bd5163442</t>
  </si>
  <si>
    <t>BU03101002</t>
  </si>
  <si>
    <t>2021BU03101002</t>
  </si>
  <si>
    <t>Beerschoten-Oostbroek</t>
  </si>
  <si>
    <t>buurt_gegeneraliseerd_2021.09afc24b-eda4-4dd2-8d00-30d27e9023e7</t>
  </si>
  <si>
    <t>BU03120000</t>
  </si>
  <si>
    <t>2021BU03120000</t>
  </si>
  <si>
    <t>Bunnik</t>
  </si>
  <si>
    <t>GM0312</t>
  </si>
  <si>
    <t>buurt_gegeneraliseerd_2021.efa88d71-7e3d-438c-ac3c-c10053720f32</t>
  </si>
  <si>
    <t>BU03120001</t>
  </si>
  <si>
    <t>2021BU03120001</t>
  </si>
  <si>
    <t>Vechten</t>
  </si>
  <si>
    <t>buurt_gegeneraliseerd_2021.40c94eb7-8eb2-4724-89ce-655b22f74dd9</t>
  </si>
  <si>
    <t>BU03120008</t>
  </si>
  <si>
    <t>2021BU03120008</t>
  </si>
  <si>
    <t>Verspreide huizen in het noorden</t>
  </si>
  <si>
    <t>buurt_gegeneraliseerd_2021.33928474-1fe3-4af9-b029-5554727838fb</t>
  </si>
  <si>
    <t>BU03120009</t>
  </si>
  <si>
    <t>2021BU03120009</t>
  </si>
  <si>
    <t>Verspreide huizen in het zuiden</t>
  </si>
  <si>
    <t>buurt_gegeneraliseerd_2021.99a3a326-5453-4f73-b5ba-9458679d202e</t>
  </si>
  <si>
    <t>BU03120100</t>
  </si>
  <si>
    <t>2021BU03120100</t>
  </si>
  <si>
    <t>Odijk</t>
  </si>
  <si>
    <t>buurt_gegeneraliseerd_2021.eea952df-78e9-4f4a-b0d5-d8b386914aea</t>
  </si>
  <si>
    <t>BU03120109</t>
  </si>
  <si>
    <t>2021BU03120109</t>
  </si>
  <si>
    <t>Verspreide huizen van Odijk</t>
  </si>
  <si>
    <t>buurt_gegeneraliseerd_2021.01481850-672e-4d29-a9bd-5fe8d23191ab</t>
  </si>
  <si>
    <t>BU03120200</t>
  </si>
  <si>
    <t>2021BU03120200</t>
  </si>
  <si>
    <t>Werkhoven</t>
  </si>
  <si>
    <t>buurt_gegeneraliseerd_2021.c3544723-47a9-419e-bce4-2459de3f0165</t>
  </si>
  <si>
    <t>BU03120209</t>
  </si>
  <si>
    <t>2021BU03120209</t>
  </si>
  <si>
    <t>Verspreide huizen van Werkhoven</t>
  </si>
  <si>
    <t>buurt_gegeneraliseerd_2021.00aa2074-ed75-4254-81f7-13c2ae2c46d9</t>
  </si>
  <si>
    <t>BU03130001</t>
  </si>
  <si>
    <t>2021BU03130001</t>
  </si>
  <si>
    <t>Bunschoten</t>
  </si>
  <si>
    <t>GM0313</t>
  </si>
  <si>
    <t>buurt_gegeneraliseerd_2021.546f687f-96fe-4c60-b6e1-de99a39a526d</t>
  </si>
  <si>
    <t>BU03130002</t>
  </si>
  <si>
    <t>2021BU03130002</t>
  </si>
  <si>
    <t>Spakenburg</t>
  </si>
  <si>
    <t>buurt_gegeneraliseerd_2021.05de5258-d891-40ce-9dda-1fbfd0fc19e5</t>
  </si>
  <si>
    <t>BU03130003</t>
  </si>
  <si>
    <t>2021BU03130003</t>
  </si>
  <si>
    <t>Eemdijk</t>
  </si>
  <si>
    <t>buurt_gegeneraliseerd_2021.b3fba28f-6ae0-43f2-abb7-3fc4c9fcda7a</t>
  </si>
  <si>
    <t>BU03130004</t>
  </si>
  <si>
    <t>2021BU03130004</t>
  </si>
  <si>
    <t>Broerswetering</t>
  </si>
  <si>
    <t>buurt_gegeneraliseerd_2021.74899ae4-734f-4406-a5e4-14fa656510ab</t>
  </si>
  <si>
    <t>BU03130005</t>
  </si>
  <si>
    <t>2021BU03130005</t>
  </si>
  <si>
    <t>Bikkersvaart</t>
  </si>
  <si>
    <t>buurt_gegeneraliseerd_2021.343fa326-d72a-4d17-a71f-9fecf0c1f480</t>
  </si>
  <si>
    <t>BU03130006</t>
  </si>
  <si>
    <t>2021BU03130006</t>
  </si>
  <si>
    <t>Blokhuiswetering</t>
  </si>
  <si>
    <t>buurt_gegeneraliseerd_2021.8be9d343-5b63-4714-bc99-e28898aeefc5</t>
  </si>
  <si>
    <t>BU03130007</t>
  </si>
  <si>
    <t>2021BU03130007</t>
  </si>
  <si>
    <t>De Haar</t>
  </si>
  <si>
    <t>buurt_gegeneraliseerd_2021.b15c8e3a-2b6a-4b5d-9830-8115ed5025fb</t>
  </si>
  <si>
    <t>BU03130008</t>
  </si>
  <si>
    <t>2021BU03130008</t>
  </si>
  <si>
    <t>buurt_gegeneraliseerd_2021.683a50b9-dc82-4fe3-8c7a-cdb68042591d</t>
  </si>
  <si>
    <t>BU03130009</t>
  </si>
  <si>
    <t>2021BU03130009</t>
  </si>
  <si>
    <t>Koenraadswetering</t>
  </si>
  <si>
    <t>buurt_gegeneraliseerd_2021.071c0a4f-c200-4bea-87f8-0304eaf00ad9</t>
  </si>
  <si>
    <t>BU03130011</t>
  </si>
  <si>
    <t>2021BU03130011</t>
  </si>
  <si>
    <t>Rengerswetering</t>
  </si>
  <si>
    <t>buurt_gegeneraliseerd_2021.99315834-97a5-44b8-ab33-6691a347a42c</t>
  </si>
  <si>
    <t>BU03170210</t>
  </si>
  <si>
    <t>2021BU03170210</t>
  </si>
  <si>
    <t>Eembrugge</t>
  </si>
  <si>
    <t>GM0317</t>
  </si>
  <si>
    <t>buurt_gegeneraliseerd_2021.90ca3c4b-7901-4b5c-8aac-c4caeb7d181f</t>
  </si>
  <si>
    <t>BU03170211</t>
  </si>
  <si>
    <t>2021BU03170211</t>
  </si>
  <si>
    <t>Eemmeer-Eemnes</t>
  </si>
  <si>
    <t>buurt_gegeneraliseerd_2021.9224ebef-2d8a-4ef3-b4ce-7412ce5dbda7</t>
  </si>
  <si>
    <t>BU03170212</t>
  </si>
  <si>
    <t>2021BU03170212</t>
  </si>
  <si>
    <t>Eemnes-Dorp</t>
  </si>
  <si>
    <t>buurt_gegeneraliseerd_2021.a2dd0c06-f6f6-4c20-9a0c-bd1c4b57a4a0</t>
  </si>
  <si>
    <t>BU03170213</t>
  </si>
  <si>
    <t>2021BU03170213</t>
  </si>
  <si>
    <t>Eempolder</t>
  </si>
  <si>
    <t>buurt_gegeneraliseerd_2021.03bbde95-cc7c-41dd-9517-4d2dac0cd69c</t>
  </si>
  <si>
    <t>BU03170214</t>
  </si>
  <si>
    <t>2021BU03170214</t>
  </si>
  <si>
    <t>Polder te Veen</t>
  </si>
  <si>
    <t>buurt_gegeneraliseerd_2021.e12e959b-9488-4e55-8e70-4e7ac031f438</t>
  </si>
  <si>
    <t>BU03170215</t>
  </si>
  <si>
    <t>2021BU03170215</t>
  </si>
  <si>
    <t>Goyergracht</t>
  </si>
  <si>
    <t>buurt_gegeneraliseerd_2021.1004482e-5a8b-4b8d-b861-ea3819795f44</t>
  </si>
  <si>
    <t>BU03170216</t>
  </si>
  <si>
    <t>2021BU03170216</t>
  </si>
  <si>
    <t>Heidehoek</t>
  </si>
  <si>
    <t>buurt_gegeneraliseerd_2021.bcc5e438-685b-494c-a8cc-a644f7a270fa</t>
  </si>
  <si>
    <t>BU03170217</t>
  </si>
  <si>
    <t>2021BU03170217</t>
  </si>
  <si>
    <t>Noordbuurt</t>
  </si>
  <si>
    <t>buurt_gegeneraliseerd_2021.a1448692-8e1b-44d0-9dc8-794b336e866a</t>
  </si>
  <si>
    <t>BU03170218</t>
  </si>
  <si>
    <t>2021BU03170218</t>
  </si>
  <si>
    <t>Wakkerendijk-Meentweg</t>
  </si>
  <si>
    <t>buurt_gegeneraliseerd_2021.5fbe3dd2-e03b-443b-9ca0-eaf3cbb89ebc</t>
  </si>
  <si>
    <t>BU03170219</t>
  </si>
  <si>
    <t>2021BU03170219</t>
  </si>
  <si>
    <t>Zuidbuurt</t>
  </si>
  <si>
    <t>buurt_gegeneraliseerd_2021.13dad9a6-c307-42d3-9073-224545651cfc</t>
  </si>
  <si>
    <t>BU03270000</t>
  </si>
  <si>
    <t>2021BU03270000</t>
  </si>
  <si>
    <t>Hamershof</t>
  </si>
  <si>
    <t>GM0327</t>
  </si>
  <si>
    <t>buurt_gegeneraliseerd_2021.ee79928f-d70f-417c-8ac4-8f13934263a9</t>
  </si>
  <si>
    <t>BU03270001</t>
  </si>
  <si>
    <t>2021BU03270001</t>
  </si>
  <si>
    <t>Akkerhoeve</t>
  </si>
  <si>
    <t>buurt_gegeneraliseerd_2021.82cb5940-2626-418b-836d-20d442f42387</t>
  </si>
  <si>
    <t>BU03270002</t>
  </si>
  <si>
    <t>2021BU03270002</t>
  </si>
  <si>
    <t>Noordwijck</t>
  </si>
  <si>
    <t>buurt_gegeneraliseerd_2021.144d9885-c9fd-49e1-a965-1d727a840fe3</t>
  </si>
  <si>
    <t>BU03270003</t>
  </si>
  <si>
    <t>2021BU03270003</t>
  </si>
  <si>
    <t>Langenbeek</t>
  </si>
  <si>
    <t>buurt_gegeneraliseerd_2021.8a57e4e5-0fda-434c-8f2e-45fdd622cfc2</t>
  </si>
  <si>
    <t>BU03270004</t>
  </si>
  <si>
    <t>2021BU03270004</t>
  </si>
  <si>
    <t>Zwanenburg</t>
  </si>
  <si>
    <t>buurt_gegeneraliseerd_2021.e6b7bf09-3a04-4534-b2e9-4cf36f85b1c0</t>
  </si>
  <si>
    <t>BU03270005</t>
  </si>
  <si>
    <t>2021BU03270005</t>
  </si>
  <si>
    <t>Munnikhove</t>
  </si>
  <si>
    <t>buurt_gegeneraliseerd_2021.4f974d13-ca69-4713-9eb8-37b5b8f558f3</t>
  </si>
  <si>
    <t>BU03270006</t>
  </si>
  <si>
    <t>2021BU03270006</t>
  </si>
  <si>
    <t>Bosveld</t>
  </si>
  <si>
    <t>buurt_gegeneraliseerd_2021.d3e5a2d6-8420-42ba-bb2f-f45b8f3421a0</t>
  </si>
  <si>
    <t>BU03270007</t>
  </si>
  <si>
    <t>2021BU03270007</t>
  </si>
  <si>
    <t>Claverenblad</t>
  </si>
  <si>
    <t>buurt_gegeneraliseerd_2021.fbff46ee-da67-49b0-998f-bfe80dffa604</t>
  </si>
  <si>
    <t>BU03270008</t>
  </si>
  <si>
    <t>2021BU03270008</t>
  </si>
  <si>
    <t>Wildenburg</t>
  </si>
  <si>
    <t>buurt_gegeneraliseerd_2021.901be430-67b5-4a7b-aac9-15c57a70ff41</t>
  </si>
  <si>
    <t>BU03270009</t>
  </si>
  <si>
    <t>2021BU03270009</t>
  </si>
  <si>
    <t>Buitengebied Leusden-Centrum Oost</t>
  </si>
  <si>
    <t>buurt_gegeneraliseerd_2021.f6a77f3f-e2ad-479a-8633-da0f4172ea8d</t>
  </si>
  <si>
    <t>BU03270100</t>
  </si>
  <si>
    <t>2021BU03270100</t>
  </si>
  <si>
    <t>Hamersveld-Oud</t>
  </si>
  <si>
    <t>buurt_gegeneraliseerd_2021.4215cae9-2f4c-4863-9e5b-a2e0d6983cd1</t>
  </si>
  <si>
    <t>BU03270101</t>
  </si>
  <si>
    <t>2021BU03270101</t>
  </si>
  <si>
    <t>Hamersveld-Nieuw</t>
  </si>
  <si>
    <t>buurt_gegeneraliseerd_2021.fdf193fa-25fb-46b1-ad3e-53d8291c6d6c</t>
  </si>
  <si>
    <t>BU03270102</t>
  </si>
  <si>
    <t>2021BU03270102</t>
  </si>
  <si>
    <t>Rozenboom</t>
  </si>
  <si>
    <t>buurt_gegeneraliseerd_2021.5cc34247-68da-4f48-a73b-796e1809ecef</t>
  </si>
  <si>
    <t>BU03270103</t>
  </si>
  <si>
    <t>2021BU03270103</t>
  </si>
  <si>
    <t>buurt_gegeneraliseerd_2021.6e21f048-6309-4f00-b2ca-06407af57831</t>
  </si>
  <si>
    <t>BU03270104</t>
  </si>
  <si>
    <t>2021BU03270104</t>
  </si>
  <si>
    <t>Alandsbeek-West</t>
  </si>
  <si>
    <t>buurt_gegeneraliseerd_2021.ca384154-6b96-44ae-95f8-4329679da4d8</t>
  </si>
  <si>
    <t>BU03270105</t>
  </si>
  <si>
    <t>2021BU03270105</t>
  </si>
  <si>
    <t>Alandsbeek-Oost</t>
  </si>
  <si>
    <t>buurt_gegeneraliseerd_2021.fb959fe0-f528-495a-aad1-7d23e63eeeb2</t>
  </si>
  <si>
    <t>BU03270106</t>
  </si>
  <si>
    <t>2021BU03270106</t>
  </si>
  <si>
    <t>De Wetering</t>
  </si>
  <si>
    <t>buurt_gegeneraliseerd_2021.d3129452-c16f-4587-85ab-107db289031b</t>
  </si>
  <si>
    <t>BU03270107</t>
  </si>
  <si>
    <t>2021BU03270107</t>
  </si>
  <si>
    <t>Rossenberg</t>
  </si>
  <si>
    <t>buurt_gegeneraliseerd_2021.6b778877-3462-400b-b886-fc64c74b5b1a</t>
  </si>
  <si>
    <t>BU03270108</t>
  </si>
  <si>
    <t>2021BU03270108</t>
  </si>
  <si>
    <t>Groenhouten</t>
  </si>
  <si>
    <t>buurt_gegeneraliseerd_2021.351a9121-7893-4daf-9a3e-689d404e4a24</t>
  </si>
  <si>
    <t>BU03270109</t>
  </si>
  <si>
    <t>2021BU03270109</t>
  </si>
  <si>
    <t>Buitengebied Leusden-Centrum West</t>
  </si>
  <si>
    <t>buurt_gegeneraliseerd_2021.ba22c1d8-c5f3-401e-99e0-6405a68dba52</t>
  </si>
  <si>
    <t>BU03270200</t>
  </si>
  <si>
    <t>2021BU03270200</t>
  </si>
  <si>
    <t>Kern Leusden-Zuid</t>
  </si>
  <si>
    <t>buurt_gegeneraliseerd_2021.a503505f-b7cc-49e1-ad8a-ffe8622cb5d6</t>
  </si>
  <si>
    <t>BU03270201</t>
  </si>
  <si>
    <t>2021BU03270201</t>
  </si>
  <si>
    <t>Tabaksteeg</t>
  </si>
  <si>
    <t>buurt_gegeneraliseerd_2021.872e0594-55d3-42b4-9c0b-f9e28d955c75</t>
  </si>
  <si>
    <t>BU03270209</t>
  </si>
  <si>
    <t>2021BU03270209</t>
  </si>
  <si>
    <t>Buitengebied Leusden-Zuid</t>
  </si>
  <si>
    <t>buurt_gegeneraliseerd_2021.23cbeab7-c62f-4e75-898a-762be72d47a0</t>
  </si>
  <si>
    <t>BU03270300</t>
  </si>
  <si>
    <t>2021BU03270300</t>
  </si>
  <si>
    <t>Kern Achterveld</t>
  </si>
  <si>
    <t>buurt_gegeneraliseerd_2021.a126a813-d466-40c3-a5b9-679c88ffeea9</t>
  </si>
  <si>
    <t>BU03270309</t>
  </si>
  <si>
    <t>2021BU03270309</t>
  </si>
  <si>
    <t>buurt_gegeneraliseerd_2021.1a23cda0-98fb-4da6-b58b-257ac271e62c</t>
  </si>
  <si>
    <t>BU03270400</t>
  </si>
  <si>
    <t>2021BU03270400</t>
  </si>
  <si>
    <t>Stoutenburg</t>
  </si>
  <si>
    <t>buurt_gegeneraliseerd_2021.40853ad1-2415-4e70-ab28-d669c85b352d</t>
  </si>
  <si>
    <t>BU03270500</t>
  </si>
  <si>
    <t>2021BU03270500</t>
  </si>
  <si>
    <t>'t Ruige Veld</t>
  </si>
  <si>
    <t>buurt_gegeneraliseerd_2021.77d3de53-cf00-4851-a82a-c7511987c3e2</t>
  </si>
  <si>
    <t>BU03270501</t>
  </si>
  <si>
    <t>2021BU03270501</t>
  </si>
  <si>
    <t>'t Vliet</t>
  </si>
  <si>
    <t>buurt_gegeneraliseerd_2021.b385d662-3f0a-46e3-a403-9ebd26613941</t>
  </si>
  <si>
    <t>BU03310000</t>
  </si>
  <si>
    <t>2021BU03310000</t>
  </si>
  <si>
    <t>Lopik-Dorp</t>
  </si>
  <si>
    <t>GM0331</t>
  </si>
  <si>
    <t>buurt_gegeneraliseerd_2021.a44c2251-87c4-4d57-8559-5ff4b244a873</t>
  </si>
  <si>
    <t>BU03310001</t>
  </si>
  <si>
    <t>2021BU03310001</t>
  </si>
  <si>
    <t>Graaf</t>
  </si>
  <si>
    <t>buurt_gegeneraliseerd_2021.9af106b3-c22d-4d46-9c6e-ad673086986d</t>
  </si>
  <si>
    <t>BU03310002</t>
  </si>
  <si>
    <t>2021BU03310002</t>
  </si>
  <si>
    <t>Uitweg</t>
  </si>
  <si>
    <t>buurt_gegeneraliseerd_2021.32fdcc85-4ee5-48b2-be0e-401ba14bbe26</t>
  </si>
  <si>
    <t>BU03310003</t>
  </si>
  <si>
    <t>2021BU03310003</t>
  </si>
  <si>
    <t>Lopikerkapel</t>
  </si>
  <si>
    <t>buurt_gegeneraliseerd_2021.29231963-0fd9-4d04-abbf-7a0b49a68d05</t>
  </si>
  <si>
    <t>BU03310004</t>
  </si>
  <si>
    <t>2021BU03310004</t>
  </si>
  <si>
    <t>Jaarsveld</t>
  </si>
  <si>
    <t>buurt_gegeneraliseerd_2021.83ce5445-63df-4a3f-b1b8-dd0b410175f3</t>
  </si>
  <si>
    <t>BU03310005</t>
  </si>
  <si>
    <t>2021BU03310005</t>
  </si>
  <si>
    <t>Wielsekade</t>
  </si>
  <si>
    <t>buurt_gegeneraliseerd_2021.46db827f-4ff0-4d4d-b6fe-761ef840942b</t>
  </si>
  <si>
    <t>BU03310006</t>
  </si>
  <si>
    <t>2021BU03310006</t>
  </si>
  <si>
    <t>Cabauw</t>
  </si>
  <si>
    <t>buurt_gegeneraliseerd_2021.5f6ad9c3-99e1-448e-bfa2-b67bfd038721</t>
  </si>
  <si>
    <t>BU03310007</t>
  </si>
  <si>
    <t>2021BU03310007</t>
  </si>
  <si>
    <t>Zevender</t>
  </si>
  <si>
    <t>buurt_gegeneraliseerd_2021.dca13542-09fc-4c64-8f28-0040a1a86a11</t>
  </si>
  <si>
    <t>BU03310008</t>
  </si>
  <si>
    <t>2021BU03310008</t>
  </si>
  <si>
    <t>Lekdijk tussen Jaarsveld en Schoonhoven</t>
  </si>
  <si>
    <t>buurt_gegeneraliseerd_2021.106bfe96-b90e-449d-bfdc-52d361795708</t>
  </si>
  <si>
    <t>BU03310009</t>
  </si>
  <si>
    <t>2021BU03310009</t>
  </si>
  <si>
    <t>Langs de Lekdijk Lopikerwaard</t>
  </si>
  <si>
    <t>buurt_gegeneraliseerd_2021.43af55f8-f41a-4136-b693-eb06524c8b4c</t>
  </si>
  <si>
    <t>BU03310010</t>
  </si>
  <si>
    <t>2021BU03310010</t>
  </si>
  <si>
    <t>Benschop-Dorp</t>
  </si>
  <si>
    <t>buurt_gegeneraliseerd_2021.11382977-9475-417f-bca9-1870331fff61</t>
  </si>
  <si>
    <t>BU03310019</t>
  </si>
  <si>
    <t>2021BU03310019</t>
  </si>
  <si>
    <t>Benschop Boveneind-Benedeneind</t>
  </si>
  <si>
    <t>buurt_gegeneraliseerd_2021.d43a7b0e-dc5f-4449-9c58-817c8cb643be</t>
  </si>
  <si>
    <t>BU03310020</t>
  </si>
  <si>
    <t>2021BU03310020</t>
  </si>
  <si>
    <t>Polsbroek-Dorp</t>
  </si>
  <si>
    <t>buurt_gegeneraliseerd_2021.249ac390-98f9-4dc5-9e5f-0cfa1895ae6c</t>
  </si>
  <si>
    <t>BU03310029</t>
  </si>
  <si>
    <t>2021BU03310029</t>
  </si>
  <si>
    <t>Polsbroek-Noordzijdseweg-Zuidzijdseweg</t>
  </si>
  <si>
    <t>buurt_gegeneraliseerd_2021.d83cf793-c31b-4ae4-8ddc-0ba092c51d43</t>
  </si>
  <si>
    <t>BU03350000</t>
  </si>
  <si>
    <t>2021BU03350000</t>
  </si>
  <si>
    <t>Montfoort</t>
  </si>
  <si>
    <t>GM0335</t>
  </si>
  <si>
    <t>buurt_gegeneraliseerd_2021.1f02b6c8-00a9-49e6-8fbe-44cfd108e3c1</t>
  </si>
  <si>
    <t>BU03350001</t>
  </si>
  <si>
    <t>2021BU03350001</t>
  </si>
  <si>
    <t>Tabakshof en Heeswijk (gedeeltelijk)</t>
  </si>
  <si>
    <t>buurt_gegeneraliseerd_2021.ebdbe1fb-1f8e-4bba-befe-83bdc0e3d7c9</t>
  </si>
  <si>
    <t>BU03350100</t>
  </si>
  <si>
    <t>2021BU03350100</t>
  </si>
  <si>
    <t>Linschoten</t>
  </si>
  <si>
    <t>buurt_gegeneraliseerd_2021.53e59d32-ca1f-4d6e-8a48-6d3a41d62a04</t>
  </si>
  <si>
    <t>BU03350101</t>
  </si>
  <si>
    <t>2021BU03350101</t>
  </si>
  <si>
    <t>Polanen</t>
  </si>
  <si>
    <t>buurt_gegeneraliseerd_2021.7ebf1d2e-625c-4e2e-8798-d2cdce95dc13</t>
  </si>
  <si>
    <t>BU03350102</t>
  </si>
  <si>
    <t>2021BU03350102</t>
  </si>
  <si>
    <t>Cattenbroek</t>
  </si>
  <si>
    <t>buurt_gegeneraliseerd_2021.c80c41a6-5c78-4a94-998d-9c6b519c8757</t>
  </si>
  <si>
    <t>BU03350103</t>
  </si>
  <si>
    <t>2021BU03350103</t>
  </si>
  <si>
    <t>Heeswijk</t>
  </si>
  <si>
    <t>buurt_gegeneraliseerd_2021.f15b0c37-7ce1-43dc-8f4b-d5b9ca589b3d</t>
  </si>
  <si>
    <t>BU03350108</t>
  </si>
  <si>
    <t>2021BU03350108</t>
  </si>
  <si>
    <t>Verspreide huizen Linschoten</t>
  </si>
  <si>
    <t>buurt_gegeneraliseerd_2021.085e82c8-a076-468b-9806-4fee4a14a821</t>
  </si>
  <si>
    <t>BU03350109</t>
  </si>
  <si>
    <t>2021BU03350109</t>
  </si>
  <si>
    <t>Verspreide huizen Mastwijk</t>
  </si>
  <si>
    <t>buurt_gegeneraliseerd_2021.06a6d22d-e135-4a9d-9f6a-2e0a09139994</t>
  </si>
  <si>
    <t>BU03350200</t>
  </si>
  <si>
    <t>2021BU03350200</t>
  </si>
  <si>
    <t>Willeskop</t>
  </si>
  <si>
    <t>buurt_gegeneraliseerd_2021.03eeb55b-7fbb-44cf-aa87-7ce740b51f35</t>
  </si>
  <si>
    <t>BU03350201</t>
  </si>
  <si>
    <t>2021BU03350201</t>
  </si>
  <si>
    <t>Blokland</t>
  </si>
  <si>
    <t>buurt_gegeneraliseerd_2021.0fdf4903-3149-4917-89cd-de2a17a94fb0</t>
  </si>
  <si>
    <t>BU03350202</t>
  </si>
  <si>
    <t>2021BU03350202</t>
  </si>
  <si>
    <t>Beneden Kerkweg</t>
  </si>
  <si>
    <t>buurt_gegeneraliseerd_2021.fac45599-8a40-442b-976d-5df4ea7d53c1</t>
  </si>
  <si>
    <t>BU03350209</t>
  </si>
  <si>
    <t>2021BU03350209</t>
  </si>
  <si>
    <t>buurt_gegeneraliseerd_2021.ce2dffa1-712d-410d-9a8a-5febfef3e0e7</t>
  </si>
  <si>
    <t>BU03390000</t>
  </si>
  <si>
    <t>2021BU03390000</t>
  </si>
  <si>
    <t>Renswoude</t>
  </si>
  <si>
    <t>GM0339</t>
  </si>
  <si>
    <t>buurt_gegeneraliseerd_2021.e7a84b1b-7cd5-40e1-a625-3357f3587ca4</t>
  </si>
  <si>
    <t>BU03390009</t>
  </si>
  <si>
    <t>2021BU03390009</t>
  </si>
  <si>
    <t>buurt_gegeneraliseerd_2021.e8ea47fe-384d-48d1-8765-0cff8ad714b0</t>
  </si>
  <si>
    <t>BU03400001</t>
  </si>
  <si>
    <t>2021BU03400001</t>
  </si>
  <si>
    <t>Rhenen Binnenstad</t>
  </si>
  <si>
    <t>GM0340</t>
  </si>
  <si>
    <t>buurt_gegeneraliseerd_2021.450d1fb6-1e84-4a4d-ae7e-76d43c3c5db2</t>
  </si>
  <si>
    <t>BU03400101</t>
  </si>
  <si>
    <t>2021BU03400101</t>
  </si>
  <si>
    <t>Cunera</t>
  </si>
  <si>
    <t>buurt_gegeneraliseerd_2021.5d01d126-dc26-49a8-91e7-7dec8d8e8ec6</t>
  </si>
  <si>
    <t>BU03400102</t>
  </si>
  <si>
    <t>2021BU03400102</t>
  </si>
  <si>
    <t>Vogelenzang</t>
  </si>
  <si>
    <t>buurt_gegeneraliseerd_2021.4eaea640-ddca-4f98-8663-331b1896507c</t>
  </si>
  <si>
    <t>BU03400103</t>
  </si>
  <si>
    <t>2021BU03400103</t>
  </si>
  <si>
    <t>Grebbekwartier Zuid</t>
  </si>
  <si>
    <t>buurt_gegeneraliseerd_2021.536f3b8e-0cd8-48c4-a13e-7fed9337a3cb</t>
  </si>
  <si>
    <t>BU03400104</t>
  </si>
  <si>
    <t>2021BU03400104</t>
  </si>
  <si>
    <t>Grebbekwartier Noord</t>
  </si>
  <si>
    <t>buurt_gegeneraliseerd_2021.8e7621ec-223d-416e-8cf9-a53406e874d6</t>
  </si>
  <si>
    <t>BU03400105</t>
  </si>
  <si>
    <t>2021BU03400105</t>
  </si>
  <si>
    <t>Bruine Eng</t>
  </si>
  <si>
    <t>buurt_gegeneraliseerd_2021.2f7fb5ba-dfc6-424c-8bc6-ece040e2d88e</t>
  </si>
  <si>
    <t>BU03400201</t>
  </si>
  <si>
    <t>2021BU03400201</t>
  </si>
  <si>
    <t>Molenberg</t>
  </si>
  <si>
    <t>buurt_gegeneraliseerd_2021.9656603e-4819-490c-9539-be2b7a2e0678</t>
  </si>
  <si>
    <t>BU03400202</t>
  </si>
  <si>
    <t>2021BU03400202</t>
  </si>
  <si>
    <t>Donderberg</t>
  </si>
  <si>
    <t>buurt_gegeneraliseerd_2021.6a3935f1-16fc-4597-a72d-c96437b18b16</t>
  </si>
  <si>
    <t>BU03400203</t>
  </si>
  <si>
    <t>2021BU03400203</t>
  </si>
  <si>
    <t>Koerheuvel</t>
  </si>
  <si>
    <t>buurt_gegeneraliseerd_2021.e1444085-419c-40df-a04a-8c16fdb8d638</t>
  </si>
  <si>
    <t>BU03400301</t>
  </si>
  <si>
    <t>2021BU03400301</t>
  </si>
  <si>
    <t>Rhenen Hoog</t>
  </si>
  <si>
    <t>buurt_gegeneraliseerd_2021.93ee1231-6cde-400b-8b13-a5455dec1d3f</t>
  </si>
  <si>
    <t>BU03400302</t>
  </si>
  <si>
    <t>2021BU03400302</t>
  </si>
  <si>
    <t>Domineesberg</t>
  </si>
  <si>
    <t>buurt_gegeneraliseerd_2021.24805940-61bc-4341-8ff4-5a1fa2625344</t>
  </si>
  <si>
    <t>BU03400303</t>
  </si>
  <si>
    <t>2021BU03400303</t>
  </si>
  <si>
    <t>Helling Bergweg</t>
  </si>
  <si>
    <t>buurt_gegeneraliseerd_2021.3997cdf1-7acf-4352-8d45-e5c47332a21c</t>
  </si>
  <si>
    <t>BU03400401</t>
  </si>
  <si>
    <t>2021BU03400401</t>
  </si>
  <si>
    <t>Grebbeberg</t>
  </si>
  <si>
    <t>buurt_gegeneraliseerd_2021.c0f1568e-0795-4961-86ce-d5d6d8a66a1f</t>
  </si>
  <si>
    <t>BU03400501</t>
  </si>
  <si>
    <t>2021BU03400501</t>
  </si>
  <si>
    <t>Randzone</t>
  </si>
  <si>
    <t>buurt_gegeneraliseerd_2021.be4d5b2e-91cf-44d1-94de-be2bb0104507</t>
  </si>
  <si>
    <t>BU03400502</t>
  </si>
  <si>
    <t>2021BU03400502</t>
  </si>
  <si>
    <t>Veeneind</t>
  </si>
  <si>
    <t>buurt_gegeneraliseerd_2021.f01b741f-0fc5-4035-9a41-a04684c7788c</t>
  </si>
  <si>
    <t>BU03400503</t>
  </si>
  <si>
    <t>2021BU03400503</t>
  </si>
  <si>
    <t>Rhenendael</t>
  </si>
  <si>
    <t>buurt_gegeneraliseerd_2021.261f63e1-d156-41e4-8a66-9c92f92915f7</t>
  </si>
  <si>
    <t>BU03400504</t>
  </si>
  <si>
    <t>2021BU03400504</t>
  </si>
  <si>
    <t>Prattenburg</t>
  </si>
  <si>
    <t>buurt_gegeneraliseerd_2021.12619cf4-0422-4975-b958-dcf9f1a93121</t>
  </si>
  <si>
    <t>BU03400601</t>
  </si>
  <si>
    <t>2021BU03400601</t>
  </si>
  <si>
    <t>Binnenveld</t>
  </si>
  <si>
    <t>buurt_gegeneraliseerd_2021.6a88351d-1fc6-4295-9ad2-9bfa3615e7ff</t>
  </si>
  <si>
    <t>BU03400701</t>
  </si>
  <si>
    <t>2021BU03400701</t>
  </si>
  <si>
    <t>Achterberg</t>
  </si>
  <si>
    <t>buurt_gegeneraliseerd_2021.0948ed25-9bb6-4bd9-88a7-c55ed7abeb19</t>
  </si>
  <si>
    <t>BU03400702</t>
  </si>
  <si>
    <t>2021BU03400702</t>
  </si>
  <si>
    <t>buurt_gegeneraliseerd_2021.57dfd3d3-4d09-438c-966c-c264d8a304ac</t>
  </si>
  <si>
    <t>BU03400703</t>
  </si>
  <si>
    <t>2021BU03400703</t>
  </si>
  <si>
    <t>Achterberg West</t>
  </si>
  <si>
    <t>buurt_gegeneraliseerd_2021.0c29962c-ad1f-4937-9400-5688fe78c48c</t>
  </si>
  <si>
    <t>BU03400801</t>
  </si>
  <si>
    <t>2021BU03400801</t>
  </si>
  <si>
    <t>Uiterwaarden Rhenen</t>
  </si>
  <si>
    <t>buurt_gegeneraliseerd_2021.18d5271b-28a5-4da3-8023-bacfd4816370</t>
  </si>
  <si>
    <t>BU03400901</t>
  </si>
  <si>
    <t>2021BU03400901</t>
  </si>
  <si>
    <t>Remmerden</t>
  </si>
  <si>
    <t>buurt_gegeneraliseerd_2021.d7ba3662-ce5a-4e62-8e76-e55806488891</t>
  </si>
  <si>
    <t>BU03401001</t>
  </si>
  <si>
    <t>2021BU03401001</t>
  </si>
  <si>
    <t>Heuvelrug Rhenen</t>
  </si>
  <si>
    <t>buurt_gegeneraliseerd_2021.221a89de-cb99-4be2-9169-68c32a91a963</t>
  </si>
  <si>
    <t>BU03401101</t>
  </si>
  <si>
    <t>2021BU03401101</t>
  </si>
  <si>
    <t>Heuvelrug Elst</t>
  </si>
  <si>
    <t>buurt_gegeneraliseerd_2021.b71d9a9b-97da-4c3e-985b-4994e9485dd8</t>
  </si>
  <si>
    <t>BU03401201</t>
  </si>
  <si>
    <t>2021BU03401201</t>
  </si>
  <si>
    <t>Uiterwaarden Elst</t>
  </si>
  <si>
    <t>buurt_gegeneraliseerd_2021.82258232-6c2a-4425-8a82-844df6bf03e3</t>
  </si>
  <si>
    <t>BU03401301</t>
  </si>
  <si>
    <t>2021BU03401301</t>
  </si>
  <si>
    <t>De Vordel</t>
  </si>
  <si>
    <t>buurt_gegeneraliseerd_2021.ca672fe8-0135-44a5-ac1b-efd85a3b05a4</t>
  </si>
  <si>
    <t>BU03401302</t>
  </si>
  <si>
    <t>2021BU03401302</t>
  </si>
  <si>
    <t>Elst Centrum</t>
  </si>
  <si>
    <t>buurt_gegeneraliseerd_2021.efb52cd9-8b73-46b4-8f7c-ca0e3527bb51</t>
  </si>
  <si>
    <t>BU03401303</t>
  </si>
  <si>
    <t>2021BU03401303</t>
  </si>
  <si>
    <t>Het Bosje</t>
  </si>
  <si>
    <t>buurt_gegeneraliseerd_2021.e9f0a184-8c93-46e7-b723-ef0249bd3efd</t>
  </si>
  <si>
    <t>BU03401304</t>
  </si>
  <si>
    <t>2021BU03401304</t>
  </si>
  <si>
    <t>Elst West</t>
  </si>
  <si>
    <t>buurt_gegeneraliseerd_2021.79dcb825-955e-4656-a375-f7f70173ae32</t>
  </si>
  <si>
    <t>BU03420101</t>
  </si>
  <si>
    <t>2021BU03420101</t>
  </si>
  <si>
    <t>Industrieterrein Soest</t>
  </si>
  <si>
    <t>GM0342</t>
  </si>
  <si>
    <t>buurt_gegeneraliseerd_2021.4b29e76e-dc5d-45da-be6c-72023fd95bf1</t>
  </si>
  <si>
    <t>BU03420102</t>
  </si>
  <si>
    <t>2021BU03420102</t>
  </si>
  <si>
    <t>'t Hart</t>
  </si>
  <si>
    <t>buurt_gegeneraliseerd_2021.9668821d-e6f3-45f3-8587-f03523b473d2</t>
  </si>
  <si>
    <t>BU03420103</t>
  </si>
  <si>
    <t>2021BU03420103</t>
  </si>
  <si>
    <t>Soestdijk</t>
  </si>
  <si>
    <t>buurt_gegeneraliseerd_2021.ed32b6de-5c29-4cda-9d3b-d9610cce6dd2</t>
  </si>
  <si>
    <t>BU03420201</t>
  </si>
  <si>
    <t>2021BU03420201</t>
  </si>
  <si>
    <t>Klaarwater</t>
  </si>
  <si>
    <t>buurt_gegeneraliseerd_2021.d0daaf22-e0ab-4121-97e5-88f6220042ed</t>
  </si>
  <si>
    <t>BU03420301</t>
  </si>
  <si>
    <t>2021BU03420301</t>
  </si>
  <si>
    <t>Pijnenburg</t>
  </si>
  <si>
    <t>buurt_gegeneraliseerd_2021.c5b35290-9c9d-4c81-a911-1caecf3d2e2d</t>
  </si>
  <si>
    <t>BU03420302</t>
  </si>
  <si>
    <t>2021BU03420302</t>
  </si>
  <si>
    <t>Het Soesterveen</t>
  </si>
  <si>
    <t>buurt_gegeneraliseerd_2021.1ec3c661-d95e-4302-910a-ba452a5193d2</t>
  </si>
  <si>
    <t>BU03420303</t>
  </si>
  <si>
    <t>2021BU03420303</t>
  </si>
  <si>
    <t>De Grachten</t>
  </si>
  <si>
    <t>buurt_gegeneraliseerd_2021.af6582d1-9282-4dee-8288-b9f7c6e6cc63</t>
  </si>
  <si>
    <t>BU03420304</t>
  </si>
  <si>
    <t>2021BU03420304</t>
  </si>
  <si>
    <t>Boerenstreek</t>
  </si>
  <si>
    <t>buurt_gegeneraliseerd_2021.4c03a75a-c765-42ab-8b95-9127fb4e9330</t>
  </si>
  <si>
    <t>BU03420401</t>
  </si>
  <si>
    <t>2021BU03420401</t>
  </si>
  <si>
    <t>De Eng Noord West</t>
  </si>
  <si>
    <t>buurt_gegeneraliseerd_2021.c890b60f-5331-46a7-81c6-d1b58c7e8679</t>
  </si>
  <si>
    <t>BU03420402</t>
  </si>
  <si>
    <t>2021BU03420402</t>
  </si>
  <si>
    <t>buurt_gegeneraliseerd_2021.e8cd0847-98c6-4b2b-85e4-c64acfe9d665</t>
  </si>
  <si>
    <t>BU03420403</t>
  </si>
  <si>
    <t>2021BU03420403</t>
  </si>
  <si>
    <t>Soest Midden</t>
  </si>
  <si>
    <t>buurt_gegeneraliseerd_2021.91a90e1e-a17b-4dd1-a4db-95b2dd463c8b</t>
  </si>
  <si>
    <t>BU03420404</t>
  </si>
  <si>
    <t>2021BU03420404</t>
  </si>
  <si>
    <t>Eemgebied</t>
  </si>
  <si>
    <t>buurt_gegeneraliseerd_2021.3e12c549-255e-47ee-8577-18438a446e7a</t>
  </si>
  <si>
    <t>BU03420405</t>
  </si>
  <si>
    <t>2021BU03420405</t>
  </si>
  <si>
    <t>De Eng Zuid</t>
  </si>
  <si>
    <t>buurt_gegeneraliseerd_2021.68fa797f-9dfd-49af-b0f9-70dec2879c31</t>
  </si>
  <si>
    <t>BU03420501</t>
  </si>
  <si>
    <t>2021BU03420501</t>
  </si>
  <si>
    <t>Smitsveen</t>
  </si>
  <si>
    <t>buurt_gegeneraliseerd_2021.1203e35a-20c6-400c-8e67-dc8ef18ceb78</t>
  </si>
  <si>
    <t>BU03420601</t>
  </si>
  <si>
    <t>2021BU03420601</t>
  </si>
  <si>
    <t>buurt_gegeneraliseerd_2021.0afd076d-aa13-4433-97bd-cfff87b5c286</t>
  </si>
  <si>
    <t>BU03420602</t>
  </si>
  <si>
    <t>2021BU03420602</t>
  </si>
  <si>
    <t>Wieksloot</t>
  </si>
  <si>
    <t>buurt_gegeneraliseerd_2021.d63babeb-7f4d-4460-a18d-270142f3168e</t>
  </si>
  <si>
    <t>BU03420604</t>
  </si>
  <si>
    <t>2021BU03420604</t>
  </si>
  <si>
    <t>buurt_gegeneraliseerd_2021.fc69e78c-acc4-454f-ae88-0b32059a160d</t>
  </si>
  <si>
    <t>BU03420605</t>
  </si>
  <si>
    <t>2021BU03420605</t>
  </si>
  <si>
    <t>Klein Engendaal</t>
  </si>
  <si>
    <t>buurt_gegeneraliseerd_2021.1b0635f6-bb87-4038-99d0-6d619c46b6fb</t>
  </si>
  <si>
    <t>BU03420606</t>
  </si>
  <si>
    <t>2021BU03420606</t>
  </si>
  <si>
    <t>Klein Engendaal Noord</t>
  </si>
  <si>
    <t>buurt_gegeneraliseerd_2021.372603f8-e7c8-466b-a9fb-b698d7bbf2a9</t>
  </si>
  <si>
    <t>BU03420701</t>
  </si>
  <si>
    <t>2021BU03420701</t>
  </si>
  <si>
    <t>Soest Zuid</t>
  </si>
  <si>
    <t>buurt_gegeneraliseerd_2021.a3638606-490a-4f06-95a6-9a2592f6d0f9</t>
  </si>
  <si>
    <t>BU03420702</t>
  </si>
  <si>
    <t>2021BU03420702</t>
  </si>
  <si>
    <t>De Birkt</t>
  </si>
  <si>
    <t>buurt_gegeneraliseerd_2021.e410c81a-56a1-4bc0-9248-22266ba007a0</t>
  </si>
  <si>
    <t>BU03420703</t>
  </si>
  <si>
    <t>2021BU03420703</t>
  </si>
  <si>
    <t>Soestduinen</t>
  </si>
  <si>
    <t>buurt_gegeneraliseerd_2021.00c8c919-c7d3-46ed-ab3e-b7f7a9224bd5</t>
  </si>
  <si>
    <t>BU03420704</t>
  </si>
  <si>
    <t>2021BU03420704</t>
  </si>
  <si>
    <t>Duinen Gebied</t>
  </si>
  <si>
    <t>buurt_gegeneraliseerd_2021.3bcd5277-5373-4a98-be0d-84d8d0e11f3f</t>
  </si>
  <si>
    <t>BU03420705</t>
  </si>
  <si>
    <t>2021BU03420705</t>
  </si>
  <si>
    <t>Paltz</t>
  </si>
  <si>
    <t>buurt_gegeneraliseerd_2021.acbc3817-e5f5-4b81-9391-419c46d07466</t>
  </si>
  <si>
    <t>BU03420706</t>
  </si>
  <si>
    <t>2021BU03420706</t>
  </si>
  <si>
    <t>Vlasakkers</t>
  </si>
  <si>
    <t>buurt_gegeneraliseerd_2021.30ed14d9-ad2e-4ffb-b888-5fa5c533c9ed</t>
  </si>
  <si>
    <t>BU03420801</t>
  </si>
  <si>
    <t>2021BU03420801</t>
  </si>
  <si>
    <t>Soesterberg Noord</t>
  </si>
  <si>
    <t>buurt_gegeneraliseerd_2021.1e876149-f647-4040-954c-00365432de7b</t>
  </si>
  <si>
    <t>BU03420802</t>
  </si>
  <si>
    <t>2021BU03420802</t>
  </si>
  <si>
    <t>Soesterberg Oost</t>
  </si>
  <si>
    <t>buurt_gegeneraliseerd_2021.39deb450-8e0b-4b1e-a886-a8ead02af3e4</t>
  </si>
  <si>
    <t>BU03420803</t>
  </si>
  <si>
    <t>2021BU03420803</t>
  </si>
  <si>
    <t>Leusderheide</t>
  </si>
  <si>
    <t>buurt_gegeneraliseerd_2021.3ab4a763-97ec-4709-9cf0-5e314d3c2140</t>
  </si>
  <si>
    <t>BU03420804</t>
  </si>
  <si>
    <t>2021BU03420804</t>
  </si>
  <si>
    <t>Soesterberg Kom</t>
  </si>
  <si>
    <t>buurt_gegeneraliseerd_2021.0cb6d173-ed8c-448f-b833-2cb91979f984</t>
  </si>
  <si>
    <t>BU03440111</t>
  </si>
  <si>
    <t>2021BU03440111</t>
  </si>
  <si>
    <t>Welgelegen, Den Hommel</t>
  </si>
  <si>
    <t>GM0344</t>
  </si>
  <si>
    <t>buurt_gegeneraliseerd_2021.fb8347db-1a09-40b5-8ce8-145239d5a141</t>
  </si>
  <si>
    <t>BU03440112</t>
  </si>
  <si>
    <t>2021BU03440112</t>
  </si>
  <si>
    <t>Oog in Al</t>
  </si>
  <si>
    <t>buurt_gegeneraliseerd_2021.0e376249-2abf-4a57-b49c-f3ce854a91cf</t>
  </si>
  <si>
    <t>BU03440113</t>
  </si>
  <si>
    <t>2021BU03440113</t>
  </si>
  <si>
    <t>Halve Maan-Zuid</t>
  </si>
  <si>
    <t>buurt_gegeneraliseerd_2021.1edf7923-3c45-4645-929d-74b9fe2f0369</t>
  </si>
  <si>
    <t>BU03440114</t>
  </si>
  <si>
    <t>2021BU03440114</t>
  </si>
  <si>
    <t>Halve Maan-Noord</t>
  </si>
  <si>
    <t>buurt_gegeneraliseerd_2021.fcae2698-152b-4d29-9c2c-310d209cc284</t>
  </si>
  <si>
    <t>BU03440121</t>
  </si>
  <si>
    <t>2021BU03440121</t>
  </si>
  <si>
    <t>Lombok-Oost</t>
  </si>
  <si>
    <t>buurt_gegeneraliseerd_2021.1d4aaa7a-10c1-417c-b032-ba8a9d354020</t>
  </si>
  <si>
    <t>BU03440122</t>
  </si>
  <si>
    <t>2021BU03440122</t>
  </si>
  <si>
    <t>Leidseweg en omgeving</t>
  </si>
  <si>
    <t>buurt_gegeneraliseerd_2021.4f7bb1cc-65c9-46a9-82b3-04f759c5bd01</t>
  </si>
  <si>
    <t>BU03440123</t>
  </si>
  <si>
    <t>2021BU03440123</t>
  </si>
  <si>
    <t>Lombok-West</t>
  </si>
  <si>
    <t>buurt_gegeneraliseerd_2021.6b0f6ae5-5163-41c9-b350-75b823393737</t>
  </si>
  <si>
    <t>BU03440124</t>
  </si>
  <si>
    <t>2021BU03440124</t>
  </si>
  <si>
    <t>Laan van Nieuw-Guinea, Spinozaweg e.o.</t>
  </si>
  <si>
    <t>buurt_gegeneraliseerd_2021.a9259935-adf5-4d67-bc4d-4feac5f0bf07</t>
  </si>
  <si>
    <t>BU03440131</t>
  </si>
  <si>
    <t>2021BU03440131</t>
  </si>
  <si>
    <t>Nieuw Engeland, Th. a. Kempisplantsoen en omgeving</t>
  </si>
  <si>
    <t>buurt_gegeneraliseerd_2021.87c86981-715e-48db-84cb-abbc284e2553</t>
  </si>
  <si>
    <t>BU03440132</t>
  </si>
  <si>
    <t>2021BU03440132</t>
  </si>
  <si>
    <t>Schepenbuurt, Cartesiusweg e.o.</t>
  </si>
  <si>
    <t>buurt_gegeneraliseerd_2021.c5b078d0-4ce8-4544-8a36-e80c8b344068</t>
  </si>
  <si>
    <t>BU03440133</t>
  </si>
  <si>
    <t>2021BU03440133</t>
  </si>
  <si>
    <t>Bedrijventerrein Lageweide</t>
  </si>
  <si>
    <t>buurt_gegeneraliseerd_2021.df5e872e-940c-4648-bd84-9a53df15e69f</t>
  </si>
  <si>
    <t>BU03440211</t>
  </si>
  <si>
    <t>2021BU03440211</t>
  </si>
  <si>
    <t>Pijlsweerd-Zuid</t>
  </si>
  <si>
    <t>buurt_gegeneraliseerd_2021.290c2ed2-73c0-4652-9377-ffc4d6aa7c3f</t>
  </si>
  <si>
    <t>BU03440212</t>
  </si>
  <si>
    <t>2021BU03440212</t>
  </si>
  <si>
    <t>Pijlsweerd-Noord</t>
  </si>
  <si>
    <t>buurt_gegeneraliseerd_2021.d27de3cb-f538-47ca-89bb-2b06dc0a11cd</t>
  </si>
  <si>
    <t>BU03440221</t>
  </si>
  <si>
    <t>2021BU03440221</t>
  </si>
  <si>
    <t>Nijenoord, Hoogstraat en omgeving</t>
  </si>
  <si>
    <t>buurt_gegeneraliseerd_2021.ad3b19fa-7fb9-47e6-ac4f-ccfdac76408e</t>
  </si>
  <si>
    <t>BU03440222</t>
  </si>
  <si>
    <t>2021BU03440222</t>
  </si>
  <si>
    <t>Ondiep</t>
  </si>
  <si>
    <t>buurt_gegeneraliseerd_2021.e48ed4e0-e6d3-483b-be83-d6467927e063</t>
  </si>
  <si>
    <t>BU03440223</t>
  </si>
  <si>
    <t>2021BU03440223</t>
  </si>
  <si>
    <t>2e Daalsebuurt en omgeving</t>
  </si>
  <si>
    <t>buurt_gegeneraliseerd_2021.53a9d3e1-77e7-4640-b2f7-7a5536908a52</t>
  </si>
  <si>
    <t>BU03440224</t>
  </si>
  <si>
    <t>2021BU03440224</t>
  </si>
  <si>
    <t>Egelantierstraat, Mariëndaalstraat e.o.</t>
  </si>
  <si>
    <t>buurt_gegeneraliseerd_2021.d2361f50-2256-47c8-925c-846fbfd4ade4</t>
  </si>
  <si>
    <t>BU03440231</t>
  </si>
  <si>
    <t>2021BU03440231</t>
  </si>
  <si>
    <t>Julianapark en omgeving</t>
  </si>
  <si>
    <t>buurt_gegeneraliseerd_2021.a04aacbc-3e72-4d96-a0fa-cfe7962e3471</t>
  </si>
  <si>
    <t>BU03440232</t>
  </si>
  <si>
    <t>2021BU03440232</t>
  </si>
  <si>
    <t>Elinkwijk en omgeving</t>
  </si>
  <si>
    <t>buurt_gegeneraliseerd_2021.310ccafb-581f-4036-9051-b61ac8a2f2d5</t>
  </si>
  <si>
    <t>BU03440233</t>
  </si>
  <si>
    <t>2021BU03440233</t>
  </si>
  <si>
    <t>Prins Bernhardplein en omgeving</t>
  </si>
  <si>
    <t>buurt_gegeneraliseerd_2021.54c928b0-07f4-4488-ad86-93787c9061c4</t>
  </si>
  <si>
    <t>BU03440241</t>
  </si>
  <si>
    <t>2021BU03440241</t>
  </si>
  <si>
    <t>Geuzenwijk</t>
  </si>
  <si>
    <t>buurt_gegeneraliseerd_2021.badde718-1af9-443a-9928-b3eec32d990d</t>
  </si>
  <si>
    <t>BU03440242</t>
  </si>
  <si>
    <t>2021BU03440242</t>
  </si>
  <si>
    <t>Schaakbuurt en omgeving</t>
  </si>
  <si>
    <t>buurt_gegeneraliseerd_2021.33123f85-8415-4c4e-ba7c-3b5d2b1b84d3</t>
  </si>
  <si>
    <t>BU03440243</t>
  </si>
  <si>
    <t>2021BU03440243</t>
  </si>
  <si>
    <t>Queeckhovenplein en omgeving</t>
  </si>
  <si>
    <t>buurt_gegeneraliseerd_2021.3cf27723-fc11-468b-ac9b-8b69ee417d35</t>
  </si>
  <si>
    <t>BU03440244</t>
  </si>
  <si>
    <t>2021BU03440244</t>
  </si>
  <si>
    <t>Zuilen-Noord</t>
  </si>
  <si>
    <t>buurt_gegeneraliseerd_2021.5059e029-42d7-4bc1-bb37-1281414247aa</t>
  </si>
  <si>
    <t>BU03440311</t>
  </si>
  <si>
    <t>2021BU03440311</t>
  </si>
  <si>
    <t>Taag- en Rubicondreef en omgeving</t>
  </si>
  <si>
    <t>buurt_gegeneraliseerd_2021.68875b1b-0380-4d6e-88ed-58116f569cfa</t>
  </si>
  <si>
    <t>BU03440312</t>
  </si>
  <si>
    <t>2021BU03440312</t>
  </si>
  <si>
    <t>Wolga- en Donaudreef en omgeving</t>
  </si>
  <si>
    <t>buurt_gegeneraliseerd_2021.f2d62a16-263f-4d0d-9c0e-7f04e26818fc</t>
  </si>
  <si>
    <t>BU03440321</t>
  </si>
  <si>
    <t>2021BU03440321</t>
  </si>
  <si>
    <t>Zamenhofdreef en omgeving</t>
  </si>
  <si>
    <t>buurt_gegeneraliseerd_2021.fad4831c-b7f8-4526-914c-5eb0de4743e0</t>
  </si>
  <si>
    <t>BU03440322</t>
  </si>
  <si>
    <t>2021BU03440322</t>
  </si>
  <si>
    <t>Neckardreef en omgeving</t>
  </si>
  <si>
    <t>buurt_gegeneraliseerd_2021.f7ba65e9-79a2-4c7c-bfca-f07e6c69b153</t>
  </si>
  <si>
    <t>BU03440331</t>
  </si>
  <si>
    <t>2021BU03440331</t>
  </si>
  <si>
    <t>Vechtzoom-zuid</t>
  </si>
  <si>
    <t>buurt_gegeneraliseerd_2021.97170794-7c1b-434c-8312-523733bcba88</t>
  </si>
  <si>
    <t>BU03440332</t>
  </si>
  <si>
    <t>2021BU03440332</t>
  </si>
  <si>
    <t>Vechtzoom-noord, Klopvaart</t>
  </si>
  <si>
    <t>buurt_gegeneraliseerd_2021.86933322-64b2-4a12-82f0-f655a744736d</t>
  </si>
  <si>
    <t>BU03440333</t>
  </si>
  <si>
    <t>2021BU03440333</t>
  </si>
  <si>
    <t>Bedrijventerrein en omgeving</t>
  </si>
  <si>
    <t>buurt_gegeneraliseerd_2021.faf5e886-f927-4e6d-af51-1bc73723512b</t>
  </si>
  <si>
    <t>BU03440341</t>
  </si>
  <si>
    <t>2021BU03440341</t>
  </si>
  <si>
    <t>Zambesidreef en omgeving</t>
  </si>
  <si>
    <t>buurt_gegeneraliseerd_2021.c30eec9c-4194-4223-9aaa-297dc405a0a7</t>
  </si>
  <si>
    <t>BU03440342</t>
  </si>
  <si>
    <t>2021BU03440342</t>
  </si>
  <si>
    <t>Tigrisdreef en omgeving</t>
  </si>
  <si>
    <t>buurt_gegeneraliseerd_2021.26c7dd74-ceac-4be8-8b55-01a5bbe5afae</t>
  </si>
  <si>
    <t>BU03440343</t>
  </si>
  <si>
    <t>2021BU03440343</t>
  </si>
  <si>
    <t>Poldergebied Overvecht</t>
  </si>
  <si>
    <t>buurt_gegeneraliseerd_2021.90bbb894-90cb-4821-b663-47ebd4d01182</t>
  </si>
  <si>
    <t>BU03440411</t>
  </si>
  <si>
    <t>2021BU03440411</t>
  </si>
  <si>
    <t>Vogelenbuurt</t>
  </si>
  <si>
    <t>buurt_gegeneraliseerd_2021.77de2a16-641c-4625-8550-0b4f1c597ab4</t>
  </si>
  <si>
    <t>BU03440412</t>
  </si>
  <si>
    <t>2021BU03440412</t>
  </si>
  <si>
    <t>Lauwerecht</t>
  </si>
  <si>
    <t>buurt_gegeneraliseerd_2021.5b7495bc-dbfc-4d74-b866-fec4b3180281</t>
  </si>
  <si>
    <t>BU03440413</t>
  </si>
  <si>
    <t>2021BU03440413</t>
  </si>
  <si>
    <t>buurt_gegeneraliseerd_2021.4953046c-0529-4ab2-84c4-f95f10cade92</t>
  </si>
  <si>
    <t>BU03440414</t>
  </si>
  <si>
    <t>2021BU03440414</t>
  </si>
  <si>
    <t>Tuinwijk-West</t>
  </si>
  <si>
    <t>buurt_gegeneraliseerd_2021.d59c7e2b-28f5-4c11-879a-9650a076ed7b</t>
  </si>
  <si>
    <t>BU03440415</t>
  </si>
  <si>
    <t>2021BU03440415</t>
  </si>
  <si>
    <t>Tuinwijk-Oost</t>
  </si>
  <si>
    <t>buurt_gegeneraliseerd_2021.10cf9def-3af7-4a16-81c7-4f4c95776e8e</t>
  </si>
  <si>
    <t>BU03440421</t>
  </si>
  <si>
    <t>2021BU03440421</t>
  </si>
  <si>
    <t>Tuindorp en Van Lieflandlaan-West</t>
  </si>
  <si>
    <t>buurt_gegeneraliseerd_2021.34c12ed5-50a4-4b0b-a21c-98401485251e</t>
  </si>
  <si>
    <t>BU03440422</t>
  </si>
  <si>
    <t>2021BU03440422</t>
  </si>
  <si>
    <t>Tuindorp-Oost</t>
  </si>
  <si>
    <t>buurt_gegeneraliseerd_2021.30d60a0f-b1cb-4951-9f13-123aa249f549</t>
  </si>
  <si>
    <t>BU03440423</t>
  </si>
  <si>
    <t>2021BU03440423</t>
  </si>
  <si>
    <t>Voordorp en Voorveldsepolder</t>
  </si>
  <si>
    <t>buurt_gegeneraliseerd_2021.b8543067-88bf-4a37-b8fd-2e4249a8de60</t>
  </si>
  <si>
    <t>BU03440431</t>
  </si>
  <si>
    <t>2021BU03440431</t>
  </si>
  <si>
    <t>Huizingalaan, K. Doormanlaan en omgeving</t>
  </si>
  <si>
    <t>buurt_gegeneraliseerd_2021.5fcdfac1-722c-41c3-af51-05d9aceab832</t>
  </si>
  <si>
    <t>BU03440432</t>
  </si>
  <si>
    <t>2021BU03440432</t>
  </si>
  <si>
    <t>Zeeheldenbuurt, Hengeveldstraat en omgeving</t>
  </si>
  <si>
    <t>buurt_gegeneraliseerd_2021.e5c7d84c-0613-409f-9262-ebec9aab64c0</t>
  </si>
  <si>
    <t>BU03440433</t>
  </si>
  <si>
    <t>2021BU03440433</t>
  </si>
  <si>
    <t>Wittevrouwen</t>
  </si>
  <si>
    <t>buurt_gegeneraliseerd_2021.9c1bb832-4f3a-4b55-b18c-fe622ee45cc9</t>
  </si>
  <si>
    <t>BU03440511</t>
  </si>
  <si>
    <t>2021BU03440511</t>
  </si>
  <si>
    <t>Buiten Wittevrouwen</t>
  </si>
  <si>
    <t>buurt_gegeneraliseerd_2021.1e76677d-47c9-4ce8-9af8-d629bdcfb438</t>
  </si>
  <si>
    <t>BU03440512</t>
  </si>
  <si>
    <t>2021BU03440512</t>
  </si>
  <si>
    <t>Oudwijk</t>
  </si>
  <si>
    <t>buurt_gegeneraliseerd_2021.8cc62549-051a-4ff3-8c54-b12f5b4b8870</t>
  </si>
  <si>
    <t>BU03440521</t>
  </si>
  <si>
    <t>2021BU03440521</t>
  </si>
  <si>
    <t>Abstede, Tolsteegsingel e.o.</t>
  </si>
  <si>
    <t>buurt_gegeneraliseerd_2021.af309b6c-c86d-4811-8bec-ab21d52d4d74</t>
  </si>
  <si>
    <t>BU03440522</t>
  </si>
  <si>
    <t>2021BU03440522</t>
  </si>
  <si>
    <t>Sterrenwijk</t>
  </si>
  <si>
    <t>buurt_gegeneraliseerd_2021.ab1cf8f8-ccf7-427e-98ac-fb88c5afca3c</t>
  </si>
  <si>
    <t>BU03440523</t>
  </si>
  <si>
    <t>2021BU03440523</t>
  </si>
  <si>
    <t>Rubenslaan en omgeving</t>
  </si>
  <si>
    <t>buurt_gegeneraliseerd_2021.3e5c8c67-9960-4781-90b3-df4d9f764224</t>
  </si>
  <si>
    <t>BU03440524</t>
  </si>
  <si>
    <t>2021BU03440524</t>
  </si>
  <si>
    <t>Watervogelbuurt</t>
  </si>
  <si>
    <t>buurt_gegeneraliseerd_2021.a8dfb40d-0d57-43f1-8f58-889b541c491a</t>
  </si>
  <si>
    <t>BU03440525</t>
  </si>
  <si>
    <t>2021BU03440525</t>
  </si>
  <si>
    <t>L. Napoleonplantsoen en omgeving</t>
  </si>
  <si>
    <t>buurt_gegeneraliseerd_2021.b28647bf-8eb3-441f-9957-1f7a51131bb4</t>
  </si>
  <si>
    <t>BU03440526</t>
  </si>
  <si>
    <t>2021BU03440526</t>
  </si>
  <si>
    <t>Maarschalkerweerd en Mereveld</t>
  </si>
  <si>
    <t>buurt_gegeneraliseerd_2021.1dfc46d0-d337-4be5-9f0a-f222b89b48ca</t>
  </si>
  <si>
    <t>BU03440531</t>
  </si>
  <si>
    <t>2021BU03440531</t>
  </si>
  <si>
    <t>buurt_gegeneraliseerd_2021.434815f2-35b5-4540-bba3-5bc14b9592b6</t>
  </si>
  <si>
    <t>BU03440532</t>
  </si>
  <si>
    <t>2021BU03440532</t>
  </si>
  <si>
    <t>Wilhelminapark en omgeving</t>
  </si>
  <si>
    <t>buurt_gegeneraliseerd_2021.90ad9691-914e-4bed-914b-230e8ff26109</t>
  </si>
  <si>
    <t>BU03440533</t>
  </si>
  <si>
    <t>2021BU03440533</t>
  </si>
  <si>
    <t>Utrecht Science Park</t>
  </si>
  <si>
    <t>buurt_gegeneraliseerd_2021.0ccf1a60-2175-4615-baf2-479fd3e115de</t>
  </si>
  <si>
    <t>BU03440534</t>
  </si>
  <si>
    <t>2021BU03440534</t>
  </si>
  <si>
    <t>Rijnsweerd</t>
  </si>
  <si>
    <t>buurt_gegeneraliseerd_2021.bdf9a03b-c013-480d-92c7-d2ddf837d1f0</t>
  </si>
  <si>
    <t>BU03440535</t>
  </si>
  <si>
    <t>2021BU03440535</t>
  </si>
  <si>
    <t>Galgenwaard en omgeving</t>
  </si>
  <si>
    <t>buurt_gegeneraliseerd_2021.e6373c4e-e727-4523-b539-bbada92dbcde</t>
  </si>
  <si>
    <t>BU03440611</t>
  </si>
  <si>
    <t>2021BU03440611</t>
  </si>
  <si>
    <t>Domplein, Neude, Janskerkhof</t>
  </si>
  <si>
    <t>buurt_gegeneraliseerd_2021.1504e2d3-7f3f-4ae9-9c63-822122dfd9ec</t>
  </si>
  <si>
    <t>BU03440612</t>
  </si>
  <si>
    <t>2021BU03440612</t>
  </si>
  <si>
    <t>Lange Elisabethstraat, Mariaplaats en omgeving</t>
  </si>
  <si>
    <t>buurt_gegeneraliseerd_2021.6a016167-e44b-44d7-8846-80102304e835</t>
  </si>
  <si>
    <t>BU03440613</t>
  </si>
  <si>
    <t>2021BU03440613</t>
  </si>
  <si>
    <t>Hoog-Catharijne NS en Jaarbeurs</t>
  </si>
  <si>
    <t>buurt_gegeneraliseerd_2021.26569eea-92ef-4cf3-aa94-ed6eda9acbc5</t>
  </si>
  <si>
    <t>BU03440621</t>
  </si>
  <si>
    <t>2021BU03440621</t>
  </si>
  <si>
    <t>Wijk C</t>
  </si>
  <si>
    <t>buurt_gegeneraliseerd_2021.e4f07a97-8d3d-45ad-bc6f-8f24848ef1fc</t>
  </si>
  <si>
    <t>BU03440622</t>
  </si>
  <si>
    <t>2021BU03440622</t>
  </si>
  <si>
    <t>Breedstraat en Plompetorengracht en omgeving</t>
  </si>
  <si>
    <t>buurt_gegeneraliseerd_2021.a8a213e1-a83d-4c4c-af22-27562ecbca8d</t>
  </si>
  <si>
    <t>BU03440623</t>
  </si>
  <si>
    <t>2021BU03440623</t>
  </si>
  <si>
    <t>Nobelstraat en omgeving</t>
  </si>
  <si>
    <t>buurt_gegeneraliseerd_2021.d19e9b04-df0d-4b87-ad0f-541e567808ba</t>
  </si>
  <si>
    <t>BU03440624</t>
  </si>
  <si>
    <t>2021BU03440624</t>
  </si>
  <si>
    <t>Springweg en omgeving Geertebuurt</t>
  </si>
  <si>
    <t>buurt_gegeneraliseerd_2021.2844f2f8-fbb9-4734-b6f7-e0b1a5923c06</t>
  </si>
  <si>
    <t>BU03440625</t>
  </si>
  <si>
    <t>2021BU03440625</t>
  </si>
  <si>
    <t>Lange Nieuwstraat en omgeving</t>
  </si>
  <si>
    <t>buurt_gegeneraliseerd_2021.8aad14d1-03d3-48ef-9142-267c32069030</t>
  </si>
  <si>
    <t>BU03440626</t>
  </si>
  <si>
    <t>2021BU03440626</t>
  </si>
  <si>
    <t>Nieuwegracht-Oost</t>
  </si>
  <si>
    <t>buurt_gegeneraliseerd_2021.89bd846a-c9ea-41db-80d5-80bdedff4933</t>
  </si>
  <si>
    <t>BU03440627</t>
  </si>
  <si>
    <t>2021BU03440627</t>
  </si>
  <si>
    <t>Bleekstraat en omgeving</t>
  </si>
  <si>
    <t>buurt_gegeneraliseerd_2021.e2922135-d998-443d-8c94-e00fa77106d8</t>
  </si>
  <si>
    <t>BU03440628</t>
  </si>
  <si>
    <t>2021BU03440628</t>
  </si>
  <si>
    <t>Hooch Boulandt</t>
  </si>
  <si>
    <t>buurt_gegeneraliseerd_2021.a4d58cc2-e01c-4ca2-9d6e-37d508276709</t>
  </si>
  <si>
    <t>BU03440711</t>
  </si>
  <si>
    <t>2021BU03440711</t>
  </si>
  <si>
    <t>Lunetten-Noord</t>
  </si>
  <si>
    <t>buurt_gegeneraliseerd_2021.fb0ad2cd-6094-4a1f-b1c2-0c96619f6fa3</t>
  </si>
  <si>
    <t>BU03440712</t>
  </si>
  <si>
    <t>2021BU03440712</t>
  </si>
  <si>
    <t>Lunetten-Zuid</t>
  </si>
  <si>
    <t>buurt_gegeneraliseerd_2021.13044900-5303-42af-a3d3-363feaf0ba6d</t>
  </si>
  <si>
    <t>BU03440721</t>
  </si>
  <si>
    <t>2021BU03440721</t>
  </si>
  <si>
    <t>Tolsteeg en Rotsoord</t>
  </si>
  <si>
    <t>buurt_gegeneraliseerd_2021.ee920e74-628c-4a03-8ea8-08e4be6f7bc9</t>
  </si>
  <si>
    <t>BU03440722</t>
  </si>
  <si>
    <t>2021BU03440722</t>
  </si>
  <si>
    <t>Oud Hoograven-Noord</t>
  </si>
  <si>
    <t>buurt_gegeneraliseerd_2021.b993474c-059b-419c-b35f-28c377043f8b</t>
  </si>
  <si>
    <t>BU03440723</t>
  </si>
  <si>
    <t>2021BU03440723</t>
  </si>
  <si>
    <t>Oud Hoograven-Zuid</t>
  </si>
  <si>
    <t>buurt_gegeneraliseerd_2021.900ffb2c-27dc-41be-b8c9-8ee2c2a26eb6</t>
  </si>
  <si>
    <t>BU03440731</t>
  </si>
  <si>
    <t>2021BU03440731</t>
  </si>
  <si>
    <t>Bokkenbuurt</t>
  </si>
  <si>
    <t>buurt_gegeneraliseerd_2021.b8fa174f-2492-43cb-9ef9-742d102e13e7</t>
  </si>
  <si>
    <t>BU03440732</t>
  </si>
  <si>
    <t>2021BU03440732</t>
  </si>
  <si>
    <t>Nieuw Hoograven-Noord</t>
  </si>
  <si>
    <t>buurt_gegeneraliseerd_2021.db41a117-0899-4ce8-86c8-0dde36936c1f</t>
  </si>
  <si>
    <t>BU03440733</t>
  </si>
  <si>
    <t>2021BU03440733</t>
  </si>
  <si>
    <t>Nieuw Hoograven-Zuid</t>
  </si>
  <si>
    <t>buurt_gegeneraliseerd_2021.d30b2b39-ff6b-418c-81b2-b0c81457f9e4</t>
  </si>
  <si>
    <t>BU03440811</t>
  </si>
  <si>
    <t>2021BU03440811</t>
  </si>
  <si>
    <t>Dichterswijk</t>
  </si>
  <si>
    <t>buurt_gegeneraliseerd_2021.d42d81a7-c65f-41ab-88d8-48a12180e977</t>
  </si>
  <si>
    <t>BU03440812</t>
  </si>
  <si>
    <t>2021BU03440812</t>
  </si>
  <si>
    <t>Rivierenwijk</t>
  </si>
  <si>
    <t>buurt_gegeneraliseerd_2021.7f36be38-db7b-45b5-a366-8c1d034b7627</t>
  </si>
  <si>
    <t>BU03440821</t>
  </si>
  <si>
    <t>2021BU03440821</t>
  </si>
  <si>
    <t>Bedrijvengebied Kanaleneiland</t>
  </si>
  <si>
    <t>buurt_gegeneraliseerd_2021.099840a3-f084-46c6-a3f3-ab2c956cf76f</t>
  </si>
  <si>
    <t>BU03440822</t>
  </si>
  <si>
    <t>2021BU03440822</t>
  </si>
  <si>
    <t>Transwijk-Zuid</t>
  </si>
  <si>
    <t>buurt_gegeneraliseerd_2021.4e2d05f3-3c87-40c0-9b85-3a24bf06f447</t>
  </si>
  <si>
    <t>BU03440823</t>
  </si>
  <si>
    <t>2021BU03440823</t>
  </si>
  <si>
    <t>Transwijk-Noord</t>
  </si>
  <si>
    <t>buurt_gegeneraliseerd_2021.c3158044-6e7f-4164-8605-9ef374d33436</t>
  </si>
  <si>
    <t>BU03440831</t>
  </si>
  <si>
    <t>2021BU03440831</t>
  </si>
  <si>
    <t>Kanaleneiland-Zuid</t>
  </si>
  <si>
    <t>buurt_gegeneraliseerd_2021.2a25e7af-0521-4d3d-92af-fae5b45f99e9</t>
  </si>
  <si>
    <t>BU03440832</t>
  </si>
  <si>
    <t>2021BU03440832</t>
  </si>
  <si>
    <t>Kanaleneiland-Noord</t>
  </si>
  <si>
    <t>buurt_gegeneraliseerd_2021.c4158b06-9d87-43d1-aefc-036dcfd955ee</t>
  </si>
  <si>
    <t>BU03440911</t>
  </si>
  <si>
    <t>2021BU03440911</t>
  </si>
  <si>
    <t>Bedrijventerrein De Wetering</t>
  </si>
  <si>
    <t>buurt_gegeneraliseerd_2021.76fa812c-7056-4aaf-9c5c-1027594fdb70</t>
  </si>
  <si>
    <t>BU03440912</t>
  </si>
  <si>
    <t>2021BU03440912</t>
  </si>
  <si>
    <t>Terwijde-West</t>
  </si>
  <si>
    <t>buurt_gegeneraliseerd_2021.55420852-69eb-44f1-ab86-c98041bcfee9</t>
  </si>
  <si>
    <t>BU03440913</t>
  </si>
  <si>
    <t>2021BU03440913</t>
  </si>
  <si>
    <t>Terwijde-Oost</t>
  </si>
  <si>
    <t>buurt_gegeneraliseerd_2021.aaea92fa-944e-4cd6-a328-c08e3b43c9e8</t>
  </si>
  <si>
    <t>BU03440921</t>
  </si>
  <si>
    <t>2021BU03440921</t>
  </si>
  <si>
    <t>Het Zand-West</t>
  </si>
  <si>
    <t>buurt_gegeneraliseerd_2021.86d28332-7173-4425-908c-3c8e9525e0ef</t>
  </si>
  <si>
    <t>BU03440922</t>
  </si>
  <si>
    <t>2021BU03440922</t>
  </si>
  <si>
    <t>Het Zand-Oost</t>
  </si>
  <si>
    <t>buurt_gegeneraliseerd_2021.95cfda67-9a86-4f9d-a138-09775c73b8f4</t>
  </si>
  <si>
    <t>BU03440931</t>
  </si>
  <si>
    <t>2021BU03440931</t>
  </si>
  <si>
    <t>Leidsche Rijn-Centrum</t>
  </si>
  <si>
    <t>buurt_gegeneraliseerd_2021.61c2e29b-6e2b-41f1-bef8-354b27583479</t>
  </si>
  <si>
    <t>BU03440932</t>
  </si>
  <si>
    <t>2021BU03440932</t>
  </si>
  <si>
    <t>Grauwaart</t>
  </si>
  <si>
    <t>buurt_gegeneraliseerd_2021.53e2e68e-2a42-4ccb-87ed-f216329d1391</t>
  </si>
  <si>
    <t>BU03440933</t>
  </si>
  <si>
    <t>2021BU03440933</t>
  </si>
  <si>
    <t>Hoge Weide</t>
  </si>
  <si>
    <t>buurt_gegeneraliseerd_2021.1738b5df-bc74-4cf5-93fd-3ff0323185f2</t>
  </si>
  <si>
    <t>BU03440934</t>
  </si>
  <si>
    <t>2021BU03440934</t>
  </si>
  <si>
    <t>Leeuwesteyn</t>
  </si>
  <si>
    <t>buurt_gegeneraliseerd_2021.f5005ffe-ec69-4e1b-bc53-40d6bfcca823</t>
  </si>
  <si>
    <t>BU03440941</t>
  </si>
  <si>
    <t>2021BU03440941</t>
  </si>
  <si>
    <t>Parkwijk-Noord</t>
  </si>
  <si>
    <t>buurt_gegeneraliseerd_2021.072f2a49-a912-48ca-bdd2-dbc13a55a215</t>
  </si>
  <si>
    <t>BU03440942</t>
  </si>
  <si>
    <t>2021BU03440942</t>
  </si>
  <si>
    <t>Parkwijk-Zuid</t>
  </si>
  <si>
    <t>buurt_gegeneraliseerd_2021.af446988-0b97-44aa-b6dd-7e7375e08fa4</t>
  </si>
  <si>
    <t>BU03440943</t>
  </si>
  <si>
    <t>2021BU03440943</t>
  </si>
  <si>
    <t>Langerak</t>
  </si>
  <si>
    <t>buurt_gegeneraliseerd_2021.6f7d7ad0-b78c-4b58-9f85-48dfa712af31</t>
  </si>
  <si>
    <t>BU03440951</t>
  </si>
  <si>
    <t>2021BU03440951</t>
  </si>
  <si>
    <t>Rijnvliet</t>
  </si>
  <si>
    <t>buurt_gegeneraliseerd_2021.585bb7d2-37de-49a7-a0da-c559fb529a72</t>
  </si>
  <si>
    <t>BU03440952</t>
  </si>
  <si>
    <t>2021BU03440952</t>
  </si>
  <si>
    <t>Bedrijvengebied Strijkviertel</t>
  </si>
  <si>
    <t>buurt_gegeneraliseerd_2021.54a50628-68de-4c7f-862d-25d652d06d2f</t>
  </si>
  <si>
    <t>BU03440953</t>
  </si>
  <si>
    <t>2021BU03440953</t>
  </si>
  <si>
    <t>Bedrijvengebied Papendorp</t>
  </si>
  <si>
    <t>buurt_gegeneraliseerd_2021.8230962c-ea0c-4bd9-8279-57b0ea27b695</t>
  </si>
  <si>
    <t>BU03441011</t>
  </si>
  <si>
    <t>2021BU03441011</t>
  </si>
  <si>
    <t>Haarrijn</t>
  </si>
  <si>
    <t>buurt_gegeneraliseerd_2021.63d390bb-33e1-4046-ac06-491e433b1b87</t>
  </si>
  <si>
    <t>BU03441012</t>
  </si>
  <si>
    <t>2021BU03441012</t>
  </si>
  <si>
    <t>Haarzuilens en omgeving</t>
  </si>
  <si>
    <t>buurt_gegeneraliseerd_2021.9d09a6d7-61f0-4c75-9c78-cdd014e5b762</t>
  </si>
  <si>
    <t>BU03441013</t>
  </si>
  <si>
    <t>2021BU03441013</t>
  </si>
  <si>
    <t>Vleuten</t>
  </si>
  <si>
    <t>buurt_gegeneraliseerd_2021.c474b383-9d1a-4e97-b2cf-bbab7383d248</t>
  </si>
  <si>
    <t>BU03441014</t>
  </si>
  <si>
    <t>2021BU03441014</t>
  </si>
  <si>
    <t>Máximapark</t>
  </si>
  <si>
    <t>buurt_gegeneraliseerd_2021.73642992-f072-4bd0-a2a9-fffd68454bbf</t>
  </si>
  <si>
    <t>BU03441021</t>
  </si>
  <si>
    <t>2021BU03441021</t>
  </si>
  <si>
    <t>Vleuterweide-West</t>
  </si>
  <si>
    <t>buurt_gegeneraliseerd_2021.86e936f8-2279-4fa1-873c-3e4464a41b8c</t>
  </si>
  <si>
    <t>BU03441022</t>
  </si>
  <si>
    <t>2021BU03441022</t>
  </si>
  <si>
    <t>Vleuterweide-Noord/Oost/Centrum</t>
  </si>
  <si>
    <t>buurt_gegeneraliseerd_2021.66404985-de3c-4cdc-9262-c27bf7e03daa</t>
  </si>
  <si>
    <t>BU03441023</t>
  </si>
  <si>
    <t>2021BU03441023</t>
  </si>
  <si>
    <t>Vleuterweide-Zuid</t>
  </si>
  <si>
    <t>buurt_gegeneraliseerd_2021.4113a020-0853-408d-b78d-60221ea8c49a</t>
  </si>
  <si>
    <t>BU03441024</t>
  </si>
  <si>
    <t>2021BU03441024</t>
  </si>
  <si>
    <t>Veldhuizen</t>
  </si>
  <si>
    <t>buurt_gegeneraliseerd_2021.6d0ce585-25a8-4a4b-99f8-2b30503f6636</t>
  </si>
  <si>
    <t>BU03441031</t>
  </si>
  <si>
    <t>2021BU03441031</t>
  </si>
  <si>
    <t>De Meern-Noord</t>
  </si>
  <si>
    <t>buurt_gegeneraliseerd_2021.d3369bd2-5fc8-4178-b48c-f3d9561fda92</t>
  </si>
  <si>
    <t>BU03441032</t>
  </si>
  <si>
    <t>2021BU03441032</t>
  </si>
  <si>
    <t>De Meern-Zuid</t>
  </si>
  <si>
    <t>buurt_gegeneraliseerd_2021.1bc91c22-4197-4a03-86e4-40b1eb945d1b</t>
  </si>
  <si>
    <t>BU03441033</t>
  </si>
  <si>
    <t>2021BU03441033</t>
  </si>
  <si>
    <t>Bedrijvengebied Oudenrijn</t>
  </si>
  <si>
    <t>buurt_gegeneraliseerd_2021.f1244b82-f7ec-4170-b207-5aac79acf721</t>
  </si>
  <si>
    <t>BU03441041</t>
  </si>
  <si>
    <t>2021BU03441041</t>
  </si>
  <si>
    <t>Rijnenburg</t>
  </si>
  <si>
    <t>buurt_gegeneraliseerd_2021.784511aa-96e4-4768-886c-b76568d0d04d</t>
  </si>
  <si>
    <t>BU03510001</t>
  </si>
  <si>
    <t>2021BU03510001</t>
  </si>
  <si>
    <t>De Grift</t>
  </si>
  <si>
    <t>GM0351</t>
  </si>
  <si>
    <t>buurt_gegeneraliseerd_2021.abd579e9-1e09-4918-8a17-e3cdba90bbb9</t>
  </si>
  <si>
    <t>BU03510002</t>
  </si>
  <si>
    <t>2021BU03510002</t>
  </si>
  <si>
    <t>Nico Bergsteijn</t>
  </si>
  <si>
    <t>buurt_gegeneraliseerd_2021.261125bc-7432-44ff-a9c5-e33126c09294</t>
  </si>
  <si>
    <t>BU03510003</t>
  </si>
  <si>
    <t>2021BU03510003</t>
  </si>
  <si>
    <t>Nieuwoord</t>
  </si>
  <si>
    <t>buurt_gegeneraliseerd_2021.af144063-b915-4877-b610-cd238fc5cef2</t>
  </si>
  <si>
    <t>BU03510004</t>
  </si>
  <si>
    <t>2021BU03510004</t>
  </si>
  <si>
    <t>Laanzicht</t>
  </si>
  <si>
    <t>buurt_gegeneraliseerd_2021.edc81f50-5b23-475b-a9b6-1ccf11628a85</t>
  </si>
  <si>
    <t>BU03510005</t>
  </si>
  <si>
    <t>2021BU03510005</t>
  </si>
  <si>
    <t>Het Zeeland</t>
  </si>
  <si>
    <t>buurt_gegeneraliseerd_2021.de0f3bec-1654-40ad-9990-756c3d359d16</t>
  </si>
  <si>
    <t>BU03510006</t>
  </si>
  <si>
    <t>2021BU03510006</t>
  </si>
  <si>
    <t>Het Groene Woud</t>
  </si>
  <si>
    <t>buurt_gegeneraliseerd_2021.c657197b-592a-4514-b041-99086cd035e7</t>
  </si>
  <si>
    <t>BU03510007</t>
  </si>
  <si>
    <t>2021BU03510007</t>
  </si>
  <si>
    <t>Woudenberg-Oost</t>
  </si>
  <si>
    <t>buurt_gegeneraliseerd_2021.d327c9cc-e58b-4142-8f6e-d08333ad1a57</t>
  </si>
  <si>
    <t>BU03510008</t>
  </si>
  <si>
    <t>2021BU03510008</t>
  </si>
  <si>
    <t>buurt_gegeneraliseerd_2021.c837d3a5-1663-4e11-901d-a18fe9dd6808</t>
  </si>
  <si>
    <t>BU03510009</t>
  </si>
  <si>
    <t>2021BU03510009</t>
  </si>
  <si>
    <t>Den Treek-Henschoten</t>
  </si>
  <si>
    <t>buurt_gegeneraliseerd_2021.36d2ec36-b7c6-4daa-a96f-e00bf034113a</t>
  </si>
  <si>
    <t>BU03510010</t>
  </si>
  <si>
    <t>2021BU03510010</t>
  </si>
  <si>
    <t>Geerestein</t>
  </si>
  <si>
    <t>buurt_gegeneraliseerd_2021.7d189607-f37c-40ab-8894-0b73b13d6694</t>
  </si>
  <si>
    <t>BU03510011</t>
  </si>
  <si>
    <t>2021BU03510011</t>
  </si>
  <si>
    <t>Voskuilen</t>
  </si>
  <si>
    <t>buurt_gegeneraliseerd_2021.505a9ace-78de-4b3d-9000-e60a848b8b22</t>
  </si>
  <si>
    <t>BU03510012</t>
  </si>
  <si>
    <t>2021BU03510012</t>
  </si>
  <si>
    <t>Rumelaar-Lambalgen</t>
  </si>
  <si>
    <t>buurt_gegeneraliseerd_2021.851966bd-1a5a-49a0-afc8-73bedf12af0d</t>
  </si>
  <si>
    <t>BU03520000</t>
  </si>
  <si>
    <t>2021BU03520000</t>
  </si>
  <si>
    <t>GM0352</t>
  </si>
  <si>
    <t>buurt_gegeneraliseerd_2021.ab4bf79a-e68a-40eb-8337-89ea328d0a1c</t>
  </si>
  <si>
    <t>BU03520001</t>
  </si>
  <si>
    <t>2021BU03520001</t>
  </si>
  <si>
    <t>De Engk</t>
  </si>
  <si>
    <t>buurt_gegeneraliseerd_2021.9cae6ec1-0893-4149-9857-09d9f6e2fa47</t>
  </si>
  <si>
    <t>BU03520002</t>
  </si>
  <si>
    <t>2021BU03520002</t>
  </si>
  <si>
    <t>Frankenhof</t>
  </si>
  <si>
    <t>buurt_gegeneraliseerd_2021.b3dba34b-b9fc-447e-84ae-c62a76660c60</t>
  </si>
  <si>
    <t>BU03520003</t>
  </si>
  <si>
    <t>2021BU03520003</t>
  </si>
  <si>
    <t>De Heul</t>
  </si>
  <si>
    <t>buurt_gegeneraliseerd_2021.2aff7a5b-0e66-4784-8565-7013e8fedde0</t>
  </si>
  <si>
    <t>BU03520004</t>
  </si>
  <si>
    <t>2021BU03520004</t>
  </si>
  <si>
    <t>Noorderwaard-Noord</t>
  </si>
  <si>
    <t>buurt_gegeneraliseerd_2021.debcde18-2552-4b53-b616-233716700a5f</t>
  </si>
  <si>
    <t>BU03520005</t>
  </si>
  <si>
    <t>2021BU03520005</t>
  </si>
  <si>
    <t>Noorderwaard-Zuid</t>
  </si>
  <si>
    <t>buurt_gegeneraliseerd_2021.4a18bf7c-83ef-4f49-9cd7-a14b98412b9d</t>
  </si>
  <si>
    <t>BU03520006</t>
  </si>
  <si>
    <t>2021BU03520006</t>
  </si>
  <si>
    <t>De Horden Stenen en Ovens</t>
  </si>
  <si>
    <t>buurt_gegeneraliseerd_2021.4f87a852-069d-4f28-95b0-75e2397086c2</t>
  </si>
  <si>
    <t>BU03520007</t>
  </si>
  <si>
    <t>2021BU03520007</t>
  </si>
  <si>
    <t>De Horden Rivieren</t>
  </si>
  <si>
    <t>buurt_gegeneraliseerd_2021.9779de20-c19f-420f-9152-2e3280b8ec6d</t>
  </si>
  <si>
    <t>BU03520008</t>
  </si>
  <si>
    <t>2021BU03520008</t>
  </si>
  <si>
    <t>De Horden Schepen</t>
  </si>
  <si>
    <t>buurt_gegeneraliseerd_2021.f77e49fb-db2d-48bb-9027-428c42bdaeb1</t>
  </si>
  <si>
    <t>BU03520009</t>
  </si>
  <si>
    <t>2021BU03520009</t>
  </si>
  <si>
    <t>De Horden Parckwijk</t>
  </si>
  <si>
    <t>buurt_gegeneraliseerd_2021.9e39f9db-a7d8-47ff-a307-b9e0dbe71990</t>
  </si>
  <si>
    <t>BU03520010</t>
  </si>
  <si>
    <t>2021BU03520010</t>
  </si>
  <si>
    <t>Bedrijventerrein Broekweg &amp; Langshaven</t>
  </si>
  <si>
    <t>buurt_gegeneraliseerd_2021.db22b880-a66a-4528-b47b-cf7887a8033a</t>
  </si>
  <si>
    <t>BU03520011</t>
  </si>
  <si>
    <t>2021BU03520011</t>
  </si>
  <si>
    <t>buurt_gegeneraliseerd_2021.cfa3a9d4-a69c-4beb-b585-7d42eee04789</t>
  </si>
  <si>
    <t>BU03520100</t>
  </si>
  <si>
    <t>2021BU03520100</t>
  </si>
  <si>
    <t>Buitengebied Wijk bij Duurstede</t>
  </si>
  <si>
    <t>buurt_gegeneraliseerd_2021.b8be01c9-542c-4d21-936a-f862dccae1e6</t>
  </si>
  <si>
    <t>BU03520101</t>
  </si>
  <si>
    <t>2021BU03520101</t>
  </si>
  <si>
    <t>Buitengebied ten zuiden van Amsterdam-Rijnkanaal</t>
  </si>
  <si>
    <t>buurt_gegeneraliseerd_2021.e9e01505-cfee-4fc3-ba22-e3678bb2b737</t>
  </si>
  <si>
    <t>BU03520200</t>
  </si>
  <si>
    <t>2021BU03520200</t>
  </si>
  <si>
    <t>Cothen</t>
  </si>
  <si>
    <t>buurt_gegeneraliseerd_2021.c1348508-3499-4c94-a32d-85dee5069dec</t>
  </si>
  <si>
    <t>BU03520201</t>
  </si>
  <si>
    <t>2021BU03520201</t>
  </si>
  <si>
    <t>Buitengebied Cothen</t>
  </si>
  <si>
    <t>buurt_gegeneraliseerd_2021.bbaf1ef7-ed00-41d6-adcf-f274d036ffaa</t>
  </si>
  <si>
    <t>BU03520300</t>
  </si>
  <si>
    <t>2021BU03520300</t>
  </si>
  <si>
    <t>Langbroek</t>
  </si>
  <si>
    <t>buurt_gegeneraliseerd_2021.bef6f1c2-f170-4a9d-b5a4-810cbe926093</t>
  </si>
  <si>
    <t>BU03520301</t>
  </si>
  <si>
    <t>2021BU03520301</t>
  </si>
  <si>
    <t>Buitengebied Langbroek</t>
  </si>
  <si>
    <t>buurt_gegeneraliseerd_2021.38dd00b9-1e76-4ac5-977e-9e0218f0553b</t>
  </si>
  <si>
    <t>BU03530001</t>
  </si>
  <si>
    <t>2021BU03530001</t>
  </si>
  <si>
    <t>IJsselstein-Binnenstad</t>
  </si>
  <si>
    <t>GM0353</t>
  </si>
  <si>
    <t>buurt_gegeneraliseerd_2021.85d70d70-d1d7-4262-b3d8-c74d3e5c2cb7</t>
  </si>
  <si>
    <t>BU03530002</t>
  </si>
  <si>
    <t>2021BU03530002</t>
  </si>
  <si>
    <t>Nieuwpoort</t>
  </si>
  <si>
    <t>buurt_gegeneraliseerd_2021.bcea95f6-bd42-432a-9fac-2b0569ffee1e</t>
  </si>
  <si>
    <t>BU03530003</t>
  </si>
  <si>
    <t>2021BU03530003</t>
  </si>
  <si>
    <t>Groenvliet</t>
  </si>
  <si>
    <t>buurt_gegeneraliseerd_2021.023ff786-530b-4458-853d-49b79b3404a8</t>
  </si>
  <si>
    <t>BU03530004</t>
  </si>
  <si>
    <t>2021BU03530004</t>
  </si>
  <si>
    <t>Kasteelkwartier</t>
  </si>
  <si>
    <t>buurt_gegeneraliseerd_2021.9d753ab8-47b6-48b0-ae42-27b9824ec8fb</t>
  </si>
  <si>
    <t>BU03530005</t>
  </si>
  <si>
    <t>2021BU03530005</t>
  </si>
  <si>
    <t>Europakwartier</t>
  </si>
  <si>
    <t>buurt_gegeneraliseerd_2021.94ea8cf6-ac00-4a34-af01-54593c8a6b03</t>
  </si>
  <si>
    <t>BU03530006</t>
  </si>
  <si>
    <t>2021BU03530006</t>
  </si>
  <si>
    <t>buurt_gegeneraliseerd_2021.3295ffd4-2715-4b9e-abeb-f9e04ec72d06</t>
  </si>
  <si>
    <t>BU03530007</t>
  </si>
  <si>
    <t>2021BU03530007</t>
  </si>
  <si>
    <t>IJsselveld-Oost</t>
  </si>
  <si>
    <t>buurt_gegeneraliseerd_2021.ee6bf262-6fd8-4a66-93b3-1e7250acd7e8</t>
  </si>
  <si>
    <t>BU03530008</t>
  </si>
  <si>
    <t>2021BU03530008</t>
  </si>
  <si>
    <t>IJsselveld-West</t>
  </si>
  <si>
    <t>buurt_gegeneraliseerd_2021.0bd638f1-951c-4db5-9e9d-b9905d5aaff5</t>
  </si>
  <si>
    <t>BU03530009</t>
  </si>
  <si>
    <t>2021BU03530009</t>
  </si>
  <si>
    <t>IJsseloevers</t>
  </si>
  <si>
    <t>buurt_gegeneraliseerd_2021.0d005c5a-a7c2-415e-b828-a06b5172c799</t>
  </si>
  <si>
    <t>BU03530010</t>
  </si>
  <si>
    <t>2021BU03530010</t>
  </si>
  <si>
    <t>Hazenveld en Overwaard</t>
  </si>
  <si>
    <t>buurt_gegeneraliseerd_2021.dba17852-27de-4be4-8ec5-3d196ecc2cf4</t>
  </si>
  <si>
    <t>BU03530011</t>
  </si>
  <si>
    <t>2021BU03530011</t>
  </si>
  <si>
    <t>Rijpickerwaard</t>
  </si>
  <si>
    <t>buurt_gegeneraliseerd_2021.bbf677f7-05d4-4103-ba04-cdc2a073d9b4</t>
  </si>
  <si>
    <t>BU03530012</t>
  </si>
  <si>
    <t>2021BU03530012</t>
  </si>
  <si>
    <t>Panoven</t>
  </si>
  <si>
    <t>buurt_gegeneraliseerd_2021.e99300a3-f70a-488d-bc69-79b8f26ea4e4</t>
  </si>
  <si>
    <t>BU03530013</t>
  </si>
  <si>
    <t>2021BU03530013</t>
  </si>
  <si>
    <t>Paardenveld</t>
  </si>
  <si>
    <t>buurt_gegeneraliseerd_2021.887537f5-da95-4906-98f7-c196e7b56656</t>
  </si>
  <si>
    <t>BU03530014</t>
  </si>
  <si>
    <t>2021BU03530014</t>
  </si>
  <si>
    <t>Over Oudland</t>
  </si>
  <si>
    <t>buurt_gegeneraliseerd_2021.9ff0e109-dfec-4135-842d-da711d5233b5</t>
  </si>
  <si>
    <t>BU03530015</t>
  </si>
  <si>
    <t>2021BU03530015</t>
  </si>
  <si>
    <t>Industrieterrein Lage Dijk</t>
  </si>
  <si>
    <t>buurt_gegeneraliseerd_2021.f8642ec1-ab8d-4a7b-abe6-6178346a2c3f</t>
  </si>
  <si>
    <t>BU03530016</t>
  </si>
  <si>
    <t>2021BU03530016</t>
  </si>
  <si>
    <t>Bedrijventerrein De Corridor</t>
  </si>
  <si>
    <t>buurt_gegeneraliseerd_2021.6d3e88d7-98a2-4729-9599-2e1d157e90dc</t>
  </si>
  <si>
    <t>BU03530017</t>
  </si>
  <si>
    <t>2021BU03530017</t>
  </si>
  <si>
    <t>De Hoven en De Boomgaard</t>
  </si>
  <si>
    <t>buurt_gegeneraliseerd_2021.35d5d158-3a40-499d-a319-fe782f465332</t>
  </si>
  <si>
    <t>BU03530018</t>
  </si>
  <si>
    <t>2021BU03530018</t>
  </si>
  <si>
    <t>De Tuinen</t>
  </si>
  <si>
    <t>buurt_gegeneraliseerd_2021.73dc70f7-7816-4ab1-b7b7-7694df2ae154</t>
  </si>
  <si>
    <t>BU03530019</t>
  </si>
  <si>
    <t>2021BU03530019</t>
  </si>
  <si>
    <t>Het Hart</t>
  </si>
  <si>
    <t>buurt_gegeneraliseerd_2021.1200b2a4-04e0-4b57-888f-e60fdbc95b60</t>
  </si>
  <si>
    <t>BU03530020</t>
  </si>
  <si>
    <t>2021BU03530020</t>
  </si>
  <si>
    <t>De Wereldsteden</t>
  </si>
  <si>
    <t>buurt_gegeneraliseerd_2021.46a8623d-e35d-47e5-82ed-6feb98912231</t>
  </si>
  <si>
    <t>BU03530021</t>
  </si>
  <si>
    <t>2021BU03530021</t>
  </si>
  <si>
    <t>De Rivieren</t>
  </si>
  <si>
    <t>buurt_gegeneraliseerd_2021.cfa97193-9225-4558-bb31-569e71fe3b50</t>
  </si>
  <si>
    <t>BU03530022</t>
  </si>
  <si>
    <t>2021BU03530022</t>
  </si>
  <si>
    <t>Het Staatse</t>
  </si>
  <si>
    <t>buurt_gegeneraliseerd_2021.6b69b947-ed92-48f5-9a64-9c74d7006ae7</t>
  </si>
  <si>
    <t>BU03530023</t>
  </si>
  <si>
    <t>2021BU03530023</t>
  </si>
  <si>
    <t>Benschopperpoort en Het Podium</t>
  </si>
  <si>
    <t>buurt_gegeneraliseerd_2021.5f800bf0-b5ff-4881-9bdb-96629f49388e</t>
  </si>
  <si>
    <t>BU03530024</t>
  </si>
  <si>
    <t>2021BU03530024</t>
  </si>
  <si>
    <t>Achterveld-Zuid</t>
  </si>
  <si>
    <t>buurt_gegeneraliseerd_2021.3de058cf-a103-401c-a8cc-07094187b989</t>
  </si>
  <si>
    <t>BU03530025</t>
  </si>
  <si>
    <t>2021BU03530025</t>
  </si>
  <si>
    <t>Achterveld-West</t>
  </si>
  <si>
    <t>buurt_gegeneraliseerd_2021.6abaec03-aa14-4a59-a5f6-3d31d1482d58</t>
  </si>
  <si>
    <t>BU03530026</t>
  </si>
  <si>
    <t>2021BU03530026</t>
  </si>
  <si>
    <t>Achterveld-Noord</t>
  </si>
  <si>
    <t>buurt_gegeneraliseerd_2021.54d06d64-0068-4973-8eb6-9e7777af0cac</t>
  </si>
  <si>
    <t>BU03530027</t>
  </si>
  <si>
    <t>2021BU03530027</t>
  </si>
  <si>
    <t>Achterveld-Oost</t>
  </si>
  <si>
    <t>buurt_gegeneraliseerd_2021.47a37b28-47d3-45e2-ba47-c6bb4e2dc616</t>
  </si>
  <si>
    <t>BU03530028</t>
  </si>
  <si>
    <t>2021BU03530028</t>
  </si>
  <si>
    <t>Eiterse Waard</t>
  </si>
  <si>
    <t>buurt_gegeneraliseerd_2021.ec3879cc-dca1-4449-b0bb-47fe396998f8</t>
  </si>
  <si>
    <t>BU03530029</t>
  </si>
  <si>
    <t>2021BU03530029</t>
  </si>
  <si>
    <t>Landelijk gebied Noord</t>
  </si>
  <si>
    <t>buurt_gegeneraliseerd_2021.3717da25-c32e-4a64-b94e-4a50b01e8765</t>
  </si>
  <si>
    <t>BU03530030</t>
  </si>
  <si>
    <t>2021BU03530030</t>
  </si>
  <si>
    <t>Landelijk gebied Zuid</t>
  </si>
  <si>
    <t>buurt_gegeneraliseerd_2021.6a3aef2d-4c35-4424-a187-49a171bc861b</t>
  </si>
  <si>
    <t>BU03550101</t>
  </si>
  <si>
    <t>2021BU03550101</t>
  </si>
  <si>
    <t>Carré</t>
  </si>
  <si>
    <t>GM0355</t>
  </si>
  <si>
    <t>buurt_gegeneraliseerd_2021.b2b5a1cf-6476-46b4-97f5-09609c78eb21</t>
  </si>
  <si>
    <t>BU03550102</t>
  </si>
  <si>
    <t>2021BU03550102</t>
  </si>
  <si>
    <t>Centrumschil-Zuid</t>
  </si>
  <si>
    <t>buurt_gegeneraliseerd_2021.c2914f3d-4b19-4dfa-a560-b6cd88a0f32b</t>
  </si>
  <si>
    <t>BU03550103</t>
  </si>
  <si>
    <t>2021BU03550103</t>
  </si>
  <si>
    <t>Centrumschil-Noord</t>
  </si>
  <si>
    <t>buurt_gegeneraliseerd_2021.0d7c876c-19e9-45b9-a17f-be839a9ffc1f</t>
  </si>
  <si>
    <t>BU03550104</t>
  </si>
  <si>
    <t>2021BU03550104</t>
  </si>
  <si>
    <t>Lyceumkwartier</t>
  </si>
  <si>
    <t>buurt_gegeneraliseerd_2021.d2cfbab4-254d-43b0-a236-52ea348307ca</t>
  </si>
  <si>
    <t>BU03550105</t>
  </si>
  <si>
    <t>2021BU03550105</t>
  </si>
  <si>
    <t>Het Slot en omgeving</t>
  </si>
  <si>
    <t>buurt_gegeneraliseerd_2021.ac9ba54c-e0c8-4e39-8c22-a01121fd08d0</t>
  </si>
  <si>
    <t>BU03550201</t>
  </si>
  <si>
    <t>2021BU03550201</t>
  </si>
  <si>
    <t>Patijnpark</t>
  </si>
  <si>
    <t>buurt_gegeneraliseerd_2021.2a511a6a-4605-4651-96e1-4a3e65d7ca56</t>
  </si>
  <si>
    <t>BU03550202</t>
  </si>
  <si>
    <t>2021BU03550202</t>
  </si>
  <si>
    <t>Dijnselburg</t>
  </si>
  <si>
    <t>buurt_gegeneraliseerd_2021.6121fc66-8d40-4952-8879-eebfbf31f500</t>
  </si>
  <si>
    <t>BU03550203</t>
  </si>
  <si>
    <t>2021BU03550203</t>
  </si>
  <si>
    <t>buurt_gegeneraliseerd_2021.e2ca9481-4532-4597-bc52-c1cccfec520a</t>
  </si>
  <si>
    <t>BU03550204</t>
  </si>
  <si>
    <t>2021BU03550204</t>
  </si>
  <si>
    <t>Mooi Zeist</t>
  </si>
  <si>
    <t>buurt_gegeneraliseerd_2021.305dcf6b-1790-4bdf-b74a-9c5c81512680</t>
  </si>
  <si>
    <t>BU03550205</t>
  </si>
  <si>
    <t>2021BU03550205</t>
  </si>
  <si>
    <t>Vollenhove</t>
  </si>
  <si>
    <t>buurt_gegeneraliseerd_2021.855890ae-6ccc-4ee1-887d-474bb06793d9</t>
  </si>
  <si>
    <t>BU03550206</t>
  </si>
  <si>
    <t>2021BU03550206</t>
  </si>
  <si>
    <t>Utrechtseweg</t>
  </si>
  <si>
    <t>buurt_gegeneraliseerd_2021.b364f4f3-f5c1-44fd-94a3-b44a26121af6</t>
  </si>
  <si>
    <t>BU03550301</t>
  </si>
  <si>
    <t>2021BU03550301</t>
  </si>
  <si>
    <t>Griffensteijn en Kersbergen</t>
  </si>
  <si>
    <t>buurt_gegeneraliseerd_2021.e17f0c7b-e82f-409c-ad8e-f6f2a849ad6c</t>
  </si>
  <si>
    <t>BU03550302</t>
  </si>
  <si>
    <t>2021BU03550302</t>
  </si>
  <si>
    <t>Nijenheim</t>
  </si>
  <si>
    <t>buurt_gegeneraliseerd_2021.72ba5ecd-b2a6-4d9a-ad4a-e784c08a8238</t>
  </si>
  <si>
    <t>BU03550303</t>
  </si>
  <si>
    <t>2021BU03550303</t>
  </si>
  <si>
    <t>Crosesteijn</t>
  </si>
  <si>
    <t>buurt_gegeneraliseerd_2021.da951f38-77f1-4e65-9e1f-0cbbb6ee2df6</t>
  </si>
  <si>
    <t>BU03550304</t>
  </si>
  <si>
    <t>2021BU03550304</t>
  </si>
  <si>
    <t>Vogelwijk</t>
  </si>
  <si>
    <t>buurt_gegeneraliseerd_2021.7d22a249-fb2f-4128-8671-0a3443e873f4</t>
  </si>
  <si>
    <t>BU03550305</t>
  </si>
  <si>
    <t>2021BU03550305</t>
  </si>
  <si>
    <t>Brugakker</t>
  </si>
  <si>
    <t>buurt_gegeneraliseerd_2021.ecc0b222-a8b8-4eb8-9945-6874002b2abd</t>
  </si>
  <si>
    <t>BU03550306</t>
  </si>
  <si>
    <t>2021BU03550306</t>
  </si>
  <si>
    <t>De Clomp</t>
  </si>
  <si>
    <t>buurt_gegeneraliseerd_2021.de333ef3-0e90-4f08-bbe9-b5d48e01f638</t>
  </si>
  <si>
    <t>BU03550307</t>
  </si>
  <si>
    <t>2021BU03550307</t>
  </si>
  <si>
    <t>Couwenhoven</t>
  </si>
  <si>
    <t>buurt_gegeneraliseerd_2021.dc0244ac-8095-460b-a8f2-a34cd6aa50c8</t>
  </si>
  <si>
    <t>BU03550308</t>
  </si>
  <si>
    <t>2021BU03550308</t>
  </si>
  <si>
    <t>Blikkenburg e.o.</t>
  </si>
  <si>
    <t>buurt_gegeneraliseerd_2021.32f05443-92d0-44e3-949e-1bcf96883828</t>
  </si>
  <si>
    <t>BU03550309</t>
  </si>
  <si>
    <t>2021BU03550309</t>
  </si>
  <si>
    <t>Weidegebied</t>
  </si>
  <si>
    <t>buurt_gegeneraliseerd_2021.1ae70d6d-4f1a-4449-b551-cd1af5ddc981</t>
  </si>
  <si>
    <t>BU03550401</t>
  </si>
  <si>
    <t>2021BU03550401</t>
  </si>
  <si>
    <t>Hoge Dennen</t>
  </si>
  <si>
    <t>buurt_gegeneraliseerd_2021.dac2e89d-bbf5-4757-ba70-c5b25fa5ee15</t>
  </si>
  <si>
    <t>BU03550402</t>
  </si>
  <si>
    <t>2021BU03550402</t>
  </si>
  <si>
    <t>Kerckebosch</t>
  </si>
  <si>
    <t>buurt_gegeneraliseerd_2021.d2c1891b-ece0-46b5-8e57-6b05d337434f</t>
  </si>
  <si>
    <t>BU03550403</t>
  </si>
  <si>
    <t>2021BU03550403</t>
  </si>
  <si>
    <t>Driebergseweg</t>
  </si>
  <si>
    <t>buurt_gegeneraliseerd_2021.1cd74b44-a20c-447c-958a-26ad37422270</t>
  </si>
  <si>
    <t>BU03550404</t>
  </si>
  <si>
    <t>2021BU03550404</t>
  </si>
  <si>
    <t>Station NS</t>
  </si>
  <si>
    <t>buurt_gegeneraliseerd_2021.6bde18a9-7c57-471a-9e5f-02aadf6aa1d7</t>
  </si>
  <si>
    <t>BU03550405</t>
  </si>
  <si>
    <t>2021BU03550405</t>
  </si>
  <si>
    <t>Zeister Bos</t>
  </si>
  <si>
    <t>buurt_gegeneraliseerd_2021.c410b6ba-333b-48f8-940f-577f67730778</t>
  </si>
  <si>
    <t>BU03550406</t>
  </si>
  <si>
    <t>2021BU03550406</t>
  </si>
  <si>
    <t>Austerlitz</t>
  </si>
  <si>
    <t>buurt_gegeneraliseerd_2021.7a07bcae-cde2-40f5-9c12-2ab031e15857</t>
  </si>
  <si>
    <t>BU03550407</t>
  </si>
  <si>
    <t>2021BU03550407</t>
  </si>
  <si>
    <t>Verspreide huizen Austerlitz</t>
  </si>
  <si>
    <t>buurt_gegeneraliseerd_2021.115c6aa9-c6c8-4bee-8325-6733ee2a6deb</t>
  </si>
  <si>
    <t>BU03550501</t>
  </si>
  <si>
    <t>2021BU03550501</t>
  </si>
  <si>
    <t>Huis ter Heide-Zuid</t>
  </si>
  <si>
    <t>buurt_gegeneraliseerd_2021.90563622-8a78-4336-9af4-a565bb6716b6</t>
  </si>
  <si>
    <t>BU03550502</t>
  </si>
  <si>
    <t>2021BU03550502</t>
  </si>
  <si>
    <t>Huis ter Heide-Noord</t>
  </si>
  <si>
    <t>buurt_gegeneraliseerd_2021.1c98b85c-6414-473d-9ad3-07fd0f4ed55d</t>
  </si>
  <si>
    <t>BU03550503</t>
  </si>
  <si>
    <t>2021BU03550503</t>
  </si>
  <si>
    <t>Bosch en Duin</t>
  </si>
  <si>
    <t>buurt_gegeneraliseerd_2021.7c1a6128-9747-43ea-b3f5-75f5670a7f2c</t>
  </si>
  <si>
    <t>BU03550504</t>
  </si>
  <si>
    <t>2021BU03550504</t>
  </si>
  <si>
    <t>Beukbergen</t>
  </si>
  <si>
    <t>buurt_gegeneraliseerd_2021.17e7b024-f22e-41a5-b01b-c5a3cbdd1ecf</t>
  </si>
  <si>
    <t>BU03550505</t>
  </si>
  <si>
    <t>2021BU03550505</t>
  </si>
  <si>
    <t>Den Dolder-Zuid</t>
  </si>
  <si>
    <t>buurt_gegeneraliseerd_2021.eb05e33f-1bd2-4785-a2ce-d03d0846517a</t>
  </si>
  <si>
    <t>BU03550506</t>
  </si>
  <si>
    <t>2021BU03550506</t>
  </si>
  <si>
    <t>Den Dolder-Noord</t>
  </si>
  <si>
    <t>buurt_gegeneraliseerd_2021.b7a541e5-fc30-4925-9aad-641a4f1f5c54</t>
  </si>
  <si>
    <t>BU03550507</t>
  </si>
  <si>
    <t>2021BU03550507</t>
  </si>
  <si>
    <t>Soestdijkerweg en omgeving</t>
  </si>
  <si>
    <t>buurt_gegeneraliseerd_2021.0fac6a97-0e55-4453-95ed-a76fd0ded03c</t>
  </si>
  <si>
    <t>BU03550508</t>
  </si>
  <si>
    <t>2021BU03550508</t>
  </si>
  <si>
    <t>buurt_gegeneraliseerd_2021.94995f05-f659-4f44-b92f-dd9155c638f5</t>
  </si>
  <si>
    <t>BU03580000</t>
  </si>
  <si>
    <t>2021BU03580000</t>
  </si>
  <si>
    <t>GM0358</t>
  </si>
  <si>
    <t>buurt_gegeneraliseerd_2021.65736bac-738b-46ad-8520-0370a0ffe8e1</t>
  </si>
  <si>
    <t>BU03580001</t>
  </si>
  <si>
    <t>2021BU03580001</t>
  </si>
  <si>
    <t>Stommeer</t>
  </si>
  <si>
    <t>buurt_gegeneraliseerd_2021.9433d11a-ece2-4f58-9bc7-6cf2edb95c2a</t>
  </si>
  <si>
    <t>BU03580004</t>
  </si>
  <si>
    <t>2021BU03580004</t>
  </si>
  <si>
    <t>Hornmeer</t>
  </si>
  <si>
    <t>buurt_gegeneraliseerd_2021.f2965530-5f13-4038-b2e2-e9d7f7b7b310</t>
  </si>
  <si>
    <t>BU03580005</t>
  </si>
  <si>
    <t>2021BU03580005</t>
  </si>
  <si>
    <t>Uiterweg</t>
  </si>
  <si>
    <t>buurt_gegeneraliseerd_2021.f9c617c7-dd5b-4189-95ab-4f47d1573bc4</t>
  </si>
  <si>
    <t>BU03580100</t>
  </si>
  <si>
    <t>2021BU03580100</t>
  </si>
  <si>
    <t>Kudelstaart</t>
  </si>
  <si>
    <t>buurt_gegeneraliseerd_2021.d8878fe1-3f71-4f99-a72b-f4db1f10033b</t>
  </si>
  <si>
    <t>BU03580200</t>
  </si>
  <si>
    <t>2021BU03580200</t>
  </si>
  <si>
    <t>Bovenlanden</t>
  </si>
  <si>
    <t>buurt_gegeneraliseerd_2021.ebfdf3d5-e5da-434c-826f-5b692203c032</t>
  </si>
  <si>
    <t>BU03580201</t>
  </si>
  <si>
    <t>2021BU03580201</t>
  </si>
  <si>
    <t>Greenpark</t>
  </si>
  <si>
    <t>buurt_gegeneraliseerd_2021.cad22acc-1bb6-40b9-bccf-057321ef6cd4</t>
  </si>
  <si>
    <t>BU03580205</t>
  </si>
  <si>
    <t>2021BU03580205</t>
  </si>
  <si>
    <t>Oosteinde</t>
  </si>
  <si>
    <t>buurt_gegeneraliseerd_2021.c6f0d600-eb29-421b-b422-e0e7fce54ea8</t>
  </si>
  <si>
    <t>BU03580206</t>
  </si>
  <si>
    <t>2021BU03580206</t>
  </si>
  <si>
    <t>Schinkelpolder</t>
  </si>
  <si>
    <t>buurt_gegeneraliseerd_2021.66a5bd47-573a-4a80-9ccd-8a75793d621f</t>
  </si>
  <si>
    <t>BU03620101</t>
  </si>
  <si>
    <t>2021BU03620101</t>
  </si>
  <si>
    <t>Randwijck West</t>
  </si>
  <si>
    <t>GM0362</t>
  </si>
  <si>
    <t>buurt_gegeneraliseerd_2021.fd378aaf-b88c-4815-b76d-59812e487d9f</t>
  </si>
  <si>
    <t>BU03620102</t>
  </si>
  <si>
    <t>2021BU03620102</t>
  </si>
  <si>
    <t>Randwijck Oost</t>
  </si>
  <si>
    <t>buurt_gegeneraliseerd_2021.2c124c1c-2ce6-41ca-93b0-3fb167020240</t>
  </si>
  <si>
    <t>BU03620201</t>
  </si>
  <si>
    <t>2021BU03620201</t>
  </si>
  <si>
    <t>buurt_gegeneraliseerd_2021.f003b21b-6acf-47de-aafc-138fde15e711</t>
  </si>
  <si>
    <t>BU03620202</t>
  </si>
  <si>
    <t>2021BU03620202</t>
  </si>
  <si>
    <t>Patrimonium</t>
  </si>
  <si>
    <t>buurt_gegeneraliseerd_2021.4824d759-9a5b-4c7e-a8d5-bfe8e93a390b</t>
  </si>
  <si>
    <t>BU03620301</t>
  </si>
  <si>
    <t>2021BU03620301</t>
  </si>
  <si>
    <t>Elsrijk West</t>
  </si>
  <si>
    <t>buurt_gegeneraliseerd_2021.37fd80bb-5436-4560-955e-b3fd238451e9</t>
  </si>
  <si>
    <t>BU03620302</t>
  </si>
  <si>
    <t>2021BU03620302</t>
  </si>
  <si>
    <t>Kruiskerkbuurt</t>
  </si>
  <si>
    <t>buurt_gegeneraliseerd_2021.bd3ff084-3785-4876-b99e-c35c2cde2b52</t>
  </si>
  <si>
    <t>BU03620303</t>
  </si>
  <si>
    <t>2021BU03620303</t>
  </si>
  <si>
    <t>Vredeveldbuurt</t>
  </si>
  <si>
    <t>buurt_gegeneraliseerd_2021.08a95868-2ce5-4f94-9fe2-80cd696827b7</t>
  </si>
  <si>
    <t>BU03620304</t>
  </si>
  <si>
    <t>2021BU03620304</t>
  </si>
  <si>
    <t>Elsrijk Oost</t>
  </si>
  <si>
    <t>buurt_gegeneraliseerd_2021.596cc366-36af-438f-ae05-9f22c813fef3</t>
  </si>
  <si>
    <t>BU03620401</t>
  </si>
  <si>
    <t>2021BU03620401</t>
  </si>
  <si>
    <t>Stadshart</t>
  </si>
  <si>
    <t>buurt_gegeneraliseerd_2021.05ef83cc-97c8-42ec-b8a3-b79216be544a</t>
  </si>
  <si>
    <t>BU03620501</t>
  </si>
  <si>
    <t>2021BU03620501</t>
  </si>
  <si>
    <t>Uilenstede</t>
  </si>
  <si>
    <t>buurt_gegeneraliseerd_2021.7ae576fa-3cd0-4a42-a040-75c075bc4f2a</t>
  </si>
  <si>
    <t>BU03620502</t>
  </si>
  <si>
    <t>2021BU03620502</t>
  </si>
  <si>
    <t>buurt_gegeneraliseerd_2021.fa32901e-d50a-4a55-a41a-3c608f130806</t>
  </si>
  <si>
    <t>BU03620601</t>
  </si>
  <si>
    <t>2021BU03620601</t>
  </si>
  <si>
    <t>Heldenbuurt</t>
  </si>
  <si>
    <t>buurt_gegeneraliseerd_2021.b90ec807-a48b-4a8d-af15-52ea46ec748f</t>
  </si>
  <si>
    <t>BU03620602</t>
  </si>
  <si>
    <t>2021BU03620602</t>
  </si>
  <si>
    <t>Zeestratenbuurt</t>
  </si>
  <si>
    <t>buurt_gegeneraliseerd_2021.d63f7212-def2-40e6-96bd-7474081d2ab7</t>
  </si>
  <si>
    <t>BU03620603</t>
  </si>
  <si>
    <t>2021BU03620603</t>
  </si>
  <si>
    <t>Boekenbuurt</t>
  </si>
  <si>
    <t>buurt_gegeneraliseerd_2021.1fef4285-d8d9-4810-aa06-3cdbafbc64cf</t>
  </si>
  <si>
    <t>BU03620604</t>
  </si>
  <si>
    <t>2021BU03620604</t>
  </si>
  <si>
    <t>Operabuurt</t>
  </si>
  <si>
    <t>buurt_gegeneraliseerd_2021.b1e78c6a-75e7-46b0-b766-f99ec6cddf0d</t>
  </si>
  <si>
    <t>BU03620701</t>
  </si>
  <si>
    <t>2021BU03620701</t>
  </si>
  <si>
    <t>Middelpolder</t>
  </si>
  <si>
    <t>buurt_gegeneraliseerd_2021.0c51303e-d48a-49ca-8d4e-f14ed7e6ba63</t>
  </si>
  <si>
    <t>BU03620702</t>
  </si>
  <si>
    <t>2021BU03620702</t>
  </si>
  <si>
    <t>Buurt over Ouderkerk</t>
  </si>
  <si>
    <t>buurt_gegeneraliseerd_2021.d4adbce1-d6a6-49fd-8d49-bc3f01b0b800</t>
  </si>
  <si>
    <t>BU03620801</t>
  </si>
  <si>
    <t>2021BU03620801</t>
  </si>
  <si>
    <t>Oude Dorp</t>
  </si>
  <si>
    <t>buurt_gegeneraliseerd_2021.345b57da-02e9-4dea-83e2-528813c9a7cb</t>
  </si>
  <si>
    <t>BU03620802</t>
  </si>
  <si>
    <t>2021BU03620802</t>
  </si>
  <si>
    <t>Kastanjebuurt</t>
  </si>
  <si>
    <t>buurt_gegeneraliseerd_2021.3989b82a-9931-4144-b7b1-a24ed2686a49</t>
  </si>
  <si>
    <t>BU03620803</t>
  </si>
  <si>
    <t>2021BU03620803</t>
  </si>
  <si>
    <t>Van der Leekbuurt</t>
  </si>
  <si>
    <t>buurt_gegeneraliseerd_2021.6333152e-85d9-45e3-ae85-95b2992920e8</t>
  </si>
  <si>
    <t>BU03620804</t>
  </si>
  <si>
    <t>2021BU03620804</t>
  </si>
  <si>
    <t>Populierenbuurt</t>
  </si>
  <si>
    <t>buurt_gegeneraliseerd_2021.73eee971-230b-4bf1-9615-2d1609e6e7a8</t>
  </si>
  <si>
    <t>BU03620805</t>
  </si>
  <si>
    <t>2021BU03620805</t>
  </si>
  <si>
    <t>Augustinuspark</t>
  </si>
  <si>
    <t>buurt_gegeneraliseerd_2021.2a897ab1-1fb5-4363-aa6c-b4856ccc4d5d</t>
  </si>
  <si>
    <t>BU03620806</t>
  </si>
  <si>
    <t>2021BU03620806</t>
  </si>
  <si>
    <t>Startbaanbuurt</t>
  </si>
  <si>
    <t>buurt_gegeneraliseerd_2021.231851f1-8c11-4216-930b-fb5d1a919a0b</t>
  </si>
  <si>
    <t>BU03620901</t>
  </si>
  <si>
    <t>2021BU03620901</t>
  </si>
  <si>
    <t>Langerhuize</t>
  </si>
  <si>
    <t>buurt_gegeneraliseerd_2021.9b43e095-5155-4ff8-ac9e-0b0652fabeab</t>
  </si>
  <si>
    <t>BU03620902</t>
  </si>
  <si>
    <t>2021BU03620902</t>
  </si>
  <si>
    <t>Alpen Rondwegbuurt</t>
  </si>
  <si>
    <t>buurt_gegeneraliseerd_2021.3122b47f-da06-43ab-a039-547e3fd1939c</t>
  </si>
  <si>
    <t>BU03620903</t>
  </si>
  <si>
    <t>2021BU03620903</t>
  </si>
  <si>
    <t>In de Wolkenbuurt</t>
  </si>
  <si>
    <t>buurt_gegeneraliseerd_2021.60aeff13-f7aa-4748-b798-e3a9b790a8ff</t>
  </si>
  <si>
    <t>BU03620904</t>
  </si>
  <si>
    <t>2021BU03620904</t>
  </si>
  <si>
    <t>Watercirkelbuurt</t>
  </si>
  <si>
    <t>buurt_gegeneraliseerd_2021.fc18ca18-72cf-4fa7-9c01-1ab846da3291</t>
  </si>
  <si>
    <t>BU03620905</t>
  </si>
  <si>
    <t>2021BU03620905</t>
  </si>
  <si>
    <t>Kringloopbuurt</t>
  </si>
  <si>
    <t>buurt_gegeneraliseerd_2021.1304e57b-92e0-4f34-a8be-7a629291bd6d</t>
  </si>
  <si>
    <t>BU03621001</t>
  </si>
  <si>
    <t>2021BU03621001</t>
  </si>
  <si>
    <t>buurt_gegeneraliseerd_2021.154772a5-60af-4777-bbb6-c25e57ebf4b5</t>
  </si>
  <si>
    <t>BU03621002</t>
  </si>
  <si>
    <t>2021BU03621002</t>
  </si>
  <si>
    <t>Hemellichamenbuurt</t>
  </si>
  <si>
    <t>buurt_gegeneraliseerd_2021.aaa79c41-0bd7-4115-bdf0-a5fca62b9658</t>
  </si>
  <si>
    <t>BU03621003</t>
  </si>
  <si>
    <t>2021BU03621003</t>
  </si>
  <si>
    <t>Punterbuurt</t>
  </si>
  <si>
    <t>buurt_gegeneraliseerd_2021.12c72a0e-189e-4c14-9d2c-5246414bc4be</t>
  </si>
  <si>
    <t>BU03621004</t>
  </si>
  <si>
    <t>2021BU03621004</t>
  </si>
  <si>
    <t>Molenbuurt</t>
  </si>
  <si>
    <t>buurt_gegeneraliseerd_2021.6098e5cf-7184-4e3f-9f3f-5e49b55fcc54</t>
  </si>
  <si>
    <t>BU03621005</t>
  </si>
  <si>
    <t>2021BU03621005</t>
  </si>
  <si>
    <t>Galjoenbuurt</t>
  </si>
  <si>
    <t>buurt_gegeneraliseerd_2021.9008eb72-df72-4529-affa-94d3d8a3f686</t>
  </si>
  <si>
    <t>BU03621101</t>
  </si>
  <si>
    <t>2021BU03621101</t>
  </si>
  <si>
    <t>Bovenkerk</t>
  </si>
  <si>
    <t>buurt_gegeneraliseerd_2021.342ccb2e-9f34-45ad-8ba0-51d68dcff70b</t>
  </si>
  <si>
    <t>BU03621102</t>
  </si>
  <si>
    <t>2021BU03621102</t>
  </si>
  <si>
    <t>Buitenplaatsenbuurt</t>
  </si>
  <si>
    <t>buurt_gegeneraliseerd_2021.975a2d3c-599e-4c6e-b9aa-31503e679962</t>
  </si>
  <si>
    <t>BU03621103</t>
  </si>
  <si>
    <t>2021BU03621103</t>
  </si>
  <si>
    <t>Betsy Perkbuurt</t>
  </si>
  <si>
    <t>buurt_gegeneraliseerd_2021.0ab55049-190f-47b1-8e12-b3748a819e00</t>
  </si>
  <si>
    <t>BU03621104</t>
  </si>
  <si>
    <t>2021BU03621104</t>
  </si>
  <si>
    <t>Legmeer</t>
  </si>
  <si>
    <t>buurt_gegeneraliseerd_2021.0ff2f2d8-6be2-443e-a5bf-7b8e34a24d8d</t>
  </si>
  <si>
    <t>BU03621105</t>
  </si>
  <si>
    <t>2021BU03621105</t>
  </si>
  <si>
    <t>Landschappenbuurt</t>
  </si>
  <si>
    <t>buurt_gegeneraliseerd_2021.bf0548f1-ac31-437c-b8e9-097bac9cfe1f</t>
  </si>
  <si>
    <t>BU03621106</t>
  </si>
  <si>
    <t>2021BU03621106</t>
  </si>
  <si>
    <t>Theaterbuurt</t>
  </si>
  <si>
    <t>buurt_gegeneraliseerd_2021.5553e74e-db2b-404a-8b7c-23e6c8222de1</t>
  </si>
  <si>
    <t>BU03621201</t>
  </si>
  <si>
    <t>2021BU03621201</t>
  </si>
  <si>
    <t>Kastelenbuurt</t>
  </si>
  <si>
    <t>buurt_gegeneraliseerd_2021.11ea7ef3-0968-461b-bca2-0a56ebbeceb1</t>
  </si>
  <si>
    <t>BU03621202</t>
  </si>
  <si>
    <t>2021BU03621202</t>
  </si>
  <si>
    <t>buurt_gegeneraliseerd_2021.872dc89f-a145-461e-96d7-71d913f7fc67</t>
  </si>
  <si>
    <t>BU03621203</t>
  </si>
  <si>
    <t>2021BU03621203</t>
  </si>
  <si>
    <t>Kruidenbuurt</t>
  </si>
  <si>
    <t>buurt_gegeneraliseerd_2021.39827c67-cbfe-44c3-b3ac-6f106b1029dc</t>
  </si>
  <si>
    <t>BU03621204</t>
  </si>
  <si>
    <t>2021BU03621204</t>
  </si>
  <si>
    <t>buurt_gegeneraliseerd_2021.b82939c3-f03e-43e8-98c1-c59a7351b86e</t>
  </si>
  <si>
    <t>BU03621301</t>
  </si>
  <si>
    <t>2021BU03621301</t>
  </si>
  <si>
    <t>Nes aan de Amstel</t>
  </si>
  <si>
    <t>buurt_gegeneraliseerd_2021.b3ef8429-ae74-4763-ab89-bbb41b9a3a17</t>
  </si>
  <si>
    <t>BU03621302</t>
  </si>
  <si>
    <t>2021BU03621302</t>
  </si>
  <si>
    <t>Legmeerpolder</t>
  </si>
  <si>
    <t>buurt_gegeneraliseerd_2021.9837d052-8137-4498-963e-9856c1fe9d26</t>
  </si>
  <si>
    <t>BU03621401</t>
  </si>
  <si>
    <t>2021BU03621401</t>
  </si>
  <si>
    <t>Amsterdamse Bos Noord</t>
  </si>
  <si>
    <t>buurt_gegeneraliseerd_2021.5567e634-ef74-4c4e-b0fd-eb5c47985c81</t>
  </si>
  <si>
    <t>BU03621402</t>
  </si>
  <si>
    <t>2021BU03621402</t>
  </si>
  <si>
    <t>Amsterdamse Bos Zuid</t>
  </si>
  <si>
    <t>buurt_gegeneraliseerd_2021.bdc7f636-db23-4240-9e68-ec3287896534</t>
  </si>
  <si>
    <t>BU03630000</t>
  </si>
  <si>
    <t>2021BU03630000</t>
  </si>
  <si>
    <t>Kop Zeedijk</t>
  </si>
  <si>
    <t>GM0363</t>
  </si>
  <si>
    <t>buurt_gegeneraliseerd_2021.15b5b28f-2ca8-477f-817e-ab04dd4a3672</t>
  </si>
  <si>
    <t>BU03630001</t>
  </si>
  <si>
    <t>2021BU03630001</t>
  </si>
  <si>
    <t>Oude Kerk e.o.</t>
  </si>
  <si>
    <t>buurt_gegeneraliseerd_2021.bf60747a-b95a-4556-9205-4abcbd0a5696</t>
  </si>
  <si>
    <t>BU03630002</t>
  </si>
  <si>
    <t>2021BU03630002</t>
  </si>
  <si>
    <t>Burgwallen Oost</t>
  </si>
  <si>
    <t>buurt_gegeneraliseerd_2021.8bfb7202-d95f-4a9a-b327-fc6702fb4ee9</t>
  </si>
  <si>
    <t>BU03630003</t>
  </si>
  <si>
    <t>2021BU03630003</t>
  </si>
  <si>
    <t>Nes e.o.</t>
  </si>
  <si>
    <t>buurt_gegeneraliseerd_2021.4c4af6de-7d38-4dff-a70e-99031d39d67d</t>
  </si>
  <si>
    <t>BU03630004</t>
  </si>
  <si>
    <t>2021BU03630004</t>
  </si>
  <si>
    <t>BG-terrein e.o.</t>
  </si>
  <si>
    <t>buurt_gegeneraliseerd_2021.78878965-785d-4b94-9c65-cd77ba7c104e</t>
  </si>
  <si>
    <t>BU03630100</t>
  </si>
  <si>
    <t>2021BU03630100</t>
  </si>
  <si>
    <t>Stationsplein e.o.</t>
  </si>
  <si>
    <t>buurt_gegeneraliseerd_2021.b98afa5b-63f8-4112-b870-86b06934ad16</t>
  </si>
  <si>
    <t>BU03630101</t>
  </si>
  <si>
    <t>2021BU03630101</t>
  </si>
  <si>
    <t>Hemelrijk</t>
  </si>
  <si>
    <t>buurt_gegeneraliseerd_2021.a176148f-7177-4a65-a2e3-c125f72989ae</t>
  </si>
  <si>
    <t>BU03630102</t>
  </si>
  <si>
    <t>2021BU03630102</t>
  </si>
  <si>
    <t>Nieuwendijk Noord</t>
  </si>
  <si>
    <t>buurt_gegeneraliseerd_2021.abefe383-a6c3-4384-abb8-3496bef5ce87</t>
  </si>
  <si>
    <t>BU03630103</t>
  </si>
  <si>
    <t>2021BU03630103</t>
  </si>
  <si>
    <t>Spuistraat Noord</t>
  </si>
  <si>
    <t>buurt_gegeneraliseerd_2021.fea98983-c209-4157-972a-5e59c9df4058</t>
  </si>
  <si>
    <t>BU03630104</t>
  </si>
  <si>
    <t>2021BU03630104</t>
  </si>
  <si>
    <t>Nieuwe Kerk e.o.</t>
  </si>
  <si>
    <t>buurt_gegeneraliseerd_2021.05090ff3-eee3-464e-967b-a84b8e222d06</t>
  </si>
  <si>
    <t>BU03630105</t>
  </si>
  <si>
    <t>2021BU03630105</t>
  </si>
  <si>
    <t>Spuistraat Zuid</t>
  </si>
  <si>
    <t>buurt_gegeneraliseerd_2021.c0f2098d-7532-45f9-a1e7-c1e9b31305f7</t>
  </si>
  <si>
    <t>BU03630106</t>
  </si>
  <si>
    <t>2021BU03630106</t>
  </si>
  <si>
    <t>Begijnhofbuurt</t>
  </si>
  <si>
    <t>buurt_gegeneraliseerd_2021.ef6819a5-e279-44fe-98c0-c864b8bb98bd</t>
  </si>
  <si>
    <t>BU03630107</t>
  </si>
  <si>
    <t>2021BU03630107</t>
  </si>
  <si>
    <t>Kalverdriehoek</t>
  </si>
  <si>
    <t>buurt_gegeneraliseerd_2021.b6caa87c-a65a-4cb5-bde5-23562c6a92c6</t>
  </si>
  <si>
    <t>BU03630200</t>
  </si>
  <si>
    <t>2021BU03630200</t>
  </si>
  <si>
    <t>Langestraat e.o.</t>
  </si>
  <si>
    <t>buurt_gegeneraliseerd_2021.3da2b495-6c57-48e2-a3cb-d16bda24de97</t>
  </si>
  <si>
    <t>BU03630201</t>
  </si>
  <si>
    <t>2021BU03630201</t>
  </si>
  <si>
    <t>Leliegracht e.o.</t>
  </si>
  <si>
    <t>buurt_gegeneraliseerd_2021.84203642-84b5-4cc1-b43b-6e5693827caa</t>
  </si>
  <si>
    <t>BU03630202</t>
  </si>
  <si>
    <t>2021BU03630202</t>
  </si>
  <si>
    <t>Felix Meritisbuurt</t>
  </si>
  <si>
    <t>buurt_gegeneraliseerd_2021.470f9b41-1c25-454c-a7bd-f6a44b3260e6</t>
  </si>
  <si>
    <t>BU03630203</t>
  </si>
  <si>
    <t>2021BU03630203</t>
  </si>
  <si>
    <t>Leidsegracht Noord</t>
  </si>
  <si>
    <t>buurt_gegeneraliseerd_2021.b8d0bd9c-a37f-43a2-99b1-512e396b263b</t>
  </si>
  <si>
    <t>BU03630300</t>
  </si>
  <si>
    <t>2021BU03630300</t>
  </si>
  <si>
    <t>Spiegelbuurt</t>
  </si>
  <si>
    <t>buurt_gegeneraliseerd_2021.fa742593-92e0-410b-9e21-4132af46e0a5</t>
  </si>
  <si>
    <t>BU03630301</t>
  </si>
  <si>
    <t>2021BU03630301</t>
  </si>
  <si>
    <t>Gouden Bocht</t>
  </si>
  <si>
    <t>buurt_gegeneraliseerd_2021.b867c296-e600-4f49-9589-9e43e13a6079</t>
  </si>
  <si>
    <t>BU03630302</t>
  </si>
  <si>
    <t>2021BU03630302</t>
  </si>
  <si>
    <t>Van Loonbuurt</t>
  </si>
  <si>
    <t>buurt_gegeneraliseerd_2021.c5cb35ab-e67f-4a26-859a-a4abad0ef829</t>
  </si>
  <si>
    <t>BU03630303</t>
  </si>
  <si>
    <t>2021BU03630303</t>
  </si>
  <si>
    <t>Amstelveldbuurt</t>
  </si>
  <si>
    <t>buurt_gegeneraliseerd_2021.a4fafcb4-710a-4c84-87cb-16309c4a23a8</t>
  </si>
  <si>
    <t>BU03630304</t>
  </si>
  <si>
    <t>2021BU03630304</t>
  </si>
  <si>
    <t>Rembrandtpleinbuurt</t>
  </si>
  <si>
    <t>buurt_gegeneraliseerd_2021.3f0709c2-5a30-4342-b6c0-b2c19ca4ddb9</t>
  </si>
  <si>
    <t>BU03630305</t>
  </si>
  <si>
    <t>2021BU03630305</t>
  </si>
  <si>
    <t>Reguliersbuurt</t>
  </si>
  <si>
    <t>buurt_gegeneraliseerd_2021.f69d4eac-86cc-4f34-a5ed-7c3ec7620722</t>
  </si>
  <si>
    <t>BU03630306</t>
  </si>
  <si>
    <t>2021BU03630306</t>
  </si>
  <si>
    <t>Leidsegracht Zuid</t>
  </si>
  <si>
    <t>buurt_gegeneraliseerd_2021.4b8055b4-7641-4475-b08d-5bad6d918ee5</t>
  </si>
  <si>
    <t>BU03630400</t>
  </si>
  <si>
    <t>2021BU03630400</t>
  </si>
  <si>
    <t>Oosterdokseiland</t>
  </si>
  <si>
    <t>buurt_gegeneraliseerd_2021.0daacb26-6ce5-4217-b189-3dc461699a8d</t>
  </si>
  <si>
    <t>BU03630401</t>
  </si>
  <si>
    <t>2021BU03630401</t>
  </si>
  <si>
    <t>Scheepvaarthuisbuurt</t>
  </si>
  <si>
    <t>buurt_gegeneraliseerd_2021.d803c60b-a2d5-448c-b8c5-277382fb46c4</t>
  </si>
  <si>
    <t>BU03630402</t>
  </si>
  <si>
    <t>2021BU03630402</t>
  </si>
  <si>
    <t>Rapenburg</t>
  </si>
  <si>
    <t>buurt_gegeneraliseerd_2021.9a8f289e-e2eb-45ea-8bed-51338d407f3b</t>
  </si>
  <si>
    <t>BU03630403</t>
  </si>
  <si>
    <t>2021BU03630403</t>
  </si>
  <si>
    <t>Lastage</t>
  </si>
  <si>
    <t>buurt_gegeneraliseerd_2021.8d579410-adcf-4d28-972e-a820f53b45b2</t>
  </si>
  <si>
    <t>BU03630404</t>
  </si>
  <si>
    <t>2021BU03630404</t>
  </si>
  <si>
    <t>Nieuwmarkt</t>
  </si>
  <si>
    <t>buurt_gegeneraliseerd_2021.1065cf41-f218-4538-820e-7c74d9b327e8</t>
  </si>
  <si>
    <t>BU03630405</t>
  </si>
  <si>
    <t>2021BU03630405</t>
  </si>
  <si>
    <t>Uilenburg</t>
  </si>
  <si>
    <t>buurt_gegeneraliseerd_2021.d96c938a-82d5-4c7b-b6a9-7c7ab7ad8a40</t>
  </si>
  <si>
    <t>BU03630406</t>
  </si>
  <si>
    <t>2021BU03630406</t>
  </si>
  <si>
    <t>Valkenburg</t>
  </si>
  <si>
    <t>buurt_gegeneraliseerd_2021.0f793876-4bee-48ca-b6c9-9787a34965d4</t>
  </si>
  <si>
    <t>BU03630407</t>
  </si>
  <si>
    <t>2021BU03630407</t>
  </si>
  <si>
    <t>Zuiderkerkbuurt</t>
  </si>
  <si>
    <t>buurt_gegeneraliseerd_2021.100a562d-e865-473e-b072-518b743a801f</t>
  </si>
  <si>
    <t>BU03630408</t>
  </si>
  <si>
    <t>2021BU03630408</t>
  </si>
  <si>
    <t>Waterloopleinbuurt</t>
  </si>
  <si>
    <t>buurt_gegeneraliseerd_2021.4bde1785-3eb1-49a8-baa6-6fa6570e2d7f</t>
  </si>
  <si>
    <t>BU03630500</t>
  </si>
  <si>
    <t>2021BU03630500</t>
  </si>
  <si>
    <t>Westerdokseiland</t>
  </si>
  <si>
    <t>buurt_gegeneraliseerd_2021.5f054772-30cc-49fa-b565-d3413c2176c5</t>
  </si>
  <si>
    <t>BU03630501</t>
  </si>
  <si>
    <t>2021BU03630501</t>
  </si>
  <si>
    <t>Haarlemmerbuurt Oost</t>
  </si>
  <si>
    <t>buurt_gegeneraliseerd_2021.74368fb0-2efe-434c-b101-6286a0ab4990</t>
  </si>
  <si>
    <t>BU03630502</t>
  </si>
  <si>
    <t>2021BU03630502</t>
  </si>
  <si>
    <t>Haarlemmerbuurt West</t>
  </si>
  <si>
    <t>buurt_gegeneraliseerd_2021.5e04e1b7-96d0-462f-bf43-82aedd8616fb</t>
  </si>
  <si>
    <t>BU03630503</t>
  </si>
  <si>
    <t>2021BU03630503</t>
  </si>
  <si>
    <t>Westelijke eilanden</t>
  </si>
  <si>
    <t>buurt_gegeneraliseerd_2021.a0b45a44-6245-460b-b16c-36a66dcdc4fa</t>
  </si>
  <si>
    <t>BU03630505</t>
  </si>
  <si>
    <t>2021BU03630505</t>
  </si>
  <si>
    <t>Planciusbuurt Noord</t>
  </si>
  <si>
    <t>buurt_gegeneraliseerd_2021.9d9b83a1-5ffb-4ed4-b02b-ab41b8391b0b</t>
  </si>
  <si>
    <t>BU03630506</t>
  </si>
  <si>
    <t>2021BU03630506</t>
  </si>
  <si>
    <t>Planciusbuurt Zuid</t>
  </si>
  <si>
    <t>buurt_gegeneraliseerd_2021.940c443b-1b75-41f9-a36f-0bbdb565ad1f</t>
  </si>
  <si>
    <t>BU03630600</t>
  </si>
  <si>
    <t>2021BU03630600</t>
  </si>
  <si>
    <t>Driehoekbuurt</t>
  </si>
  <si>
    <t>buurt_gegeneraliseerd_2021.94370e84-0f7d-4565-aae6-a001fe028453</t>
  </si>
  <si>
    <t>BU03630602</t>
  </si>
  <si>
    <t>2021BU03630602</t>
  </si>
  <si>
    <t>Bloemgrachtbuurt</t>
  </si>
  <si>
    <t>buurt_gegeneraliseerd_2021.5ceb7f39-ccb8-437a-af89-2a8d15ce76a8</t>
  </si>
  <si>
    <t>BU03630603</t>
  </si>
  <si>
    <t>2021BU03630603</t>
  </si>
  <si>
    <t>Marnixbuurt Noord</t>
  </si>
  <si>
    <t>buurt_gegeneraliseerd_2021.af1265bc-6f1a-4282-8920-e3a0bee7b4c6</t>
  </si>
  <si>
    <t>BU03630604</t>
  </si>
  <si>
    <t>2021BU03630604</t>
  </si>
  <si>
    <t>Zaagpoortbuurt</t>
  </si>
  <si>
    <t>buurt_gegeneraliseerd_2021.81148604-6042-44fa-9958-aa13c9d44b78</t>
  </si>
  <si>
    <t>BU03630605</t>
  </si>
  <si>
    <t>2021BU03630605</t>
  </si>
  <si>
    <t>Marnixbuurt Midden</t>
  </si>
  <si>
    <t>buurt_gegeneraliseerd_2021.88f40d81-85fc-4af8-840b-a76b652bd0c4</t>
  </si>
  <si>
    <t>BU03630606</t>
  </si>
  <si>
    <t>2021BU03630606</t>
  </si>
  <si>
    <t>Elandsgrachtbuurt</t>
  </si>
  <si>
    <t>buurt_gegeneraliseerd_2021.2a0f927a-4688-49ae-9098-538cca9461b1</t>
  </si>
  <si>
    <t>BU03630607</t>
  </si>
  <si>
    <t>2021BU03630607</t>
  </si>
  <si>
    <t>Passeerdersgrachtbuurt</t>
  </si>
  <si>
    <t>buurt_gegeneraliseerd_2021.d087ead4-c4c2-4b2d-b7cd-d03ea84e19ea</t>
  </si>
  <si>
    <t>BU03630608</t>
  </si>
  <si>
    <t>2021BU03630608</t>
  </si>
  <si>
    <t>Groenmarktkadebuurt</t>
  </si>
  <si>
    <t>buurt_gegeneraliseerd_2021.faa02434-3b0c-40a7-954f-deb0499ced9b</t>
  </si>
  <si>
    <t>BU03630609</t>
  </si>
  <si>
    <t>2021BU03630609</t>
  </si>
  <si>
    <t>Marnixbuurt Zuid</t>
  </si>
  <si>
    <t>buurt_gegeneraliseerd_2021.127998ae-53c6-4ecb-a64b-085f59301388</t>
  </si>
  <si>
    <t>BU03630610</t>
  </si>
  <si>
    <t>2021BU03630610</t>
  </si>
  <si>
    <t>Anjeliersbuurt Noord</t>
  </si>
  <si>
    <t>buurt_gegeneraliseerd_2021.d379ad53-a254-45da-a813-3fa5849cca1a</t>
  </si>
  <si>
    <t>BU03630611</t>
  </si>
  <si>
    <t>2021BU03630611</t>
  </si>
  <si>
    <t>Anjeliersbuurt Zuid</t>
  </si>
  <si>
    <t>buurt_gegeneraliseerd_2021.547327af-717e-411c-a875-20ef819a1356</t>
  </si>
  <si>
    <t>BU03630700</t>
  </si>
  <si>
    <t>2021BU03630700</t>
  </si>
  <si>
    <t>Leidsebuurt Noordwest</t>
  </si>
  <si>
    <t>buurt_gegeneraliseerd_2021.8d8a22e7-f0b7-4709-a2f8-007adef3228f</t>
  </si>
  <si>
    <t>BU03630701</t>
  </si>
  <si>
    <t>2021BU03630701</t>
  </si>
  <si>
    <t>Leidsebuurt Zuidwest</t>
  </si>
  <si>
    <t>buurt_gegeneraliseerd_2021.0d3f2e41-4d19-4319-b231-95360e95dd5b</t>
  </si>
  <si>
    <t>BU03630702</t>
  </si>
  <si>
    <t>2021BU03630702</t>
  </si>
  <si>
    <t>Leidsebuurt Noordoost</t>
  </si>
  <si>
    <t>buurt_gegeneraliseerd_2021.4d394f8c-2355-417f-89b9-ae74a7f7534e</t>
  </si>
  <si>
    <t>BU03630703</t>
  </si>
  <si>
    <t>2021BU03630703</t>
  </si>
  <si>
    <t>Leidsebuurt Zuidoost</t>
  </si>
  <si>
    <t>buurt_gegeneraliseerd_2021.674ec72f-5ac2-4968-ba9f-18982f2db6aa</t>
  </si>
  <si>
    <t>BU03630704</t>
  </si>
  <si>
    <t>2021BU03630704</t>
  </si>
  <si>
    <t>Weteringbuurt</t>
  </si>
  <si>
    <t>buurt_gegeneraliseerd_2021.d0ef0f19-4dbe-48b7-9174-d4eb41379ed3</t>
  </si>
  <si>
    <t>BU03630705</t>
  </si>
  <si>
    <t>2021BU03630705</t>
  </si>
  <si>
    <t>Den Texbuurt</t>
  </si>
  <si>
    <t>buurt_gegeneraliseerd_2021.2004c1d6-5581-4b10-9573-e425cd5c8c50</t>
  </si>
  <si>
    <t>BU03630706</t>
  </si>
  <si>
    <t>2021BU03630706</t>
  </si>
  <si>
    <t>Utrechtsebuurt Zuid</t>
  </si>
  <si>
    <t>buurt_gegeneraliseerd_2021.c5228fe6-f903-453c-85ff-e6b3ba5ee24e</t>
  </si>
  <si>
    <t>BU03630707</t>
  </si>
  <si>
    <t>2021BU03630707</t>
  </si>
  <si>
    <t>Frederikspleinbuurt</t>
  </si>
  <si>
    <t>buurt_gegeneraliseerd_2021.3bc6562b-e1c8-439e-ab58-bc42ced14789</t>
  </si>
  <si>
    <t>BU03630800</t>
  </si>
  <si>
    <t>2021BU03630800</t>
  </si>
  <si>
    <t>Weesperbuurt</t>
  </si>
  <si>
    <t>buurt_gegeneraliseerd_2021.9d5359b5-baaa-4830-990e-9b5bb949a0ba</t>
  </si>
  <si>
    <t>BU03630801</t>
  </si>
  <si>
    <t>2021BU03630801</t>
  </si>
  <si>
    <t>Sarphatistrook</t>
  </si>
  <si>
    <t>buurt_gegeneraliseerd_2021.5a084af4-cfd7-45d0-9c9a-bd04d813c8b5</t>
  </si>
  <si>
    <t>BU03630803</t>
  </si>
  <si>
    <t>2021BU03630803</t>
  </si>
  <si>
    <t>de Plantage</t>
  </si>
  <si>
    <t>buurt_gegeneraliseerd_2021.661c46e6-0bac-45ad-8ce5-092b5762aea7</t>
  </si>
  <si>
    <t>BU03630804</t>
  </si>
  <si>
    <t>2021BU03630804</t>
  </si>
  <si>
    <t>Alexanderplein e.o.</t>
  </si>
  <si>
    <t>buurt_gegeneraliseerd_2021.b795766b-606e-424e-9b6d-b28604813363</t>
  </si>
  <si>
    <t>BU03630900</t>
  </si>
  <si>
    <t>2021BU03630900</t>
  </si>
  <si>
    <t>Marine-Etablissement</t>
  </si>
  <si>
    <t>buurt_gegeneraliseerd_2021.3e0bbf21-c202-42e6-b345-6bbedb6455c3</t>
  </si>
  <si>
    <t>BU03630901</t>
  </si>
  <si>
    <t>2021BU03630901</t>
  </si>
  <si>
    <t>Kattenburg</t>
  </si>
  <si>
    <t>buurt_gegeneraliseerd_2021.ef99212d-462e-4530-ac11-edb34a997a23</t>
  </si>
  <si>
    <t>BU03630902</t>
  </si>
  <si>
    <t>2021BU03630902</t>
  </si>
  <si>
    <t>Wittenburg</t>
  </si>
  <si>
    <t>buurt_gegeneraliseerd_2021.3a298f23-161c-46c4-8391-82cb3f0e1f34</t>
  </si>
  <si>
    <t>BU03630903</t>
  </si>
  <si>
    <t>2021BU03630903</t>
  </si>
  <si>
    <t>Oostenburg</t>
  </si>
  <si>
    <t>buurt_gegeneraliseerd_2021.3bb757a5-6e65-4744-a493-33fce7735ba8</t>
  </si>
  <si>
    <t>BU03630904</t>
  </si>
  <si>
    <t>2021BU03630904</t>
  </si>
  <si>
    <t>Czaar Peterbuurt</t>
  </si>
  <si>
    <t>buurt_gegeneraliseerd_2021.87681cc5-9d41-4449-ac06-f815e7649fcb</t>
  </si>
  <si>
    <t>BU03630905</t>
  </si>
  <si>
    <t>2021BU03630905</t>
  </si>
  <si>
    <t>Het Funen</t>
  </si>
  <si>
    <t>buurt_gegeneraliseerd_2021.52b8e237-125b-40c1-8391-d10d3abeb457</t>
  </si>
  <si>
    <t>BU03630907</t>
  </si>
  <si>
    <t>2021BU03630907</t>
  </si>
  <si>
    <t>Kazernebuurt</t>
  </si>
  <si>
    <t>buurt_gegeneraliseerd_2021.01dbf1ce-0b0a-415e-9bff-7a04417e7042</t>
  </si>
  <si>
    <t>BU03630908</t>
  </si>
  <si>
    <t>2021BU03630908</t>
  </si>
  <si>
    <t>Kadijken</t>
  </si>
  <si>
    <t>buurt_gegeneraliseerd_2021.94471365-c217-4487-a562-f745dba5e3ee</t>
  </si>
  <si>
    <t>BU03631000</t>
  </si>
  <si>
    <t>2021BU03631000</t>
  </si>
  <si>
    <t>Coenhaven/Mercuriushaven</t>
  </si>
  <si>
    <t>buurt_gegeneraliseerd_2021.7fc66af1-b15f-4d1c-93b3-a7abf585dbdc</t>
  </si>
  <si>
    <t>BU03631001</t>
  </si>
  <si>
    <t>2021BU03631001</t>
  </si>
  <si>
    <t>Alfa-driehoek</t>
  </si>
  <si>
    <t>buurt_gegeneraliseerd_2021.4ef1d6c5-e862-4e92-a55a-6857dd989249</t>
  </si>
  <si>
    <t>BU03631002</t>
  </si>
  <si>
    <t>2021BU03631002</t>
  </si>
  <si>
    <t>Petroleumhaven</t>
  </si>
  <si>
    <t>buurt_gegeneraliseerd_2021.570789d7-1812-4253-977c-04e2f078a8e6</t>
  </si>
  <si>
    <t>BU03631003</t>
  </si>
  <si>
    <t>2021BU03631003</t>
  </si>
  <si>
    <t>Westhaven Noord</t>
  </si>
  <si>
    <t>buurt_gegeneraliseerd_2021.3cc26748-8422-4906-ade5-54df0186e827</t>
  </si>
  <si>
    <t>BU03631004</t>
  </si>
  <si>
    <t>2021BU03631004</t>
  </si>
  <si>
    <t>Vervoerscentrum</t>
  </si>
  <si>
    <t>buurt_gegeneraliseerd_2021.245dcaac-056f-4f03-a194-d7c8d8523280</t>
  </si>
  <si>
    <t>BU03631005</t>
  </si>
  <si>
    <t>2021BU03631005</t>
  </si>
  <si>
    <t>Amerikahaven</t>
  </si>
  <si>
    <t>buurt_gegeneraliseerd_2021.60fe9960-4304-443a-ae57-47c3c72453d0</t>
  </si>
  <si>
    <t>BU03631006</t>
  </si>
  <si>
    <t>2021BU03631006</t>
  </si>
  <si>
    <t>Afrikahaven</t>
  </si>
  <si>
    <t>buurt_gegeneraliseerd_2021.fafcf830-9c24-4aa2-a635-e48b4916923d</t>
  </si>
  <si>
    <t>BU03631007</t>
  </si>
  <si>
    <t>2021BU03631007</t>
  </si>
  <si>
    <t>Westhaven Zuid</t>
  </si>
  <si>
    <t>buurt_gegeneraliseerd_2021.121272a7-5b36-47ac-a92e-9d7ae97f84a4</t>
  </si>
  <si>
    <t>BU03631100</t>
  </si>
  <si>
    <t>2021BU03631100</t>
  </si>
  <si>
    <t>Sloterdijk II</t>
  </si>
  <si>
    <t>buurt_gegeneraliseerd_2021.a71beba5-7814-441d-ab5a-bb59d2dac7eb</t>
  </si>
  <si>
    <t>BU03631102</t>
  </si>
  <si>
    <t>2021BU03631102</t>
  </si>
  <si>
    <t>Sloterdijk III Oost</t>
  </si>
  <si>
    <t>buurt_gegeneraliseerd_2021.57aec6e4-9432-4c97-b788-3568cf2579a1</t>
  </si>
  <si>
    <t>BU03631103</t>
  </si>
  <si>
    <t>2021BU03631103</t>
  </si>
  <si>
    <t>Sloterdijk III West</t>
  </si>
  <si>
    <t>buurt_gegeneraliseerd_2021.45467c78-28b6-4f6b-961e-6911cc06ecfd</t>
  </si>
  <si>
    <t>BU03631104</t>
  </si>
  <si>
    <t>2021BU03631104</t>
  </si>
  <si>
    <t>De Heining</t>
  </si>
  <si>
    <t>buurt_gegeneraliseerd_2021.40b7dda3-2ac2-4e0b-a6b6-4b7238b4017d</t>
  </si>
  <si>
    <t>BU03631105</t>
  </si>
  <si>
    <t>2021BU03631105</t>
  </si>
  <si>
    <t>Teleport</t>
  </si>
  <si>
    <t>buurt_gegeneraliseerd_2021.8736ef1b-92fd-42eb-8200-1dcc384a63c7</t>
  </si>
  <si>
    <t>BU03631107</t>
  </si>
  <si>
    <t>2021BU03631107</t>
  </si>
  <si>
    <t>Bretten Oost</t>
  </si>
  <si>
    <t>buurt_gegeneraliseerd_2021.fafbdf0b-3e88-4db4-9b06-a919adea2882</t>
  </si>
  <si>
    <t>BU03631109</t>
  </si>
  <si>
    <t>2021BU03631109</t>
  </si>
  <si>
    <t>Bretten West</t>
  </si>
  <si>
    <t>buurt_gegeneraliseerd_2021.6dc24707-ca5f-4790-be72-63bbdaa3a767</t>
  </si>
  <si>
    <t>BU03631200</t>
  </si>
  <si>
    <t>2021BU03631200</t>
  </si>
  <si>
    <t>Houthavens West</t>
  </si>
  <si>
    <t>buurt_gegeneraliseerd_2021.439e04bc-23e9-4a16-99cd-56c7d5d656d7</t>
  </si>
  <si>
    <t>BU03631201</t>
  </si>
  <si>
    <t>2021BU03631201</t>
  </si>
  <si>
    <t>Houthavens Oost</t>
  </si>
  <si>
    <t>buurt_gegeneraliseerd_2021.9e72c162-e1fd-4225-a9be-8bfbe059a8c5</t>
  </si>
  <si>
    <t>BU03631300</t>
  </si>
  <si>
    <t>2021BU03631300</t>
  </si>
  <si>
    <t>buurt_gegeneraliseerd_2021.17ab9e68-c715-492d-a9e3-7c68738d6427</t>
  </si>
  <si>
    <t>BU03631301</t>
  </si>
  <si>
    <t>2021BU03631301</t>
  </si>
  <si>
    <t>Spaarndammerbuurt Noordoost</t>
  </si>
  <si>
    <t>buurt_gegeneraliseerd_2021.f10c8107-a1e0-47a5-b989-8a2cf528418f</t>
  </si>
  <si>
    <t>BU03631302</t>
  </si>
  <si>
    <t>2021BU03631302</t>
  </si>
  <si>
    <t>Spaarndammerbuurt Zuidoost</t>
  </si>
  <si>
    <t>buurt_gegeneraliseerd_2021.40ba3a2c-6c8f-43cc-89e6-8158aa3fe2e8</t>
  </si>
  <si>
    <t>BU03631303</t>
  </si>
  <si>
    <t>2021BU03631303</t>
  </si>
  <si>
    <t>Spaarndammerbuurt Zuidwest</t>
  </si>
  <si>
    <t>buurt_gegeneraliseerd_2021.684a6c22-2c5e-4c7f-8f3a-25b8ffd9034e</t>
  </si>
  <si>
    <t>BU03631304</t>
  </si>
  <si>
    <t>2021BU03631304</t>
  </si>
  <si>
    <t>Spaarndammerbuurt Midden</t>
  </si>
  <si>
    <t>buurt_gegeneraliseerd_2021.0d6530c1-fdef-4b44-8c58-d1764beb1ee7</t>
  </si>
  <si>
    <t>BU03631305</t>
  </si>
  <si>
    <t>2021BU03631305</t>
  </si>
  <si>
    <t>Spaarndammerbuurt Noordwest</t>
  </si>
  <si>
    <t>buurt_gegeneraliseerd_2021.f58ee773-42ef-4338-b2b9-51a713115f62</t>
  </si>
  <si>
    <t>BU03631306</t>
  </si>
  <si>
    <t>2021BU03631306</t>
  </si>
  <si>
    <t>Westergasfabriek</t>
  </si>
  <si>
    <t>buurt_gegeneraliseerd_2021.e430e49e-96f7-4bf8-a238-ba56e1ba1d20</t>
  </si>
  <si>
    <t>BU03631307</t>
  </si>
  <si>
    <t>2021BU03631307</t>
  </si>
  <si>
    <t>Overbraker Binnenpolder</t>
  </si>
  <si>
    <t>buurt_gegeneraliseerd_2021.3fca4dc8-5733-4c62-a313-81c465f70c16</t>
  </si>
  <si>
    <t>BU03631400</t>
  </si>
  <si>
    <t>2021BU03631400</t>
  </si>
  <si>
    <t>De Wittenbuurt Noord</t>
  </si>
  <si>
    <t>buurt_gegeneraliseerd_2021.62f28c82-82cf-4e09-88a0-56b0a229e8c2</t>
  </si>
  <si>
    <t>BU03631401</t>
  </si>
  <si>
    <t>2021BU03631401</t>
  </si>
  <si>
    <t>De Wittenbuurt Zuid</t>
  </si>
  <si>
    <t>buurt_gegeneraliseerd_2021.d210296a-e556-4ea4-af82-6c8939536157</t>
  </si>
  <si>
    <t>BU03631402</t>
  </si>
  <si>
    <t>2021BU03631402</t>
  </si>
  <si>
    <t>Staatsliedenbuurt Noordoost</t>
  </si>
  <si>
    <t>buurt_gegeneraliseerd_2021.447c2582-2ea5-495d-a991-6ff56aa6da9b</t>
  </si>
  <si>
    <t>BU03631403</t>
  </si>
  <si>
    <t>2021BU03631403</t>
  </si>
  <si>
    <t>Fannius Scholtenbuurt</t>
  </si>
  <si>
    <t>buurt_gegeneraliseerd_2021.33164a12-a7fd-40aa-8968-bc85304dfa06</t>
  </si>
  <si>
    <t>BU03631404</t>
  </si>
  <si>
    <t>2021BU03631404</t>
  </si>
  <si>
    <t>Westerstaatsman</t>
  </si>
  <si>
    <t>buurt_gegeneraliseerd_2021.76d97840-fe45-47ed-bb97-bc03b51960d3</t>
  </si>
  <si>
    <t>BU03631405</t>
  </si>
  <si>
    <t>2021BU03631405</t>
  </si>
  <si>
    <t>Buyskade e.o.</t>
  </si>
  <si>
    <t>buurt_gegeneraliseerd_2021.c147d6d4-578a-4fa1-9cc9-70cf02080bb5</t>
  </si>
  <si>
    <t>BU03631500</t>
  </si>
  <si>
    <t>2021BU03631500</t>
  </si>
  <si>
    <t>Ecowijk</t>
  </si>
  <si>
    <t>buurt_gegeneraliseerd_2021.b43e5e5f-c35d-4e74-8f34-0fe2dca28735</t>
  </si>
  <si>
    <t>BU03631501</t>
  </si>
  <si>
    <t>2021BU03631501</t>
  </si>
  <si>
    <t>Markthallen</t>
  </si>
  <si>
    <t>buurt_gegeneraliseerd_2021.202f8ec1-da3a-4097-a050-bcea51ae3877</t>
  </si>
  <si>
    <t>BU03631502</t>
  </si>
  <si>
    <t>2021BU03631502</t>
  </si>
  <si>
    <t>Bedrijvencentrum Westerkwartier</t>
  </si>
  <si>
    <t>buurt_gegeneraliseerd_2021.64a3e73d-fe33-4ae4-8a13-e492641ee6c4</t>
  </si>
  <si>
    <t>BU03631503</t>
  </si>
  <si>
    <t>2021BU03631503</t>
  </si>
  <si>
    <t>Marcanti</t>
  </si>
  <si>
    <t>buurt_gegeneraliseerd_2021.8c36bb6b-5f00-4d9a-9dcd-7bdb880909ae</t>
  </si>
  <si>
    <t>BU03631600</t>
  </si>
  <si>
    <t>2021BU03631600</t>
  </si>
  <si>
    <t>Frederik Hendrikbuurt Noord</t>
  </si>
  <si>
    <t>buurt_gegeneraliseerd_2021.2753c4d0-c755-4dcf-9f55-e5290b526f98</t>
  </si>
  <si>
    <t>BU03631601</t>
  </si>
  <si>
    <t>2021BU03631601</t>
  </si>
  <si>
    <t>Frederik Hendrikbuurt Zuidoost</t>
  </si>
  <si>
    <t>buurt_gegeneraliseerd_2021.f43c841d-7a8a-42b5-a62a-251f1bc1306d</t>
  </si>
  <si>
    <t>BU03631602</t>
  </si>
  <si>
    <t>2021BU03631602</t>
  </si>
  <si>
    <t>Frederik Hendrikbuurt Zuidwest</t>
  </si>
  <si>
    <t>buurt_gegeneraliseerd_2021.b38e599f-61ab-4671-ac92-32ab42cfccf9</t>
  </si>
  <si>
    <t>BU03631700</t>
  </si>
  <si>
    <t>2021BU03631700</t>
  </si>
  <si>
    <t>Da Costabuurt Noord</t>
  </si>
  <si>
    <t>buurt_gegeneraliseerd_2021.92e2c3a7-f624-4b7e-887f-49219bec5f81</t>
  </si>
  <si>
    <t>BU03631800</t>
  </si>
  <si>
    <t>2021BU03631800</t>
  </si>
  <si>
    <t>Bellamybuurt Noord</t>
  </si>
  <si>
    <t>buurt_gegeneraliseerd_2021.07f4885f-7f03-4864-8191-1e2854b55756</t>
  </si>
  <si>
    <t>BU03631801</t>
  </si>
  <si>
    <t>2021BU03631801</t>
  </si>
  <si>
    <t>Bellamybuurt Zuid</t>
  </si>
  <si>
    <t>buurt_gegeneraliseerd_2021.4c4799db-00d1-46db-87bc-e2f0994db201</t>
  </si>
  <si>
    <t>BU03631900</t>
  </si>
  <si>
    <t>2021BU03631900</t>
  </si>
  <si>
    <t>Da Costabuurt Zuid</t>
  </si>
  <si>
    <t>buurt_gegeneraliseerd_2021.94531e5c-e51c-4990-9f0f-a03041bcf84a</t>
  </si>
  <si>
    <t>BU03631901</t>
  </si>
  <si>
    <t>2021BU03631901</t>
  </si>
  <si>
    <t>Borgerbuurt</t>
  </si>
  <si>
    <t>buurt_gegeneraliseerd_2021.64968326-5b3e-49d1-956b-b1ff479d2f25</t>
  </si>
  <si>
    <t>BU03631902</t>
  </si>
  <si>
    <t>2021BU03631902</t>
  </si>
  <si>
    <t>Lootsbuurt</t>
  </si>
  <si>
    <t>buurt_gegeneraliseerd_2021.4566c4d7-0afe-41ba-b70c-0476067a754e</t>
  </si>
  <si>
    <t>BU03632000</t>
  </si>
  <si>
    <t>2021BU03632000</t>
  </si>
  <si>
    <t>Helmersbuurt Oost</t>
  </si>
  <si>
    <t>buurt_gegeneraliseerd_2021.c390452d-b9c7-4c6e-b700-7478eb1258ca</t>
  </si>
  <si>
    <t>BU03632001</t>
  </si>
  <si>
    <t>2021BU03632001</t>
  </si>
  <si>
    <t>WG-terrein</t>
  </si>
  <si>
    <t>buurt_gegeneraliseerd_2021.88f46791-a8fa-4047-8fa5-f1155d812eb3</t>
  </si>
  <si>
    <t>BU03632002</t>
  </si>
  <si>
    <t>2021BU03632002</t>
  </si>
  <si>
    <t>Cremerbuurt Oost</t>
  </si>
  <si>
    <t>buurt_gegeneraliseerd_2021.463fac4c-1a93-40cc-8f16-e0e0cfb7977b</t>
  </si>
  <si>
    <t>BU03632100</t>
  </si>
  <si>
    <t>2021BU03632100</t>
  </si>
  <si>
    <t>Cremerbuurt West</t>
  </si>
  <si>
    <t>buurt_gegeneraliseerd_2021.1b71e4cf-0432-4f88-b5db-be5a5d530dca</t>
  </si>
  <si>
    <t>BU03632101</t>
  </si>
  <si>
    <t>2021BU03632101</t>
  </si>
  <si>
    <t>Vondelparkbuurt West</t>
  </si>
  <si>
    <t>buurt_gegeneraliseerd_2021.3d607585-c48a-468e-a5af-0e35ce3ce3b1</t>
  </si>
  <si>
    <t>BU03632200</t>
  </si>
  <si>
    <t>2021BU03632200</t>
  </si>
  <si>
    <t>Vondelparkbuurt Oost</t>
  </si>
  <si>
    <t>buurt_gegeneraliseerd_2021.16e2786e-2de8-462a-b061-9c90e6f7c910</t>
  </si>
  <si>
    <t>BU03632201</t>
  </si>
  <si>
    <t>2021BU03632201</t>
  </si>
  <si>
    <t>Vondelparkbuurt Midden</t>
  </si>
  <si>
    <t>buurt_gegeneraliseerd_2021.96c9ed9d-1d02-4dcf-85a5-913776423b5e</t>
  </si>
  <si>
    <t>BU03632300</t>
  </si>
  <si>
    <t>2021BU03632300</t>
  </si>
  <si>
    <t>Zuidas Noord</t>
  </si>
  <si>
    <t>buurt_gegeneraliseerd_2021.8f6c11cb-8638-4ed2-992b-7af7c47e6845</t>
  </si>
  <si>
    <t>BU03632301</t>
  </si>
  <si>
    <t>2021BU03632301</t>
  </si>
  <si>
    <t>RAI</t>
  </si>
  <si>
    <t>buurt_gegeneraliseerd_2021.35d58e69-42fd-4821-bfd2-bfefd09671da</t>
  </si>
  <si>
    <t>BU03632302</t>
  </si>
  <si>
    <t>2021BU03632302</t>
  </si>
  <si>
    <t>VU-kwartier</t>
  </si>
  <si>
    <t>buurt_gegeneraliseerd_2021.0bb7a7f6-dc9b-42eb-a356-0f305ba16035</t>
  </si>
  <si>
    <t>BU03632303</t>
  </si>
  <si>
    <t>2021BU03632303</t>
  </si>
  <si>
    <t>Zuidas Zuid</t>
  </si>
  <si>
    <t>buurt_gegeneraliseerd_2021.c646d4c3-6cef-4660-b9f8-3f3a3cdae15c</t>
  </si>
  <si>
    <t>BU03632304</t>
  </si>
  <si>
    <t>2021BU03632304</t>
  </si>
  <si>
    <t>Vivaldi</t>
  </si>
  <si>
    <t>buurt_gegeneraliseerd_2021.0f623c8d-b239-4f7a-8e0b-86007c9ed058</t>
  </si>
  <si>
    <t>BU03632400</t>
  </si>
  <si>
    <t>2021BU03632400</t>
  </si>
  <si>
    <t>Hemonybuurt</t>
  </si>
  <si>
    <t>buurt_gegeneraliseerd_2021.24ea6493-8574-43fd-bdba-55e65c486474</t>
  </si>
  <si>
    <t>BU03632401</t>
  </si>
  <si>
    <t>2021BU03632401</t>
  </si>
  <si>
    <t>Gerard Doubuurt</t>
  </si>
  <si>
    <t>buurt_gegeneraliseerd_2021.04e2c1a6-5ea0-4496-b66f-f1824aaa1c38</t>
  </si>
  <si>
    <t>BU03632402</t>
  </si>
  <si>
    <t>2021BU03632402</t>
  </si>
  <si>
    <t>Frans Halsbuurt</t>
  </si>
  <si>
    <t>buurt_gegeneraliseerd_2021.3f0fb488-4377-471a-8378-6d240aa638ce</t>
  </si>
  <si>
    <t>BU03632403</t>
  </si>
  <si>
    <t>2021BU03632403</t>
  </si>
  <si>
    <t>Hercules Seghersbuurt</t>
  </si>
  <si>
    <t>buurt_gegeneraliseerd_2021.ee9928c6-38db-4fbd-b382-5c552ca9a7ee</t>
  </si>
  <si>
    <t>BU03632404</t>
  </si>
  <si>
    <t>2021BU03632404</t>
  </si>
  <si>
    <t>Sarphatiparkbuurt</t>
  </si>
  <si>
    <t>buurt_gegeneraliseerd_2021.08f00e5e-8175-43d5-a040-e4b9d99accbf</t>
  </si>
  <si>
    <t>BU03632500</t>
  </si>
  <si>
    <t>2021BU03632500</t>
  </si>
  <si>
    <t>Willibrordusbuurt</t>
  </si>
  <si>
    <t>buurt_gegeneraliseerd_2021.7a50cb07-315b-42ca-8bf8-0a99eb55cd7d</t>
  </si>
  <si>
    <t>BU03632501</t>
  </si>
  <si>
    <t>2021BU03632501</t>
  </si>
  <si>
    <t>Van der Helstpleinbuurt</t>
  </si>
  <si>
    <t>buurt_gegeneraliseerd_2021.205b6f10-ff81-4325-8a04-84e4d53596b8</t>
  </si>
  <si>
    <t>BU03632502</t>
  </si>
  <si>
    <t>2021BU03632502</t>
  </si>
  <si>
    <t>Lizzy Ansinghbuurt</t>
  </si>
  <si>
    <t>buurt_gegeneraliseerd_2021.6966797b-c0de-4cf2-bbf2-972716f08c69</t>
  </si>
  <si>
    <t>BU03632503</t>
  </si>
  <si>
    <t>2021BU03632503</t>
  </si>
  <si>
    <t>Cornelis Troostbuurt</t>
  </si>
  <si>
    <t>buurt_gegeneraliseerd_2021.bb56bffa-6822-4900-a770-d5a23ca3b18e</t>
  </si>
  <si>
    <t>BU03632600</t>
  </si>
  <si>
    <t>2021BU03632600</t>
  </si>
  <si>
    <t>Diamantbuurt</t>
  </si>
  <si>
    <t>buurt_gegeneraliseerd_2021.19f84ff8-4ffe-4245-902b-967406542a46</t>
  </si>
  <si>
    <t>BU03632601</t>
  </si>
  <si>
    <t>2021BU03632601</t>
  </si>
  <si>
    <t>Burgemeester Tellegenbuurt Oost</t>
  </si>
  <si>
    <t>buurt_gegeneraliseerd_2021.526c167d-dde2-4d11-bbba-90b28fd871da</t>
  </si>
  <si>
    <t>BU03632602</t>
  </si>
  <si>
    <t>2021BU03632602</t>
  </si>
  <si>
    <t>Burgemeester Tellegenbuurt West</t>
  </si>
  <si>
    <t>buurt_gegeneraliseerd_2021.02411e22-4ef1-438b-ab11-39e605b11606</t>
  </si>
  <si>
    <t>BU03632700</t>
  </si>
  <si>
    <t>2021BU03632700</t>
  </si>
  <si>
    <t>Swammerdambuurt</t>
  </si>
  <si>
    <t>buurt_gegeneraliseerd_2021.51250074-3292-494d-a6a1-41d342e6798c</t>
  </si>
  <si>
    <t>BU03632701</t>
  </si>
  <si>
    <t>2021BU03632701</t>
  </si>
  <si>
    <t>Weesperzijde Midden/Zuid</t>
  </si>
  <si>
    <t>buurt_gegeneraliseerd_2021.ff3794f6-593d-41f7-a604-6424fcc514fa</t>
  </si>
  <si>
    <t>BU03632702</t>
  </si>
  <si>
    <t>2021BU03632702</t>
  </si>
  <si>
    <t>Parooldriehoek</t>
  </si>
  <si>
    <t>buurt_gegeneraliseerd_2021.3a800631-8709-4f71-9dd6-6a2e675038b1</t>
  </si>
  <si>
    <t>BU03632800</t>
  </si>
  <si>
    <t>2021BU03632800</t>
  </si>
  <si>
    <t>Oosterparkbuurt Noordwest</t>
  </si>
  <si>
    <t>buurt_gegeneraliseerd_2021.4c14d7ed-764c-4a76-8628-00bf933d8d72</t>
  </si>
  <si>
    <t>BU03632801</t>
  </si>
  <si>
    <t>2021BU03632801</t>
  </si>
  <si>
    <t>buurt_gegeneraliseerd_2021.923d1b4d-a5f4-4995-8f94-3cd5e62323bd</t>
  </si>
  <si>
    <t>BU03632802</t>
  </si>
  <si>
    <t>2021BU03632802</t>
  </si>
  <si>
    <t>Oosterparkbuurt Zuidoost</t>
  </si>
  <si>
    <t>buurt_gegeneraliseerd_2021.b994c1b0-9da2-436b-86cd-94792c765107</t>
  </si>
  <si>
    <t>BU03632803</t>
  </si>
  <si>
    <t>2021BU03632803</t>
  </si>
  <si>
    <t>Oosterparkbuurt Zuidwest</t>
  </si>
  <si>
    <t>buurt_gegeneraliseerd_2021.f172e55b-3109-4da3-b804-4866251308d2</t>
  </si>
  <si>
    <t>BU03632900</t>
  </si>
  <si>
    <t>2021BU03632900</t>
  </si>
  <si>
    <t>Dapperbuurt Noord</t>
  </si>
  <si>
    <t>buurt_gegeneraliseerd_2021.41c3f684-d16e-4b6c-a3fb-8382801e28ed</t>
  </si>
  <si>
    <t>BU03632901</t>
  </si>
  <si>
    <t>2021BU03632901</t>
  </si>
  <si>
    <t>Dapperbuurt Zuid</t>
  </si>
  <si>
    <t>buurt_gegeneraliseerd_2021.e1bfd20c-da66-4b1a-8dd6-73a71f0e6f44</t>
  </si>
  <si>
    <t>BU03632902</t>
  </si>
  <si>
    <t>2021BU03632902</t>
  </si>
  <si>
    <t>Oostpoort</t>
  </si>
  <si>
    <t>buurt_gegeneraliseerd_2021.a0e9d4a7-3d3c-48ad-954f-4df956490cf6</t>
  </si>
  <si>
    <t>BU03633000</t>
  </si>
  <si>
    <t>2021BU03633000</t>
  </si>
  <si>
    <t>Transvaalbuurt West</t>
  </si>
  <si>
    <t>buurt_gegeneraliseerd_2021.5e18816f-abd1-4263-b802-c98a77a8f2d8</t>
  </si>
  <si>
    <t>BU03633001</t>
  </si>
  <si>
    <t>2021BU03633001</t>
  </si>
  <si>
    <t>Transvaalbuurt Oost</t>
  </si>
  <si>
    <t>buurt_gegeneraliseerd_2021.9fcca70b-b947-4e95-b108-504c34c9351d</t>
  </si>
  <si>
    <t>BU03633100</t>
  </si>
  <si>
    <t>2021BU03633100</t>
  </si>
  <si>
    <t>Noordwestkwadrant Indische buurt Noord</t>
  </si>
  <si>
    <t>buurt_gegeneraliseerd_2021.d80a9310-f3eb-4ac6-bdfb-75bd6069cc1f</t>
  </si>
  <si>
    <t>BU03633101</t>
  </si>
  <si>
    <t>2021BU03633101</t>
  </si>
  <si>
    <t>Noordwestkwadrant Indische buurt Zuid</t>
  </si>
  <si>
    <t>buurt_gegeneraliseerd_2021.8a6c7267-7966-414d-a630-bed753308b49</t>
  </si>
  <si>
    <t>BU03633102</t>
  </si>
  <si>
    <t>2021BU03633102</t>
  </si>
  <si>
    <t>Zuidwestkwadrant Indische buurt</t>
  </si>
  <si>
    <t>buurt_gegeneraliseerd_2021.10243eb6-abbb-48d9-aa5f-321371284e7b</t>
  </si>
  <si>
    <t>BU03633200</t>
  </si>
  <si>
    <t>2021BU03633200</t>
  </si>
  <si>
    <t>Noordoostkwadrant Indische buurt</t>
  </si>
  <si>
    <t>buurt_gegeneraliseerd_2021.3a649fe9-0080-4d73-8418-7e039b6508e8</t>
  </si>
  <si>
    <t>BU03633201</t>
  </si>
  <si>
    <t>2021BU03633201</t>
  </si>
  <si>
    <t>Zuidoostkwadrant Indische buurt</t>
  </si>
  <si>
    <t>buurt_gegeneraliseerd_2021.45e727d4-80b3-4fd6-8b40-c967e041e5b2</t>
  </si>
  <si>
    <t>BU03633202</t>
  </si>
  <si>
    <t>2021BU03633202</t>
  </si>
  <si>
    <t>Zeeburgerdijk Oost</t>
  </si>
  <si>
    <t>buurt_gegeneraliseerd_2021.a8ad9dae-4122-4b74-a3eb-08faebe32577</t>
  </si>
  <si>
    <t>BU03633203</t>
  </si>
  <si>
    <t>2021BU03633203</t>
  </si>
  <si>
    <t>Flevopark</t>
  </si>
  <si>
    <t>buurt_gegeneraliseerd_2021.28f5ae4e-9182-485e-bae7-20c49aafdbb8</t>
  </si>
  <si>
    <t>BU03633300</t>
  </si>
  <si>
    <t>2021BU03633300</t>
  </si>
  <si>
    <t>Oostelijke Handelskade</t>
  </si>
  <si>
    <t>buurt_gegeneraliseerd_2021.41e0a28d-c03a-4c9d-8a2a-d6fe79d0adee</t>
  </si>
  <si>
    <t>BU03633301</t>
  </si>
  <si>
    <t>2021BU03633301</t>
  </si>
  <si>
    <t>buurt_gegeneraliseerd_2021.110bea85-d342-4434-b7a8-dcb60fb40e69</t>
  </si>
  <si>
    <t>BU03633302</t>
  </si>
  <si>
    <t>2021BU03633302</t>
  </si>
  <si>
    <t>Java-eiland</t>
  </si>
  <si>
    <t>buurt_gegeneraliseerd_2021.5621e961-52cf-4ca3-99d7-e9f4f4ab8f9d</t>
  </si>
  <si>
    <t>BU03633303</t>
  </si>
  <si>
    <t>2021BU03633303</t>
  </si>
  <si>
    <t>KNSM-eiland</t>
  </si>
  <si>
    <t>buurt_gegeneraliseerd_2021.d4d8171a-1a74-4ef9-ac7b-f76a09c96b99</t>
  </si>
  <si>
    <t>BU03633304</t>
  </si>
  <si>
    <t>2021BU03633304</t>
  </si>
  <si>
    <t>Sporenburg</t>
  </si>
  <si>
    <t>buurt_gegeneraliseerd_2021.edfa3b84-ed36-40da-87aa-2d0a6da9fd1e</t>
  </si>
  <si>
    <t>BU03633305</t>
  </si>
  <si>
    <t>2021BU03633305</t>
  </si>
  <si>
    <t>Borneo</t>
  </si>
  <si>
    <t>buurt_gegeneraliseerd_2021.e5ec05ed-71d2-47c6-a39e-8a9c7741e01d</t>
  </si>
  <si>
    <t>BU03633306</t>
  </si>
  <si>
    <t>2021BU03633306</t>
  </si>
  <si>
    <t>Entrepot-Noordwest</t>
  </si>
  <si>
    <t>buurt_gegeneraliseerd_2021.6ad0df2c-fe45-4187-b992-61a6635d865f</t>
  </si>
  <si>
    <t>BU03633307</t>
  </si>
  <si>
    <t>2021BU03633307</t>
  </si>
  <si>
    <t>Architectenbuurt</t>
  </si>
  <si>
    <t>buurt_gegeneraliseerd_2021.b2122671-05cb-4301-9943-4b96ab3598e7</t>
  </si>
  <si>
    <t>BU03633308</t>
  </si>
  <si>
    <t>2021BU03633308</t>
  </si>
  <si>
    <t>Bedrijvengebied Veelaan</t>
  </si>
  <si>
    <t>buurt_gegeneraliseerd_2021.58aeaf69-fbd1-42b5-a19e-29ae9053b2ef</t>
  </si>
  <si>
    <t>BU03633309</t>
  </si>
  <si>
    <t>2021BU03633309</t>
  </si>
  <si>
    <t>Bedrijvengebied Cruquiusweg</t>
  </si>
  <si>
    <t>buurt_gegeneraliseerd_2021.81cc09b6-7279-460f-ad28-1f1e62148d29</t>
  </si>
  <si>
    <t>BU03633310</t>
  </si>
  <si>
    <t>2021BU03633310</t>
  </si>
  <si>
    <t>Bedrijvengebied Zeeburgerkade</t>
  </si>
  <si>
    <t>buurt_gegeneraliseerd_2021.2d712a48-8a1b-464e-a58a-ff3c97af2b6d</t>
  </si>
  <si>
    <t>BU03633400</t>
  </si>
  <si>
    <t>2021BU03633400</t>
  </si>
  <si>
    <t>Zeeburgereiland Noordwest</t>
  </si>
  <si>
    <t>buurt_gegeneraliseerd_2021.e8b43dd2-6d85-47fc-a23d-2d771c66b5ad</t>
  </si>
  <si>
    <t>BU03633402</t>
  </si>
  <si>
    <t>2021BU03633402</t>
  </si>
  <si>
    <t>Zeeburgereiland Zuidoost</t>
  </si>
  <si>
    <t>buurt_gegeneraliseerd_2021.c86bf93a-ca11-45a7-95c4-ca5f51d57c99</t>
  </si>
  <si>
    <t>BU03633403</t>
  </si>
  <si>
    <t>2021BU03633403</t>
  </si>
  <si>
    <t>Zeeburgereiland Zuidwest</t>
  </si>
  <si>
    <t>buurt_gegeneraliseerd_2021.6512b267-71d3-44b8-a0a7-def600c05e8a</t>
  </si>
  <si>
    <t>BU03633404</t>
  </si>
  <si>
    <t>2021BU03633404</t>
  </si>
  <si>
    <t>Nieuwe Diep/Diemerpark</t>
  </si>
  <si>
    <t>buurt_gegeneraliseerd_2021.67bcfafd-95f6-4202-8ac7-7397f3b8baa6</t>
  </si>
  <si>
    <t>BU03633405</t>
  </si>
  <si>
    <t>2021BU03633405</t>
  </si>
  <si>
    <t>RI Oost terrein</t>
  </si>
  <si>
    <t>buurt_gegeneraliseerd_2021.88bc46a7-eed8-4022-b6bb-ce7c07600b87</t>
  </si>
  <si>
    <t>BU03633406</t>
  </si>
  <si>
    <t>2021BU03633406</t>
  </si>
  <si>
    <t>Zeeburgereiland Noordoost</t>
  </si>
  <si>
    <t>buurt_gegeneraliseerd_2021.95416bf4-fcb4-44b7-bdbf-e5fc82848510</t>
  </si>
  <si>
    <t>BU03633500</t>
  </si>
  <si>
    <t>2021BU03633500</t>
  </si>
  <si>
    <t>Steigereiland Noord</t>
  </si>
  <si>
    <t>buurt_gegeneraliseerd_2021.06fbaf8d-85e4-44e8-a0a2-dd3109a4e4b4</t>
  </si>
  <si>
    <t>BU03633501</t>
  </si>
  <si>
    <t>2021BU03633501</t>
  </si>
  <si>
    <t>Steigereiland Zuid</t>
  </si>
  <si>
    <t>buurt_gegeneraliseerd_2021.ec7186f7-aef1-41ef-bd19-e3939defa765</t>
  </si>
  <si>
    <t>BU03633502</t>
  </si>
  <si>
    <t>2021BU03633502</t>
  </si>
  <si>
    <t>Haveneiland Zuidwest/Rieteiland West</t>
  </si>
  <si>
    <t>buurt_gegeneraliseerd_2021.840e0132-ac3b-4e01-8119-107424989505</t>
  </si>
  <si>
    <t>BU03633504</t>
  </si>
  <si>
    <t>2021BU03633504</t>
  </si>
  <si>
    <t>Haveneiland Noordwest</t>
  </si>
  <si>
    <t>buurt_gegeneraliseerd_2021.433d045d-8123-4c48-ab64-19451c729272</t>
  </si>
  <si>
    <t>BU03633505</t>
  </si>
  <si>
    <t>2021BU03633505</t>
  </si>
  <si>
    <t>Haveneiland Noordoost</t>
  </si>
  <si>
    <t>buurt_gegeneraliseerd_2021.ee4eca68-fe6f-4880-8e53-02815ad81d27</t>
  </si>
  <si>
    <t>BU03633600</t>
  </si>
  <si>
    <t>2021BU03633600</t>
  </si>
  <si>
    <t>Woon- en Groengebied Sloterdijk</t>
  </si>
  <si>
    <t>buurt_gegeneraliseerd_2021.10bc5218-684a-4805-942f-e59d9f2d38b2</t>
  </si>
  <si>
    <t>BU03633601</t>
  </si>
  <si>
    <t>2021BU03633601</t>
  </si>
  <si>
    <t>Bedrijventerrein Sloterdijk I</t>
  </si>
  <si>
    <t>buurt_gegeneraliseerd_2021.85831af7-9e4d-4623-9dc9-c809678ffab4</t>
  </si>
  <si>
    <t>BU03633700</t>
  </si>
  <si>
    <t>2021BU03633700</t>
  </si>
  <si>
    <t>Bedrijventerrein Landlust</t>
  </si>
  <si>
    <t>buurt_gegeneraliseerd_2021.f6d94bb9-888a-4b09-a094-3ac9efd8b73f</t>
  </si>
  <si>
    <t>BU03633702</t>
  </si>
  <si>
    <t>2021BU03633702</t>
  </si>
  <si>
    <t>Bosleeuw</t>
  </si>
  <si>
    <t>buurt_gegeneraliseerd_2021.953067a4-708b-4ed2-b967-f5c2c65181fd</t>
  </si>
  <si>
    <t>BU03633703</t>
  </si>
  <si>
    <t>2021BU03633703</t>
  </si>
  <si>
    <t>Landlust Zuid</t>
  </si>
  <si>
    <t>buurt_gegeneraliseerd_2021.5888d7b9-443b-47bb-b23b-be9d9f506968</t>
  </si>
  <si>
    <t>BU03633704</t>
  </si>
  <si>
    <t>2021BU03633704</t>
  </si>
  <si>
    <t>Erasmusparkbuurt Oost</t>
  </si>
  <si>
    <t>buurt_gegeneraliseerd_2021.23c13dd7-22d3-4beb-86aa-a5d9d8e8c165</t>
  </si>
  <si>
    <t>BU03633705</t>
  </si>
  <si>
    <t>2021BU03633705</t>
  </si>
  <si>
    <t>Gibraltarbuurt</t>
  </si>
  <si>
    <t>buurt_gegeneraliseerd_2021.4b7357a1-831e-4181-b92d-a6ef813dda8f</t>
  </si>
  <si>
    <t>BU03633706</t>
  </si>
  <si>
    <t>2021BU03633706</t>
  </si>
  <si>
    <t>Landlust Noord</t>
  </si>
  <si>
    <t>buurt_gegeneraliseerd_2021.9baa2332-16ec-4958-ad39-a2b8decab6ef</t>
  </si>
  <si>
    <t>BU03633802</t>
  </si>
  <si>
    <t>2021BU03633802</t>
  </si>
  <si>
    <t>Erasmusparkbuurt West</t>
  </si>
  <si>
    <t>buurt_gegeneraliseerd_2021.0f8184bf-abfe-4f4b-b631-4dcf98262665</t>
  </si>
  <si>
    <t>BU03633803</t>
  </si>
  <si>
    <t>2021BU03633803</t>
  </si>
  <si>
    <t>Robert Scottbuurt Oost</t>
  </si>
  <si>
    <t>buurt_gegeneraliseerd_2021.393a242b-c52e-48f8-acf2-ddda06fb0bf2</t>
  </si>
  <si>
    <t>BU03633900</t>
  </si>
  <si>
    <t>2021BU03633900</t>
  </si>
  <si>
    <t>Robert Scottbuurt West</t>
  </si>
  <si>
    <t>buurt_gegeneraliseerd_2021.be613adf-f994-4db2-809e-a4fb6ed5f190</t>
  </si>
  <si>
    <t>BU03633901</t>
  </si>
  <si>
    <t>2021BU03633901</t>
  </si>
  <si>
    <t>Laan van Spartaan</t>
  </si>
  <si>
    <t>buurt_gegeneraliseerd_2021.48024d0e-b8de-4d6c-9f75-ad5f862a0e00</t>
  </si>
  <si>
    <t>BU03633902</t>
  </si>
  <si>
    <t>2021BU03633902</t>
  </si>
  <si>
    <t>Kolenkitbuurt Zuid</t>
  </si>
  <si>
    <t>buurt_gegeneraliseerd_2021.b7dee84d-338d-4377-abe4-d17d43c75d60</t>
  </si>
  <si>
    <t>BU03633903</t>
  </si>
  <si>
    <t>2021BU03633903</t>
  </si>
  <si>
    <t>Kolenkitbuurt Noord</t>
  </si>
  <si>
    <t>buurt_gegeneraliseerd_2021.b38bfb7a-f074-4a9e-abd9-185759364d80</t>
  </si>
  <si>
    <t>BU03634000</t>
  </si>
  <si>
    <t>2021BU03634000</t>
  </si>
  <si>
    <t>Geuzenhofbuurt</t>
  </si>
  <si>
    <t>buurt_gegeneraliseerd_2021.8173f156-0411-4eec-8685-43a75c7cf768</t>
  </si>
  <si>
    <t>BU03634001</t>
  </si>
  <si>
    <t>2021BU03634001</t>
  </si>
  <si>
    <t>Trompbuurt</t>
  </si>
  <si>
    <t>buurt_gegeneraliseerd_2021.266ef1bd-b79d-4c2d-9e9b-e6f09dfac54d</t>
  </si>
  <si>
    <t>BU03634002</t>
  </si>
  <si>
    <t>2021BU03634002</t>
  </si>
  <si>
    <t>Pieter van der Doesbuurt</t>
  </si>
  <si>
    <t>buurt_gegeneraliseerd_2021.e8deae59-7710-44c3-b25d-8b0f824078c8</t>
  </si>
  <si>
    <t>BU03634100</t>
  </si>
  <si>
    <t>2021BU03634100</t>
  </si>
  <si>
    <t>John Franklinbuurt</t>
  </si>
  <si>
    <t>buurt_gegeneraliseerd_2021.ed3dbe59-1bab-41b9-a860-b392fda34780</t>
  </si>
  <si>
    <t>BU03634101</t>
  </si>
  <si>
    <t>2021BU03634101</t>
  </si>
  <si>
    <t>Jan Maijenbuurt</t>
  </si>
  <si>
    <t>buurt_gegeneraliseerd_2021.ef7318b8-680f-40b7-a53f-b211fe96d2ef</t>
  </si>
  <si>
    <t>BU03634102</t>
  </si>
  <si>
    <t>2021BU03634102</t>
  </si>
  <si>
    <t>Orteliusbuurt Noord</t>
  </si>
  <si>
    <t>buurt_gegeneraliseerd_2021.93a6edfb-5d46-43f9-ab7b-cdcd29f8c814</t>
  </si>
  <si>
    <t>BU03634103</t>
  </si>
  <si>
    <t>2021BU03634103</t>
  </si>
  <si>
    <t>Mercatorpark</t>
  </si>
  <si>
    <t>buurt_gegeneraliseerd_2021.67e6099a-de32-41b6-8288-19f2c8611982</t>
  </si>
  <si>
    <t>BU03634200</t>
  </si>
  <si>
    <t>2021BU03634200</t>
  </si>
  <si>
    <t>Balboaplein e.o.</t>
  </si>
  <si>
    <t>buurt_gegeneraliseerd_2021.8cdd9edf-c13d-41be-ab3f-8c3a4c419668</t>
  </si>
  <si>
    <t>BU03634201</t>
  </si>
  <si>
    <t>2021BU03634201</t>
  </si>
  <si>
    <t>Columbusplein e.o.</t>
  </si>
  <si>
    <t>buurt_gegeneraliseerd_2021.a01fe39a-9cdb-4a50-a9f3-e5568c80421a</t>
  </si>
  <si>
    <t>BU03634202</t>
  </si>
  <si>
    <t>2021BU03634202</t>
  </si>
  <si>
    <t>Orteliusbuurt Midden</t>
  </si>
  <si>
    <t>buurt_gegeneraliseerd_2021.0506a3d8-7c43-4bba-8047-50ad4052c0f2</t>
  </si>
  <si>
    <t>BU03634203</t>
  </si>
  <si>
    <t>2021BU03634203</t>
  </si>
  <si>
    <t>Orteliusbuurt Zuid</t>
  </si>
  <si>
    <t>buurt_gegeneraliseerd_2021.70f8174a-c9ab-4325-b0d1-1ecec9a1d82b</t>
  </si>
  <si>
    <t>BU03634300</t>
  </si>
  <si>
    <t>2021BU03634300</t>
  </si>
  <si>
    <t>Paramariboplein e.o.</t>
  </si>
  <si>
    <t>buurt_gegeneraliseerd_2021.8d692479-7fb5-4eae-b6ac-2df84a5c3148</t>
  </si>
  <si>
    <t>BU03634301</t>
  </si>
  <si>
    <t>2021BU03634301</t>
  </si>
  <si>
    <t>Postjeskade e.o.</t>
  </si>
  <si>
    <t>buurt_gegeneraliseerd_2021.64b52384-86f0-45cd-a5b5-97420522a157</t>
  </si>
  <si>
    <t>BU03634400</t>
  </si>
  <si>
    <t>2021BU03634400</t>
  </si>
  <si>
    <t>Surinamepleinbuurt</t>
  </si>
  <si>
    <t>buurt_gegeneraliseerd_2021.09dc8b9a-a673-4b44-9081-370bd5eb6c46</t>
  </si>
  <si>
    <t>BU03634401</t>
  </si>
  <si>
    <t>2021BU03634401</t>
  </si>
  <si>
    <t>Westlandgrachtbuurt</t>
  </si>
  <si>
    <t>buurt_gegeneraliseerd_2021.7730617a-67d8-4ede-8453-9dd4acb3d703</t>
  </si>
  <si>
    <t>BU03634402</t>
  </si>
  <si>
    <t>2021BU03634402</t>
  </si>
  <si>
    <t>Aalsmeerwegbuurt West</t>
  </si>
  <si>
    <t>buurt_gegeneraliseerd_2021.6cce0ffa-8cef-4fec-8d93-969741ca4902</t>
  </si>
  <si>
    <t>BU03634403</t>
  </si>
  <si>
    <t>2021BU03634403</t>
  </si>
  <si>
    <t>Aalsmeerwegbuurt Oost</t>
  </si>
  <si>
    <t>buurt_gegeneraliseerd_2021.3664dd64-2203-49f3-8297-5c349434d2f0</t>
  </si>
  <si>
    <t>BU03634404</t>
  </si>
  <si>
    <t>2021BU03634404</t>
  </si>
  <si>
    <t>Legmeerpleinbuurt</t>
  </si>
  <si>
    <t>buurt_gegeneraliseerd_2021.f3d202b6-c91f-43f4-955d-d6afa17458ec</t>
  </si>
  <si>
    <t>BU03634405</t>
  </si>
  <si>
    <t>2021BU03634405</t>
  </si>
  <si>
    <t>Bedrijventerrein Schinkel</t>
  </si>
  <si>
    <t>buurt_gegeneraliseerd_2021.6ea2fdd1-b177-42e6-a47b-07ac7c3f76a6</t>
  </si>
  <si>
    <t>BU03634500</t>
  </si>
  <si>
    <t>2021BU03634500</t>
  </si>
  <si>
    <t>Schinkelbuurt Noord</t>
  </si>
  <si>
    <t>buurt_gegeneraliseerd_2021.0f007db4-172d-412d-99b5-70f9b23260b2</t>
  </si>
  <si>
    <t>BU03634501</t>
  </si>
  <si>
    <t>2021BU03634501</t>
  </si>
  <si>
    <t>Schinkelbuurt Zuid</t>
  </si>
  <si>
    <t>buurt_gegeneraliseerd_2021.e3ac579e-fa63-4703-9533-1501ddd3e07f</t>
  </si>
  <si>
    <t>BU03634600</t>
  </si>
  <si>
    <t>2021BU03634600</t>
  </si>
  <si>
    <t>Valeriusbuurt Oost</t>
  </si>
  <si>
    <t>buurt_gegeneraliseerd_2021.750380ef-7c0f-4315-b90d-1ad0fd5269df</t>
  </si>
  <si>
    <t>BU03634601</t>
  </si>
  <si>
    <t>2021BU03634601</t>
  </si>
  <si>
    <t>Valeriusbuurt West</t>
  </si>
  <si>
    <t>buurt_gegeneraliseerd_2021.c325f518-aa1c-450f-8efb-620359c3587f</t>
  </si>
  <si>
    <t>BU03634602</t>
  </si>
  <si>
    <t>2021BU03634602</t>
  </si>
  <si>
    <t>Willemsparkbuurt Noord</t>
  </si>
  <si>
    <t>buurt_gegeneraliseerd_2021.82959394-cddb-4f2c-ba77-df55741820eb</t>
  </si>
  <si>
    <t>BU03634603</t>
  </si>
  <si>
    <t>2021BU03634603</t>
  </si>
  <si>
    <t>Vondelpark West</t>
  </si>
  <si>
    <t>buurt_gegeneraliseerd_2021.57f5a546-76be-408c-ba14-e59b43e545eb</t>
  </si>
  <si>
    <t>BU03634700</t>
  </si>
  <si>
    <t>2021BU03634700</t>
  </si>
  <si>
    <t>Johannnes Vermeerbuurt</t>
  </si>
  <si>
    <t>buurt_gegeneraliseerd_2021.877e6e1f-c1c2-4370-840c-a8cc7b004cc2</t>
  </si>
  <si>
    <t>BU03634701</t>
  </si>
  <si>
    <t>2021BU03634701</t>
  </si>
  <si>
    <t>P.C. Hooftbuurt</t>
  </si>
  <si>
    <t>buurt_gegeneraliseerd_2021.57c3b50e-3b6e-439d-b568-4dc12e5b9b5c</t>
  </si>
  <si>
    <t>BU03634702</t>
  </si>
  <si>
    <t>2021BU03634702</t>
  </si>
  <si>
    <t>Concertgebouwbuurt</t>
  </si>
  <si>
    <t>buurt_gegeneraliseerd_2021.7ab4e12e-269f-4f5e-8c32-dd21a8a72aae</t>
  </si>
  <si>
    <t>BU03634703</t>
  </si>
  <si>
    <t>2021BU03634703</t>
  </si>
  <si>
    <t>Cornelis Schuytbuurt</t>
  </si>
  <si>
    <t>buurt_gegeneraliseerd_2021.3033fbc7-46e2-49ba-b392-e6faec738083</t>
  </si>
  <si>
    <t>BU03634704</t>
  </si>
  <si>
    <t>2021BU03634704</t>
  </si>
  <si>
    <t>Banpleinbuurt</t>
  </si>
  <si>
    <t>buurt_gegeneraliseerd_2021.a109dbeb-382b-46c5-89be-0802e0700131</t>
  </si>
  <si>
    <t>BU03634705</t>
  </si>
  <si>
    <t>2021BU03634705</t>
  </si>
  <si>
    <t>Hondecoeterbuurt</t>
  </si>
  <si>
    <t>buurt_gegeneraliseerd_2021.e05b2a4b-4323-4824-8297-1a6ceee4bd03</t>
  </si>
  <si>
    <t>BU03634706</t>
  </si>
  <si>
    <t>2021BU03634706</t>
  </si>
  <si>
    <t>Harmoniehofbuurt</t>
  </si>
  <si>
    <t>buurt_gegeneraliseerd_2021.918bd830-c218-4176-97e9-11e9a39bdcb3</t>
  </si>
  <si>
    <t>BU03634707</t>
  </si>
  <si>
    <t>2021BU03634707</t>
  </si>
  <si>
    <t>Museumplein</t>
  </si>
  <si>
    <t>buurt_gegeneraliseerd_2021.6d363e0c-31a4-444c-9f63-6b7629a79112</t>
  </si>
  <si>
    <t>BU03634708</t>
  </si>
  <si>
    <t>2021BU03634708</t>
  </si>
  <si>
    <t>Vondelpark Oost</t>
  </si>
  <si>
    <t>buurt_gegeneraliseerd_2021.1e8b2c4c-b360-4038-ba0e-c1f60e1f0aa5</t>
  </si>
  <si>
    <t>BU03634709</t>
  </si>
  <si>
    <t>2021BU03634709</t>
  </si>
  <si>
    <t>Duivelseiland</t>
  </si>
  <si>
    <t>buurt_gegeneraliseerd_2021.89036518-168b-407e-8e1f-5e61223094c8</t>
  </si>
  <si>
    <t>BU03634800</t>
  </si>
  <si>
    <t>2021BU03634800</t>
  </si>
  <si>
    <t>Bertelmanpleinbuurt</t>
  </si>
  <si>
    <t>buurt_gegeneraliseerd_2021.1c72448a-2952-44b0-8994-dedf7fefa795</t>
  </si>
  <si>
    <t>BU03634801</t>
  </si>
  <si>
    <t>2021BU03634801</t>
  </si>
  <si>
    <t>Marathonbuurt Oost</t>
  </si>
  <si>
    <t>buurt_gegeneraliseerd_2021.f4088077-c63e-40ba-9f40-f4c0c939180f</t>
  </si>
  <si>
    <t>BU03634802</t>
  </si>
  <si>
    <t>2021BU03634802</t>
  </si>
  <si>
    <t>Marathonbuurt West</t>
  </si>
  <si>
    <t>buurt_gegeneraliseerd_2021.b9b19175-4a12-49f2-adb2-96e916465261</t>
  </si>
  <si>
    <t>BU03634803</t>
  </si>
  <si>
    <t>2021BU03634803</t>
  </si>
  <si>
    <t>Olympisch Stadion e.o.</t>
  </si>
  <si>
    <t>buurt_gegeneraliseerd_2021.b53b2c40-1660-4d60-bd34-be6c57cf75b3</t>
  </si>
  <si>
    <t>BU03634804</t>
  </si>
  <si>
    <t>2021BU03634804</t>
  </si>
  <si>
    <t>IJsbaanpad e.o.</t>
  </si>
  <si>
    <t>buurt_gegeneraliseerd_2021.03484a46-7a6a-49e6-875c-ed9e96e3d144</t>
  </si>
  <si>
    <t>BU03634805</t>
  </si>
  <si>
    <t>2021BU03634805</t>
  </si>
  <si>
    <t>Van Tuyllbuurt</t>
  </si>
  <si>
    <t>buurt_gegeneraliseerd_2021.1d32037f-b478-4e17-a3aa-2ba1defda299</t>
  </si>
  <si>
    <t>BU03634900</t>
  </si>
  <si>
    <t>2021BU03634900</t>
  </si>
  <si>
    <t>Diepenbrockbuurt</t>
  </si>
  <si>
    <t>buurt_gegeneraliseerd_2021.287c94f2-8284-4b98-9e1d-7c7613a9ce34</t>
  </si>
  <si>
    <t>BU03634901</t>
  </si>
  <si>
    <t>2021BU03634901</t>
  </si>
  <si>
    <t>Beethovenbuurt</t>
  </si>
  <si>
    <t>buurt_gegeneraliseerd_2021.0058d87b-e582-457d-8781-69656f23c507</t>
  </si>
  <si>
    <t>BU03634902</t>
  </si>
  <si>
    <t>2021BU03634902</t>
  </si>
  <si>
    <t>Hiltonbuurt</t>
  </si>
  <si>
    <t>buurt_gegeneraliseerd_2021.d84cfe3d-5688-491c-b3e6-0cebe57e4c41</t>
  </si>
  <si>
    <t>BU03634903</t>
  </si>
  <si>
    <t>2021BU03634903</t>
  </si>
  <si>
    <t>Minervabuurt Noord</t>
  </si>
  <si>
    <t>buurt_gegeneraliseerd_2021.bb93398c-175c-4d02-af63-566d0ba3182e</t>
  </si>
  <si>
    <t>BU03634904</t>
  </si>
  <si>
    <t>2021BU03634904</t>
  </si>
  <si>
    <t>Minervabuurt Midden</t>
  </si>
  <si>
    <t>buurt_gegeneraliseerd_2021.07ef01f3-985e-43f7-8502-b01119cf945c</t>
  </si>
  <si>
    <t>BU03634905</t>
  </si>
  <si>
    <t>2021BU03634905</t>
  </si>
  <si>
    <t>Minervabuurt Zuid</t>
  </si>
  <si>
    <t>buurt_gegeneraliseerd_2021.fa045c6e-3c95-47cf-a8a5-b8ad06b5014d</t>
  </si>
  <si>
    <t>BU03635000</t>
  </si>
  <si>
    <t>2021BU03635000</t>
  </si>
  <si>
    <t>Strandeiland</t>
  </si>
  <si>
    <t>buurt_gegeneraliseerd_2021.f23276a2-cd8c-429f-8ee6-2cc050bd177e</t>
  </si>
  <si>
    <t>BU03635001</t>
  </si>
  <si>
    <t>2021BU03635001</t>
  </si>
  <si>
    <t>Middeneiland Zuidoost</t>
  </si>
  <si>
    <t>buurt_gegeneraliseerd_2021.d95356bb-6d5e-409e-b7f7-93267010e95a</t>
  </si>
  <si>
    <t>BU03635003</t>
  </si>
  <si>
    <t>2021BU03635003</t>
  </si>
  <si>
    <t>Middeneiland Zuidwest</t>
  </si>
  <si>
    <t>buurt_gegeneraliseerd_2021.3a07d3f6-78c7-4ffd-94c7-04a94e5c35a9</t>
  </si>
  <si>
    <t>BU03635005</t>
  </si>
  <si>
    <t>2021BU03635005</t>
  </si>
  <si>
    <t>Buiteneiland</t>
  </si>
  <si>
    <t>buurt_gegeneraliseerd_2021.5547738b-b9c7-494d-9349-b70f70b7fd91</t>
  </si>
  <si>
    <t>BU03635006</t>
  </si>
  <si>
    <t>2021BU03635006</t>
  </si>
  <si>
    <t>Centrumeiland</t>
  </si>
  <si>
    <t>buurt_gegeneraliseerd_2021.5f01cb48-5b5f-4bca-aa20-9b0bf4e228f2</t>
  </si>
  <si>
    <t>BU03635100</t>
  </si>
  <si>
    <t>2021BU03635100</t>
  </si>
  <si>
    <t>Rieteiland Oost</t>
  </si>
  <si>
    <t>buurt_gegeneraliseerd_2021.882b0bca-0613-4292-bb22-b65c08cc027f</t>
  </si>
  <si>
    <t>BU03635101</t>
  </si>
  <si>
    <t>2021BU03635101</t>
  </si>
  <si>
    <t>Haveneiland Oost</t>
  </si>
  <si>
    <t>buurt_gegeneraliseerd_2021.35c3e42a-39b0-4147-b338-91e49fc0171f</t>
  </si>
  <si>
    <t>BU03635102</t>
  </si>
  <si>
    <t>2021BU03635102</t>
  </si>
  <si>
    <t>Haveneiland Noord</t>
  </si>
  <si>
    <t>buurt_gegeneraliseerd_2021.895fd017-b782-49bf-b9a0-3a0cfb5c4eeb</t>
  </si>
  <si>
    <t>BU03635200</t>
  </si>
  <si>
    <t>2021BU03635200</t>
  </si>
  <si>
    <t>Wielingenbuurt</t>
  </si>
  <si>
    <t>buurt_gegeneraliseerd_2021.3100ae46-8434-4340-a439-bb85ff3d07f8</t>
  </si>
  <si>
    <t>BU03635201</t>
  </si>
  <si>
    <t>2021BU03635201</t>
  </si>
  <si>
    <t>Scheldebuurt West</t>
  </si>
  <si>
    <t>buurt_gegeneraliseerd_2021.504dd5ab-bd91-4fad-aaa6-de6340e3fb70</t>
  </si>
  <si>
    <t>BU03635202</t>
  </si>
  <si>
    <t>2021BU03635202</t>
  </si>
  <si>
    <t>Scheldebuurt Midden</t>
  </si>
  <si>
    <t>buurt_gegeneraliseerd_2021.67e20898-0996-431a-af09-5660d7bbb9d7</t>
  </si>
  <si>
    <t>BU03635203</t>
  </si>
  <si>
    <t>2021BU03635203</t>
  </si>
  <si>
    <t>Scheldebuurt Oost</t>
  </si>
  <si>
    <t>buurt_gegeneraliseerd_2021.15d6c328-d6e4-40f8-b6ac-d55fe6010710</t>
  </si>
  <si>
    <t>BU03635206</t>
  </si>
  <si>
    <t>2021BU03635206</t>
  </si>
  <si>
    <t>Veluwebuurt</t>
  </si>
  <si>
    <t>buurt_gegeneraliseerd_2021.99b73aad-7aff-4880-a70b-21de6fc53f33</t>
  </si>
  <si>
    <t>BU03635207</t>
  </si>
  <si>
    <t>2021BU03635207</t>
  </si>
  <si>
    <t>Kop Zuidas</t>
  </si>
  <si>
    <t>buurt_gegeneraliseerd_2021.dadc5916-7688-4d02-8551-e648b3a346ab</t>
  </si>
  <si>
    <t>BU03635300</t>
  </si>
  <si>
    <t>2021BU03635300</t>
  </si>
  <si>
    <t>IJselbuurt West</t>
  </si>
  <si>
    <t>buurt_gegeneraliseerd_2021.66ac2060-ec06-49b9-beff-faff4db46a02</t>
  </si>
  <si>
    <t>BU03635301</t>
  </si>
  <si>
    <t>2021BU03635301</t>
  </si>
  <si>
    <t>IJselbuurt Oost</t>
  </si>
  <si>
    <t>buurt_gegeneraliseerd_2021.b276fbeb-ff1f-4eb5-9a5c-1448f9e02429</t>
  </si>
  <si>
    <t>BU03635400</t>
  </si>
  <si>
    <t>2021BU03635400</t>
  </si>
  <si>
    <t>Kromme Mijdrechtbuurt</t>
  </si>
  <si>
    <t>buurt_gegeneraliseerd_2021.4b476d2b-6c17-4730-a3d6-aa8d6e41b725</t>
  </si>
  <si>
    <t>BU03635401</t>
  </si>
  <si>
    <t>2021BU03635401</t>
  </si>
  <si>
    <t>Rijnbuurt Oost</t>
  </si>
  <si>
    <t>buurt_gegeneraliseerd_2021.9ad3e2b7-3ea2-48eb-913c-0c48469b15b0</t>
  </si>
  <si>
    <t>BU03635402</t>
  </si>
  <si>
    <t>2021BU03635402</t>
  </si>
  <si>
    <t>Rijnbuurt Midden</t>
  </si>
  <si>
    <t>buurt_gegeneraliseerd_2021.865e22e1-19a8-4a90-b782-c0667240bd9d</t>
  </si>
  <si>
    <t>BU03635403</t>
  </si>
  <si>
    <t>2021BU03635403</t>
  </si>
  <si>
    <t>Rijnbuurt West</t>
  </si>
  <si>
    <t>buurt_gegeneraliseerd_2021.a8ba9316-80d1-48fc-9070-5e2a78239a16</t>
  </si>
  <si>
    <t>BU03635404</t>
  </si>
  <si>
    <t>2021BU03635404</t>
  </si>
  <si>
    <t>Zorgvlied</t>
  </si>
  <si>
    <t>buurt_gegeneraliseerd_2021.994e9d79-2d66-4d87-8e06-1f14a7c90c42</t>
  </si>
  <si>
    <t>BU03635501</t>
  </si>
  <si>
    <t>2021BU03635501</t>
  </si>
  <si>
    <t>De Eenhoorn</t>
  </si>
  <si>
    <t>buurt_gegeneraliseerd_2021.b6fe15ea-9717-46c1-8ace-c68e33033779</t>
  </si>
  <si>
    <t>BU03635502</t>
  </si>
  <si>
    <t>2021BU03635502</t>
  </si>
  <si>
    <t>Julianapark</t>
  </si>
  <si>
    <t>buurt_gegeneraliseerd_2021.2f4525be-396d-4cf6-8bef-d794ec08c8f0</t>
  </si>
  <si>
    <t>BU03635503</t>
  </si>
  <si>
    <t>2021BU03635503</t>
  </si>
  <si>
    <t>Don Bosco</t>
  </si>
  <si>
    <t>buurt_gegeneraliseerd_2021.18791b22-56f4-47a5-a9ed-92bfb864d377</t>
  </si>
  <si>
    <t>BU03635504</t>
  </si>
  <si>
    <t>2021BU03635504</t>
  </si>
  <si>
    <t>Frankendael</t>
  </si>
  <si>
    <t>buurt_gegeneraliseerd_2021.b4227a98-2f3c-4632-afdc-b23f5efd1dca</t>
  </si>
  <si>
    <t>BU03635505</t>
  </si>
  <si>
    <t>2021BU03635505</t>
  </si>
  <si>
    <t>Tuindorp Amstelstation</t>
  </si>
  <si>
    <t>buurt_gegeneraliseerd_2021.52867d4a-08c0-45c8-b808-e8469cb60f25</t>
  </si>
  <si>
    <t>BU03635506</t>
  </si>
  <si>
    <t>2021BU03635506</t>
  </si>
  <si>
    <t>De Wetbuurt</t>
  </si>
  <si>
    <t>buurt_gegeneraliseerd_2021.f28217c8-5fd6-4aff-aebb-9d6cbdd8f7fb</t>
  </si>
  <si>
    <t>BU03635507</t>
  </si>
  <si>
    <t>2021BU03635507</t>
  </si>
  <si>
    <t>Tuindorp Frankendael</t>
  </si>
  <si>
    <t>buurt_gegeneraliseerd_2021.49aa21f0-4245-4bd8-ad35-b9c7c6cf8e1e</t>
  </si>
  <si>
    <t>BU03635508</t>
  </si>
  <si>
    <t>2021BU03635508</t>
  </si>
  <si>
    <t>Van der Kunbuurt</t>
  </si>
  <si>
    <t>buurt_gegeneraliseerd_2021.07a50ea2-3ade-45ba-aecc-e97fae8bc9a2</t>
  </si>
  <si>
    <t>BU03635600</t>
  </si>
  <si>
    <t>2021BU03635600</t>
  </si>
  <si>
    <t>Linnaeusparkbuurt</t>
  </si>
  <si>
    <t>buurt_gegeneraliseerd_2021.7e65bc64-2116-4ff2-ab72-1b1a30e3f8da</t>
  </si>
  <si>
    <t>BU03635601</t>
  </si>
  <si>
    <t>2021BU03635601</t>
  </si>
  <si>
    <t>Middenmeer Noord</t>
  </si>
  <si>
    <t>buurt_gegeneraliseerd_2021.a89add18-3657-450c-89e0-90c9cf4fc185</t>
  </si>
  <si>
    <t>BU03635602</t>
  </si>
  <si>
    <t>2021BU03635602</t>
  </si>
  <si>
    <t>Middenmeer Zuid</t>
  </si>
  <si>
    <t>buurt_gegeneraliseerd_2021.6273571e-78fa-4b4b-8865-6e2e32a907a4</t>
  </si>
  <si>
    <t>BU03635603</t>
  </si>
  <si>
    <t>2021BU03635603</t>
  </si>
  <si>
    <t>Sportpark Middenmeer Zuid</t>
  </si>
  <si>
    <t>buurt_gegeneraliseerd_2021.4e8eccca-814a-4810-a962-528466270951</t>
  </si>
  <si>
    <t>BU03635604</t>
  </si>
  <si>
    <t>2021BU03635604</t>
  </si>
  <si>
    <t>Sportpark Middenmeer Noord</t>
  </si>
  <si>
    <t>buurt_gegeneraliseerd_2021.3ee3186e-c58b-44ca-821d-37b4eef07e5c</t>
  </si>
  <si>
    <t>BU03635605</t>
  </si>
  <si>
    <t>2021BU03635605</t>
  </si>
  <si>
    <t>Park de Meer</t>
  </si>
  <si>
    <t>buurt_gegeneraliseerd_2021.c1994c29-2358-4ec1-8ace-9c0467421109</t>
  </si>
  <si>
    <t>BU03635606</t>
  </si>
  <si>
    <t>2021BU03635606</t>
  </si>
  <si>
    <t>Sportpark Voorland</t>
  </si>
  <si>
    <t>buurt_gegeneraliseerd_2021.764f1405-19a9-497c-ba03-45375220956a</t>
  </si>
  <si>
    <t>BU03635607</t>
  </si>
  <si>
    <t>2021BU03635607</t>
  </si>
  <si>
    <t>Science Park Noord</t>
  </si>
  <si>
    <t>buurt_gegeneraliseerd_2021.dab7804e-5f0d-4d1e-94b2-e0ef6f3f4e89</t>
  </si>
  <si>
    <t>BU03635608</t>
  </si>
  <si>
    <t>2021BU03635608</t>
  </si>
  <si>
    <t>Science Park Zuid</t>
  </si>
  <si>
    <t>buurt_gegeneraliseerd_2021.04b27f12-8867-40b4-ad7e-947645e9998e</t>
  </si>
  <si>
    <t>BU03635700</t>
  </si>
  <si>
    <t>2021BU03635700</t>
  </si>
  <si>
    <t>Betondorp</t>
  </si>
  <si>
    <t>buurt_gegeneraliseerd_2021.fdd4da2b-21f5-4f66-9b99-8c8ea51ce4bb</t>
  </si>
  <si>
    <t>BU03635701</t>
  </si>
  <si>
    <t>2021BU03635701</t>
  </si>
  <si>
    <t>Nieuwe Oosterbegraafplaats</t>
  </si>
  <si>
    <t>buurt_gegeneraliseerd_2021.1dfa05ef-ffc7-4130-82f0-4348b6e253c5</t>
  </si>
  <si>
    <t>BU03635702</t>
  </si>
  <si>
    <t>2021BU03635702</t>
  </si>
  <si>
    <t>Drieburg</t>
  </si>
  <si>
    <t>buurt_gegeneraliseerd_2021.2498903a-46f2-4555-b5ec-98514963a000</t>
  </si>
  <si>
    <t>BU03635801</t>
  </si>
  <si>
    <t>2021BU03635801</t>
  </si>
  <si>
    <t>Weespertrekvaart</t>
  </si>
  <si>
    <t>buurt_gegeneraliseerd_2021.53a8556d-de91-41b9-8112-d5fb4ae05513</t>
  </si>
  <si>
    <t>BU03635804</t>
  </si>
  <si>
    <t>2021BU03635804</t>
  </si>
  <si>
    <t>Amstelglorie</t>
  </si>
  <si>
    <t>buurt_gegeneraliseerd_2021.9884be1d-0b79-4a2a-87a4-f76ee17991f5</t>
  </si>
  <si>
    <t>BU03635805</t>
  </si>
  <si>
    <t>2021BU03635805</t>
  </si>
  <si>
    <t>Overamstel</t>
  </si>
  <si>
    <t>buurt_gegeneraliseerd_2021.d171bef0-0b19-417c-9d52-4fbe4c9cfd71</t>
  </si>
  <si>
    <t>BU03635806</t>
  </si>
  <si>
    <t>2021BU03635806</t>
  </si>
  <si>
    <t>Amstelkwartier Noord</t>
  </si>
  <si>
    <t>buurt_gegeneraliseerd_2021.3018dd74-65d0-427f-863c-a2091589cf28</t>
  </si>
  <si>
    <t>BU03635807</t>
  </si>
  <si>
    <t>2021BU03635807</t>
  </si>
  <si>
    <t>De Omval</t>
  </si>
  <si>
    <t>buurt_gegeneraliseerd_2021.9edb03b0-750c-4cab-80a2-dd2d496fe311</t>
  </si>
  <si>
    <t>BU03635808</t>
  </si>
  <si>
    <t>2021BU03635808</t>
  </si>
  <si>
    <t>Amstelkwartier Zuid</t>
  </si>
  <si>
    <t>buurt_gegeneraliseerd_2021.151446c9-0d0e-42e2-a1c7-c46f91215705</t>
  </si>
  <si>
    <t>BU03635809</t>
  </si>
  <si>
    <t>2021BU03635809</t>
  </si>
  <si>
    <t>Amstelkwartier West</t>
  </si>
  <si>
    <t>buurt_gegeneraliseerd_2021.3013e9af-16e7-45b8-b5e7-a0ded377c4ff</t>
  </si>
  <si>
    <t>BU03635900</t>
  </si>
  <si>
    <t>2021BU03635900</t>
  </si>
  <si>
    <t>Prinses Irenebuurt</t>
  </si>
  <si>
    <t>buurt_gegeneraliseerd_2021.c887f0a2-77f0-4678-8e1d-8ee94443f4ab</t>
  </si>
  <si>
    <t>BU03635901</t>
  </si>
  <si>
    <t>2021BU03635901</t>
  </si>
  <si>
    <t>buurt_gegeneraliseerd_2021.9d5d775a-fafa-4b4d-b088-464513d7d545</t>
  </si>
  <si>
    <t>BU03636000</t>
  </si>
  <si>
    <t>2021BU03636000</t>
  </si>
  <si>
    <t>Van der Pekbuurt</t>
  </si>
  <si>
    <t>buurt_gegeneraliseerd_2021.cece94c8-b067-4c67-8778-9042fc23a9d0</t>
  </si>
  <si>
    <t>BU03636001</t>
  </si>
  <si>
    <t>2021BU03636001</t>
  </si>
  <si>
    <t>Bloemenbuurt Zuid</t>
  </si>
  <si>
    <t>buurt_gegeneraliseerd_2021.6cb4570d-08de-446b-92d8-16dbd6262bb0</t>
  </si>
  <si>
    <t>BU03636002</t>
  </si>
  <si>
    <t>2021BU03636002</t>
  </si>
  <si>
    <t>Bloemenbuurt Noord</t>
  </si>
  <si>
    <t>buurt_gegeneraliseerd_2021.d68907ee-6c7c-4e7a-a75b-8a52d87a2e52</t>
  </si>
  <si>
    <t>BU03636100</t>
  </si>
  <si>
    <t>2021BU03636100</t>
  </si>
  <si>
    <t>IJplein e.o.</t>
  </si>
  <si>
    <t>buurt_gegeneraliseerd_2021.4b52643a-bbe9-4a46-84c9-c790be505508</t>
  </si>
  <si>
    <t>BU03636101</t>
  </si>
  <si>
    <t>2021BU03636101</t>
  </si>
  <si>
    <t>Vogelbuurt Zuid</t>
  </si>
  <si>
    <t>buurt_gegeneraliseerd_2021.37144ebd-9cec-4b49-a255-2d00c94c1ea7</t>
  </si>
  <si>
    <t>BU03636102</t>
  </si>
  <si>
    <t>2021BU03636102</t>
  </si>
  <si>
    <t>Vogelbuurt Noord</t>
  </si>
  <si>
    <t>buurt_gegeneraliseerd_2021.feeae7c5-c773-4632-afe5-ec34a6c2655e</t>
  </si>
  <si>
    <t>BU03636103</t>
  </si>
  <si>
    <t>2021BU03636103</t>
  </si>
  <si>
    <t>Vliegenbos</t>
  </si>
  <si>
    <t>buurt_gegeneraliseerd_2021.f413c204-2ea8-415c-89e5-b878c250cb7d</t>
  </si>
  <si>
    <t>BU03636200</t>
  </si>
  <si>
    <t>2021BU03636200</t>
  </si>
  <si>
    <t>Tuindorp Nieuwendam West</t>
  </si>
  <si>
    <t>buurt_gegeneraliseerd_2021.5fc22238-6f5f-4cff-9321-3e60871b92ff</t>
  </si>
  <si>
    <t>BU03636201</t>
  </si>
  <si>
    <t>2021BU03636201</t>
  </si>
  <si>
    <t>Tuindorp Nieuwendam Oost</t>
  </si>
  <si>
    <t>buurt_gegeneraliseerd_2021.1a444349-c16c-4dea-b71e-181b77f1f93a</t>
  </si>
  <si>
    <t>BU03636300</t>
  </si>
  <si>
    <t>2021BU03636300</t>
  </si>
  <si>
    <t>Blauwe Zand</t>
  </si>
  <si>
    <t>buurt_gegeneraliseerd_2021.4bfce269-1af3-4d27-b757-24638c2af399</t>
  </si>
  <si>
    <t>BU03636400</t>
  </si>
  <si>
    <t>2021BU03636400</t>
  </si>
  <si>
    <t>Buiksloterdijk West</t>
  </si>
  <si>
    <t>buurt_gegeneraliseerd_2021.80ea0866-fc2c-4fb8-b88e-195b7efdff0e</t>
  </si>
  <si>
    <t>BU03636401</t>
  </si>
  <si>
    <t>2021BU03636401</t>
  </si>
  <si>
    <t>Buiksloterdijk Oost</t>
  </si>
  <si>
    <t>buurt_gegeneraliseerd_2021.7ae1406f-11d1-4021-8c1b-2e82cd53fdc6</t>
  </si>
  <si>
    <t>BU03636402</t>
  </si>
  <si>
    <t>2021BU03636402</t>
  </si>
  <si>
    <t>Nieuwendammerdijk West</t>
  </si>
  <si>
    <t>buurt_gegeneraliseerd_2021.83482217-71fd-460b-b17b-d3d9bcb31ed9</t>
  </si>
  <si>
    <t>BU03636403</t>
  </si>
  <si>
    <t>2021BU03636403</t>
  </si>
  <si>
    <t>Nieuwendammerdijk Oost</t>
  </si>
  <si>
    <t>buurt_gegeneraliseerd_2021.caee70de-7874-4de8-ad87-247d0c32c534</t>
  </si>
  <si>
    <t>BU03636404</t>
  </si>
  <si>
    <t>2021BU03636404</t>
  </si>
  <si>
    <t>Nieuwendammerdijk Zuid</t>
  </si>
  <si>
    <t>buurt_gegeneraliseerd_2021.60fd5234-99ef-43fb-af96-770c63801949</t>
  </si>
  <si>
    <t>BU03636500</t>
  </si>
  <si>
    <t>2021BU03636500</t>
  </si>
  <si>
    <t>Tuindorp Oostzaan West</t>
  </si>
  <si>
    <t>buurt_gegeneraliseerd_2021.47e02cf9-f5e9-496c-a7e1-75cdd402fba6</t>
  </si>
  <si>
    <t>BU03636501</t>
  </si>
  <si>
    <t>2021BU03636501</t>
  </si>
  <si>
    <t>Tuindorp Oostzaan Oost</t>
  </si>
  <si>
    <t>buurt_gegeneraliseerd_2021.b77f7174-3a8e-45ee-85d8-bfc88bf8380f</t>
  </si>
  <si>
    <t>BU03636502</t>
  </si>
  <si>
    <t>2021BU03636502</t>
  </si>
  <si>
    <t>Terrasdorp</t>
  </si>
  <si>
    <t>buurt_gegeneraliseerd_2021.0904c00f-1e8e-41b9-884c-9c432ab22f9b</t>
  </si>
  <si>
    <t>BU03636503</t>
  </si>
  <si>
    <t>2021BU03636503</t>
  </si>
  <si>
    <t>De Bongerd</t>
  </si>
  <si>
    <t>buurt_gegeneraliseerd_2021.e59c227b-1468-4864-9a85-5d223ea9b52b</t>
  </si>
  <si>
    <t>BU03636601</t>
  </si>
  <si>
    <t>2021BU03636601</t>
  </si>
  <si>
    <t>Oostzanerdijk</t>
  </si>
  <si>
    <t>buurt_gegeneraliseerd_2021.10555411-56e5-4764-bf8b-372e08410ff4</t>
  </si>
  <si>
    <t>BU03636602</t>
  </si>
  <si>
    <t>2021BU03636602</t>
  </si>
  <si>
    <t>Walvisbuurt</t>
  </si>
  <si>
    <t>buurt_gegeneraliseerd_2021.ff10b276-9f9a-4112-a5ba-a16e63af5976</t>
  </si>
  <si>
    <t>BU03636603</t>
  </si>
  <si>
    <t>2021BU03636603</t>
  </si>
  <si>
    <t>Twiske West</t>
  </si>
  <si>
    <t>buurt_gegeneraliseerd_2021.b4d66ddb-c666-4093-97cd-fabf0a71ad9c</t>
  </si>
  <si>
    <t>BU03636604</t>
  </si>
  <si>
    <t>2021BU03636604</t>
  </si>
  <si>
    <t>Noorder IJplas</t>
  </si>
  <si>
    <t>buurt_gegeneraliseerd_2021.2318aefe-f882-4f84-a2d2-3ce32ce676b4</t>
  </si>
  <si>
    <t>BU03636605</t>
  </si>
  <si>
    <t>2021BU03636605</t>
  </si>
  <si>
    <t>buurt_gegeneraliseerd_2021.1197ace6-7126-433b-be44-bcbe4eee0e20</t>
  </si>
  <si>
    <t>BU03636606</t>
  </si>
  <si>
    <t>2021BU03636606</t>
  </si>
  <si>
    <t>Circus/Kermisbuurt</t>
  </si>
  <si>
    <t>buurt_gegeneraliseerd_2021.b1cbe1ed-e883-4ffa-b50c-7fc754240495</t>
  </si>
  <si>
    <t>BU03636700</t>
  </si>
  <si>
    <t>2021BU03636700</t>
  </si>
  <si>
    <t>Kadoelen</t>
  </si>
  <si>
    <t>buurt_gegeneraliseerd_2021.5c08f8e1-364b-4dfc-9336-e5f6195ac97b</t>
  </si>
  <si>
    <t>BU03636701</t>
  </si>
  <si>
    <t>2021BU03636701</t>
  </si>
  <si>
    <t>Twiske Oost</t>
  </si>
  <si>
    <t>buurt_gegeneraliseerd_2021.1864fba5-558f-4466-9593-ae2bb2997734</t>
  </si>
  <si>
    <t>BU03636800</t>
  </si>
  <si>
    <t>2021BU03636800</t>
  </si>
  <si>
    <t>Baanakkerspark Noord</t>
  </si>
  <si>
    <t>buurt_gegeneraliseerd_2021.cc628aea-c0d9-4f0c-b81d-8593db6a3892</t>
  </si>
  <si>
    <t>BU03636801</t>
  </si>
  <si>
    <t>2021BU03636801</t>
  </si>
  <si>
    <t>Baanakkerspark Zuid</t>
  </si>
  <si>
    <t>buurt_gegeneraliseerd_2021.ea3f6f9f-490a-4593-b005-608eccb044d0</t>
  </si>
  <si>
    <t>BU03636802</t>
  </si>
  <si>
    <t>2021BU03636802</t>
  </si>
  <si>
    <t>Werengouw Midden</t>
  </si>
  <si>
    <t>buurt_gegeneraliseerd_2021.a2af18bd-01ea-40e3-95e4-7f6e3a9e139f</t>
  </si>
  <si>
    <t>BU03636803</t>
  </si>
  <si>
    <t>2021BU03636803</t>
  </si>
  <si>
    <t>Markengouw Midden</t>
  </si>
  <si>
    <t>buurt_gegeneraliseerd_2021.c7ff6062-4d99-493b-bb72-fb168f2e8910</t>
  </si>
  <si>
    <t>BU03636804</t>
  </si>
  <si>
    <t>2021BU03636804</t>
  </si>
  <si>
    <t>Markengouw Zuid</t>
  </si>
  <si>
    <t>buurt_gegeneraliseerd_2021.088b1723-0e0f-401b-97bb-1f65962845db</t>
  </si>
  <si>
    <t>BU03636805</t>
  </si>
  <si>
    <t>2021BU03636805</t>
  </si>
  <si>
    <t>Werengouw Zuid</t>
  </si>
  <si>
    <t>buurt_gegeneraliseerd_2021.7af97b0e-d4d6-4ae0-b98a-633b2a66f752</t>
  </si>
  <si>
    <t>BU03636900</t>
  </si>
  <si>
    <t>2021BU03636900</t>
  </si>
  <si>
    <t>Rode Kruisbuurt</t>
  </si>
  <si>
    <t>buurt_gegeneraliseerd_2021.12939d4a-e47d-417a-b23e-6afb4f189db1</t>
  </si>
  <si>
    <t>BU03636902</t>
  </si>
  <si>
    <t>2021BU03636902</t>
  </si>
  <si>
    <t>Loenermark</t>
  </si>
  <si>
    <t>buurt_gegeneraliseerd_2021.21d61f80-23e8-459f-93f3-916d9f5705dc</t>
  </si>
  <si>
    <t>BU03636909</t>
  </si>
  <si>
    <t>2021BU03636909</t>
  </si>
  <si>
    <t>Buikslotermeerplein</t>
  </si>
  <si>
    <t>buurt_gegeneraliseerd_2021.8c931de7-e717-4bf3-b362-82d76009f74a</t>
  </si>
  <si>
    <t>BU03636910</t>
  </si>
  <si>
    <t>2021BU03636910</t>
  </si>
  <si>
    <t>Plan van Gool</t>
  </si>
  <si>
    <t>buurt_gegeneraliseerd_2021.5046eb3a-5031-4963-9d9e-fecf008bd6ca</t>
  </si>
  <si>
    <t>BU03636911</t>
  </si>
  <si>
    <t>2021BU03636911</t>
  </si>
  <si>
    <t>De Kleine Wereld</t>
  </si>
  <si>
    <t>buurt_gegeneraliseerd_2021.f1b51edc-46ab-4ffe-b6ba-269901367952</t>
  </si>
  <si>
    <t>BU03636912</t>
  </si>
  <si>
    <t>2021BU03636912</t>
  </si>
  <si>
    <t>Buikslotermeer Noord</t>
  </si>
  <si>
    <t>buurt_gegeneraliseerd_2021.6dfe2f03-028b-403b-b434-d78242db4147</t>
  </si>
  <si>
    <t>BU03637000</t>
  </si>
  <si>
    <t>2021BU03637000</t>
  </si>
  <si>
    <t>Banne Zuidwest</t>
  </si>
  <si>
    <t>buurt_gegeneraliseerd_2021.9fb7ee39-1382-441d-b13e-b70346def62c</t>
  </si>
  <si>
    <t>BU03637001</t>
  </si>
  <si>
    <t>2021BU03637001</t>
  </si>
  <si>
    <t>Banne Zuidoost</t>
  </si>
  <si>
    <t>buurt_gegeneraliseerd_2021.a5cdf4ac-3ef0-4b6d-aeda-ef701e280341</t>
  </si>
  <si>
    <t>BU03637002</t>
  </si>
  <si>
    <t>2021BU03637002</t>
  </si>
  <si>
    <t>Banne Noordwest</t>
  </si>
  <si>
    <t>buurt_gegeneraliseerd_2021.b7c696c8-899e-449a-a97c-8c40adb3166f</t>
  </si>
  <si>
    <t>BU03637003</t>
  </si>
  <si>
    <t>2021BU03637003</t>
  </si>
  <si>
    <t>Banne Noordoost</t>
  </si>
  <si>
    <t>buurt_gegeneraliseerd_2021.ed6d68cc-e8a6-40ac-8ee3-1bb3646fbdda</t>
  </si>
  <si>
    <t>BU03637004</t>
  </si>
  <si>
    <t>2021BU03637004</t>
  </si>
  <si>
    <t>Buiksloterbreek</t>
  </si>
  <si>
    <t>buurt_gegeneraliseerd_2021.90ea1d09-68da-4c84-8eb5-318abd680374</t>
  </si>
  <si>
    <t>BU03637005</t>
  </si>
  <si>
    <t>2021BU03637005</t>
  </si>
  <si>
    <t>Marjoleinterrein</t>
  </si>
  <si>
    <t>buurt_gegeneraliseerd_2021.7965f9b5-a5cb-441e-ad47-596e037facc2</t>
  </si>
  <si>
    <t>BU03637102</t>
  </si>
  <si>
    <t>2021BU03637102</t>
  </si>
  <si>
    <t>Papaverweg e.o.</t>
  </si>
  <si>
    <t>buurt_gegeneraliseerd_2021.7324217f-497f-4ef3-94d6-35ce3be42d05</t>
  </si>
  <si>
    <t>BU03637104</t>
  </si>
  <si>
    <t>2021BU03637104</t>
  </si>
  <si>
    <t>Cornelis Douwesterrein</t>
  </si>
  <si>
    <t>buurt_gegeneraliseerd_2021.1effaa11-8dda-416a-846d-d3f537e7b281</t>
  </si>
  <si>
    <t>BU03637105</t>
  </si>
  <si>
    <t>2021BU03637105</t>
  </si>
  <si>
    <t>NDSM terrein</t>
  </si>
  <si>
    <t>buurt_gegeneraliseerd_2021.de8ca0e3-92e9-4141-9abe-016de760be35</t>
  </si>
  <si>
    <t>BU03637106</t>
  </si>
  <si>
    <t>2021BU03637106</t>
  </si>
  <si>
    <t>Buiksloterham</t>
  </si>
  <si>
    <t>buurt_gegeneraliseerd_2021.e4db9e0a-6e61-43bf-b0c7-2491c5b6edd0</t>
  </si>
  <si>
    <t>BU03637107</t>
  </si>
  <si>
    <t>2021BU03637107</t>
  </si>
  <si>
    <t>Overhoeks</t>
  </si>
  <si>
    <t>buurt_gegeneraliseerd_2021.e2c99f48-f94b-48cc-bb9c-67afebb2ba08</t>
  </si>
  <si>
    <t>BU03637200</t>
  </si>
  <si>
    <t>2021BU03637200</t>
  </si>
  <si>
    <t>Bedrijventerrein Hamerstraat</t>
  </si>
  <si>
    <t>buurt_gegeneraliseerd_2021.733e8685-c9b6-4168-b2b2-05c770fd14cc</t>
  </si>
  <si>
    <t>BU03637201</t>
  </si>
  <si>
    <t>2021BU03637201</t>
  </si>
  <si>
    <t>Zamenhofstraat e.o.</t>
  </si>
  <si>
    <t>buurt_gegeneraliseerd_2021.fa6338a3-21f1-4e01-9c57-0eba3f44a09f</t>
  </si>
  <si>
    <t>BU03637202</t>
  </si>
  <si>
    <t>2021BU03637202</t>
  </si>
  <si>
    <t>Bedrijventerrein Nieuwendammerdijk</t>
  </si>
  <si>
    <t>buurt_gegeneraliseerd_2021.e762901c-72cc-4c77-baa6-07165cb1f370</t>
  </si>
  <si>
    <t>BU03637300</t>
  </si>
  <si>
    <t>2021BU03637300</t>
  </si>
  <si>
    <t>Schellingwoude West</t>
  </si>
  <si>
    <t>buurt_gegeneraliseerd_2021.272e9dde-d54e-4c0f-a65b-a0371da44ede</t>
  </si>
  <si>
    <t>BU03637301</t>
  </si>
  <si>
    <t>2021BU03637301</t>
  </si>
  <si>
    <t>Schellingwoude Oost</t>
  </si>
  <si>
    <t>buurt_gegeneraliseerd_2021.e72596b5-4db7-4e98-9b61-1328ddbeaf3f</t>
  </si>
  <si>
    <t>BU03637302</t>
  </si>
  <si>
    <t>2021BU03637302</t>
  </si>
  <si>
    <t>Schellingwoude Noord</t>
  </si>
  <si>
    <t>buurt_gegeneraliseerd_2021.3d8eefd4-02a2-458e-9f32-8c399f43c5c5</t>
  </si>
  <si>
    <t>BU03637303</t>
  </si>
  <si>
    <t>2021BU03637303</t>
  </si>
  <si>
    <t>Durgerdam</t>
  </si>
  <si>
    <t>buurt_gegeneraliseerd_2021.c2ff7168-dee4-403f-a942-994f8eac48e6</t>
  </si>
  <si>
    <t>BU03637304</t>
  </si>
  <si>
    <t>2021BU03637304</t>
  </si>
  <si>
    <t>Zwarte Gouw</t>
  </si>
  <si>
    <t>buurt_gegeneraliseerd_2021.b4211988-a1a1-4dca-ad47-a7c4e68673bd</t>
  </si>
  <si>
    <t>BU03637305</t>
  </si>
  <si>
    <t>2021BU03637305</t>
  </si>
  <si>
    <t>Ransdorp</t>
  </si>
  <si>
    <t>buurt_gegeneraliseerd_2021.1ada1386-8d40-40d0-8e1b-427cf0585401</t>
  </si>
  <si>
    <t>BU03637306</t>
  </si>
  <si>
    <t>2021BU03637306</t>
  </si>
  <si>
    <t>Holysloot</t>
  </si>
  <si>
    <t>buurt_gegeneraliseerd_2021.b68ad2ca-c7af-4f11-8cae-55fc6f203543</t>
  </si>
  <si>
    <t>BU03637307</t>
  </si>
  <si>
    <t>2021BU03637307</t>
  </si>
  <si>
    <t>Zunderdorp</t>
  </si>
  <si>
    <t>buurt_gegeneraliseerd_2021.0235abe3-bdcf-4c6c-8715-37536155d9d7</t>
  </si>
  <si>
    <t>BU03637308</t>
  </si>
  <si>
    <t>2021BU03637308</t>
  </si>
  <si>
    <t>Noorderstrook West</t>
  </si>
  <si>
    <t>buurt_gegeneraliseerd_2021.933f29d8-de25-4e85-bd82-1253191670d9</t>
  </si>
  <si>
    <t>BU03637309</t>
  </si>
  <si>
    <t>2021BU03637309</t>
  </si>
  <si>
    <t>Noorderstrook Oost</t>
  </si>
  <si>
    <t>buurt_gegeneraliseerd_2021.1b5ad2c8-9851-4de5-b1ac-fae46c1bc22e</t>
  </si>
  <si>
    <t>BU03637400</t>
  </si>
  <si>
    <t>2021BU03637400</t>
  </si>
  <si>
    <t>Nintemanterrein</t>
  </si>
  <si>
    <t>buurt_gegeneraliseerd_2021.fb68fb40-4975-4d02-84bc-3a8075fcce9c</t>
  </si>
  <si>
    <t>BU03637401</t>
  </si>
  <si>
    <t>2021BU03637401</t>
  </si>
  <si>
    <t>Elzenhagen Zuid</t>
  </si>
  <si>
    <t>buurt_gegeneraliseerd_2021.c27c4b27-4fd8-4160-b992-b5eae842ea36</t>
  </si>
  <si>
    <t>BU03637402</t>
  </si>
  <si>
    <t>2021BU03637402</t>
  </si>
  <si>
    <t>Elzenhagen Noord</t>
  </si>
  <si>
    <t>buurt_gegeneraliseerd_2021.dc754391-6f69-437c-b169-4c1281739870</t>
  </si>
  <si>
    <t>BU03637500</t>
  </si>
  <si>
    <t>2021BU03637500</t>
  </si>
  <si>
    <t>Kortenaerkwartier</t>
  </si>
  <si>
    <t>buurt_gegeneraliseerd_2021.177144f1-ff0a-43b8-a49a-8b994642b13f</t>
  </si>
  <si>
    <t>BU03637501</t>
  </si>
  <si>
    <t>2021BU03637501</t>
  </si>
  <si>
    <t>Filips van Almondekwartier</t>
  </si>
  <si>
    <t>buurt_gegeneraliseerd_2021.dfd388ab-c01e-4be2-bb2f-759350b31539</t>
  </si>
  <si>
    <t>BU03637502</t>
  </si>
  <si>
    <t>2021BU03637502</t>
  </si>
  <si>
    <t>De Wester Quartier</t>
  </si>
  <si>
    <t>buurt_gegeneraliseerd_2021.0ef82cfd-d8cd-4a90-908f-74ba2d34495f</t>
  </si>
  <si>
    <t>BU03637503</t>
  </si>
  <si>
    <t>2021BU03637503</t>
  </si>
  <si>
    <t>Van Brakelkwartier</t>
  </si>
  <si>
    <t>buurt_gegeneraliseerd_2021.13a0ce77-231b-46bf-8289-b92c859968f8</t>
  </si>
  <si>
    <t>BU03637600</t>
  </si>
  <si>
    <t>2021BU03637600</t>
  </si>
  <si>
    <t>Buurt 3</t>
  </si>
  <si>
    <t>buurt_gegeneraliseerd_2021.b2771a61-1ec6-4220-b247-d2643494fa1a</t>
  </si>
  <si>
    <t>BU03637601</t>
  </si>
  <si>
    <t>2021BU03637601</t>
  </si>
  <si>
    <t>Buurt 2</t>
  </si>
  <si>
    <t>buurt_gegeneraliseerd_2021.b4809ef8-a143-442b-950d-a552ab9eb45c</t>
  </si>
  <si>
    <t>BU03637700</t>
  </si>
  <si>
    <t>2021BU03637700</t>
  </si>
  <si>
    <t>Slotermeer Zuid</t>
  </si>
  <si>
    <t>buurt_gegeneraliseerd_2021.2c95eab1-cf4c-44f2-b035-8bb3ef8a4201</t>
  </si>
  <si>
    <t>BU03637701</t>
  </si>
  <si>
    <t>2021BU03637701</t>
  </si>
  <si>
    <t>Noordoever Sloterplas</t>
  </si>
  <si>
    <t>buurt_gegeneraliseerd_2021.aaebd95d-86c3-437b-b823-d64eb806677e</t>
  </si>
  <si>
    <t>BU03637702</t>
  </si>
  <si>
    <t>2021BU03637702</t>
  </si>
  <si>
    <t>Buurt 4 Oost</t>
  </si>
  <si>
    <t>buurt_gegeneraliseerd_2021.1c62891c-76c9-403a-b585-459fc562807f</t>
  </si>
  <si>
    <t>BU03637703</t>
  </si>
  <si>
    <t>2021BU03637703</t>
  </si>
  <si>
    <t>Buurt 5 Noord</t>
  </si>
  <si>
    <t>buurt_gegeneraliseerd_2021.e2f3b726-97e2-40c6-a45a-4164812c58a9</t>
  </si>
  <si>
    <t>BU03637704</t>
  </si>
  <si>
    <t>2021BU03637704</t>
  </si>
  <si>
    <t>Sloterpark</t>
  </si>
  <si>
    <t>buurt_gegeneraliseerd_2021.c536bfa8-edc0-47be-b781-03f9e2374daf</t>
  </si>
  <si>
    <t>BU03637705</t>
  </si>
  <si>
    <t>2021BU03637705</t>
  </si>
  <si>
    <t>Buurt 5 Zuid</t>
  </si>
  <si>
    <t>buurt_gegeneraliseerd_2021.a9f71a72-7deb-4bec-8aca-756ce298464f</t>
  </si>
  <si>
    <t>BU03637800</t>
  </si>
  <si>
    <t>2021BU03637800</t>
  </si>
  <si>
    <t>Buurt 6</t>
  </si>
  <si>
    <t>buurt_gegeneraliseerd_2021.7c3cadad-6d8c-4424-9c80-8a9bcda43b71</t>
  </si>
  <si>
    <t>BU03637801</t>
  </si>
  <si>
    <t>2021BU03637801</t>
  </si>
  <si>
    <t>Buurt 7</t>
  </si>
  <si>
    <t>buurt_gegeneraliseerd_2021.99e4c882-8034-4010-9caf-feef1fc44d2d</t>
  </si>
  <si>
    <t>BU03637802</t>
  </si>
  <si>
    <t>2021BU03637802</t>
  </si>
  <si>
    <t>Buurt 8</t>
  </si>
  <si>
    <t>buurt_gegeneraliseerd_2021.231603ab-e0f6-441e-9a33-92bae5442db7</t>
  </si>
  <si>
    <t>BU03637803</t>
  </si>
  <si>
    <t>2021BU03637803</t>
  </si>
  <si>
    <t>Buurt 9</t>
  </si>
  <si>
    <t>buurt_gegeneraliseerd_2021.3a071955-3e16-4ad9-b837-e424c31c768b</t>
  </si>
  <si>
    <t>BU03637804</t>
  </si>
  <si>
    <t>2021BU03637804</t>
  </si>
  <si>
    <t>Eendrachtspark</t>
  </si>
  <si>
    <t>buurt_gegeneraliseerd_2021.bf728f07-badb-4249-b3bc-668d524505b6</t>
  </si>
  <si>
    <t>BU03637900</t>
  </si>
  <si>
    <t>2021BU03637900</t>
  </si>
  <si>
    <t>Osdorper Binnenpolder</t>
  </si>
  <si>
    <t>buurt_gegeneraliseerd_2021.767e2412-6863-4851-b4fe-eaec06b42706</t>
  </si>
  <si>
    <t>BU03637901</t>
  </si>
  <si>
    <t>2021BU03637901</t>
  </si>
  <si>
    <t>Buurt 10</t>
  </si>
  <si>
    <t>buurt_gegeneraliseerd_2021.3ba04031-48f2-4f8a-b1fe-09bce09eca91</t>
  </si>
  <si>
    <t>BU03638000</t>
  </si>
  <si>
    <t>2021BU03638000</t>
  </si>
  <si>
    <t>Ookmeer</t>
  </si>
  <si>
    <t>buurt_gegeneraliseerd_2021.3678c5dd-1bcb-4598-a2aa-e4e3d7baa392</t>
  </si>
  <si>
    <t>BU03638001</t>
  </si>
  <si>
    <t>2021BU03638001</t>
  </si>
  <si>
    <t>Osdorper Bovenpolder</t>
  </si>
  <si>
    <t>buurt_gegeneraliseerd_2021.2cf195a9-5db9-4575-bbe3-7bf08cbe679c</t>
  </si>
  <si>
    <t>BU03638002</t>
  </si>
  <si>
    <t>2021BU03638002</t>
  </si>
  <si>
    <t>Bedrijvenpark Lutkemeer</t>
  </si>
  <si>
    <t>buurt_gegeneraliseerd_2021.0c55d273-8cb3-4258-bab5-f953442db18b</t>
  </si>
  <si>
    <t>BU03638100</t>
  </si>
  <si>
    <t>2021BU03638100</t>
  </si>
  <si>
    <t>Wildeman</t>
  </si>
  <si>
    <t>buurt_gegeneraliseerd_2021.5521f8af-cf6e-46e8-9085-c33ad08e8614</t>
  </si>
  <si>
    <t>BU03638101</t>
  </si>
  <si>
    <t>2021BU03638101</t>
  </si>
  <si>
    <t>Meer en Oever</t>
  </si>
  <si>
    <t>buurt_gegeneraliseerd_2021.e6ab522a-2e39-4e95-908a-ac9f015a3d79</t>
  </si>
  <si>
    <t>BU03638102</t>
  </si>
  <si>
    <t>2021BU03638102</t>
  </si>
  <si>
    <t>Osdorpplein e.o.</t>
  </si>
  <si>
    <t>buurt_gegeneraliseerd_2021.c0eda656-d882-426c-b7e2-d2cae546fe13</t>
  </si>
  <si>
    <t>BU03638103</t>
  </si>
  <si>
    <t>2021BU03638103</t>
  </si>
  <si>
    <t>Calandlaan/Lelylaan</t>
  </si>
  <si>
    <t>buurt_gegeneraliseerd_2021.51da5773-54db-40a7-ae25-f68939860599</t>
  </si>
  <si>
    <t>BU03638104</t>
  </si>
  <si>
    <t>2021BU03638104</t>
  </si>
  <si>
    <t>Osdorp Zuidoost</t>
  </si>
  <si>
    <t>buurt_gegeneraliseerd_2021.0519e79a-a237-4705-8ef2-3a52a3e5e857</t>
  </si>
  <si>
    <t>BU03638200</t>
  </si>
  <si>
    <t>2021BU03638200</t>
  </si>
  <si>
    <t>Osdorp Midden Noord</t>
  </si>
  <si>
    <t>buurt_gegeneraliseerd_2021.f65f75e9-d607-4a5f-ad2b-8158c239cb18</t>
  </si>
  <si>
    <t>BU03638201</t>
  </si>
  <si>
    <t>2021BU03638201</t>
  </si>
  <si>
    <t>Osdorp Midden Zuid</t>
  </si>
  <si>
    <t>buurt_gegeneraliseerd_2021.209ec241-5ce9-4655-9771-fc6589133dba</t>
  </si>
  <si>
    <t>BU03638202</t>
  </si>
  <si>
    <t>2021BU03638202</t>
  </si>
  <si>
    <t>Zuidwestkwadrant Osdorp Noord</t>
  </si>
  <si>
    <t>buurt_gegeneraliseerd_2021.379cd8a7-b2f6-48dc-8baa-7405be4eb347</t>
  </si>
  <si>
    <t>BU03638203</t>
  </si>
  <si>
    <t>2021BU03638203</t>
  </si>
  <si>
    <t>Zuidwestkwadrant Osdorp Zuid</t>
  </si>
  <si>
    <t>buurt_gegeneraliseerd_2021.6926d7c0-5650-4dc9-a081-0b15fcce0ccb</t>
  </si>
  <si>
    <t>BU03638300</t>
  </si>
  <si>
    <t>2021BU03638300</t>
  </si>
  <si>
    <t>De Punt</t>
  </si>
  <si>
    <t>buurt_gegeneraliseerd_2021.01ad63db-a486-4bd3-b64c-aab517788b96</t>
  </si>
  <si>
    <t>BU03638301</t>
  </si>
  <si>
    <t>2021BU03638301</t>
  </si>
  <si>
    <t>Bedrijvencentrum Osdorp</t>
  </si>
  <si>
    <t>buurt_gegeneraliseerd_2021.13a81cc9-3f9c-4ae0-9fa7-9fe566b8544b</t>
  </si>
  <si>
    <t>BU03638400</t>
  </si>
  <si>
    <t>2021BU03638400</t>
  </si>
  <si>
    <t>Middelveldsche Akerpolder</t>
  </si>
  <si>
    <t>buurt_gegeneraliseerd_2021.d3a48b12-156c-4543-9492-7356347823fd</t>
  </si>
  <si>
    <t>BU03638401</t>
  </si>
  <si>
    <t>2021BU03638401</t>
  </si>
  <si>
    <t>De Aker West</t>
  </si>
  <si>
    <t>buurt_gegeneraliseerd_2021.e288f495-b6c6-4b00-8f8f-64b7fe290913</t>
  </si>
  <si>
    <t>BU03638402</t>
  </si>
  <si>
    <t>2021BU03638402</t>
  </si>
  <si>
    <t>De Aker Oost</t>
  </si>
  <si>
    <t>buurt_gegeneraliseerd_2021.f7ccc627-b688-4d3f-a719-6b925356258e</t>
  </si>
  <si>
    <t>BU03638500</t>
  </si>
  <si>
    <t>2021BU03638500</t>
  </si>
  <si>
    <t>Oostoever Sloterplas</t>
  </si>
  <si>
    <t>buurt_gegeneraliseerd_2021.f9f90bf3-d361-467b-8491-49829f58d7c9</t>
  </si>
  <si>
    <t>BU03638501</t>
  </si>
  <si>
    <t>2021BU03638501</t>
  </si>
  <si>
    <t>Emanuel van Meterenbuurt</t>
  </si>
  <si>
    <t>buurt_gegeneraliseerd_2021.d055c680-5213-4493-ab32-72669242c760</t>
  </si>
  <si>
    <t>BU03638502</t>
  </si>
  <si>
    <t>2021BU03638502</t>
  </si>
  <si>
    <t>Jacob Geelbuurt</t>
  </si>
  <si>
    <t>buurt_gegeneraliseerd_2021.07b11562-5aa9-4f13-901e-7c65756c9e06</t>
  </si>
  <si>
    <t>BU03638600</t>
  </si>
  <si>
    <t>2021BU03638600</t>
  </si>
  <si>
    <t>Overtoomse Veld Noord</t>
  </si>
  <si>
    <t>buurt_gegeneraliseerd_2021.5d20ba24-d912-4477-8f34-78dbad934107</t>
  </si>
  <si>
    <t>BU03638601</t>
  </si>
  <si>
    <t>2021BU03638601</t>
  </si>
  <si>
    <t>Overtoomse Veld Zuid</t>
  </si>
  <si>
    <t>buurt_gegeneraliseerd_2021.e198fa9a-6fcd-4f83-8e6e-b7fd8594f37d</t>
  </si>
  <si>
    <t>BU03638602</t>
  </si>
  <si>
    <t>2021BU03638602</t>
  </si>
  <si>
    <t>Rembrandtpark Noord</t>
  </si>
  <si>
    <t>buurt_gegeneraliseerd_2021.671597bf-7c76-4865-9338-56c9a2b36f4b</t>
  </si>
  <si>
    <t>BU03638603</t>
  </si>
  <si>
    <t>2021BU03638603</t>
  </si>
  <si>
    <t>Rembrandtpark Zuid</t>
  </si>
  <si>
    <t>buurt_gegeneraliseerd_2021.74f59214-4f6c-49c7-8462-0d7b2315dc79</t>
  </si>
  <si>
    <t>BU03638604</t>
  </si>
  <si>
    <t>2021BU03638604</t>
  </si>
  <si>
    <t>Johan Jongkindbuurt</t>
  </si>
  <si>
    <t>buurt_gegeneraliseerd_2021.d5b405dd-8892-4875-8fc9-e276ec090975</t>
  </si>
  <si>
    <t>BU03638605</t>
  </si>
  <si>
    <t>2021BU03638605</t>
  </si>
  <si>
    <t>Lucas/Andreasziekenhuis e.o.</t>
  </si>
  <si>
    <t>buurt_gegeneraliseerd_2021.6883194f-aeff-4343-849d-ae5c3c9297c4</t>
  </si>
  <si>
    <t>BU03638700</t>
  </si>
  <si>
    <t>2021BU03638700</t>
  </si>
  <si>
    <t>Koningin Wilhelminaplein</t>
  </si>
  <si>
    <t>buurt_gegeneraliseerd_2021.baddbed4-7365-44cd-bcba-d0b4647c3a69</t>
  </si>
  <si>
    <t>BU03638701</t>
  </si>
  <si>
    <t>2021BU03638701</t>
  </si>
  <si>
    <t>Andreasterrein</t>
  </si>
  <si>
    <t>buurt_gegeneraliseerd_2021.a92bc9db-95ae-4373-b2f5-34a4abb00714</t>
  </si>
  <si>
    <t>BU03638702</t>
  </si>
  <si>
    <t>2021BU03638702</t>
  </si>
  <si>
    <t>Delflandpleinbuurt Oost</t>
  </si>
  <si>
    <t>buurt_gegeneraliseerd_2021.b4409f5e-b4a2-4738-a29e-867a0537b8c7</t>
  </si>
  <si>
    <t>BU03638703</t>
  </si>
  <si>
    <t>2021BU03638703</t>
  </si>
  <si>
    <t>Delflandpleinbuurt West</t>
  </si>
  <si>
    <t>buurt_gegeneraliseerd_2021.75a21ed4-0bd2-401c-be0b-c4f21421502b</t>
  </si>
  <si>
    <t>BU03638704</t>
  </si>
  <si>
    <t>2021BU03638704</t>
  </si>
  <si>
    <t>Riekerhaven</t>
  </si>
  <si>
    <t>buurt_gegeneraliseerd_2021.2667bcb9-d4a3-4934-b2f9-47a694723590</t>
  </si>
  <si>
    <t>BU03638705</t>
  </si>
  <si>
    <t>2021BU03638705</t>
  </si>
  <si>
    <t>Schipluidenbuurt</t>
  </si>
  <si>
    <t>buurt_gegeneraliseerd_2021.8dbc9536-c329-4cc1-bef7-10ce9c6e9214</t>
  </si>
  <si>
    <t>BU03638800</t>
  </si>
  <si>
    <t>2021BU03638800</t>
  </si>
  <si>
    <t>Riekerpolder</t>
  </si>
  <si>
    <t>buurt_gegeneraliseerd_2021.1e201b9c-d7d0-4e45-8683-8e23ad6aef83</t>
  </si>
  <si>
    <t>BU03638801</t>
  </si>
  <si>
    <t>2021BU03638801</t>
  </si>
  <si>
    <t>Park Haagseweg</t>
  </si>
  <si>
    <t>buurt_gegeneraliseerd_2021.54625761-df14-48fa-abf2-443c982bb803</t>
  </si>
  <si>
    <t>BU03638802</t>
  </si>
  <si>
    <t>2021BU03638802</t>
  </si>
  <si>
    <t>Nieuwe Meer</t>
  </si>
  <si>
    <t>buurt_gegeneraliseerd_2021.e64c7096-d137-4da4-a1c5-c7da5d77c28b</t>
  </si>
  <si>
    <t>BU03638803</t>
  </si>
  <si>
    <t>2021BU03638803</t>
  </si>
  <si>
    <t>Sloterweg e.o.</t>
  </si>
  <si>
    <t>buurt_gegeneraliseerd_2021.e989c163-f950-4943-a42c-3bfc7a5b0d8f</t>
  </si>
  <si>
    <t>BU03638804</t>
  </si>
  <si>
    <t>2021BU03638804</t>
  </si>
  <si>
    <t>Nieuw Sloten Noordwest</t>
  </si>
  <si>
    <t>buurt_gegeneraliseerd_2021.1746948d-9b22-4baf-b31f-c6c4636c9f45</t>
  </si>
  <si>
    <t>BU03638805</t>
  </si>
  <si>
    <t>2021BU03638805</t>
  </si>
  <si>
    <t>Nieuw Sloten Noordoost</t>
  </si>
  <si>
    <t>buurt_gegeneraliseerd_2021.c2b4f1a5-15a8-4bec-ba0b-b7f4d0db72ae</t>
  </si>
  <si>
    <t>BU03638806</t>
  </si>
  <si>
    <t>2021BU03638806</t>
  </si>
  <si>
    <t>Belgiëplein e.o.</t>
  </si>
  <si>
    <t>buurt_gegeneraliseerd_2021.05532c8c-550e-4700-a5bd-0fd08fac194f</t>
  </si>
  <si>
    <t>BU03638807</t>
  </si>
  <si>
    <t>2021BU03638807</t>
  </si>
  <si>
    <t>Nieuw Sloten Zuidwest</t>
  </si>
  <si>
    <t>buurt_gegeneraliseerd_2021.29b69704-e696-4330-b6a9-9aecf2fd9194</t>
  </si>
  <si>
    <t>BU03638808</t>
  </si>
  <si>
    <t>2021BU03638808</t>
  </si>
  <si>
    <t>Nieuw Sloten Zuidoost</t>
  </si>
  <si>
    <t>buurt_gegeneraliseerd_2021.bd518e2d-f4b2-4f78-9b6f-e1daf0c967a7</t>
  </si>
  <si>
    <t>BU03638809</t>
  </si>
  <si>
    <t>2021BU03638809</t>
  </si>
  <si>
    <t>Dorp Sloten</t>
  </si>
  <si>
    <t>buurt_gegeneraliseerd_2021.9a6dcdd5-45e0-4c3f-a825-8802b91e420d</t>
  </si>
  <si>
    <t>BU03638900</t>
  </si>
  <si>
    <t>2021BU03638900</t>
  </si>
  <si>
    <t>Louis Chrispijnbuurt</t>
  </si>
  <si>
    <t>buurt_gegeneraliseerd_2021.f83ddfdb-5cd6-466b-a1b2-c53ec2b8296f</t>
  </si>
  <si>
    <t>BU03638901</t>
  </si>
  <si>
    <t>2021BU03638901</t>
  </si>
  <si>
    <t>Jacques Veltmanbuurt</t>
  </si>
  <si>
    <t>buurt_gegeneraliseerd_2021.ee52678b-422b-4030-9944-3c62a0ea10a1</t>
  </si>
  <si>
    <t>BU03638902</t>
  </si>
  <si>
    <t>2021BU03638902</t>
  </si>
  <si>
    <t>Staalmanbuurt</t>
  </si>
  <si>
    <t>buurt_gegeneraliseerd_2021.19e3706c-73fe-4a72-be71-d5d92c15841d</t>
  </si>
  <si>
    <t>BU03638903</t>
  </si>
  <si>
    <t>2021BU03638903</t>
  </si>
  <si>
    <t>Medisch Centrum Slotervaart</t>
  </si>
  <si>
    <t>buurt_gegeneraliseerd_2021.ec4860e5-70ee-47f9-aec3-8cbc6d12ef54</t>
  </si>
  <si>
    <t>BU03639000</t>
  </si>
  <si>
    <t>2021BU03639000</t>
  </si>
  <si>
    <t>Gelderlandpleinbuurt</t>
  </si>
  <si>
    <t>buurt_gegeneraliseerd_2021.0cb1d857-dcc1-400b-8cfa-0e0ecedcbb21</t>
  </si>
  <si>
    <t>BU03639002</t>
  </si>
  <si>
    <t>2021BU03639002</t>
  </si>
  <si>
    <t>Buitenveldert Midden Zuid</t>
  </si>
  <si>
    <t>buurt_gegeneraliseerd_2021.2561c9b6-ed34-4619-b8d1-059dae7ee465</t>
  </si>
  <si>
    <t>BU03639003</t>
  </si>
  <si>
    <t>2021BU03639003</t>
  </si>
  <si>
    <t>Buitenveldert Zuidwest</t>
  </si>
  <si>
    <t>buurt_gegeneraliseerd_2021.e1ce0823-6035-43af-ab9e-2e70abdd70d1</t>
  </si>
  <si>
    <t>BU03639004</t>
  </si>
  <si>
    <t>2021BU03639004</t>
  </si>
  <si>
    <t>Amsterdamse Bos</t>
  </si>
  <si>
    <t>buurt_gegeneraliseerd_2021.47787233-dc4d-4020-bb5a-35f1629407d8</t>
  </si>
  <si>
    <t>BU03639008</t>
  </si>
  <si>
    <t>2021BU03639008</t>
  </si>
  <si>
    <t>Buitenveldert West Midden</t>
  </si>
  <si>
    <t>buurt_gegeneraliseerd_2021.e4fa8704-44ba-4f8c-954e-6b93a5d036bf</t>
  </si>
  <si>
    <t>BU03639009</t>
  </si>
  <si>
    <t>2021BU03639009</t>
  </si>
  <si>
    <t>Zuiderhof</t>
  </si>
  <si>
    <t>buurt_gegeneraliseerd_2021.3c7b17db-f060-4020-9352-9333fe18e7cf</t>
  </si>
  <si>
    <t>BU03639100</t>
  </si>
  <si>
    <t>2021BU03639100</t>
  </si>
  <si>
    <t>De Klenckebuurt</t>
  </si>
  <si>
    <t>buurt_gegeneraliseerd_2021.b53880a6-fa6a-4836-8a03-ab7e40a41d58</t>
  </si>
  <si>
    <t>BU03639101</t>
  </si>
  <si>
    <t>2021BU03639101</t>
  </si>
  <si>
    <t>Buitenveldert Oost Midden</t>
  </si>
  <si>
    <t>buurt_gegeneraliseerd_2021.a3a8b37e-3ec5-4ef2-aa07-17a790160571</t>
  </si>
  <si>
    <t>BU03639102</t>
  </si>
  <si>
    <t>2021BU03639102</t>
  </si>
  <si>
    <t>Buitenveldert Zuidoost</t>
  </si>
  <si>
    <t>buurt_gegeneraliseerd_2021.ea08b74d-620e-4cf8-9ec7-f43f9c1064e1</t>
  </si>
  <si>
    <t>BU03639103</t>
  </si>
  <si>
    <t>2021BU03639103</t>
  </si>
  <si>
    <t>Amstelpark</t>
  </si>
  <si>
    <t>buurt_gegeneraliseerd_2021.cfb05ff0-5608-4ab0-a3b4-6a02e0df6209</t>
  </si>
  <si>
    <t>BU03639200</t>
  </si>
  <si>
    <t>2021BU03639200</t>
  </si>
  <si>
    <t>Hoofdcentrum Zuidoost</t>
  </si>
  <si>
    <t>buurt_gegeneraliseerd_2021.8ea809f1-ad28-49ac-bc4f-a604c68df24b</t>
  </si>
  <si>
    <t>BU03639201</t>
  </si>
  <si>
    <t>2021BU03639201</t>
  </si>
  <si>
    <t>Amstel III deel A/B Noord</t>
  </si>
  <si>
    <t>buurt_gegeneraliseerd_2021.f85ff2bd-6ef7-485a-8bf1-d5b61ee9cb2f</t>
  </si>
  <si>
    <t>BU03639202</t>
  </si>
  <si>
    <t>2021BU03639202</t>
  </si>
  <si>
    <t>Amstel III deel C/D Noord</t>
  </si>
  <si>
    <t>buurt_gegeneraliseerd_2021.ff74eace-bcd5-4c19-921e-302abfce9fc8</t>
  </si>
  <si>
    <t>BU03639203</t>
  </si>
  <si>
    <t>2021BU03639203</t>
  </si>
  <si>
    <t>Amstel III deel A/B Zuid</t>
  </si>
  <si>
    <t>buurt_gegeneraliseerd_2021.724d3616-e041-49a4-b934-b1538f9052d7</t>
  </si>
  <si>
    <t>BU03639204</t>
  </si>
  <si>
    <t>2021BU03639204</t>
  </si>
  <si>
    <t>Amstel III deel C/D Zuid</t>
  </si>
  <si>
    <t>buurt_gegeneraliseerd_2021.5105f826-a5d1-42dd-84e7-09d05862a5cf</t>
  </si>
  <si>
    <t>BU03639205</t>
  </si>
  <si>
    <t>2021BU03639205</t>
  </si>
  <si>
    <t>AMC</t>
  </si>
  <si>
    <t>buurt_gegeneraliseerd_2021.1dfee727-9095-4fbf-bc03-1debd35d8ea9</t>
  </si>
  <si>
    <t>BU03639206</t>
  </si>
  <si>
    <t>2021BU03639206</t>
  </si>
  <si>
    <t>Hoge Dijk</t>
  </si>
  <si>
    <t>buurt_gegeneraliseerd_2021.aa958e3b-3012-4003-9ebc-f0385bf988c2</t>
  </si>
  <si>
    <t>BU03639300</t>
  </si>
  <si>
    <t>2021BU03639300</t>
  </si>
  <si>
    <t>Venserpolder West</t>
  </si>
  <si>
    <t>buurt_gegeneraliseerd_2021.b3292f66-3b9d-42a7-95c9-af3e065de49f</t>
  </si>
  <si>
    <t>BU03639301</t>
  </si>
  <si>
    <t>2021BU03639301</t>
  </si>
  <si>
    <t>Venserpolder Oost</t>
  </si>
  <si>
    <t>buurt_gegeneraliseerd_2021.cca1808f-ef1b-4f7d-b07b-4423bd53b889</t>
  </si>
  <si>
    <t>BU03639302</t>
  </si>
  <si>
    <t>2021BU03639302</t>
  </si>
  <si>
    <t>D-buurt</t>
  </si>
  <si>
    <t>buurt_gegeneraliseerd_2021.7827cc2c-eb3e-4958-9fb5-e8d97c6c4822</t>
  </si>
  <si>
    <t>BU03639303</t>
  </si>
  <si>
    <t>2021BU03639303</t>
  </si>
  <si>
    <t>F-buurt</t>
  </si>
  <si>
    <t>buurt_gegeneraliseerd_2021.dc15bbcc-b471-4920-a4cd-d85f298a78e9</t>
  </si>
  <si>
    <t>BU03639304</t>
  </si>
  <si>
    <t>2021BU03639304</t>
  </si>
  <si>
    <t>Amsterdamse Poort</t>
  </si>
  <si>
    <t>buurt_gegeneraliseerd_2021.8d027be8-044f-4e5e-9e75-f49848801ebe</t>
  </si>
  <si>
    <t>BU03639305</t>
  </si>
  <si>
    <t>2021BU03639305</t>
  </si>
  <si>
    <t>Hoptille</t>
  </si>
  <si>
    <t>buurt_gegeneraliseerd_2021.939c42c5-f4fe-43ec-b76a-9360c01d5520</t>
  </si>
  <si>
    <t>BU03639306</t>
  </si>
  <si>
    <t>2021BU03639306</t>
  </si>
  <si>
    <t>Rechte H-buurt</t>
  </si>
  <si>
    <t>buurt_gegeneraliseerd_2021.60eaaf3c-c6da-4d98-8fd9-442ba801332e</t>
  </si>
  <si>
    <t>BU03639307</t>
  </si>
  <si>
    <t>2021BU03639307</t>
  </si>
  <si>
    <t>Hakfort/Huigenbos</t>
  </si>
  <si>
    <t>buurt_gegeneraliseerd_2021.372a1b86-6083-44b4-a803-35e959f6751d</t>
  </si>
  <si>
    <t>BU03639308</t>
  </si>
  <si>
    <t>2021BU03639308</t>
  </si>
  <si>
    <t>Huntum</t>
  </si>
  <si>
    <t>buurt_gegeneraliseerd_2021.6290d63d-f99d-45ee-9bbb-9c606e6a192c</t>
  </si>
  <si>
    <t>BU03639309</t>
  </si>
  <si>
    <t>2021BU03639309</t>
  </si>
  <si>
    <t>Vogeltjeswei</t>
  </si>
  <si>
    <t>buurt_gegeneraliseerd_2021.c540373f-9617-4982-af33-62fb5e9d1089</t>
  </si>
  <si>
    <t>BU03639310</t>
  </si>
  <si>
    <t>2021BU03639310</t>
  </si>
  <si>
    <t>Nelson Mandelapark</t>
  </si>
  <si>
    <t>buurt_gegeneraliseerd_2021.07ea4608-e159-47f3-a241-2795e530c141</t>
  </si>
  <si>
    <t>BU03639400</t>
  </si>
  <si>
    <t>2021BU03639400</t>
  </si>
  <si>
    <t>E-buurt</t>
  </si>
  <si>
    <t>buurt_gegeneraliseerd_2021.b6d6f95b-94e2-4151-8d35-c1456de08c0a</t>
  </si>
  <si>
    <t>BU03639401</t>
  </si>
  <si>
    <t>2021BU03639401</t>
  </si>
  <si>
    <t>G-buurt West</t>
  </si>
  <si>
    <t>buurt_gegeneraliseerd_2021.dd08fbfc-ce0d-4729-81bf-e9d94ea1151e</t>
  </si>
  <si>
    <t>BU03639402</t>
  </si>
  <si>
    <t>2021BU03639402</t>
  </si>
  <si>
    <t>Bijlmermuseum Noord</t>
  </si>
  <si>
    <t>buurt_gegeneraliseerd_2021.560a06c1-f31b-4cfc-9e13-8cd8d6b92976</t>
  </si>
  <si>
    <t>BU03639403</t>
  </si>
  <si>
    <t>2021BU03639403</t>
  </si>
  <si>
    <t>Kortvoort</t>
  </si>
  <si>
    <t>buurt_gegeneraliseerd_2021.f3d8a5da-b40f-45c8-a76c-b61d44ec0238</t>
  </si>
  <si>
    <t>BU03639404</t>
  </si>
  <si>
    <t>2021BU03639404</t>
  </si>
  <si>
    <t>Kelbergen</t>
  </si>
  <si>
    <t>buurt_gegeneraliseerd_2021.b706398d-0327-45f5-867d-58ac8ec1681c</t>
  </si>
  <si>
    <t>BU03639405</t>
  </si>
  <si>
    <t>2021BU03639405</t>
  </si>
  <si>
    <t>K-buurt Midden</t>
  </si>
  <si>
    <t>buurt_gegeneraliseerd_2021.033de315-18a6-491a-b861-e6f7352730bb</t>
  </si>
  <si>
    <t>BU03639406</t>
  </si>
  <si>
    <t>2021BU03639406</t>
  </si>
  <si>
    <t>K-buurt Zuidoost</t>
  </si>
  <si>
    <t>buurt_gegeneraliseerd_2021.5d99bf39-d576-4a62-92a7-8c20397ea88b</t>
  </si>
  <si>
    <t>BU03639407</t>
  </si>
  <si>
    <t>2021BU03639407</t>
  </si>
  <si>
    <t>K-buurt Zuidwest</t>
  </si>
  <si>
    <t>buurt_gegeneraliseerd_2021.d92cb9d8-3bdb-4d7c-ba5b-c4350fd14eee</t>
  </si>
  <si>
    <t>BU03639408</t>
  </si>
  <si>
    <t>2021BU03639408</t>
  </si>
  <si>
    <t>Grunder/Koningshoef</t>
  </si>
  <si>
    <t>buurt_gegeneraliseerd_2021.4672a110-1e1c-428c-901b-54ff577e6bcd</t>
  </si>
  <si>
    <t>BU03639409</t>
  </si>
  <si>
    <t>2021BU03639409</t>
  </si>
  <si>
    <t>G-buurt Oost</t>
  </si>
  <si>
    <t>buurt_gegeneraliseerd_2021.7dcf1226-184b-4e8d-b280-1bd9586bd6e2</t>
  </si>
  <si>
    <t>BU03639410</t>
  </si>
  <si>
    <t>2021BU03639410</t>
  </si>
  <si>
    <t>Kantershof</t>
  </si>
  <si>
    <t>buurt_gegeneraliseerd_2021.96b44f1e-97b0-4768-8f20-ef455919185d</t>
  </si>
  <si>
    <t>BU03639411</t>
  </si>
  <si>
    <t>2021BU03639411</t>
  </si>
  <si>
    <t>Gooise Kant</t>
  </si>
  <si>
    <t>buurt_gegeneraliseerd_2021.1a83edd0-5e80-47db-b6e8-e82fc662f997</t>
  </si>
  <si>
    <t>BU03639412</t>
  </si>
  <si>
    <t>2021BU03639412</t>
  </si>
  <si>
    <t>G-buurt Noord</t>
  </si>
  <si>
    <t>buurt_gegeneraliseerd_2021.a8d4a702-319c-44cd-ac2b-d67b4d97a920</t>
  </si>
  <si>
    <t>BU03639413</t>
  </si>
  <si>
    <t>2021BU03639413</t>
  </si>
  <si>
    <t>Bijlmermuseum Zuid</t>
  </si>
  <si>
    <t>buurt_gegeneraliseerd_2021.2d57b46e-da3c-4b17-9bdb-941988f87d26</t>
  </si>
  <si>
    <t>BU03639500</t>
  </si>
  <si>
    <t>2021BU03639500</t>
  </si>
  <si>
    <t>L-buurt</t>
  </si>
  <si>
    <t>buurt_gegeneraliseerd_2021.7006275e-6541-4206-9843-7b4301b8a65b</t>
  </si>
  <si>
    <t>BU03639501</t>
  </si>
  <si>
    <t>2021BU03639501</t>
  </si>
  <si>
    <t>Gaasperpark</t>
  </si>
  <si>
    <t>buurt_gegeneraliseerd_2021.cde487d8-ed54-4c12-8950-c433f16b04d5</t>
  </si>
  <si>
    <t>BU03639502</t>
  </si>
  <si>
    <t>2021BU03639502</t>
  </si>
  <si>
    <t>Gaasperplas</t>
  </si>
  <si>
    <t>buurt_gegeneraliseerd_2021.f539e86d-335b-49be-804b-3d18300f8aef</t>
  </si>
  <si>
    <t>BU03639600</t>
  </si>
  <si>
    <t>2021BU03639600</t>
  </si>
  <si>
    <t>Holendrecht West</t>
  </si>
  <si>
    <t>buurt_gegeneraliseerd_2021.7318756e-31e0-4c2f-9a84-2fdad04ca7a0</t>
  </si>
  <si>
    <t>BU03639601</t>
  </si>
  <si>
    <t>2021BU03639601</t>
  </si>
  <si>
    <t>Reigersbos Noord</t>
  </si>
  <si>
    <t>buurt_gegeneraliseerd_2021.257168fa-cd52-4104-9870-140700884f55</t>
  </si>
  <si>
    <t>BU03639602</t>
  </si>
  <si>
    <t>2021BU03639602</t>
  </si>
  <si>
    <t>Holendrecht Oost</t>
  </si>
  <si>
    <t>buurt_gegeneraliseerd_2021.f00bf30c-5409-486e-8924-dd267314edb5</t>
  </si>
  <si>
    <t>BU03639603</t>
  </si>
  <si>
    <t>2021BU03639603</t>
  </si>
  <si>
    <t>Gaasperdam Noord</t>
  </si>
  <si>
    <t>buurt_gegeneraliseerd_2021.e1468884-052a-442b-8dd8-d7d7040a946d</t>
  </si>
  <si>
    <t>BU03639604</t>
  </si>
  <si>
    <t>2021BU03639604</t>
  </si>
  <si>
    <t>Gaasperdam Zuid</t>
  </si>
  <si>
    <t>buurt_gegeneraliseerd_2021.691d8b17-d809-404e-a030-8c8f3e6d1a2e</t>
  </si>
  <si>
    <t>BU03639605</t>
  </si>
  <si>
    <t>2021BU03639605</t>
  </si>
  <si>
    <t>Reigersbos Midden</t>
  </si>
  <si>
    <t>buurt_gegeneraliseerd_2021.947bdafe-63d6-4232-a144-3b2488c90b99</t>
  </si>
  <si>
    <t>BU03639606</t>
  </si>
  <si>
    <t>2021BU03639606</t>
  </si>
  <si>
    <t>Reigersbos Zuid</t>
  </si>
  <si>
    <t>buurt_gegeneraliseerd_2021.42e5e82f-9acd-4ff9-9189-53983d03d1de</t>
  </si>
  <si>
    <t>BU03639700</t>
  </si>
  <si>
    <t>2021BU03639700</t>
  </si>
  <si>
    <t>Gein Noordwest</t>
  </si>
  <si>
    <t>buurt_gegeneraliseerd_2021.edec0423-80fe-48f8-b0db-f42b1d862e32</t>
  </si>
  <si>
    <t>BU03639701</t>
  </si>
  <si>
    <t>2021BU03639701</t>
  </si>
  <si>
    <t>Gein Zuidwest</t>
  </si>
  <si>
    <t>buurt_gegeneraliseerd_2021.c66d3ea9-b642-4ee2-9f99-421f25f2ec67</t>
  </si>
  <si>
    <t>BU03639702</t>
  </si>
  <si>
    <t>2021BU03639702</t>
  </si>
  <si>
    <t>Gein Noordoost</t>
  </si>
  <si>
    <t>buurt_gegeneraliseerd_2021.8b3d1cf6-6e81-43d7-8644-e04d3b2ce956</t>
  </si>
  <si>
    <t>BU03639703</t>
  </si>
  <si>
    <t>2021BU03639703</t>
  </si>
  <si>
    <t>Gein Zuidoost</t>
  </si>
  <si>
    <t>buurt_gegeneraliseerd_2021.55c7075f-e071-41f9-80cc-92b5d02d3b32</t>
  </si>
  <si>
    <t>BU03639800</t>
  </si>
  <si>
    <t>2021BU03639800</t>
  </si>
  <si>
    <t>Dorp Driemond</t>
  </si>
  <si>
    <t>buurt_gegeneraliseerd_2021.21db183b-4d8e-4ca4-8b0f-87d4c76b3ce4</t>
  </si>
  <si>
    <t>BU03639801</t>
  </si>
  <si>
    <t>2021BU03639801</t>
  </si>
  <si>
    <t>Landelijk gebied Driemond</t>
  </si>
  <si>
    <t>buurt_gegeneraliseerd_2021.e3653ca7-37ac-4fc5-8337-6db3bed77c99</t>
  </si>
  <si>
    <t>BU03730101</t>
  </si>
  <si>
    <t>2021BU03730101</t>
  </si>
  <si>
    <t>Bergen-Centrum</t>
  </si>
  <si>
    <t>GM0373</t>
  </si>
  <si>
    <t>buurt_gegeneraliseerd_2021.91b8f98e-3ea2-4c55-a4c0-e48e8d349d1b</t>
  </si>
  <si>
    <t>BU03730102</t>
  </si>
  <si>
    <t>2021BU03730102</t>
  </si>
  <si>
    <t>Van Reenen</t>
  </si>
  <si>
    <t>buurt_gegeneraliseerd_2021.2699afa1-6b88-448f-bddc-de5417766149</t>
  </si>
  <si>
    <t>BU03730103</t>
  </si>
  <si>
    <t>2021BU03730103</t>
  </si>
  <si>
    <t>Boschrand</t>
  </si>
  <si>
    <t>buurt_gegeneraliseerd_2021.f860c530-add5-4eba-a09d-0dc1adc6be73</t>
  </si>
  <si>
    <t>BU03730104</t>
  </si>
  <si>
    <t>2021BU03730104</t>
  </si>
  <si>
    <t>Negen-Nessen</t>
  </si>
  <si>
    <t>buurt_gegeneraliseerd_2021.a20f93c8-8a85-4a35-80ea-c03ef08b265c</t>
  </si>
  <si>
    <t>BU03730105</t>
  </si>
  <si>
    <t>2021BU03730105</t>
  </si>
  <si>
    <t>Landweg</t>
  </si>
  <si>
    <t>buurt_gegeneraliseerd_2021.838c4cb8-6568-4fbf-8d25-e19f3f5dd921</t>
  </si>
  <si>
    <t>BU03730106</t>
  </si>
  <si>
    <t>2021BU03730106</t>
  </si>
  <si>
    <t>Oudtburgh</t>
  </si>
  <si>
    <t>buurt_gegeneraliseerd_2021.618b498f-3013-49e0-80c7-59a692c172ba</t>
  </si>
  <si>
    <t>BU03730107</t>
  </si>
  <si>
    <t>2021BU03730107</t>
  </si>
  <si>
    <t>De Rekere</t>
  </si>
  <si>
    <t>buurt_gegeneraliseerd_2021.a15a069d-723f-4941-845a-33e77704120d</t>
  </si>
  <si>
    <t>BU03730108</t>
  </si>
  <si>
    <t>2021BU03730108</t>
  </si>
  <si>
    <t>Elkshove</t>
  </si>
  <si>
    <t>buurt_gegeneraliseerd_2021.beeb12c6-6832-4c3f-8236-77e0aef0c4c4</t>
  </si>
  <si>
    <t>BU03730109</t>
  </si>
  <si>
    <t>2021BU03730109</t>
  </si>
  <si>
    <t>Saenegheest</t>
  </si>
  <si>
    <t>buurt_gegeneraliseerd_2021.3f46c341-714f-454c-b09b-bb51434e3ea2</t>
  </si>
  <si>
    <t>BU03730110</t>
  </si>
  <si>
    <t>2021BU03730110</t>
  </si>
  <si>
    <t>Tuin-en Oostdorp</t>
  </si>
  <si>
    <t>buurt_gegeneraliseerd_2021.8fc4ee9b-37ed-4efa-a209-07e14cea9fd5</t>
  </si>
  <si>
    <t>BU03730111</t>
  </si>
  <si>
    <t>2021BU03730111</t>
  </si>
  <si>
    <t>Boendermaker</t>
  </si>
  <si>
    <t>buurt_gegeneraliseerd_2021.b57fe442-1616-481c-9522-9cf62752af71</t>
  </si>
  <si>
    <t>BU03730112</t>
  </si>
  <si>
    <t>2021BU03730112</t>
  </si>
  <si>
    <t>buurt_gegeneraliseerd_2021.8f7ff531-1759-44fa-9388-71d5d7180095</t>
  </si>
  <si>
    <t>BU03730113</t>
  </si>
  <si>
    <t>2021BU03730113</t>
  </si>
  <si>
    <t>Conincx</t>
  </si>
  <si>
    <t>buurt_gegeneraliseerd_2021.7fa67ae8-49bb-4fe2-ace4-1df4a84d37af</t>
  </si>
  <si>
    <t>BU03730114</t>
  </si>
  <si>
    <t>2021BU03730114</t>
  </si>
  <si>
    <t>Beekhove</t>
  </si>
  <si>
    <t>buurt_gegeneraliseerd_2021.4ecb12ff-c176-4190-b943-62d0a72d8126</t>
  </si>
  <si>
    <t>BU03730115</t>
  </si>
  <si>
    <t>2021BU03730115</t>
  </si>
  <si>
    <t>Oldehove</t>
  </si>
  <si>
    <t>buurt_gegeneraliseerd_2021.2c033ea1-f09a-47e0-a1b5-c0fa01a57e5d</t>
  </si>
  <si>
    <t>BU03730116</t>
  </si>
  <si>
    <t>2021BU03730116</t>
  </si>
  <si>
    <t>Geest</t>
  </si>
  <si>
    <t>buurt_gegeneraliseerd_2021.df511968-6a08-4b0d-b0f9-2db2e3f51708</t>
  </si>
  <si>
    <t>BU03730117</t>
  </si>
  <si>
    <t>2021BU03730117</t>
  </si>
  <si>
    <t>Westdorp</t>
  </si>
  <si>
    <t>buurt_gegeneraliseerd_2021.c570f02c-42fc-41c6-8c75-92ae28ea6ca9</t>
  </si>
  <si>
    <t>BU03730200</t>
  </si>
  <si>
    <t>2021BU03730200</t>
  </si>
  <si>
    <t>Bergen aan Zee</t>
  </si>
  <si>
    <t>buurt_gegeneraliseerd_2021.f4a4ba48-aa10-4377-97f7-10a4084dce31</t>
  </si>
  <si>
    <t>BU03730300</t>
  </si>
  <si>
    <t>2021BU03730300</t>
  </si>
  <si>
    <t>Buitengebied Bergen</t>
  </si>
  <si>
    <t>buurt_gegeneraliseerd_2021.a682fe3d-a08e-4d7c-af29-7de10570503a</t>
  </si>
  <si>
    <t>BU03730400</t>
  </si>
  <si>
    <t>2021BU03730400</t>
  </si>
  <si>
    <t>Egmond aan Zee</t>
  </si>
  <si>
    <t>buurt_gegeneraliseerd_2021.7fffb90d-d1dd-49da-a233-3cfa3b25782e</t>
  </si>
  <si>
    <t>BU03730401</t>
  </si>
  <si>
    <t>2021BU03730401</t>
  </si>
  <si>
    <t>Prins Hendrik Stichting</t>
  </si>
  <si>
    <t>buurt_gegeneraliseerd_2021.d05bea2c-6f97-4869-8512-2e051d956abc</t>
  </si>
  <si>
    <t>BU03730402</t>
  </si>
  <si>
    <t>2021BU03730402</t>
  </si>
  <si>
    <t>Zuid I en II</t>
  </si>
  <si>
    <t>buurt_gegeneraliseerd_2021.d409da9f-2fee-469d-8de4-037921397b50</t>
  </si>
  <si>
    <t>BU03730403</t>
  </si>
  <si>
    <t>2021BU03730403</t>
  </si>
  <si>
    <t>Sportlaan</t>
  </si>
  <si>
    <t>buurt_gegeneraliseerd_2021.f0b45d16-8f3e-4bc8-ad3b-f6cb0626f7e8</t>
  </si>
  <si>
    <t>BU03730500</t>
  </si>
  <si>
    <t>2021BU03730500</t>
  </si>
  <si>
    <t>Egmond-Binnen</t>
  </si>
  <si>
    <t>buurt_gegeneraliseerd_2021.46c0aaeb-877a-4340-8ce4-11666fc953a6</t>
  </si>
  <si>
    <t>BU03730501</t>
  </si>
  <si>
    <t>2021BU03730501</t>
  </si>
  <si>
    <t>Rinnegom</t>
  </si>
  <si>
    <t>buurt_gegeneraliseerd_2021.d70477a6-bc69-4897-946b-f84a650352b0</t>
  </si>
  <si>
    <t>BU03730600</t>
  </si>
  <si>
    <t>2021BU03730600</t>
  </si>
  <si>
    <t>Egmond aan den Hoef</t>
  </si>
  <si>
    <t>buurt_gegeneraliseerd_2021.dd7a1177-3a11-4c29-bcd9-9b22726f20cc</t>
  </si>
  <si>
    <t>BU03730601</t>
  </si>
  <si>
    <t>2021BU03730601</t>
  </si>
  <si>
    <t>Slotplan</t>
  </si>
  <si>
    <t>buurt_gegeneraliseerd_2021.53916ea2-24cd-4a36-8a3a-01dc534e263e</t>
  </si>
  <si>
    <t>BU03730602</t>
  </si>
  <si>
    <t>2021BU03730602</t>
  </si>
  <si>
    <t>Wimmenum</t>
  </si>
  <si>
    <t>buurt_gegeneraliseerd_2021.61402e69-4215-4541-b853-63af470be60e</t>
  </si>
  <si>
    <t>BU03730609</t>
  </si>
  <si>
    <t>2021BU03730609</t>
  </si>
  <si>
    <t>Verspreide huizen Egmondermeer</t>
  </si>
  <si>
    <t>buurt_gegeneraliseerd_2021.2d4073a9-856f-4bc2-8fde-a9c3893f02c1</t>
  </si>
  <si>
    <t>BU03730700</t>
  </si>
  <si>
    <t>2021BU03730700</t>
  </si>
  <si>
    <t>Schoorl met Bregtdorp</t>
  </si>
  <si>
    <t>buurt_gegeneraliseerd_2021.bef27ead-6e80-460e-abf5-5dc3640156e1</t>
  </si>
  <si>
    <t>BU03730701</t>
  </si>
  <si>
    <t>2021BU03730701</t>
  </si>
  <si>
    <t>Schoorldam (gedeeltelijk)</t>
  </si>
  <si>
    <t>buurt_gegeneraliseerd_2021.2d69aede-08c9-4c4a-907b-20ad119fd1f7</t>
  </si>
  <si>
    <t>BU03730702</t>
  </si>
  <si>
    <t>2021BU03730702</t>
  </si>
  <si>
    <t>Aagtdorp</t>
  </si>
  <si>
    <t>buurt_gegeneraliseerd_2021.7d6764a8-3bb7-4921-a996-4965a8ca77d8</t>
  </si>
  <si>
    <t>BU03730703</t>
  </si>
  <si>
    <t>2021BU03730703</t>
  </si>
  <si>
    <t>Catrijp</t>
  </si>
  <si>
    <t>buurt_gegeneraliseerd_2021.15139c82-c86b-4063-afc6-06d66d288580</t>
  </si>
  <si>
    <t>BU03730704</t>
  </si>
  <si>
    <t>2021BU03730704</t>
  </si>
  <si>
    <t>Groet met Hargen</t>
  </si>
  <si>
    <t>buurt_gegeneraliseerd_2021.458379b4-e4a6-49e7-9d1c-b5f99d4920e1</t>
  </si>
  <si>
    <t>BU03730705</t>
  </si>
  <si>
    <t>2021BU03730705</t>
  </si>
  <si>
    <t>Camperduin</t>
  </si>
  <si>
    <t>buurt_gegeneraliseerd_2021.0ec1f508-a0b7-4a4e-b570-2646ea4d5b66</t>
  </si>
  <si>
    <t>BU03730709</t>
  </si>
  <si>
    <t>2021BU03730709</t>
  </si>
  <si>
    <t>Verspreide huizen in de polders</t>
  </si>
  <si>
    <t>buurt_gegeneraliseerd_2021.6d36fddc-450a-40ad-af91-6bbc27e4551c</t>
  </si>
  <si>
    <t>BU03750000</t>
  </si>
  <si>
    <t>2021BU03750000</t>
  </si>
  <si>
    <t>Wijkertoren</t>
  </si>
  <si>
    <t>GM0375</t>
  </si>
  <si>
    <t>buurt_gegeneraliseerd_2021.9d7d9712-3907-4a46-a3f6-443e05d9268c</t>
  </si>
  <si>
    <t>BU03750001</t>
  </si>
  <si>
    <t>2021BU03750001</t>
  </si>
  <si>
    <t>Meerplein</t>
  </si>
  <si>
    <t>buurt_gegeneraliseerd_2021.fd954711-814a-4198-bf72-fce792c6181c</t>
  </si>
  <si>
    <t>BU03750002</t>
  </si>
  <si>
    <t>2021BU03750002</t>
  </si>
  <si>
    <t>Koningstraat</t>
  </si>
  <si>
    <t>buurt_gegeneraliseerd_2021.7ecafcbb-5cf6-4564-baf7-5314dda4b545</t>
  </si>
  <si>
    <t>BU03750003</t>
  </si>
  <si>
    <t>2021BU03750003</t>
  </si>
  <si>
    <t>Burgerhartstraat</t>
  </si>
  <si>
    <t>buurt_gegeneraliseerd_2021.a7bf190c-7dd0-4ff8-9b59-e04295bb6b4e</t>
  </si>
  <si>
    <t>BU03750004</t>
  </si>
  <si>
    <t>2021BU03750004</t>
  </si>
  <si>
    <t>Sint Aagtendorp</t>
  </si>
  <si>
    <t>buurt_gegeneraliseerd_2021.7dd856f0-5003-4879-8940-e04d9e73a50d</t>
  </si>
  <si>
    <t>BU03750005</t>
  </si>
  <si>
    <t>2021BU03750005</t>
  </si>
  <si>
    <t>Reguliersstraat</t>
  </si>
  <si>
    <t>buurt_gegeneraliseerd_2021.eccc3f10-1463-4860-8077-af76295780ba</t>
  </si>
  <si>
    <t>BU03750100</t>
  </si>
  <si>
    <t>2021BU03750100</t>
  </si>
  <si>
    <t>Vondellaan</t>
  </si>
  <si>
    <t>buurt_gegeneraliseerd_2021.5b08c08f-5cce-416d-bf4f-a93b5ccc0aa1</t>
  </si>
  <si>
    <t>BU03750101</t>
  </si>
  <si>
    <t>2021BU03750101</t>
  </si>
  <si>
    <t>Ronde Boogaard</t>
  </si>
  <si>
    <t>buurt_gegeneraliseerd_2021.6cc60f52-a4ff-4b48-87b7-961d4152b8dd</t>
  </si>
  <si>
    <t>BU03750102</t>
  </si>
  <si>
    <t>2021BU03750102</t>
  </si>
  <si>
    <t>buurt_gegeneraliseerd_2021.78926be2-403f-4a76-b79f-5c966087b17e</t>
  </si>
  <si>
    <t>BU03750200</t>
  </si>
  <si>
    <t>2021BU03750200</t>
  </si>
  <si>
    <t>buurt_gegeneraliseerd_2021.cd1667f1-22f7-474d-914f-845d432c61ff</t>
  </si>
  <si>
    <t>BU03750201</t>
  </si>
  <si>
    <t>2021BU03750201</t>
  </si>
  <si>
    <t>Oud Sportpark</t>
  </si>
  <si>
    <t>buurt_gegeneraliseerd_2021.4bebfda9-086b-4366-9bce-88006e2c15f7</t>
  </si>
  <si>
    <t>BU03750202</t>
  </si>
  <si>
    <t>2021BU03750202</t>
  </si>
  <si>
    <t>Beijnes</t>
  </si>
  <si>
    <t>buurt_gegeneraliseerd_2021.de45c13d-5b57-41b6-90fb-deb7a3f201fd</t>
  </si>
  <si>
    <t>BU03750300</t>
  </si>
  <si>
    <t>2021BU03750300</t>
  </si>
  <si>
    <t>Plantage</t>
  </si>
  <si>
    <t>buurt_gegeneraliseerd_2021.9cdce2dc-88a6-41d3-9b14-8751d8a8547f</t>
  </si>
  <si>
    <t>BU03750301</t>
  </si>
  <si>
    <t>2021BU03750301</t>
  </si>
  <si>
    <t>Oostertuinen</t>
  </si>
  <si>
    <t>buurt_gegeneraliseerd_2021.2a283473-0b8c-48cf-a317-84da4b8a50cf</t>
  </si>
  <si>
    <t>BU03750302</t>
  </si>
  <si>
    <t>2021BU03750302</t>
  </si>
  <si>
    <t>Kuenenplein</t>
  </si>
  <si>
    <t>buurt_gegeneraliseerd_2021.7c567cf4-42e8-4455-82fa-1bea6e7e84bd</t>
  </si>
  <si>
    <t>BU03750303</t>
  </si>
  <si>
    <t>2021BU03750303</t>
  </si>
  <si>
    <t>De Naald</t>
  </si>
  <si>
    <t>buurt_gegeneraliseerd_2021.b93a8e8c-e602-4315-9a34-e697ea10e32d</t>
  </si>
  <si>
    <t>BU03750400</t>
  </si>
  <si>
    <t>2021BU03750400</t>
  </si>
  <si>
    <t>Warande</t>
  </si>
  <si>
    <t>buurt_gegeneraliseerd_2021.7b20b871-66ae-41ff-9c6f-0fe37fce6e60</t>
  </si>
  <si>
    <t>BU03750401</t>
  </si>
  <si>
    <t>2021BU03750401</t>
  </si>
  <si>
    <t>De Horn</t>
  </si>
  <si>
    <t>buurt_gegeneraliseerd_2021.2fe7ffc7-003f-4977-bc3c-eff8d63a7a5c</t>
  </si>
  <si>
    <t>BU03750500</t>
  </si>
  <si>
    <t>2021BU03750500</t>
  </si>
  <si>
    <t>Westertuinen</t>
  </si>
  <si>
    <t>buurt_gegeneraliseerd_2021.c3b5c1a5-8ef3-4cb2-92aa-5465161bcb3e</t>
  </si>
  <si>
    <t>BU03750501</t>
  </si>
  <si>
    <t>2021BU03750501</t>
  </si>
  <si>
    <t>Creutzberglaan</t>
  </si>
  <si>
    <t>buurt_gegeneraliseerd_2021.db4620aa-7992-4176-86a5-cad27193a594</t>
  </si>
  <si>
    <t>BU03750502</t>
  </si>
  <si>
    <t>2021BU03750502</t>
  </si>
  <si>
    <t>Binnenduin</t>
  </si>
  <si>
    <t>buurt_gegeneraliseerd_2021.c81983f3-eeab-46d2-9d17-c33d7a4d2382</t>
  </si>
  <si>
    <t>BU03750600</t>
  </si>
  <si>
    <t>2021BU03750600</t>
  </si>
  <si>
    <t>Oosterwijk</t>
  </si>
  <si>
    <t>buurt_gegeneraliseerd_2021.7efd20c1-7e25-495c-a07a-d1ff33a09ef5</t>
  </si>
  <si>
    <t>BU03750601</t>
  </si>
  <si>
    <t>2021BU03750601</t>
  </si>
  <si>
    <t>Zwaansmeer</t>
  </si>
  <si>
    <t>buurt_gegeneraliseerd_2021.791f9b71-07f2-4802-bcbb-5f80bb64c020</t>
  </si>
  <si>
    <t>BU03750700</t>
  </si>
  <si>
    <t>2021BU03750700</t>
  </si>
  <si>
    <t>Bleriotlaan</t>
  </si>
  <si>
    <t>buurt_gegeneraliseerd_2021.7feeea8a-316b-4a05-b7ad-cbec80641e75</t>
  </si>
  <si>
    <t>BU03750701</t>
  </si>
  <si>
    <t>2021BU03750701</t>
  </si>
  <si>
    <t>Fokkerlaan</t>
  </si>
  <si>
    <t>buurt_gegeneraliseerd_2021.f326d165-5701-4415-a029-6805a5e04ca3</t>
  </si>
  <si>
    <t>BU03750702</t>
  </si>
  <si>
    <t>2021BU03750702</t>
  </si>
  <si>
    <t>Wijkerbaan</t>
  </si>
  <si>
    <t>buurt_gegeneraliseerd_2021.f144aee6-e01f-4900-a4a1-e291f5222eed</t>
  </si>
  <si>
    <t>BU03750703</t>
  </si>
  <si>
    <t>2021BU03750703</t>
  </si>
  <si>
    <t>Overbos</t>
  </si>
  <si>
    <t>buurt_gegeneraliseerd_2021.df7af9d7-8abc-4e19-be81-930c56b9da18</t>
  </si>
  <si>
    <t>BU03750800</t>
  </si>
  <si>
    <t>2021BU03750800</t>
  </si>
  <si>
    <t>Wijk aan Zee</t>
  </si>
  <si>
    <t>buurt_gegeneraliseerd_2021.9ee56bd5-302b-45b9-a879-2ac72fa498f8</t>
  </si>
  <si>
    <t>BU03750801</t>
  </si>
  <si>
    <t>2021BU03750801</t>
  </si>
  <si>
    <t>Industriegebied Hoogovens</t>
  </si>
  <si>
    <t>buurt_gegeneraliseerd_2021.ad2e741a-2905-4880-944d-7f24d37bf4ec</t>
  </si>
  <si>
    <t>BU03750900</t>
  </si>
  <si>
    <t>2021BU03750900</t>
  </si>
  <si>
    <t>De Pijp</t>
  </si>
  <si>
    <t>buurt_gegeneraliseerd_2021.fa476875-e932-4149-8e27-f97b1d2176f9</t>
  </si>
  <si>
    <t>BU03750901</t>
  </si>
  <si>
    <t>2021BU03750901</t>
  </si>
  <si>
    <t>Kagerweg</t>
  </si>
  <si>
    <t>buurt_gegeneraliseerd_2021.15001d3f-eba7-4fa8-8534-726a7e4507c4</t>
  </si>
  <si>
    <t>BU03750902</t>
  </si>
  <si>
    <t>2021BU03750902</t>
  </si>
  <si>
    <t>Wijkerbroek</t>
  </si>
  <si>
    <t>buurt_gegeneraliseerd_2021.88a4eda1-5241-4642-b608-547ba3dcdcbb</t>
  </si>
  <si>
    <t>BU03751000</t>
  </si>
  <si>
    <t>2021BU03751000</t>
  </si>
  <si>
    <t>Lanen</t>
  </si>
  <si>
    <t>buurt_gegeneraliseerd_2021.d8e96070-7c95-4c96-be65-e517ee1341b4</t>
  </si>
  <si>
    <t>BU03751001</t>
  </si>
  <si>
    <t>2021BU03751001</t>
  </si>
  <si>
    <t>De Ladder Noord</t>
  </si>
  <si>
    <t>buurt_gegeneraliseerd_2021.ced1fe7f-41ef-43af-9a41-0aa94c76a070</t>
  </si>
  <si>
    <t>BU03751002</t>
  </si>
  <si>
    <t>2021BU03751002</t>
  </si>
  <si>
    <t>De Ladder Zuid</t>
  </si>
  <si>
    <t>buurt_gegeneraliseerd_2021.65c8a5d6-f0bc-42ac-91d1-4374a40849f0</t>
  </si>
  <si>
    <t>BU03751003</t>
  </si>
  <si>
    <t>2021BU03751003</t>
  </si>
  <si>
    <t>Waterwijk</t>
  </si>
  <si>
    <t>buurt_gegeneraliseerd_2021.e663498d-d70a-45e7-ac81-08130acdaaa4</t>
  </si>
  <si>
    <t>BU03760101</t>
  </si>
  <si>
    <t>2021BU03760101</t>
  </si>
  <si>
    <t>Bijvanck</t>
  </si>
  <si>
    <t>GM0376</t>
  </si>
  <si>
    <t>buurt_gegeneraliseerd_2021.8b79a9bc-6d9d-41ee-8c3c-d4bdf25a8a2f</t>
  </si>
  <si>
    <t>BU03760102</t>
  </si>
  <si>
    <t>2021BU03760102</t>
  </si>
  <si>
    <t>Blaricum-Dorp</t>
  </si>
  <si>
    <t>buurt_gegeneraliseerd_2021.5ae09116-4064-4771-bd7d-faf7f7343e69</t>
  </si>
  <si>
    <t>BU03760103</t>
  </si>
  <si>
    <t>2021BU03760103</t>
  </si>
  <si>
    <t>Blaricummer Heide</t>
  </si>
  <si>
    <t>buurt_gegeneraliseerd_2021.61a30eba-6e0f-424e-84ed-292234641c32</t>
  </si>
  <si>
    <t>BU03760104</t>
  </si>
  <si>
    <t>2021BU03760104</t>
  </si>
  <si>
    <t>Blaricummermeent</t>
  </si>
  <si>
    <t>buurt_gegeneraliseerd_2021.c359b8fb-f318-4ce4-89ac-df282324fef7</t>
  </si>
  <si>
    <t>BU03760105</t>
  </si>
  <si>
    <t>2021BU03760105</t>
  </si>
  <si>
    <t>Crailo</t>
  </si>
  <si>
    <t>buurt_gegeneraliseerd_2021.480bb54c-ee48-4297-9ed4-74e5e60713a5</t>
  </si>
  <si>
    <t>BU03760106</t>
  </si>
  <si>
    <t>2021BU03760106</t>
  </si>
  <si>
    <t>De Kampen</t>
  </si>
  <si>
    <t>buurt_gegeneraliseerd_2021.eb373e64-ace4-4516-97cb-475a35dad291</t>
  </si>
  <si>
    <t>BU03760107</t>
  </si>
  <si>
    <t>2021BU03760107</t>
  </si>
  <si>
    <t>Eemmeer-Blaricum</t>
  </si>
  <si>
    <t>buurt_gegeneraliseerd_2021.e11d233e-7efd-44b6-bd53-d0c621bfd55d</t>
  </si>
  <si>
    <t>BU03760108</t>
  </si>
  <si>
    <t>2021BU03760108</t>
  </si>
  <si>
    <t>Stichtsebrug</t>
  </si>
  <si>
    <t>buurt_gegeneraliseerd_2021.a5b61388-5d90-45eb-b0c2-59c202d2f9ae</t>
  </si>
  <si>
    <t>BU03760109</t>
  </si>
  <si>
    <t>2021BU03760109</t>
  </si>
  <si>
    <t>Warandepark-De Eng</t>
  </si>
  <si>
    <t>buurt_gegeneraliseerd_2021.2575f4d4-171c-40e0-b2da-207a7e6a5591</t>
  </si>
  <si>
    <t>BU03770000</t>
  </si>
  <si>
    <t>2021BU03770000</t>
  </si>
  <si>
    <t>Bloemendaal</t>
  </si>
  <si>
    <t>GM0377</t>
  </si>
  <si>
    <t>buurt_gegeneraliseerd_2021.ee234732-63db-405a-90c4-450f90fc5ad8</t>
  </si>
  <si>
    <t>BU03770001</t>
  </si>
  <si>
    <t>2021BU03770001</t>
  </si>
  <si>
    <t>Veen en Duin</t>
  </si>
  <si>
    <t>buurt_gegeneraliseerd_2021.84253fff-a7e9-430e-b5d7-698d90168f5b</t>
  </si>
  <si>
    <t>BU03770002</t>
  </si>
  <si>
    <t>2021BU03770002</t>
  </si>
  <si>
    <t>Wildhoef</t>
  </si>
  <si>
    <t>buurt_gegeneraliseerd_2021.3c6acf01-a041-4808-a50c-34823d28d6ac</t>
  </si>
  <si>
    <t>BU03770003</t>
  </si>
  <si>
    <t>2021BU03770003</t>
  </si>
  <si>
    <t>Duinlustpark</t>
  </si>
  <si>
    <t>buurt_gegeneraliseerd_2021.c943695c-fb67-46f1-bef4-5e06e2cc9b95</t>
  </si>
  <si>
    <t>BU03770004</t>
  </si>
  <si>
    <t>2021BU03770004</t>
  </si>
  <si>
    <t>Provinciaal Ziekenhuis</t>
  </si>
  <si>
    <t>buurt_gegeneraliseerd_2021.5a067b73-8872-4901-99e8-3bd45572a940</t>
  </si>
  <si>
    <t>BU03770005</t>
  </si>
  <si>
    <t>2021BU03770005</t>
  </si>
  <si>
    <t>De Rijp</t>
  </si>
  <si>
    <t>buurt_gegeneraliseerd_2021.7b5b182b-dc6d-470b-a1ea-4f4b55a029c6</t>
  </si>
  <si>
    <t>BU03770009</t>
  </si>
  <si>
    <t>2021BU03770009</t>
  </si>
  <si>
    <t>Verspreide huizen Bloemendaal</t>
  </si>
  <si>
    <t>buurt_gegeneraliseerd_2021.11f7690a-a488-4905-a919-9962855de5c4</t>
  </si>
  <si>
    <t>BU03770100</t>
  </si>
  <si>
    <t>2021BU03770100</t>
  </si>
  <si>
    <t>Overveen</t>
  </si>
  <si>
    <t>buurt_gegeneraliseerd_2021.63c24faa-861e-4e1d-9a19-8d81afa8e4a5</t>
  </si>
  <si>
    <t>BU03770101</t>
  </si>
  <si>
    <t>2021BU03770101</t>
  </si>
  <si>
    <t>Oldenhove</t>
  </si>
  <si>
    <t>buurt_gegeneraliseerd_2021.d95687ca-b48a-47c1-aa55-cf52207b89b9</t>
  </si>
  <si>
    <t>BU03770109</t>
  </si>
  <si>
    <t>2021BU03770109</t>
  </si>
  <si>
    <t>Overveen-West</t>
  </si>
  <si>
    <t>buurt_gegeneraliseerd_2021.5a6554c5-868f-4f61-862d-b04cabce8d67</t>
  </si>
  <si>
    <t>BU03770200</t>
  </si>
  <si>
    <t>2021BU03770200</t>
  </si>
  <si>
    <t>Aerdenhout-Centrum</t>
  </si>
  <si>
    <t>buurt_gegeneraliseerd_2021.757691d8-f33a-4a6f-be9d-ee9a912bcae6</t>
  </si>
  <si>
    <t>BU03770201</t>
  </si>
  <si>
    <t>2021BU03770201</t>
  </si>
  <si>
    <t>Aerdenhout-West</t>
  </si>
  <si>
    <t>buurt_gegeneraliseerd_2021.b93dd8d9-27e9-4eaa-aa9b-72fd7cfccad1</t>
  </si>
  <si>
    <t>BU03770202</t>
  </si>
  <si>
    <t>2021BU03770202</t>
  </si>
  <si>
    <t>Aerdenhout-Noord</t>
  </si>
  <si>
    <t>buurt_gegeneraliseerd_2021.2861d6e6-45a9-4efa-915b-a6fc4db33077</t>
  </si>
  <si>
    <t>BU03770209</t>
  </si>
  <si>
    <t>2021BU03770209</t>
  </si>
  <si>
    <t>Aerdenhout-Zuid</t>
  </si>
  <si>
    <t>buurt_gegeneraliseerd_2021.75e4345f-cb26-4d69-b1c4-ca4ebda23d84</t>
  </si>
  <si>
    <t>BU03770300</t>
  </si>
  <si>
    <t>2021BU03770300</t>
  </si>
  <si>
    <t>buurt_gegeneraliseerd_2021.1efeab80-67e2-4e03-9ee4-37090155301f</t>
  </si>
  <si>
    <t>BU03770309</t>
  </si>
  <si>
    <t>2021BU03770309</t>
  </si>
  <si>
    <t>Verspreide huizen Vogelenzang</t>
  </si>
  <si>
    <t>buurt_gegeneraliseerd_2021.eb5d0e49-5aed-41df-9a38-5434a6924106</t>
  </si>
  <si>
    <t>BU03770400</t>
  </si>
  <si>
    <t>2021BU03770400</t>
  </si>
  <si>
    <t>Oude Kern Bennebroek</t>
  </si>
  <si>
    <t>buurt_gegeneraliseerd_2021.316c1e0e-68ef-4061-9c92-c8c26991c602</t>
  </si>
  <si>
    <t>BU03770401</t>
  </si>
  <si>
    <t>2021BU03770401</t>
  </si>
  <si>
    <t>Villawijk Het Duin</t>
  </si>
  <si>
    <t>buurt_gegeneraliseerd_2021.2e968072-d5d9-492f-95b3-a073fd43ff4f</t>
  </si>
  <si>
    <t>BU03770402</t>
  </si>
  <si>
    <t>2021BU03770402</t>
  </si>
  <si>
    <t>Leidsevaart- Bloemhof</t>
  </si>
  <si>
    <t>buurt_gegeneraliseerd_2021.8d4fb8cc-9a75-4b49-9c38-ef802862fe1f</t>
  </si>
  <si>
    <t>BU03770403</t>
  </si>
  <si>
    <t>2021BU03770403</t>
  </si>
  <si>
    <t>Villawijk Bijweg</t>
  </si>
  <si>
    <t>buurt_gegeneraliseerd_2021.71309f1f-7b0f-4a7d-8959-60abd6372c5b</t>
  </si>
  <si>
    <t>BU03770404</t>
  </si>
  <si>
    <t>2021BU03770404</t>
  </si>
  <si>
    <t>Meerwijk</t>
  </si>
  <si>
    <t>buurt_gegeneraliseerd_2021.46319569-b08f-4b75-b696-327d1ff97691</t>
  </si>
  <si>
    <t>BU03770409</t>
  </si>
  <si>
    <t>2021BU03770409</t>
  </si>
  <si>
    <t>Vogelenzang Psychiatrisch Ziekenhuis</t>
  </si>
  <si>
    <t>buurt_gegeneraliseerd_2021.3dbff6af-8e98-4b9d-ae21-0341c6dcf313</t>
  </si>
  <si>
    <t>BU03830001</t>
  </si>
  <si>
    <t>2021BU03830001</t>
  </si>
  <si>
    <t>Centrum-Noord</t>
  </si>
  <si>
    <t>GM0383</t>
  </si>
  <si>
    <t>buurt_gegeneraliseerd_2021.83e9300b-ecf0-44b6-9f1f-d41e863ed9e3</t>
  </si>
  <si>
    <t>BU03830011</t>
  </si>
  <si>
    <t>2021BU03830011</t>
  </si>
  <si>
    <t>Centrum-Zuid</t>
  </si>
  <si>
    <t>buurt_gegeneraliseerd_2021.6afe53a5-a4c3-4a72-9bc8-29fbc8868614</t>
  </si>
  <si>
    <t>BU03830101</t>
  </si>
  <si>
    <t>2021BU03830101</t>
  </si>
  <si>
    <t>buurt_gegeneraliseerd_2021.dc2caa87-3272-4f11-951d-b5bdc7448f61</t>
  </si>
  <si>
    <t>BU03830111</t>
  </si>
  <si>
    <t>2021BU03830111</t>
  </si>
  <si>
    <t>Kooiweg</t>
  </si>
  <si>
    <t>buurt_gegeneraliseerd_2021.ca7c62e8-e775-4372-9aae-b4096d5a0cea</t>
  </si>
  <si>
    <t>BU03830201</t>
  </si>
  <si>
    <t>2021BU03830201</t>
  </si>
  <si>
    <t>buurt_gegeneraliseerd_2021.dc512797-a061-47f7-a454-8e16f128f3a4</t>
  </si>
  <si>
    <t>BU03830211</t>
  </si>
  <si>
    <t>2021BU03830211</t>
  </si>
  <si>
    <t>Noord-End</t>
  </si>
  <si>
    <t>buurt_gegeneraliseerd_2021.89db56d1-925b-43f9-a6c4-b390bac1f030</t>
  </si>
  <si>
    <t>BU03830221</t>
  </si>
  <si>
    <t>2021BU03830221</t>
  </si>
  <si>
    <t>Albert's Hoeve</t>
  </si>
  <si>
    <t>buurt_gegeneraliseerd_2021.4217b512-91d6-41d3-8bb5-efed300a1315</t>
  </si>
  <si>
    <t>BU03830301</t>
  </si>
  <si>
    <t>2021BU03830301</t>
  </si>
  <si>
    <t>Beverwijkerstraatweg</t>
  </si>
  <si>
    <t>buurt_gegeneraliseerd_2021.948eb727-a69b-44be-ad0d-5953a813420f</t>
  </si>
  <si>
    <t>BU03830311</t>
  </si>
  <si>
    <t>2021BU03830311</t>
  </si>
  <si>
    <t>buurt_gegeneraliseerd_2021.d995622c-fcb9-4b81-85d3-19a1eb5bfe4f</t>
  </si>
  <si>
    <t>BU03830401</t>
  </si>
  <si>
    <t>2021BU03830401</t>
  </si>
  <si>
    <t>Bakkum-Noord</t>
  </si>
  <si>
    <t>buurt_gegeneraliseerd_2021.7456f81c-6388-4866-9b75-3ff739e03cdc</t>
  </si>
  <si>
    <t>BU03830411</t>
  </si>
  <si>
    <t>2021BU03830411</t>
  </si>
  <si>
    <t>Bakkum-Zuid</t>
  </si>
  <si>
    <t>buurt_gegeneraliseerd_2021.99c1a4ac-d392-4e2b-a80a-d0ba69aa4d78</t>
  </si>
  <si>
    <t>BU03830421</t>
  </si>
  <si>
    <t>2021BU03830421</t>
  </si>
  <si>
    <t>Duin en Bosch</t>
  </si>
  <si>
    <t>buurt_gegeneraliseerd_2021.46c451e2-dc95-4358-bd21-d6306ece6987</t>
  </si>
  <si>
    <t>BU03830431</t>
  </si>
  <si>
    <t>2021BU03830431</t>
  </si>
  <si>
    <t>Duingebied</t>
  </si>
  <si>
    <t>buurt_gegeneraliseerd_2021.ccae53c5-54bc-4aa3-9d75-2607f19b8de9</t>
  </si>
  <si>
    <t>BU03830501</t>
  </si>
  <si>
    <t>2021BU03830501</t>
  </si>
  <si>
    <t>Akersloot Oost</t>
  </si>
  <si>
    <t>buurt_gegeneraliseerd_2021.c40735f8-11b5-441c-9cec-ac6744c3f9b8</t>
  </si>
  <si>
    <t>BU03830511</t>
  </si>
  <si>
    <t>2021BU03830511</t>
  </si>
  <si>
    <t>Akersloot West</t>
  </si>
  <si>
    <t>buurt_gegeneraliseerd_2021.caed1066-7272-4940-acec-0a18f506571c</t>
  </si>
  <si>
    <t>BU03830601</t>
  </si>
  <si>
    <t>2021BU03830601</t>
  </si>
  <si>
    <t>De Woude</t>
  </si>
  <si>
    <t>buurt_gegeneraliseerd_2021.bfcfb6c3-5566-4835-9726-62ba4be48a64</t>
  </si>
  <si>
    <t>BU03830701</t>
  </si>
  <si>
    <t>2021BU03830701</t>
  </si>
  <si>
    <t>Limmen West</t>
  </si>
  <si>
    <t>buurt_gegeneraliseerd_2021.28d20ca1-f0bb-457b-9877-e8f92f325623</t>
  </si>
  <si>
    <t>BU03830711</t>
  </si>
  <si>
    <t>2021BU03830711</t>
  </si>
  <si>
    <t>Limmen Centrum</t>
  </si>
  <si>
    <t>buurt_gegeneraliseerd_2021.9edde34f-6fb9-4521-bdbe-0014136903a8</t>
  </si>
  <si>
    <t>BU03830721</t>
  </si>
  <si>
    <t>2021BU03830721</t>
  </si>
  <si>
    <t>Limmen Oost</t>
  </si>
  <si>
    <t>buurt_gegeneraliseerd_2021.4c69571e-3e1b-4b96-b6a8-b868dfc7bc50</t>
  </si>
  <si>
    <t>BU03840101</t>
  </si>
  <si>
    <t>2021BU03840101</t>
  </si>
  <si>
    <t>Buytenstee</t>
  </si>
  <si>
    <t>GM0384</t>
  </si>
  <si>
    <t>buurt_gegeneraliseerd_2021.22bdc10f-f40e-4a53-8ed2-94b4af427f1e</t>
  </si>
  <si>
    <t>BU03840102</t>
  </si>
  <si>
    <t>2021BU03840102</t>
  </si>
  <si>
    <t>Oud Diemen</t>
  </si>
  <si>
    <t>buurt_gegeneraliseerd_2021.bcb1f479-55ac-46b8-89f6-9dd5b346b127</t>
  </si>
  <si>
    <t>BU03840103</t>
  </si>
  <si>
    <t>2021BU03840103</t>
  </si>
  <si>
    <t>Vogelweide</t>
  </si>
  <si>
    <t>buurt_gegeneraliseerd_2021.5cf680d8-aced-4fb7-8a10-932c661488fa</t>
  </si>
  <si>
    <t>BU03840104</t>
  </si>
  <si>
    <t>2021BU03840104</t>
  </si>
  <si>
    <t>Scheepskwartier</t>
  </si>
  <si>
    <t>buurt_gegeneraliseerd_2021.039485d6-d00a-48e5-8d51-c002343c9f37</t>
  </si>
  <si>
    <t>BU03840105</t>
  </si>
  <si>
    <t>2021BU03840105</t>
  </si>
  <si>
    <t>Vlindertuin</t>
  </si>
  <si>
    <t>buurt_gegeneraliseerd_2021.62cee950-37ff-46dc-8800-aee6eff09138</t>
  </si>
  <si>
    <t>BU03840106</t>
  </si>
  <si>
    <t>2021BU03840106</t>
  </si>
  <si>
    <t>Diemerpolder</t>
  </si>
  <si>
    <t>buurt_gegeneraliseerd_2021.1a596585-f4f7-405a-b40a-4fff36e386f5</t>
  </si>
  <si>
    <t>BU03840201</t>
  </si>
  <si>
    <t>2021BU03840201</t>
  </si>
  <si>
    <t>buurt_gegeneraliseerd_2021.2bc54934-ba95-496d-a454-7b2bae0c145b</t>
  </si>
  <si>
    <t>BU03840202</t>
  </si>
  <si>
    <t>2021BU03840202</t>
  </si>
  <si>
    <t>Ruimzicht West</t>
  </si>
  <si>
    <t>buurt_gegeneraliseerd_2021.77434db5-acc6-412f-8eb9-0114f5ffa996</t>
  </si>
  <si>
    <t>BU03840203</t>
  </si>
  <si>
    <t>2021BU03840203</t>
  </si>
  <si>
    <t>Spoorzicht</t>
  </si>
  <si>
    <t>buurt_gegeneraliseerd_2021.174eeee3-2887-4171-8c62-af4ab939095d</t>
  </si>
  <si>
    <t>BU03840204</t>
  </si>
  <si>
    <t>2021BU03840204</t>
  </si>
  <si>
    <t>Buitenlust</t>
  </si>
  <si>
    <t>buurt_gegeneraliseerd_2021.a222e2a4-e44c-4132-bc47-f505051ff24d</t>
  </si>
  <si>
    <t>BU03840205</t>
  </si>
  <si>
    <t>2021BU03840205</t>
  </si>
  <si>
    <t>Spoordriehoek</t>
  </si>
  <si>
    <t>buurt_gegeneraliseerd_2021.47fb48b2-eb8e-4574-987f-06cde1c6dece</t>
  </si>
  <si>
    <t>BU03840206</t>
  </si>
  <si>
    <t>2021BU03840206</t>
  </si>
  <si>
    <t>Ruimzicht Oost</t>
  </si>
  <si>
    <t>buurt_gegeneraliseerd_2021.464028eb-3e0c-4f5d-9b48-895a38dcff84</t>
  </si>
  <si>
    <t>BU03840207</t>
  </si>
  <si>
    <t>2021BU03840207</t>
  </si>
  <si>
    <t>buurt_gegeneraliseerd_2021.8e38bfa1-3b75-412e-8421-a16290ec695f</t>
  </si>
  <si>
    <t>BU03840208</t>
  </si>
  <si>
    <t>2021BU03840208</t>
  </si>
  <si>
    <t>Studentenflats Rode Kruislaan</t>
  </si>
  <si>
    <t>buurt_gegeneraliseerd_2021.3e2298a6-92ee-4490-8aee-62d033539497</t>
  </si>
  <si>
    <t>BU03840301</t>
  </si>
  <si>
    <t>2021BU03840301</t>
  </si>
  <si>
    <t>Akkerland</t>
  </si>
  <si>
    <t>buurt_gegeneraliseerd_2021.537cbe20-8036-42f5-91d3-fb98efd95572</t>
  </si>
  <si>
    <t>BU03840302</t>
  </si>
  <si>
    <t>2021BU03840302</t>
  </si>
  <si>
    <t>Bomenrijk</t>
  </si>
  <si>
    <t>buurt_gegeneraliseerd_2021.c6d40a8e-4359-48a2-9fc2-b78e631c1159</t>
  </si>
  <si>
    <t>BU03840303</t>
  </si>
  <si>
    <t>2021BU03840303</t>
  </si>
  <si>
    <t>Beukenhorst</t>
  </si>
  <si>
    <t>buurt_gegeneraliseerd_2021.77c5dfa4-aa76-4a94-9f39-7eb19db67315</t>
  </si>
  <si>
    <t>BU03840304</t>
  </si>
  <si>
    <t>2021BU03840304</t>
  </si>
  <si>
    <t>Anne Frank</t>
  </si>
  <si>
    <t>buurt_gegeneraliseerd_2021.b46809b7-f89f-40e0-b0cb-787285c5e6e1</t>
  </si>
  <si>
    <t>BU03840305</t>
  </si>
  <si>
    <t>2021BU03840305</t>
  </si>
  <si>
    <t>Schelpenhoek</t>
  </si>
  <si>
    <t>buurt_gegeneraliseerd_2021.e0223cb1-20b9-4086-a174-07c6bd8ee19a</t>
  </si>
  <si>
    <t>BU03840306</t>
  </si>
  <si>
    <t>2021BU03840306</t>
  </si>
  <si>
    <t>Kruidenhof</t>
  </si>
  <si>
    <t>buurt_gegeneraliseerd_2021.c96e56fe-4ea6-418e-b80a-4add5065b2a4</t>
  </si>
  <si>
    <t>BU03840307</t>
  </si>
  <si>
    <t>2021BU03840307</t>
  </si>
  <si>
    <t>Polderland</t>
  </si>
  <si>
    <t>buurt_gegeneraliseerd_2021.998c907d-404f-4639-998c-38ac5306ce66</t>
  </si>
  <si>
    <t>BU03840308</t>
  </si>
  <si>
    <t>2021BU03840308</t>
  </si>
  <si>
    <t>Biesbosch</t>
  </si>
  <si>
    <t>buurt_gegeneraliseerd_2021.20ce6456-092a-42a5-b19d-f86d0d9b0ec3</t>
  </si>
  <si>
    <t>BU03840401</t>
  </si>
  <si>
    <t>2021BU03840401</t>
  </si>
  <si>
    <t>Bergwijkpark</t>
  </si>
  <si>
    <t>buurt_gegeneraliseerd_2021.99b9e7a8-0593-4060-9502-6117e7a195e7</t>
  </si>
  <si>
    <t>BU03840501</t>
  </si>
  <si>
    <t>2021BU03840501</t>
  </si>
  <si>
    <t>Campus Diemen Zuid</t>
  </si>
  <si>
    <t>buurt_gegeneraliseerd_2021.b2137bf2-fc53-4071-a01c-69a0f9ceeb76</t>
  </si>
  <si>
    <t>BU03840502</t>
  </si>
  <si>
    <t>2021BU03840502</t>
  </si>
  <si>
    <t>Holland Park</t>
  </si>
  <si>
    <t>buurt_gegeneraliseerd_2021.e86f1cb1-4837-49b3-bfac-f67ab3b59ec4</t>
  </si>
  <si>
    <t>BU03840503</t>
  </si>
  <si>
    <t>2021BU03840503</t>
  </si>
  <si>
    <t>Holland Park Zuid</t>
  </si>
  <si>
    <t>buurt_gegeneraliseerd_2021.b923abfa-c345-4409-8eea-41286dd2bae7</t>
  </si>
  <si>
    <t>BU03840504</t>
  </si>
  <si>
    <t>2021BU03840504</t>
  </si>
  <si>
    <t>Holland Park West</t>
  </si>
  <si>
    <t>buurt_gegeneraliseerd_2021.79bb676c-97dc-4efa-ba47-4c569a143c91</t>
  </si>
  <si>
    <t>BU03840601</t>
  </si>
  <si>
    <t>2021BU03840601</t>
  </si>
  <si>
    <t>Verrijn Stuart</t>
  </si>
  <si>
    <t>buurt_gegeneraliseerd_2021.99a6b9a4-85e0-44bf-a301-18a0efc98e18</t>
  </si>
  <si>
    <t>BU03840602</t>
  </si>
  <si>
    <t>2021BU03840602</t>
  </si>
  <si>
    <t>De Sniep</t>
  </si>
  <si>
    <t>buurt_gegeneraliseerd_2021.c22a8593-b695-45d4-90fd-d925375e2605</t>
  </si>
  <si>
    <t>BU03840603</t>
  </si>
  <si>
    <t>2021BU03840603</t>
  </si>
  <si>
    <t>Stammerdijk</t>
  </si>
  <si>
    <t>buurt_gegeneraliseerd_2021.08850b47-7df7-40e2-868d-a4fafbc122dc</t>
  </si>
  <si>
    <t>BU03840701</t>
  </si>
  <si>
    <t>2021BU03840701</t>
  </si>
  <si>
    <t>Plantage de Sniep Zuid</t>
  </si>
  <si>
    <t>buurt_gegeneraliseerd_2021.0129547b-cf8d-4995-a880-fe701f5ab3b3</t>
  </si>
  <si>
    <t>BU03840702</t>
  </si>
  <si>
    <t>2021BU03840702</t>
  </si>
  <si>
    <t>Plantage de Sniep Noord</t>
  </si>
  <si>
    <t>buurt_gegeneraliseerd_2021.02a462ac-63ca-4595-9272-8e94a45818e2</t>
  </si>
  <si>
    <t>BU03840703</t>
  </si>
  <si>
    <t>2021BU03840703</t>
  </si>
  <si>
    <t>Sportpark De Diemen</t>
  </si>
  <si>
    <t>buurt_gegeneraliseerd_2021.8debadf3-6d08-440b-89cb-53a996c58f66</t>
  </si>
  <si>
    <t>BU03840801</t>
  </si>
  <si>
    <t>2021BU03840801</t>
  </si>
  <si>
    <t>Gemeenschapspolder</t>
  </si>
  <si>
    <t>buurt_gegeneraliseerd_2021.826b9a84-cd7e-416d-8701-54ee289d56c4</t>
  </si>
  <si>
    <t>BU03840802</t>
  </si>
  <si>
    <t>2021BU03840802</t>
  </si>
  <si>
    <t>Overdiemerpolder</t>
  </si>
  <si>
    <t>buurt_gegeneraliseerd_2021.58f4e1b5-0620-48c7-984d-4755ad625cb6</t>
  </si>
  <si>
    <t>BU03840803</t>
  </si>
  <si>
    <t>2021BU03840803</t>
  </si>
  <si>
    <t>Overdiemen</t>
  </si>
  <si>
    <t>buurt_gegeneraliseerd_2021.915e58ff-a192-4cf6-903f-c9114f6a9ef8</t>
  </si>
  <si>
    <t>BU03840804</t>
  </si>
  <si>
    <t>2021BU03840804</t>
  </si>
  <si>
    <t>Diemer Vijfhoek</t>
  </si>
  <si>
    <t>buurt_gegeneraliseerd_2021.7f2b0077-69c8-4bfa-8352-fda54c1a6022</t>
  </si>
  <si>
    <t>BU03850001</t>
  </si>
  <si>
    <t>2021BU03850001</t>
  </si>
  <si>
    <t>Edam-Oude kom</t>
  </si>
  <si>
    <t>GM0385</t>
  </si>
  <si>
    <t>buurt_gegeneraliseerd_2021.d6c1fd72-0901-4f21-8266-af23b6c14a94</t>
  </si>
  <si>
    <t>BU03850002</t>
  </si>
  <si>
    <t>2021BU03850002</t>
  </si>
  <si>
    <t>Edam-Industriegebied</t>
  </si>
  <si>
    <t>buurt_gegeneraliseerd_2021.25f91199-c89b-4c8c-b362-afeb21210a72</t>
  </si>
  <si>
    <t>BU03850003</t>
  </si>
  <si>
    <t>2021BU03850003</t>
  </si>
  <si>
    <t>Edam-Zuid</t>
  </si>
  <si>
    <t>buurt_gegeneraliseerd_2021.05fb19b4-d2c5-4c35-a4de-b158c92e0b1c</t>
  </si>
  <si>
    <t>BU03850004</t>
  </si>
  <si>
    <t>2021BU03850004</t>
  </si>
  <si>
    <t>Edam-Singelwijk</t>
  </si>
  <si>
    <t>buurt_gegeneraliseerd_2021.a129e6c9-4e38-4ac5-8561-56c851c28dec</t>
  </si>
  <si>
    <t>BU03850005</t>
  </si>
  <si>
    <t>2021BU03850005</t>
  </si>
  <si>
    <t>Edam-Molenbuurt</t>
  </si>
  <si>
    <t>buurt_gegeneraliseerd_2021.10e1bece-7596-469c-b04a-d271d22414bc</t>
  </si>
  <si>
    <t>BU03850006</t>
  </si>
  <si>
    <t>2021BU03850006</t>
  </si>
  <si>
    <t>Zeevangpolder</t>
  </si>
  <si>
    <t>buurt_gegeneraliseerd_2021.b388511f-acd0-4199-8223-02f051ab4b84</t>
  </si>
  <si>
    <t>BU03850101</t>
  </si>
  <si>
    <t>2021BU03850101</t>
  </si>
  <si>
    <t>Purmerpolder</t>
  </si>
  <si>
    <t>buurt_gegeneraliseerd_2021.249cb46b-18bb-4e46-8938-239dfd72edb4</t>
  </si>
  <si>
    <t>BU03850201</t>
  </si>
  <si>
    <t>2021BU03850201</t>
  </si>
  <si>
    <t>Volendam-Oude kom</t>
  </si>
  <si>
    <t>buurt_gegeneraliseerd_2021.fa26a846-0b7c-444e-bc22-3a6483d10029</t>
  </si>
  <si>
    <t>BU03850202</t>
  </si>
  <si>
    <t>2021BU03850202</t>
  </si>
  <si>
    <t>Volendam-Katham + Planetenbuurt</t>
  </si>
  <si>
    <t>buurt_gegeneraliseerd_2021.4dc744cf-7ff6-476e-baa6-c9c58d488347</t>
  </si>
  <si>
    <t>BU03850203</t>
  </si>
  <si>
    <t>2021BU03850203</t>
  </si>
  <si>
    <t>Volendam-Blokgouw 1 en 2</t>
  </si>
  <si>
    <t>buurt_gegeneraliseerd_2021.1083152d-8a72-4cfc-bf0a-c01aff37e550</t>
  </si>
  <si>
    <t>BU03850204</t>
  </si>
  <si>
    <t>2021BU03850204</t>
  </si>
  <si>
    <t>Volendam-Blokgouw 3</t>
  </si>
  <si>
    <t>buurt_gegeneraliseerd_2021.b322cef2-ac02-46d7-ae75-730c12700c97</t>
  </si>
  <si>
    <t>BU03850205</t>
  </si>
  <si>
    <t>2021BU03850205</t>
  </si>
  <si>
    <t>Volendam-Blokgouw 4, 5 en 6</t>
  </si>
  <si>
    <t>buurt_gegeneraliseerd_2021.532f91aa-13d8-4551-8bc0-576a42547a68</t>
  </si>
  <si>
    <t>BU03850206</t>
  </si>
  <si>
    <t>2021BU03850206</t>
  </si>
  <si>
    <t>Volendam-Blokgouw 7 en 8</t>
  </si>
  <si>
    <t>buurt_gegeneraliseerd_2021.a4c23113-8d5d-4534-9e41-4f4bc6472517</t>
  </si>
  <si>
    <t>BU03850207</t>
  </si>
  <si>
    <t>2021BU03850207</t>
  </si>
  <si>
    <t>Volendam-Rozettenbuurt</t>
  </si>
  <si>
    <t>buurt_gegeneraliseerd_2021.273326c0-30fb-465e-96fa-45bbaa343d9e</t>
  </si>
  <si>
    <t>BU03850208</t>
  </si>
  <si>
    <t>2021BU03850208</t>
  </si>
  <si>
    <t>Volendam-Bloemenbuurt</t>
  </si>
  <si>
    <t>buurt_gegeneraliseerd_2021.947be321-44af-4b98-b334-df16da73216f</t>
  </si>
  <si>
    <t>BU03850209</t>
  </si>
  <si>
    <t>2021BU03850209</t>
  </si>
  <si>
    <t>Volendam-Industriegebied</t>
  </si>
  <si>
    <t>buurt_gegeneraliseerd_2021.1daffcfd-f6f8-411a-b7ab-20f2c8109d25</t>
  </si>
  <si>
    <t>BU03850210</t>
  </si>
  <si>
    <t>2021BU03850210</t>
  </si>
  <si>
    <t>Volendam-Middengebied</t>
  </si>
  <si>
    <t>buurt_gegeneraliseerd_2021.d7ead2d2-90f3-4a26-bea0-3f2d64935d45</t>
  </si>
  <si>
    <t>BU03850211</t>
  </si>
  <si>
    <t>2021BU03850211</t>
  </si>
  <si>
    <t>Lange Weeren</t>
  </si>
  <si>
    <t>buurt_gegeneraliseerd_2021.08dc07a5-773a-4cf2-a270-eb85cff44515</t>
  </si>
  <si>
    <t>BU03850212</t>
  </si>
  <si>
    <t>2021BU03850212</t>
  </si>
  <si>
    <t>Broeckgouw</t>
  </si>
  <si>
    <t>buurt_gegeneraliseerd_2021.7bc904c9-14cc-4f8d-a815-ce4ebb46a1c4</t>
  </si>
  <si>
    <t>BU03850301</t>
  </si>
  <si>
    <t>2021BU03850301</t>
  </si>
  <si>
    <t>Beets</t>
  </si>
  <si>
    <t>buurt_gegeneraliseerd_2021.3de115be-0cd9-46ab-bbf1-fb25902f6f40</t>
  </si>
  <si>
    <t>BU03850401</t>
  </si>
  <si>
    <t>2021BU03850401</t>
  </si>
  <si>
    <t>Oosthuizen</t>
  </si>
  <si>
    <t>buurt_gegeneraliseerd_2021.b301eb1c-6c9b-478c-9ced-37e673470eff</t>
  </si>
  <si>
    <t>BU03850402</t>
  </si>
  <si>
    <t>2021BU03850402</t>
  </si>
  <si>
    <t>De Watering</t>
  </si>
  <si>
    <t>buurt_gegeneraliseerd_2021.3ecf00f0-8d87-4bad-ac7e-ded34e777fe1</t>
  </si>
  <si>
    <t>BU03850501</t>
  </si>
  <si>
    <t>2021BU03850501</t>
  </si>
  <si>
    <t>Warder</t>
  </si>
  <si>
    <t>buurt_gegeneraliseerd_2021.5c411ecc-33bd-43a3-8702-e12e55162e17</t>
  </si>
  <si>
    <t>BU03850601</t>
  </si>
  <si>
    <t>2021BU03850601</t>
  </si>
  <si>
    <t>Middelie</t>
  </si>
  <si>
    <t>buurt_gegeneraliseerd_2021.15fdcbfe-0903-404a-a7a0-ebf832e84d0c</t>
  </si>
  <si>
    <t>BU03850701</t>
  </si>
  <si>
    <t>2021BU03850701</t>
  </si>
  <si>
    <t>Kwadijk</t>
  </si>
  <si>
    <t>buurt_gegeneraliseerd_2021.ef546d2f-4874-428e-98db-2c113f6f8a37</t>
  </si>
  <si>
    <t>BU03850801</t>
  </si>
  <si>
    <t>2021BU03850801</t>
  </si>
  <si>
    <t>Schardam</t>
  </si>
  <si>
    <t>buurt_gegeneraliseerd_2021.2cc2c246-46ad-466c-a036-6bcd1f4e28c2</t>
  </si>
  <si>
    <t>BU03850901</t>
  </si>
  <si>
    <t>2021BU03850901</t>
  </si>
  <si>
    <t>Hobrede</t>
  </si>
  <si>
    <t>buurt_gegeneraliseerd_2021.9964ebea-c36b-4745-a71e-3bd40eb82153</t>
  </si>
  <si>
    <t>BU03920101</t>
  </si>
  <si>
    <t>2021BU03920101</t>
  </si>
  <si>
    <t>GM0392</t>
  </si>
  <si>
    <t>buurt_gegeneraliseerd_2021.453305ff-4f09-49a2-bbaf-28257c6308a9</t>
  </si>
  <si>
    <t>BU03920102</t>
  </si>
  <si>
    <t>2021BU03920102</t>
  </si>
  <si>
    <t>buurt_gegeneraliseerd_2021.f49ba027-81be-42b4-b1ec-a7449d859e75</t>
  </si>
  <si>
    <t>BU03920103</t>
  </si>
  <si>
    <t>2021BU03920103</t>
  </si>
  <si>
    <t>Bakenes</t>
  </si>
  <si>
    <t>buurt_gegeneraliseerd_2021.d939f54e-1a76-4d61-82f4-383877939241</t>
  </si>
  <si>
    <t>BU03920104</t>
  </si>
  <si>
    <t>2021BU03920104</t>
  </si>
  <si>
    <t>Burgwal</t>
  </si>
  <si>
    <t>buurt_gegeneraliseerd_2021.10eee6b3-184b-4693-a18d-1ae933952427</t>
  </si>
  <si>
    <t>BU03920105</t>
  </si>
  <si>
    <t>2021BU03920105</t>
  </si>
  <si>
    <t>Vijfhoek</t>
  </si>
  <si>
    <t>buurt_gegeneraliseerd_2021.74c52b5d-a826-43ff-b6fa-adacdb9b13f3</t>
  </si>
  <si>
    <t>BU03920106</t>
  </si>
  <si>
    <t>2021BU03920106</t>
  </si>
  <si>
    <t>Heiliglanden</t>
  </si>
  <si>
    <t>buurt_gegeneraliseerd_2021.75203267-61cf-47dd-bc59-b26ba8b05ae8</t>
  </si>
  <si>
    <t>BU03920201</t>
  </si>
  <si>
    <t>2021BU03920201</t>
  </si>
  <si>
    <t>buurt_gegeneraliseerd_2021.920727f8-c1b8-4783-81fc-3028038e5bd8</t>
  </si>
  <si>
    <t>BU03920202</t>
  </si>
  <si>
    <t>2021BU03920202</t>
  </si>
  <si>
    <t>Florapark</t>
  </si>
  <si>
    <t>buurt_gegeneraliseerd_2021.a46cadef-87ae-4966-bf47-079ea083f1ad</t>
  </si>
  <si>
    <t>BU03920203</t>
  </si>
  <si>
    <t>2021BU03920203</t>
  </si>
  <si>
    <t>buurt_gegeneraliseerd_2021.cbdc6ddf-ae19-480c-83da-3ad7f1c6ffed</t>
  </si>
  <si>
    <t>BU03920204</t>
  </si>
  <si>
    <t>2021BU03920204</t>
  </si>
  <si>
    <t>Rozenprieel-noord</t>
  </si>
  <si>
    <t>buurt_gegeneraliseerd_2021.c93ab375-90d6-4870-aab6-fc6e503be23c</t>
  </si>
  <si>
    <t>BU03920205</t>
  </si>
  <si>
    <t>2021BU03920205</t>
  </si>
  <si>
    <t>Rozenprieel-zuid</t>
  </si>
  <si>
    <t>buurt_gegeneraliseerd_2021.fafedaa4-1a6d-4fca-bba6-3153e247d155</t>
  </si>
  <si>
    <t>BU03920206</t>
  </si>
  <si>
    <t>2021BU03920206</t>
  </si>
  <si>
    <t>Bosch en Vaart</t>
  </si>
  <si>
    <t>buurt_gegeneraliseerd_2021.f6425af2-4b57-44eb-a0f3-6b6616402641</t>
  </si>
  <si>
    <t>BU03920207</t>
  </si>
  <si>
    <t>2021BU03920207</t>
  </si>
  <si>
    <t>Haarlemmerhout</t>
  </si>
  <si>
    <t>buurt_gegeneraliseerd_2021.33496ce6-5462-4c6e-897e-95c9a1a757b0</t>
  </si>
  <si>
    <t>BU03920208</t>
  </si>
  <si>
    <t>2021BU03920208</t>
  </si>
  <si>
    <t>Zuiderhout</t>
  </si>
  <si>
    <t>buurt_gegeneraliseerd_2021.e1073ba1-a2c4-4c93-8d15-26a50a5fe1aa</t>
  </si>
  <si>
    <t>BU03920301</t>
  </si>
  <si>
    <t>2021BU03920301</t>
  </si>
  <si>
    <t>Garenkokerskwartier</t>
  </si>
  <si>
    <t>buurt_gegeneraliseerd_2021.178b6828-6fd9-4359-be0e-dbb58d7ef02e</t>
  </si>
  <si>
    <t>BU03920302</t>
  </si>
  <si>
    <t>2021BU03920302</t>
  </si>
  <si>
    <t>Hasselaersbuurt</t>
  </si>
  <si>
    <t>buurt_gegeneraliseerd_2021.8e4b5534-b11a-456c-b687-9e6274ef8dfb</t>
  </si>
  <si>
    <t>BU03920303</t>
  </si>
  <si>
    <t>2021BU03920303</t>
  </si>
  <si>
    <t>Leidsebuurt-west</t>
  </si>
  <si>
    <t>buurt_gegeneraliseerd_2021.d3bd1ef0-bcc9-47ea-a8fc-36d3f02c4a33</t>
  </si>
  <si>
    <t>BU03920304</t>
  </si>
  <si>
    <t>2021BU03920304</t>
  </si>
  <si>
    <t>Leidsebuurt-oost</t>
  </si>
  <si>
    <t>buurt_gegeneraliseerd_2021.ebc9e116-ef61-4ae0-98d4-6295247f8649</t>
  </si>
  <si>
    <t>BU03920401</t>
  </si>
  <si>
    <t>2021BU03920401</t>
  </si>
  <si>
    <t>Van Galenbuurt</t>
  </si>
  <si>
    <t>buurt_gegeneraliseerd_2021.e9e90e0c-49df-48a9-b699-7dee829ff8cb</t>
  </si>
  <si>
    <t>BU03920402</t>
  </si>
  <si>
    <t>2021BU03920402</t>
  </si>
  <si>
    <t>buurt_gegeneraliseerd_2021.881ec4aa-3858-44ba-85df-1aa9d0395129</t>
  </si>
  <si>
    <t>BU03920403</t>
  </si>
  <si>
    <t>2021BU03920403</t>
  </si>
  <si>
    <t>Geschiedschrijversbuurt</t>
  </si>
  <si>
    <t>buurt_gegeneraliseerd_2021.83d75a0d-00b7-4b95-89a4-98edd4d4ef0e</t>
  </si>
  <si>
    <t>BU03920404</t>
  </si>
  <si>
    <t>2021BU03920404</t>
  </si>
  <si>
    <t>Natuurkundigenbuurt-west</t>
  </si>
  <si>
    <t>buurt_gegeneraliseerd_2021.5efa5ad8-e9b4-4325-8ae5-c4369cd4ba75</t>
  </si>
  <si>
    <t>BU03920405</t>
  </si>
  <si>
    <t>2021BU03920405</t>
  </si>
  <si>
    <t>Natuurkundigenbuurt-oost</t>
  </si>
  <si>
    <t>buurt_gegeneraliseerd_2021.f2e6949d-93f9-4633-a6ae-c4a62f60b6d3</t>
  </si>
  <si>
    <t>BU03920501</t>
  </si>
  <si>
    <t>2021BU03920501</t>
  </si>
  <si>
    <t>Veldzigt</t>
  </si>
  <si>
    <t>buurt_gegeneraliseerd_2021.6b7dcb03-c2a5-47ac-a2f6-1d37067c8a19</t>
  </si>
  <si>
    <t>BU03920502</t>
  </si>
  <si>
    <t>2021BU03920502</t>
  </si>
  <si>
    <t>buurt_gegeneraliseerd_2021.00d8589f-5c37-4d1e-af82-a22223b939a3</t>
  </si>
  <si>
    <t>BU03920503</t>
  </si>
  <si>
    <t>2021BU03920503</t>
  </si>
  <si>
    <t>Ramplaankwartier</t>
  </si>
  <si>
    <t>buurt_gegeneraliseerd_2021.49f188f9-1a5d-4156-9008-c164bd54b8ac</t>
  </si>
  <si>
    <t>BU03920504</t>
  </si>
  <si>
    <t>2021BU03920504</t>
  </si>
  <si>
    <t>Tuinbouwgebied-noord</t>
  </si>
  <si>
    <t>buurt_gegeneraliseerd_2021.eb1286f0-03fb-45ff-9898-f054cb6fe781</t>
  </si>
  <si>
    <t>BU03920505</t>
  </si>
  <si>
    <t>2021BU03920505</t>
  </si>
  <si>
    <t>Tuinbouwgebied-zuid</t>
  </si>
  <si>
    <t>buurt_gegeneraliseerd_2021.b7fd7d74-4813-4a90-8d5d-0711ba16a476</t>
  </si>
  <si>
    <t>BU03920506</t>
  </si>
  <si>
    <t>2021BU03920506</t>
  </si>
  <si>
    <t>Oosterduin</t>
  </si>
  <si>
    <t>buurt_gegeneraliseerd_2021.6cbf3b88-8c03-44d9-99d9-34111231f5a6</t>
  </si>
  <si>
    <t>BU03920601</t>
  </si>
  <si>
    <t>2021BU03920601</t>
  </si>
  <si>
    <t>Sportliedenbuurt</t>
  </si>
  <si>
    <t>buurt_gegeneraliseerd_2021.de0a9448-3919-4dce-8814-185d0981ea0e</t>
  </si>
  <si>
    <t>BU03920602</t>
  </si>
  <si>
    <t>2021BU03920602</t>
  </si>
  <si>
    <t>Waarderpolder</t>
  </si>
  <si>
    <t>buurt_gegeneraliseerd_2021.ec431710-3555-4cf1-85e5-79b9be001c2a</t>
  </si>
  <si>
    <t>BU03920603</t>
  </si>
  <si>
    <t>2021BU03920603</t>
  </si>
  <si>
    <t>Schoteroog en Veerpolder</t>
  </si>
  <si>
    <t>buurt_gegeneraliseerd_2021.1088d12b-d409-499b-a687-ff0a15e3446e</t>
  </si>
  <si>
    <t>BU03920701</t>
  </si>
  <si>
    <t>2021BU03920701</t>
  </si>
  <si>
    <t>Oude Amsterdamsebuurt</t>
  </si>
  <si>
    <t>buurt_gegeneraliseerd_2021.f52bce90-5794-4d41-bc16-73761cbb9596</t>
  </si>
  <si>
    <t>BU03920702</t>
  </si>
  <si>
    <t>2021BU03920702</t>
  </si>
  <si>
    <t>Potgieterbuurt</t>
  </si>
  <si>
    <t>buurt_gegeneraliseerd_2021.f27b6ad8-5959-4890-9863-953ff32f39f3</t>
  </si>
  <si>
    <t>BU03920703</t>
  </si>
  <si>
    <t>2021BU03920703</t>
  </si>
  <si>
    <t>Cremerbuurt</t>
  </si>
  <si>
    <t>buurt_gegeneraliseerd_2021.1a1da4d2-747e-4f64-ae4c-0bfe26ebaad2</t>
  </si>
  <si>
    <t>BU03920704</t>
  </si>
  <si>
    <t>2021BU03920704</t>
  </si>
  <si>
    <t>Van Zeggelenbuurt</t>
  </si>
  <si>
    <t>buurt_gegeneraliseerd_2021.8db3f771-93d0-42ba-9524-6cfcdba124f9</t>
  </si>
  <si>
    <t>BU03920801</t>
  </si>
  <si>
    <t>2021BU03920801</t>
  </si>
  <si>
    <t>Kruistochtbuurt</t>
  </si>
  <si>
    <t>buurt_gegeneraliseerd_2021.7891eba5-8412-47b4-9277-491aa6205589</t>
  </si>
  <si>
    <t>BU03920802</t>
  </si>
  <si>
    <t>2021BU03920802</t>
  </si>
  <si>
    <t>Componistenbuurt</t>
  </si>
  <si>
    <t>buurt_gegeneraliseerd_2021.3061d1d4-4b07-4e15-8d1f-c7cfecb96d4e</t>
  </si>
  <si>
    <t>BU03920803</t>
  </si>
  <si>
    <t>2021BU03920803</t>
  </si>
  <si>
    <t>Karolingenbuurt</t>
  </si>
  <si>
    <t>buurt_gegeneraliseerd_2021.bb73d251-50bd-4a9f-bec8-c7a2502223fb</t>
  </si>
  <si>
    <t>BU03920804</t>
  </si>
  <si>
    <t>2021BU03920804</t>
  </si>
  <si>
    <t>Verzetsliedenbuurt</t>
  </si>
  <si>
    <t>buurt_gegeneraliseerd_2021.ef2516a6-e2b5-4c1f-90b1-b76987990457</t>
  </si>
  <si>
    <t>BU03920901</t>
  </si>
  <si>
    <t>2021BU03920901</t>
  </si>
  <si>
    <t>buurt_gegeneraliseerd_2021.9ad554d6-5584-447b-a71b-bf59eaf6ead9</t>
  </si>
  <si>
    <t>BU03920902</t>
  </si>
  <si>
    <t>2021BU03920902</t>
  </si>
  <si>
    <t>Zuiderpolder-noord</t>
  </si>
  <si>
    <t>buurt_gegeneraliseerd_2021.4701b8b1-c047-43dd-b9c6-806921faac51</t>
  </si>
  <si>
    <t>BU03920903</t>
  </si>
  <si>
    <t>2021BU03920903</t>
  </si>
  <si>
    <t>Buitengebied Zuiderpolder</t>
  </si>
  <si>
    <t>buurt_gegeneraliseerd_2021.9a08c3a3-d868-423e-a0e7-c4d6b62cf88f</t>
  </si>
  <si>
    <t>BU03920904</t>
  </si>
  <si>
    <t>2021BU03920904</t>
  </si>
  <si>
    <t>Kunstschildersbuurt</t>
  </si>
  <si>
    <t>buurt_gegeneraliseerd_2021.5667faa0-edaa-4c8f-933f-97f0607f0ced</t>
  </si>
  <si>
    <t>BU03920905</t>
  </si>
  <si>
    <t>2021BU03920905</t>
  </si>
  <si>
    <t>Zuiderpolder-zuid</t>
  </si>
  <si>
    <t>buurt_gegeneraliseerd_2021.294fc6f2-ee24-4954-9fd5-ed859bad785c</t>
  </si>
  <si>
    <t>BU03920906</t>
  </si>
  <si>
    <t>2021BU03920906</t>
  </si>
  <si>
    <t>Reinaldapark</t>
  </si>
  <si>
    <t>buurt_gegeneraliseerd_2021.56d5cd4a-7f53-48b4-acba-85e0e822d694</t>
  </si>
  <si>
    <t>BU03921001</t>
  </si>
  <si>
    <t>2021BU03921001</t>
  </si>
  <si>
    <t>Generaalsbuurt</t>
  </si>
  <si>
    <t>buurt_gegeneraliseerd_2021.72f4a4fa-071c-4b41-bb37-b690a6f16296</t>
  </si>
  <si>
    <t>BU03921002</t>
  </si>
  <si>
    <t>2021BU03921002</t>
  </si>
  <si>
    <t>De Goede Hoop</t>
  </si>
  <si>
    <t>buurt_gegeneraliseerd_2021.0e1d38ce-dc5c-4776-8668-82ab4d0e9042</t>
  </si>
  <si>
    <t>BU03921003</t>
  </si>
  <si>
    <t>2021BU03921003</t>
  </si>
  <si>
    <t>Nelson Mandelabuurt</t>
  </si>
  <si>
    <t>buurt_gegeneraliseerd_2021.6ab3a283-5959-4cf7-8db7-892321f9c319</t>
  </si>
  <si>
    <t>BU03921004</t>
  </si>
  <si>
    <t>2021BU03921004</t>
  </si>
  <si>
    <t>buurt_gegeneraliseerd_2021.45246ad6-ca3b-4529-a136-18a92dd3cd88</t>
  </si>
  <si>
    <t>BU03921005</t>
  </si>
  <si>
    <t>2021BU03921005</t>
  </si>
  <si>
    <t>Patrimoniumbuurt</t>
  </si>
  <si>
    <t>buurt_gegeneraliseerd_2021.e6a19930-527d-4b86-a4ef-45daedc90afd</t>
  </si>
  <si>
    <t>BU03921101</t>
  </si>
  <si>
    <t>2021BU03921101</t>
  </si>
  <si>
    <t>Medanbuurt</t>
  </si>
  <si>
    <t>buurt_gegeneraliseerd_2021.a1447679-0332-4e5f-9beb-d78a1df9a1eb</t>
  </si>
  <si>
    <t>BU03921102</t>
  </si>
  <si>
    <t>2021BU03921102</t>
  </si>
  <si>
    <t>Nieuw-Guineabuurt</t>
  </si>
  <si>
    <t>buurt_gegeneraliseerd_2021.bb8f0bfb-cd9b-4d29-84f1-71ba1341ca6d</t>
  </si>
  <si>
    <t>BU03921103</t>
  </si>
  <si>
    <t>2021BU03921103</t>
  </si>
  <si>
    <t>Weltevredenbuurt</t>
  </si>
  <si>
    <t>buurt_gegeneraliseerd_2021.b85d238c-7cd8-4df1-a650-8305863cce1c</t>
  </si>
  <si>
    <t>BU03921104</t>
  </si>
  <si>
    <t>2021BU03921104</t>
  </si>
  <si>
    <t>Molukkenbuurt</t>
  </si>
  <si>
    <t>buurt_gegeneraliseerd_2021.e5507e2d-3953-4e87-a17e-ad2020ab64aa</t>
  </si>
  <si>
    <t>BU03921105</t>
  </si>
  <si>
    <t>2021BU03921105</t>
  </si>
  <si>
    <t>Soendabuurt</t>
  </si>
  <si>
    <t>buurt_gegeneraliseerd_2021.3a0e5bb6-6665-4c70-9b62-093ff03d4fd9</t>
  </si>
  <si>
    <t>BU03921201</t>
  </si>
  <si>
    <t>2021BU03921201</t>
  </si>
  <si>
    <t>Bomenbuurt-west</t>
  </si>
  <si>
    <t>buurt_gegeneraliseerd_2021.0d8d0938-7047-4818-85ef-e78a6324d8fb</t>
  </si>
  <si>
    <t>BU03921202</t>
  </si>
  <si>
    <t>2021BU03921202</t>
  </si>
  <si>
    <t>Bomenbuurt-oost</t>
  </si>
  <si>
    <t>buurt_gegeneraliseerd_2021.83ef774b-bfcb-4ea8-99ae-15312f50b013</t>
  </si>
  <si>
    <t>BU03921203</t>
  </si>
  <si>
    <t>2021BU03921203</t>
  </si>
  <si>
    <t>Schoterveenpolder</t>
  </si>
  <si>
    <t>buurt_gegeneraliseerd_2021.bfb49bf7-6cf1-492e-99ee-f0bd97d2b1e3</t>
  </si>
  <si>
    <t>BU03921204</t>
  </si>
  <si>
    <t>2021BU03921204</t>
  </si>
  <si>
    <t>Kweektuinbuurt</t>
  </si>
  <si>
    <t>buurt_gegeneraliseerd_2021.b2a2b6a9-7518-4f49-a4d7-76bb42cfc2f3</t>
  </si>
  <si>
    <t>BU03921205</t>
  </si>
  <si>
    <t>2021BU03921205</t>
  </si>
  <si>
    <t>Kleverpark-noord</t>
  </si>
  <si>
    <t>buurt_gegeneraliseerd_2021.e074808a-834a-4a2e-9e4b-61eff4c0ffec</t>
  </si>
  <si>
    <t>BU03921206</t>
  </si>
  <si>
    <t>2021BU03921206</t>
  </si>
  <si>
    <t>Ripperdabuurt</t>
  </si>
  <si>
    <t>buurt_gegeneraliseerd_2021.c21a4914-370c-4f3b-9ff3-be59a5c39b1b</t>
  </si>
  <si>
    <t>BU03921207</t>
  </si>
  <si>
    <t>2021BU03921207</t>
  </si>
  <si>
    <t>Kleverpark-zuid</t>
  </si>
  <si>
    <t>buurt_gegeneraliseerd_2021.ee75aa2a-bece-4847-b819-c45828453b28</t>
  </si>
  <si>
    <t>BU03921301</t>
  </si>
  <si>
    <t>2021BU03921301</t>
  </si>
  <si>
    <t>Noorderhout</t>
  </si>
  <si>
    <t>buurt_gegeneraliseerd_2021.980e9b8f-72d0-4b7f-89f9-723b88eebf5c</t>
  </si>
  <si>
    <t>BU03921302</t>
  </si>
  <si>
    <t>2021BU03921302</t>
  </si>
  <si>
    <t>Schotervlieland</t>
  </si>
  <si>
    <t>buurt_gegeneraliseerd_2021.387562f1-c101-4fe0-b640-f2abdfb6b80b</t>
  </si>
  <si>
    <t>BU03921303</t>
  </si>
  <si>
    <t>2021BU03921303</t>
  </si>
  <si>
    <t>buurt_gegeneraliseerd_2021.919f89b8-ff72-4bd7-aa5b-0bf5cd390cbd</t>
  </si>
  <si>
    <t>BU03921304</t>
  </si>
  <si>
    <t>2021BU03921304</t>
  </si>
  <si>
    <t>Sinnevelt</t>
  </si>
  <si>
    <t>buurt_gegeneraliseerd_2021.7ae41f90-e961-4d57-aef0-68bd64eca185</t>
  </si>
  <si>
    <t>BU03921305</t>
  </si>
  <si>
    <t>2021BU03921305</t>
  </si>
  <si>
    <t>buurt_gegeneraliseerd_2021.695fbb96-774b-4676-abaf-0f63b20ee408</t>
  </si>
  <si>
    <t>BU03921306</t>
  </si>
  <si>
    <t>2021BU03921306</t>
  </si>
  <si>
    <t>Burgemeesterskwartier</t>
  </si>
  <si>
    <t>buurt_gegeneraliseerd_2021.d70ee8b0-0611-4283-869c-cc12cf5ed98d</t>
  </si>
  <si>
    <t>BU03921307</t>
  </si>
  <si>
    <t>2021BU03921307</t>
  </si>
  <si>
    <t>Sterrenbuurt</t>
  </si>
  <si>
    <t>buurt_gegeneraliseerd_2021.742eee6b-964a-4d75-a96b-12b60dd9b0ad</t>
  </si>
  <si>
    <t>BU03921401</t>
  </si>
  <si>
    <t>2021BU03921401</t>
  </si>
  <si>
    <t>Nachtegaalbuurt</t>
  </si>
  <si>
    <t>buurt_gegeneraliseerd_2021.9ead5e0e-25db-4192-9a4d-8d46ecc1f13b</t>
  </si>
  <si>
    <t>BU03921402</t>
  </si>
  <si>
    <t>2021BU03921402</t>
  </si>
  <si>
    <t>Meeuwenbuurt</t>
  </si>
  <si>
    <t>buurt_gegeneraliseerd_2021.50dc4b30-08ed-42c5-82ed-4cc7b3e9642e</t>
  </si>
  <si>
    <t>BU03921403</t>
  </si>
  <si>
    <t>2021BU03921403</t>
  </si>
  <si>
    <t>Dietsveld</t>
  </si>
  <si>
    <t>buurt_gegeneraliseerd_2021.db9763bf-19ef-430b-9d85-1ce2845a442d</t>
  </si>
  <si>
    <t>BU03921404</t>
  </si>
  <si>
    <t>2021BU03921404</t>
  </si>
  <si>
    <t>Spaarndammerpolder-zuid</t>
  </si>
  <si>
    <t>buurt_gegeneraliseerd_2021.f6944b2f-be48-40ce-a565-891f0ab862a1</t>
  </si>
  <si>
    <t>BU03921501</t>
  </si>
  <si>
    <t>2021BU03921501</t>
  </si>
  <si>
    <t>buurt_gegeneraliseerd_2021.dca872aa-81bb-4c3a-a526-3e38bb3631ce</t>
  </si>
  <si>
    <t>BU03921502</t>
  </si>
  <si>
    <t>2021BU03921502</t>
  </si>
  <si>
    <t>Van Schendelbuurt</t>
  </si>
  <si>
    <t>buurt_gegeneraliseerd_2021.9c23cbbf-abb0-4625-8fde-a8ed33cdaf24</t>
  </si>
  <si>
    <t>BU03921503</t>
  </si>
  <si>
    <t>2021BU03921503</t>
  </si>
  <si>
    <t>buurt_gegeneraliseerd_2021.ed524032-2487-40f2-b2fd-2a452e3ab7a8</t>
  </si>
  <si>
    <t>BU03921601</t>
  </si>
  <si>
    <t>2021BU03921601</t>
  </si>
  <si>
    <t>Van der Aart sportpark</t>
  </si>
  <si>
    <t>buurt_gegeneraliseerd_2021.3707cd47-ebf0-4c67-96a9-a2155fbf0f9e</t>
  </si>
  <si>
    <t>BU03921602</t>
  </si>
  <si>
    <t>2021BU03921602</t>
  </si>
  <si>
    <t>Hekslootpolder</t>
  </si>
  <si>
    <t>buurt_gegeneraliseerd_2021.3880c7b8-d31e-4dc4-82e7-d3be214876c7</t>
  </si>
  <si>
    <t>BU03921603</t>
  </si>
  <si>
    <t>2021BU03921603</t>
  </si>
  <si>
    <t>Roemer Visscherbuurt</t>
  </si>
  <si>
    <t>buurt_gegeneraliseerd_2021.75b5dd72-dbb8-4028-a96a-c4488cab7502</t>
  </si>
  <si>
    <t>BU03921604</t>
  </si>
  <si>
    <t>2021BU03921604</t>
  </si>
  <si>
    <t>Muiderkring</t>
  </si>
  <si>
    <t>buurt_gegeneraliseerd_2021.8cb0fad7-6c3a-49db-a4f1-255d67899fa3</t>
  </si>
  <si>
    <t>BU03921605</t>
  </si>
  <si>
    <t>2021BU03921605</t>
  </si>
  <si>
    <t>Van Aemstelbuurt</t>
  </si>
  <si>
    <t>buurt_gegeneraliseerd_2021.28ffe087-b093-4a08-93e9-0cb944b44aa5</t>
  </si>
  <si>
    <t>BU03921701</t>
  </si>
  <si>
    <t>2021BU03921701</t>
  </si>
  <si>
    <t>Oude Spaarndammerpolder</t>
  </si>
  <si>
    <t>buurt_gegeneraliseerd_2021.6bd0de9d-7f8e-4906-89a1-16329713a912</t>
  </si>
  <si>
    <t>BU03921702</t>
  </si>
  <si>
    <t>2021BU03921702</t>
  </si>
  <si>
    <t>Oud Spaarndam</t>
  </si>
  <si>
    <t>buurt_gegeneraliseerd_2021.e391ceae-9c63-45cd-9806-a16f30357d80</t>
  </si>
  <si>
    <t>BU03921801</t>
  </si>
  <si>
    <t>2021BU03921801</t>
  </si>
  <si>
    <t>Romolenpolder-west</t>
  </si>
  <si>
    <t>buurt_gegeneraliseerd_2021.3672809e-7342-47a0-8231-51c88bc4f973</t>
  </si>
  <si>
    <t>BU03921802</t>
  </si>
  <si>
    <t>2021BU03921802</t>
  </si>
  <si>
    <t>buurt_gegeneraliseerd_2021.9899029a-f4ea-4144-a2fe-46cc2498d200</t>
  </si>
  <si>
    <t>BU03921803</t>
  </si>
  <si>
    <t>2021BU03921803</t>
  </si>
  <si>
    <t>Schoolenaer</t>
  </si>
  <si>
    <t>buurt_gegeneraliseerd_2021.58837805-d47e-4800-a6cf-619a60988154</t>
  </si>
  <si>
    <t>BU03921804</t>
  </si>
  <si>
    <t>2021BU03921804</t>
  </si>
  <si>
    <t>Landenbuurt</t>
  </si>
  <si>
    <t>buurt_gegeneraliseerd_2021.2beff26a-4d8c-4c5b-a1c3-537b3258eb26</t>
  </si>
  <si>
    <t>BU03921805</t>
  </si>
  <si>
    <t>2021BU03921805</t>
  </si>
  <si>
    <t>buurt_gegeneraliseerd_2021.0375ee70-b811-42ad-951f-8da1e4b9cc40</t>
  </si>
  <si>
    <t>BU03921806</t>
  </si>
  <si>
    <t>2021BU03921806</t>
  </si>
  <si>
    <t>Stedenbuurt-west</t>
  </si>
  <si>
    <t>buurt_gegeneraliseerd_2021.0a3ede83-8916-44c4-b664-d39bc9e12d88</t>
  </si>
  <si>
    <t>BU03921807</t>
  </si>
  <si>
    <t>2021BU03921807</t>
  </si>
  <si>
    <t>Stedenbuurt-oost</t>
  </si>
  <si>
    <t>buurt_gegeneraliseerd_2021.81102a60-bf24-4878-ba64-7edcb109851e</t>
  </si>
  <si>
    <t>BU03921901</t>
  </si>
  <si>
    <t>2021BU03921901</t>
  </si>
  <si>
    <t>Romolenpolder-oost</t>
  </si>
  <si>
    <t>buurt_gegeneraliseerd_2021.4aa7a312-7111-40b6-b8a7-a05e791f2e78</t>
  </si>
  <si>
    <t>BU03921902</t>
  </si>
  <si>
    <t>2021BU03921902</t>
  </si>
  <si>
    <t>Boerhaavevaart</t>
  </si>
  <si>
    <t>buurt_gegeneraliseerd_2021.7b077411-f27f-4efe-b99d-9e9cbf31f99d</t>
  </si>
  <si>
    <t>BU03921903</t>
  </si>
  <si>
    <t>2021BU03921903</t>
  </si>
  <si>
    <t>Geleerdenbuurt</t>
  </si>
  <si>
    <t>buurt_gegeneraliseerd_2021.883844c4-ee79-48af-bf30-331ede3bc950</t>
  </si>
  <si>
    <t>BU03921904</t>
  </si>
  <si>
    <t>2021BU03921904</t>
  </si>
  <si>
    <t>Professorenbuurt</t>
  </si>
  <si>
    <t>buurt_gegeneraliseerd_2021.ebab1691-6c89-4709-89d0-d77525129301</t>
  </si>
  <si>
    <t>BU03921905</t>
  </si>
  <si>
    <t>2021BU03921905</t>
  </si>
  <si>
    <t>Poelpolder-noord</t>
  </si>
  <si>
    <t>buurt_gegeneraliseerd_2021.7d6fc202-1c6e-45df-813e-2eab938ff1c2</t>
  </si>
  <si>
    <t>BU03921906</t>
  </si>
  <si>
    <t>2021BU03921906</t>
  </si>
  <si>
    <t>Geneesherenbuurt</t>
  </si>
  <si>
    <t>buurt_gegeneraliseerd_2021.1ecf39b6-1a7b-4b1c-97ad-936c64375266</t>
  </si>
  <si>
    <t>BU03922001</t>
  </si>
  <si>
    <t>2021BU03922001</t>
  </si>
  <si>
    <t>Zuid-Schalkwijkerweg</t>
  </si>
  <si>
    <t>buurt_gegeneraliseerd_2021.9aa5db45-5d53-4d03-a6ad-feda894ad4bb</t>
  </si>
  <si>
    <t>BU03922002</t>
  </si>
  <si>
    <t>2021BU03922002</t>
  </si>
  <si>
    <t>Hondsbos-Dever</t>
  </si>
  <si>
    <t>buurt_gegeneraliseerd_2021.1a5b1268-7698-4cb3-9acd-d9db282a8736</t>
  </si>
  <si>
    <t>BU03922003</t>
  </si>
  <si>
    <t>2021BU03922003</t>
  </si>
  <si>
    <t>Waddenbuurt</t>
  </si>
  <si>
    <t>buurt_gegeneraliseerd_2021.698d85fa-031b-4fc6-b417-8d596a7bbc97</t>
  </si>
  <si>
    <t>BU03922004</t>
  </si>
  <si>
    <t>2021BU03922004</t>
  </si>
  <si>
    <t>Ellertsveld</t>
  </si>
  <si>
    <t>buurt_gegeneraliseerd_2021.790a64f9-d786-4c69-b639-75617f8c491d</t>
  </si>
  <si>
    <t>BU03922005</t>
  </si>
  <si>
    <t>2021BU03922005</t>
  </si>
  <si>
    <t>buurt_gegeneraliseerd_2021.9e1f05ee-d24b-4ac0-9576-de4282ec5eb1</t>
  </si>
  <si>
    <t>BU03922006</t>
  </si>
  <si>
    <t>2021BU03922006</t>
  </si>
  <si>
    <t>Saeftinge-Nemelaar</t>
  </si>
  <si>
    <t>buurt_gegeneraliseerd_2021.49798201-28db-47d1-8f73-1718b04635c4</t>
  </si>
  <si>
    <t>BU03922007</t>
  </si>
  <si>
    <t>2021BU03922007</t>
  </si>
  <si>
    <t>Molenplas</t>
  </si>
  <si>
    <t>buurt_gegeneraliseerd_2021.ad64f475-2526-4071-9b1d-4a16be5f5d49</t>
  </si>
  <si>
    <t>BU03922101</t>
  </si>
  <si>
    <t>2021BU03922101</t>
  </si>
  <si>
    <t>Winkelcentrum Schalkwijk</t>
  </si>
  <si>
    <t>buurt_gegeneraliseerd_2021.e21c613e-25a7-473b-b8fd-8d714c596103</t>
  </si>
  <si>
    <t>BU03922102</t>
  </si>
  <si>
    <t>2021BU03922102</t>
  </si>
  <si>
    <t>Spijkerboorbuurt</t>
  </si>
  <si>
    <t>buurt_gegeneraliseerd_2021.36fb66ad-0c0d-490a-bfb0-7159507cc9ce</t>
  </si>
  <si>
    <t>BU03922103</t>
  </si>
  <si>
    <t>2021BU03922103</t>
  </si>
  <si>
    <t>Nobelprijsbuurt</t>
  </si>
  <si>
    <t>buurt_gegeneraliseerd_2021.d5560d29-bdf9-4d44-ab19-0d6fd3b4475e</t>
  </si>
  <si>
    <t>BU03922104</t>
  </si>
  <si>
    <t>2021BU03922104</t>
  </si>
  <si>
    <t>Poelpolder-zuid</t>
  </si>
  <si>
    <t>buurt_gegeneraliseerd_2021.72a1704c-f1bd-48ab-9e70-3e52fc815506</t>
  </si>
  <si>
    <t>BU03922105</t>
  </si>
  <si>
    <t>2021BU03922105</t>
  </si>
  <si>
    <t>Archimedesbuurt</t>
  </si>
  <si>
    <t>buurt_gegeneraliseerd_2021.3c9ad5b1-da1c-4ace-899a-e5dad49ea923</t>
  </si>
  <si>
    <t>BU03922106</t>
  </si>
  <si>
    <t>2021BU03922106</t>
  </si>
  <si>
    <t>Erasmusbuurt</t>
  </si>
  <si>
    <t>buurt_gegeneraliseerd_2021.1d9edeef-360a-4abc-947b-f26e6b889ce3</t>
  </si>
  <si>
    <t>BU03922107</t>
  </si>
  <si>
    <t>2021BU03922107</t>
  </si>
  <si>
    <t>Meerwijkplas</t>
  </si>
  <si>
    <t>buurt_gegeneraliseerd_2021.31d4d773-57f5-44fe-8a66-ef1b590271d8</t>
  </si>
  <si>
    <t>BU03940101</t>
  </si>
  <si>
    <t>2021BU03940101</t>
  </si>
  <si>
    <t>Hoofddorp West</t>
  </si>
  <si>
    <t>GM0394</t>
  </si>
  <si>
    <t>buurt_gegeneraliseerd_2021.82c16345-32fa-4b98-aa89-4d383602d57e</t>
  </si>
  <si>
    <t>BU03940102</t>
  </si>
  <si>
    <t>2021BU03940102</t>
  </si>
  <si>
    <t>Hoofddorp Zuid</t>
  </si>
  <si>
    <t>buurt_gegeneraliseerd_2021.781e078e-2031-4a73-8eb0-27f6fa91e8af</t>
  </si>
  <si>
    <t>BU03940103</t>
  </si>
  <si>
    <t>2021BU03940103</t>
  </si>
  <si>
    <t>Hoofddorp Graan voor Visch</t>
  </si>
  <si>
    <t>buurt_gegeneraliseerd_2021.b95f3427-17f8-45f5-85fc-9d189794dfe1</t>
  </si>
  <si>
    <t>BU03940104</t>
  </si>
  <si>
    <t>2021BU03940104</t>
  </si>
  <si>
    <t>Hoofddorp Oost</t>
  </si>
  <si>
    <t>buurt_gegeneraliseerd_2021.57b50a0a-7c0c-4af7-acb0-3ce64ebfd39c</t>
  </si>
  <si>
    <t>BU03940105</t>
  </si>
  <si>
    <t>2021BU03940105</t>
  </si>
  <si>
    <t>Hoofddorp Noord</t>
  </si>
  <si>
    <t>buurt_gegeneraliseerd_2021.6cb43132-ec41-4937-8915-5c74ec7fed12</t>
  </si>
  <si>
    <t>BU03940106</t>
  </si>
  <si>
    <t>2021BU03940106</t>
  </si>
  <si>
    <t>Hoofddorp Pax West</t>
  </si>
  <si>
    <t>buurt_gegeneraliseerd_2021.fa80a6d4-95d7-48ca-a8f1-ae6bbf698843</t>
  </si>
  <si>
    <t>BU03940107</t>
  </si>
  <si>
    <t>2021BU03940107</t>
  </si>
  <si>
    <t>Hoofddorp Pax Oost</t>
  </si>
  <si>
    <t>buurt_gegeneraliseerd_2021.459fa6bd-847a-40c0-8336-de8a124cb046</t>
  </si>
  <si>
    <t>BU03940108</t>
  </si>
  <si>
    <t>2021BU03940108</t>
  </si>
  <si>
    <t>Hoofddorp Bornholm West</t>
  </si>
  <si>
    <t>buurt_gegeneraliseerd_2021.e0081fdd-a687-4dac-bdc1-02388c9b4edf</t>
  </si>
  <si>
    <t>BU03940109</t>
  </si>
  <si>
    <t>2021BU03940109</t>
  </si>
  <si>
    <t>Hoofddorp Bornholm Oost</t>
  </si>
  <si>
    <t>buurt_gegeneraliseerd_2021.08890d8f-b0cd-4250-810d-2babbda606e7</t>
  </si>
  <si>
    <t>BU03940111</t>
  </si>
  <si>
    <t>2021BU03940111</t>
  </si>
  <si>
    <t>Hoofddorp Overbos Noord</t>
  </si>
  <si>
    <t>buurt_gegeneraliseerd_2021.50c942a7-ca69-4a50-baaa-ee358698bc25</t>
  </si>
  <si>
    <t>BU03940112</t>
  </si>
  <si>
    <t>2021BU03940112</t>
  </si>
  <si>
    <t>Hoofddorp Overbos Zuid</t>
  </si>
  <si>
    <t>buurt_gegeneraliseerd_2021.d4c997dd-cc81-4e76-9fc2-333a9c8ac2f0</t>
  </si>
  <si>
    <t>BU03940113</t>
  </si>
  <si>
    <t>2021BU03940113</t>
  </si>
  <si>
    <t>Hoofddorp Toolenburg West</t>
  </si>
  <si>
    <t>buurt_gegeneraliseerd_2021.a8a9d82e-8f26-4713-ab78-5d23c44dcf83</t>
  </si>
  <si>
    <t>BU03940114</t>
  </si>
  <si>
    <t>2021BU03940114</t>
  </si>
  <si>
    <t>Hoofddorp Toolenburg Oost</t>
  </si>
  <si>
    <t>buurt_gegeneraliseerd_2021.9ba451a1-22f6-43e8-b3d5-5461c8272c9d</t>
  </si>
  <si>
    <t>BU03940115</t>
  </si>
  <si>
    <t>2021BU03940115</t>
  </si>
  <si>
    <t>Hoofddorp Vrijschot Noord</t>
  </si>
  <si>
    <t>buurt_gegeneraliseerd_2021.c6f6936a-d39c-4256-a597-869bdbc4f39d</t>
  </si>
  <si>
    <t>BU03940116</t>
  </si>
  <si>
    <t>2021BU03940116</t>
  </si>
  <si>
    <t>Hoofddorp Floriande West</t>
  </si>
  <si>
    <t>buurt_gegeneraliseerd_2021.003b3f78-39e7-424e-b522-84788e50fafd</t>
  </si>
  <si>
    <t>BU03940117</t>
  </si>
  <si>
    <t>2021BU03940117</t>
  </si>
  <si>
    <t>Hoofddorp Floriande Oost</t>
  </si>
  <si>
    <t>buurt_gegeneraliseerd_2021.316690a9-8b5a-408e-88c6-6941c6f9869f</t>
  </si>
  <si>
    <t>BU03940118</t>
  </si>
  <si>
    <t>2021BU03940118</t>
  </si>
  <si>
    <t>Hoofddorp Toolenburg Zuid</t>
  </si>
  <si>
    <t>buurt_gegeneraliseerd_2021.34371ee9-6ef8-4d78-a0c0-258b1dd69530</t>
  </si>
  <si>
    <t>BU03940119</t>
  </si>
  <si>
    <t>2021BU03940119</t>
  </si>
  <si>
    <t>Hoofddorp De Landman</t>
  </si>
  <si>
    <t>buurt_gegeneraliseerd_2021.c012bb89-06b6-47e5-8ac6-289613741e49</t>
  </si>
  <si>
    <t>BU03940122</t>
  </si>
  <si>
    <t>2021BU03940122</t>
  </si>
  <si>
    <t>Hoofddorp Omgeving</t>
  </si>
  <si>
    <t>buurt_gegeneraliseerd_2021.aa59aea4-820a-44d8-925f-e5fa9f5faeeb</t>
  </si>
  <si>
    <t>BU03940123</t>
  </si>
  <si>
    <t>2021BU03940123</t>
  </si>
  <si>
    <t>Hoofddorp De Hoek</t>
  </si>
  <si>
    <t>buurt_gegeneraliseerd_2021.89121836-cc06-4390-b4c5-ce1052141b3c</t>
  </si>
  <si>
    <t>BU03940124</t>
  </si>
  <si>
    <t>2021BU03940124</t>
  </si>
  <si>
    <t>Hoofddorp Graan voor Visch Zuid</t>
  </si>
  <si>
    <t>buurt_gegeneraliseerd_2021.a45a72e8-1ba3-4bbd-9c28-eaa0148f4984</t>
  </si>
  <si>
    <t>BU03940125</t>
  </si>
  <si>
    <t>2021BU03940125</t>
  </si>
  <si>
    <t>Hoofddorp Beukenhorst Oost</t>
  </si>
  <si>
    <t>buurt_gegeneraliseerd_2021.c1cdf126-fe33-4e7d-98c5-3ae87e44f104</t>
  </si>
  <si>
    <t>BU03940126</t>
  </si>
  <si>
    <t>2021BU03940126</t>
  </si>
  <si>
    <t>Hoofddorp De President</t>
  </si>
  <si>
    <t>buurt_gegeneraliseerd_2021.0e69a587-a703-40c2-87f4-5f41900f3f7c</t>
  </si>
  <si>
    <t>BU03940127</t>
  </si>
  <si>
    <t>2021BU03940127</t>
  </si>
  <si>
    <t>Hoofddorp Buiten</t>
  </si>
  <si>
    <t>buurt_gegeneraliseerd_2021.b956de8d-65fa-4070-af4c-efaa70c25115</t>
  </si>
  <si>
    <t>BU03940230</t>
  </si>
  <si>
    <t>2021BU03940230</t>
  </si>
  <si>
    <t>Nieuw-Vennep Oost</t>
  </si>
  <si>
    <t>buurt_gegeneraliseerd_2021.cff3aa3a-4ef4-4dfa-a1ba-68cadc457164</t>
  </si>
  <si>
    <t>BU03940231</t>
  </si>
  <si>
    <t>2021BU03940231</t>
  </si>
  <si>
    <t>Nieuw-Vennep Welgelegen</t>
  </si>
  <si>
    <t>buurt_gegeneraliseerd_2021.4046c9ab-0a30-48f7-83b9-49bd8a2a8282</t>
  </si>
  <si>
    <t>BU03940232</t>
  </si>
  <si>
    <t>2021BU03940232</t>
  </si>
  <si>
    <t>Nieuw-Vennep Welgelegen Noord</t>
  </si>
  <si>
    <t>buurt_gegeneraliseerd_2021.c48a8674-c55f-4473-8325-350cbae5290e</t>
  </si>
  <si>
    <t>BU03940233</t>
  </si>
  <si>
    <t>2021BU03940233</t>
  </si>
  <si>
    <t>Nieuw-Vennep West</t>
  </si>
  <si>
    <t>buurt_gegeneraliseerd_2021.bd5321a9-6c3b-4e0a-9d68-373e13bdeb53</t>
  </si>
  <si>
    <t>BU03940234</t>
  </si>
  <si>
    <t>2021BU03940234</t>
  </si>
  <si>
    <t>Nieuw-Vennep Zuid</t>
  </si>
  <si>
    <t>buurt_gegeneraliseerd_2021.acb656d0-9160-4e11-9274-640a431a4855</t>
  </si>
  <si>
    <t>BU03940235</t>
  </si>
  <si>
    <t>2021BU03940235</t>
  </si>
  <si>
    <t>Nieuw-Vennep Linquenda</t>
  </si>
  <si>
    <t>buurt_gegeneraliseerd_2021.3951e196-1f44-4ad2-be16-dea26b78f34f</t>
  </si>
  <si>
    <t>BU03940236</t>
  </si>
  <si>
    <t>2021BU03940236</t>
  </si>
  <si>
    <t>Nieuw-Vennep Getsewoud Noord</t>
  </si>
  <si>
    <t>buurt_gegeneraliseerd_2021.7c93d18c-4545-4551-b5f2-6253c2401d70</t>
  </si>
  <si>
    <t>BU03940237</t>
  </si>
  <si>
    <t>2021BU03940237</t>
  </si>
  <si>
    <t>Nieuw-Vennep Getsewoud Zuid</t>
  </si>
  <si>
    <t>buurt_gegeneraliseerd_2021.32c8193a-1b5e-40a1-826f-24dc66bd02b5</t>
  </si>
  <si>
    <t>BU03940239</t>
  </si>
  <si>
    <t>2021BU03940239</t>
  </si>
  <si>
    <t>Nieuw-Vennep Wilhelminahoeve</t>
  </si>
  <si>
    <t>buurt_gegeneraliseerd_2021.a149d3eb-c8cc-4f9e-a7dc-4f5c205c52a8</t>
  </si>
  <si>
    <t>BU03940240</t>
  </si>
  <si>
    <t>2021BU03940240</t>
  </si>
  <si>
    <t>Nieuw-Vennep Omgeving</t>
  </si>
  <si>
    <t>buurt_gegeneraliseerd_2021.a14705ed-881d-4012-8013-89d1174e5b06</t>
  </si>
  <si>
    <t>BU03940241</t>
  </si>
  <si>
    <t>2021BU03940241</t>
  </si>
  <si>
    <t>Nieuw-Vennep 't Kabel</t>
  </si>
  <si>
    <t>buurt_gegeneraliseerd_2021.17fe3892-4ce5-4751-a51a-50f817c05c86</t>
  </si>
  <si>
    <t>BU03940343</t>
  </si>
  <si>
    <t>2021BU03940343</t>
  </si>
  <si>
    <t>Zwanenburg West</t>
  </si>
  <si>
    <t>buurt_gegeneraliseerd_2021.84fc64df-198d-409e-9395-80b9dfe728e5</t>
  </si>
  <si>
    <t>BU03940344</t>
  </si>
  <si>
    <t>2021BU03940344</t>
  </si>
  <si>
    <t>Zwanenburg Zuidwest</t>
  </si>
  <si>
    <t>buurt_gegeneraliseerd_2021.f1e4defa-f54c-48a2-9d14-93c7e9b1a98b</t>
  </si>
  <si>
    <t>BU03940345</t>
  </si>
  <si>
    <t>2021BU03940345</t>
  </si>
  <si>
    <t>Zwanenburg Zuidoost</t>
  </si>
  <si>
    <t>buurt_gegeneraliseerd_2021.4a101e70-f336-4ea8-81fd-b7e36a1a0dfe</t>
  </si>
  <si>
    <t>BU03940346</t>
  </si>
  <si>
    <t>2021BU03940346</t>
  </si>
  <si>
    <t>Zwanenburg Oost</t>
  </si>
  <si>
    <t>buurt_gegeneraliseerd_2021.26de0f8d-b74c-49c2-a9af-d31d7b394c76</t>
  </si>
  <si>
    <t>BU03940347</t>
  </si>
  <si>
    <t>2021BU03940347</t>
  </si>
  <si>
    <t>Zwanenburg Noordoost</t>
  </si>
  <si>
    <t>buurt_gegeneraliseerd_2021.34e87ffa-2998-4cde-9ea6-f3e9382d2a87</t>
  </si>
  <si>
    <t>BU03940348</t>
  </si>
  <si>
    <t>2021BU03940348</t>
  </si>
  <si>
    <t>Zwanenburg Noordwest</t>
  </si>
  <si>
    <t>buurt_gegeneraliseerd_2021.bd105c45-7d9e-4e3c-a1c3-66b0e051d1e3</t>
  </si>
  <si>
    <t>BU03940349</t>
  </si>
  <si>
    <t>2021BU03940349</t>
  </si>
  <si>
    <t>Zwanenburg Dijk</t>
  </si>
  <si>
    <t>buurt_gegeneraliseerd_2021.472c9192-f445-42e8-b126-5ee46a88c226</t>
  </si>
  <si>
    <t>BU03940350</t>
  </si>
  <si>
    <t>2021BU03940350</t>
  </si>
  <si>
    <t>Zwanenburg Omgeving</t>
  </si>
  <si>
    <t>buurt_gegeneraliseerd_2021.24e92165-dc71-4a26-b692-47da8852db46</t>
  </si>
  <si>
    <t>BU03940429</t>
  </si>
  <si>
    <t>2021BU03940429</t>
  </si>
  <si>
    <t>Lijnden Omgeving</t>
  </si>
  <si>
    <t>buurt_gegeneraliseerd_2021.f636c84b-d91e-4757-b16b-80329ef3f633</t>
  </si>
  <si>
    <t>BU03940465</t>
  </si>
  <si>
    <t>2021BU03940465</t>
  </si>
  <si>
    <t>Lijnden</t>
  </si>
  <si>
    <t>buurt_gegeneraliseerd_2021.8a4a8aa0-8a4c-4d71-95d4-adac5e33ab76</t>
  </si>
  <si>
    <t>BU03940466</t>
  </si>
  <si>
    <t>2021BU03940466</t>
  </si>
  <si>
    <t>Boesingheliede</t>
  </si>
  <si>
    <t>buurt_gegeneraliseerd_2021.1c8aa2af-d64c-4a63-9184-2c74ac52315d</t>
  </si>
  <si>
    <t>BU03940551</t>
  </si>
  <si>
    <t>2021BU03940551</t>
  </si>
  <si>
    <t>Badhoevedorp Omgeving</t>
  </si>
  <si>
    <t>buurt_gegeneraliseerd_2021.0fe4dff5-e1ff-43ca-8cd5-f8da76fbb700</t>
  </si>
  <si>
    <t>BU03940552</t>
  </si>
  <si>
    <t>2021BU03940552</t>
  </si>
  <si>
    <t>Badhoevedorp Noordwest</t>
  </si>
  <si>
    <t>buurt_gegeneraliseerd_2021.f5b7adc9-9a55-4a86-80b4-8cc1aae1af5e</t>
  </si>
  <si>
    <t>BU03940553</t>
  </si>
  <si>
    <t>2021BU03940553</t>
  </si>
  <si>
    <t>Badhoevedorp West</t>
  </si>
  <si>
    <t>buurt_gegeneraliseerd_2021.1cbb4ace-5ce0-44a4-bc69-4616baca40c1</t>
  </si>
  <si>
    <t>BU03940554</t>
  </si>
  <si>
    <t>2021BU03940554</t>
  </si>
  <si>
    <t>Badhoevedorp Bouwlust</t>
  </si>
  <si>
    <t>buurt_gegeneraliseerd_2021.122d039c-b110-4b65-bd98-82fbcddbda17</t>
  </si>
  <si>
    <t>BU03940556</t>
  </si>
  <si>
    <t>2021BU03940556</t>
  </si>
  <si>
    <t>Badhoevedorp Zuid</t>
  </si>
  <si>
    <t>buurt_gegeneraliseerd_2021.7b8bd19a-a5d5-4498-869d-aa014b868b14</t>
  </si>
  <si>
    <t>BU03940557</t>
  </si>
  <si>
    <t>2021BU03940557</t>
  </si>
  <si>
    <t>Badhoevedorp Centrum</t>
  </si>
  <si>
    <t>buurt_gegeneraliseerd_2021.6455191c-cb24-483d-8b6b-72ec5f6ec1b9</t>
  </si>
  <si>
    <t>BU03940558</t>
  </si>
  <si>
    <t>2021BU03940558</t>
  </si>
  <si>
    <t>Badhoevedorp Noordoost</t>
  </si>
  <si>
    <t>buurt_gegeneraliseerd_2021.7b8145f8-407c-4c2d-89f1-49aef2a032a2</t>
  </si>
  <si>
    <t>BU03940559</t>
  </si>
  <si>
    <t>2021BU03940559</t>
  </si>
  <si>
    <t>Badhoevedorp Antoniushoeve</t>
  </si>
  <si>
    <t>buurt_gegeneraliseerd_2021.fe582f40-2cd7-448a-b165-2cfb1e0f9f27</t>
  </si>
  <si>
    <t>BU03940560</t>
  </si>
  <si>
    <t>2021BU03940560</t>
  </si>
  <si>
    <t>Badhoevedorp Oost</t>
  </si>
  <si>
    <t>buurt_gegeneraliseerd_2021.9967faeb-9f96-405c-9e29-db92d2859a44</t>
  </si>
  <si>
    <t>BU03940561</t>
  </si>
  <si>
    <t>2021BU03940561</t>
  </si>
  <si>
    <t>Badhoevedorp Schuilhoeve</t>
  </si>
  <si>
    <t>buurt_gegeneraliseerd_2021.f42c21a6-b8de-4234-aa5d-56656a308b9b</t>
  </si>
  <si>
    <t>BU03940562</t>
  </si>
  <si>
    <t>2021BU03940562</t>
  </si>
  <si>
    <t>Badhoevedorp Dijk</t>
  </si>
  <si>
    <t>buurt_gegeneraliseerd_2021.6c0f912d-3c8f-4f35-9bd8-f1c81e848e95</t>
  </si>
  <si>
    <t>BU03940564</t>
  </si>
  <si>
    <t>2021BU03940564</t>
  </si>
  <si>
    <t>Badhoevedorp Nieuwe Meer</t>
  </si>
  <si>
    <t>buurt_gegeneraliseerd_2021.bc3d6f3c-4b97-46fe-8964-8d83adb484d4</t>
  </si>
  <si>
    <t>BU03940674</t>
  </si>
  <si>
    <t>2021BU03940674</t>
  </si>
  <si>
    <t>Schiphol-Rijk</t>
  </si>
  <si>
    <t>buurt_gegeneraliseerd_2021.55e8830c-557e-4d76-90a4-98028175011c</t>
  </si>
  <si>
    <t>BU03940675</t>
  </si>
  <si>
    <t>2021BU03940675</t>
  </si>
  <si>
    <t>Oude Meer</t>
  </si>
  <si>
    <t>buurt_gegeneraliseerd_2021.d7b47c4d-b968-4d4a-92d7-29312e6cc38f</t>
  </si>
  <si>
    <t>BU03940676</t>
  </si>
  <si>
    <t>2021BU03940676</t>
  </si>
  <si>
    <t>Aalsmeerderbrug</t>
  </si>
  <si>
    <t>buurt_gegeneraliseerd_2021.8cfa8c4d-ea79-4765-83f4-d3f0394b8536</t>
  </si>
  <si>
    <t>BU03940677</t>
  </si>
  <si>
    <t>2021BU03940677</t>
  </si>
  <si>
    <t>Rozenburg Noord</t>
  </si>
  <si>
    <t>buurt_gegeneraliseerd_2021.f2b47c14-9400-455e-8aca-b06949d55113</t>
  </si>
  <si>
    <t>BU03940678</t>
  </si>
  <si>
    <t>2021BU03940678</t>
  </si>
  <si>
    <t>Rozenburg Omgeving</t>
  </si>
  <si>
    <t>buurt_gegeneraliseerd_2021.fee74a9b-6a40-4d86-a976-3a08673452c7</t>
  </si>
  <si>
    <t>BU03940779</t>
  </si>
  <si>
    <t>2021BU03940779</t>
  </si>
  <si>
    <t>Rijsenhout Dorp</t>
  </si>
  <si>
    <t>buurt_gegeneraliseerd_2021.ac00b4c7-825b-46da-8c64-24d376f8a9a5</t>
  </si>
  <si>
    <t>BU03940780</t>
  </si>
  <si>
    <t>2021BU03940780</t>
  </si>
  <si>
    <t>Rijsenhout Zuid</t>
  </si>
  <si>
    <t>buurt_gegeneraliseerd_2021.29d78a12-c28e-42cd-87bc-80f53753e7a9</t>
  </si>
  <si>
    <t>BU03940781</t>
  </si>
  <si>
    <t>2021BU03940781</t>
  </si>
  <si>
    <t>Rijsenhout Dijk</t>
  </si>
  <si>
    <t>buurt_gegeneraliseerd_2021.a49f0839-9e6c-4adb-90bc-1375c9ce60e3</t>
  </si>
  <si>
    <t>BU03940782</t>
  </si>
  <si>
    <t>2021BU03940782</t>
  </si>
  <si>
    <t>Rijsenhout Omgeving</t>
  </si>
  <si>
    <t>buurt_gegeneraliseerd_2021.a0e71326-c853-43ab-b18b-b9b25184ae86</t>
  </si>
  <si>
    <t>BU03940883</t>
  </si>
  <si>
    <t>2021BU03940883</t>
  </si>
  <si>
    <t>Burgerveen</t>
  </si>
  <si>
    <t>buurt_gegeneraliseerd_2021.3b616c41-0d43-4b61-bfb1-25a02f6c4fe8</t>
  </si>
  <si>
    <t>BU03940884</t>
  </si>
  <si>
    <t>2021BU03940884</t>
  </si>
  <si>
    <t>Leimuiderbrug</t>
  </si>
  <si>
    <t>buurt_gegeneraliseerd_2021.f33d46fa-64c4-433e-ac6a-69035948e814</t>
  </si>
  <si>
    <t>BU03940885</t>
  </si>
  <si>
    <t>2021BU03940885</t>
  </si>
  <si>
    <t>Weteringbrug</t>
  </si>
  <si>
    <t>buurt_gegeneraliseerd_2021.e5a01397-bad2-44d8-8bd3-6ef16f4809cb</t>
  </si>
  <si>
    <t>BU03940986</t>
  </si>
  <si>
    <t>2021BU03940986</t>
  </si>
  <si>
    <t>Abbenes</t>
  </si>
  <si>
    <t>buurt_gegeneraliseerd_2021.12684f7d-b51c-4582-ac04-46031921ddd1</t>
  </si>
  <si>
    <t>BU03940987</t>
  </si>
  <si>
    <t>2021BU03940987</t>
  </si>
  <si>
    <t>Abbenes Omgeving</t>
  </si>
  <si>
    <t>buurt_gegeneraliseerd_2021.ceed604f-0f01-43c2-a023-599142b0bbbf</t>
  </si>
  <si>
    <t>BU03940988</t>
  </si>
  <si>
    <t>2021BU03940988</t>
  </si>
  <si>
    <t>Buitenkaag</t>
  </si>
  <si>
    <t>buurt_gegeneraliseerd_2021.d7312b3d-4af6-4c40-a5e4-fb36e5ce0a7c</t>
  </si>
  <si>
    <t>BU03940989</t>
  </si>
  <si>
    <t>2021BU03940989</t>
  </si>
  <si>
    <t>Abbenes Dijk</t>
  </si>
  <si>
    <t>buurt_gegeneraliseerd_2021.0c105e37-11f4-4bff-9aa4-820c4aed0ce1</t>
  </si>
  <si>
    <t>BU03941090</t>
  </si>
  <si>
    <t>2021BU03941090</t>
  </si>
  <si>
    <t>Lisserbroek</t>
  </si>
  <si>
    <t>buurt_gegeneraliseerd_2021.5df18353-2c82-493e-98d0-bcd4228f7cd0</t>
  </si>
  <si>
    <t>BU03941091</t>
  </si>
  <si>
    <t>2021BU03941091</t>
  </si>
  <si>
    <t>Lisserbroek Omgeving</t>
  </si>
  <si>
    <t>buurt_gegeneraliseerd_2021.dbbc1436-bcef-4f2f-ad86-ba3c17732f6e</t>
  </si>
  <si>
    <t>BU03941192</t>
  </si>
  <si>
    <t>2021BU03941192</t>
  </si>
  <si>
    <t>Beinsdorp Omgeving</t>
  </si>
  <si>
    <t>buurt_gegeneraliseerd_2021.81bf6b45-db7c-45aa-893a-aa05846ddb57</t>
  </si>
  <si>
    <t>BU03941193</t>
  </si>
  <si>
    <t>2021BU03941193</t>
  </si>
  <si>
    <t>Beinsdorp</t>
  </si>
  <si>
    <t>buurt_gegeneraliseerd_2021.2b1d67fa-3489-4c1c-9e89-1d69f8fe9c98</t>
  </si>
  <si>
    <t>BU03941294</t>
  </si>
  <si>
    <t>2021BU03941294</t>
  </si>
  <si>
    <t>Zwaanshoek</t>
  </si>
  <si>
    <t>buurt_gegeneraliseerd_2021.d1c6ce88-2e3d-4b74-b419-de8b5b6d0398</t>
  </si>
  <si>
    <t>BU03941295</t>
  </si>
  <si>
    <t>2021BU03941295</t>
  </si>
  <si>
    <t>Zwaanshoek Omgeving</t>
  </si>
  <si>
    <t>buurt_gegeneraliseerd_2021.e7c0c23c-e3b3-4689-8ed2-290d7d5598bd</t>
  </si>
  <si>
    <t>BU03941397</t>
  </si>
  <si>
    <t>2021BU03941397</t>
  </si>
  <si>
    <t>Cruquius</t>
  </si>
  <si>
    <t>buurt_gegeneraliseerd_2021.89a47e78-8354-4532-89fe-e6275856d444</t>
  </si>
  <si>
    <t>BU03941398</t>
  </si>
  <si>
    <t>2021BU03941398</t>
  </si>
  <si>
    <t>Cruquius Omgeving</t>
  </si>
  <si>
    <t>buurt_gegeneraliseerd_2021.f16bdae5-41ec-4370-aa6a-c1b4e9604b69</t>
  </si>
  <si>
    <t>BU03941399</t>
  </si>
  <si>
    <t>2021BU03941399</t>
  </si>
  <si>
    <t>Cruquius Cruqiushoeve</t>
  </si>
  <si>
    <t>buurt_gegeneraliseerd_2021.745bdd69-4cd6-4ad1-995f-ba1edf3813e8</t>
  </si>
  <si>
    <t>BU03941567</t>
  </si>
  <si>
    <t>2021BU03941567</t>
  </si>
  <si>
    <t>Vijfhuizen</t>
  </si>
  <si>
    <t>buurt_gegeneraliseerd_2021.23f4b696-2ef5-44c0-a781-2662eb683158</t>
  </si>
  <si>
    <t>BU03941569</t>
  </si>
  <si>
    <t>2021BU03941569</t>
  </si>
  <si>
    <t>Vijfhuizen Stellinghof</t>
  </si>
  <si>
    <t>buurt_gegeneraliseerd_2021.e057b44d-a28a-426e-a005-055bb701ca7e</t>
  </si>
  <si>
    <t>BU03941570</t>
  </si>
  <si>
    <t>2021BU03941570</t>
  </si>
  <si>
    <t>Vijfhuizen Omgeving</t>
  </si>
  <si>
    <t>buurt_gegeneraliseerd_2021.d001aa53-f6ee-44c5-ac26-b3cbfa2e96c0</t>
  </si>
  <si>
    <t>BU03941571</t>
  </si>
  <si>
    <t>2021BU03941571</t>
  </si>
  <si>
    <t>Vijfhuizen Nieuwebrug</t>
  </si>
  <si>
    <t>buurt_gegeneraliseerd_2021.e3e617cd-db7c-4e39-a12f-504918620b03</t>
  </si>
  <si>
    <t>BU03941663</t>
  </si>
  <si>
    <t>2021BU03941663</t>
  </si>
  <si>
    <t>Schiphol</t>
  </si>
  <si>
    <t>buurt_gegeneraliseerd_2021.31cb6d3a-81f1-4c0b-ada0-2d1548f5a977</t>
  </si>
  <si>
    <t>BU03942038</t>
  </si>
  <si>
    <t>2021BU03942038</t>
  </si>
  <si>
    <t>Spaarndam</t>
  </si>
  <si>
    <t>buurt_gegeneraliseerd_2021.a902c4a3-91e9-4378-a34f-f819b790718b</t>
  </si>
  <si>
    <t>BU03942042</t>
  </si>
  <si>
    <t>2021BU03942042</t>
  </si>
  <si>
    <t>Spaarndam Omgeving</t>
  </si>
  <si>
    <t>buurt_gegeneraliseerd_2021.607ac0c3-b4d9-48a6-b9f2-110d3a552851</t>
  </si>
  <si>
    <t>BU03942096</t>
  </si>
  <si>
    <t>2021BU03942096</t>
  </si>
  <si>
    <t>Spaarnwoude</t>
  </si>
  <si>
    <t>buurt_gegeneraliseerd_2021.c1aa3ca6-df03-421e-9704-cda871974f92</t>
  </si>
  <si>
    <t>BU03942120</t>
  </si>
  <si>
    <t>2021BU03942120</t>
  </si>
  <si>
    <t>Haarlemmerliede</t>
  </si>
  <si>
    <t>buurt_gegeneraliseerd_2021.2cd61b59-5c14-4706-9e1b-16c6a15700b7</t>
  </si>
  <si>
    <t>BU03942121</t>
  </si>
  <si>
    <t>2021BU03942121</t>
  </si>
  <si>
    <t>Penningsveer</t>
  </si>
  <si>
    <t>buurt_gegeneraliseerd_2021.1b744eef-3343-4241-a5c1-6777230122db</t>
  </si>
  <si>
    <t>BU03942128</t>
  </si>
  <si>
    <t>2021BU03942128</t>
  </si>
  <si>
    <t>Haarlemmerliede Omgeving</t>
  </si>
  <si>
    <t>buurt_gegeneraliseerd_2021.a4a8adb5-ec9d-427c-8f17-a963af5a2fb5</t>
  </si>
  <si>
    <t>BU03942272</t>
  </si>
  <si>
    <t>2021BU03942272</t>
  </si>
  <si>
    <t>Halfweg</t>
  </si>
  <si>
    <t>buurt_gegeneraliseerd_2021.157ae038-f802-4a13-b834-df9bcafbb00c</t>
  </si>
  <si>
    <t>BU03942273</t>
  </si>
  <si>
    <t>2021BU03942273</t>
  </si>
  <si>
    <t>Halfweg Omgeving</t>
  </si>
  <si>
    <t>buurt_gegeneraliseerd_2021.88eb5f4d-b741-452c-bfd0-e2d1517450c2</t>
  </si>
  <si>
    <t>BU03960100</t>
  </si>
  <si>
    <t>2021BU03960100</t>
  </si>
  <si>
    <t>GM0396</t>
  </si>
  <si>
    <t>buurt_gegeneraliseerd_2021.dab928be-563c-40ab-b132-b5b7af2d63c7</t>
  </si>
  <si>
    <t>BU03960101</t>
  </si>
  <si>
    <t>2021BU03960101</t>
  </si>
  <si>
    <t>Zaalbergkwartier</t>
  </si>
  <si>
    <t>buurt_gegeneraliseerd_2021.554915e5-153a-4901-b4fa-433b29da1bff</t>
  </si>
  <si>
    <t>BU03960200</t>
  </si>
  <si>
    <t>2021BU03960200</t>
  </si>
  <si>
    <t>Commandeurs</t>
  </si>
  <si>
    <t>buurt_gegeneraliseerd_2021.f2171093-4171-4b37-adf3-a9d753b4c5ba</t>
  </si>
  <si>
    <t>BU03960201</t>
  </si>
  <si>
    <t>2021BU03960201</t>
  </si>
  <si>
    <t>Eikenhof</t>
  </si>
  <si>
    <t>buurt_gegeneraliseerd_2021.cd730455-bfbc-4b27-889f-61bb87476806</t>
  </si>
  <si>
    <t>BU03960202</t>
  </si>
  <si>
    <t>2021BU03960202</t>
  </si>
  <si>
    <t>Landgoed Marquette</t>
  </si>
  <si>
    <t>buurt_gegeneraliseerd_2021.2bea1e80-4a2b-4e35-bb06-d3e352d61b85</t>
  </si>
  <si>
    <t>BU03960300</t>
  </si>
  <si>
    <t>2021BU03960300</t>
  </si>
  <si>
    <t>Oud Haarlem</t>
  </si>
  <si>
    <t>buurt_gegeneraliseerd_2021.03c835fa-8e21-44a2-ab51-8989859ec86f</t>
  </si>
  <si>
    <t>BU03960301</t>
  </si>
  <si>
    <t>2021BU03960301</t>
  </si>
  <si>
    <t>Harteheem</t>
  </si>
  <si>
    <t>buurt_gegeneraliseerd_2021.0bc02d41-447b-4261-be7f-7f42132d812e</t>
  </si>
  <si>
    <t>BU03960302</t>
  </si>
  <si>
    <t>2021BU03960302</t>
  </si>
  <si>
    <t>buurt_gegeneraliseerd_2021.947c206d-482b-4cfa-8ca0-4d34985bbb0f</t>
  </si>
  <si>
    <t>BU03960303</t>
  </si>
  <si>
    <t>2021BU03960303</t>
  </si>
  <si>
    <t>buurt_gegeneraliseerd_2021.e4565ced-2ce9-464a-8549-65b1825ade8f</t>
  </si>
  <si>
    <t>BU03960400</t>
  </si>
  <si>
    <t>2021BU03960400</t>
  </si>
  <si>
    <t>De Houtwegen</t>
  </si>
  <si>
    <t>buurt_gegeneraliseerd_2021.29df3450-661e-431a-9455-16763d08c3c3</t>
  </si>
  <si>
    <t>BU03960401</t>
  </si>
  <si>
    <t>2021BU03960401</t>
  </si>
  <si>
    <t>buurt_gegeneraliseerd_2021.abeacb94-bbc6-4bc4-9590-f683f8f3bb5a</t>
  </si>
  <si>
    <t>BU03960402</t>
  </si>
  <si>
    <t>2021BU03960402</t>
  </si>
  <si>
    <t>Heemskerkerduin</t>
  </si>
  <si>
    <t>buurt_gegeneraliseerd_2021.5b625d48-b0db-4182-a3c5-08c78e4387a7</t>
  </si>
  <si>
    <t>BU03960403</t>
  </si>
  <si>
    <t>2021BU03960403</t>
  </si>
  <si>
    <t>Noorddorp</t>
  </si>
  <si>
    <t>buurt_gegeneraliseerd_2021.5e43fb46-fd4c-4cff-9a9f-3f7f0f92f705</t>
  </si>
  <si>
    <t>BU03960404</t>
  </si>
  <si>
    <t>2021BU03960404</t>
  </si>
  <si>
    <t>buurt_gegeneraliseerd_2021.c7a91f5f-2513-479c-811a-0a3f74733614</t>
  </si>
  <si>
    <t>BU03960408</t>
  </si>
  <si>
    <t>2021BU03960408</t>
  </si>
  <si>
    <t>Business park Ijmond</t>
  </si>
  <si>
    <t>buurt_gegeneraliseerd_2021.22792e8b-da12-493b-b077-1712aa6d4477</t>
  </si>
  <si>
    <t>BU03960409</t>
  </si>
  <si>
    <t>2021BU03960409</t>
  </si>
  <si>
    <t>buurt_gegeneraliseerd_2021.bd323728-149e-4280-8f35-98b72db1eef5</t>
  </si>
  <si>
    <t>BU03960500</t>
  </si>
  <si>
    <t>2021BU03960500</t>
  </si>
  <si>
    <t>Poelenburg</t>
  </si>
  <si>
    <t>buurt_gegeneraliseerd_2021.e55a7f1d-d929-4af7-9426-d0f9277201fb</t>
  </si>
  <si>
    <t>BU03960501</t>
  </si>
  <si>
    <t>2021BU03960501</t>
  </si>
  <si>
    <t>Oosterzij</t>
  </si>
  <si>
    <t>buurt_gegeneraliseerd_2021.d01f386f-6dde-4680-84dd-e129c6e29156</t>
  </si>
  <si>
    <t>BU03960502</t>
  </si>
  <si>
    <t>2021BU03960502</t>
  </si>
  <si>
    <t>Neksloot</t>
  </si>
  <si>
    <t>buurt_gegeneraliseerd_2021.9d2e83fe-65c6-48cc-8594-aa6e4abcf2f9</t>
  </si>
  <si>
    <t>BU03960503</t>
  </si>
  <si>
    <t>2021BU03960503</t>
  </si>
  <si>
    <t>Steenstrapark</t>
  </si>
  <si>
    <t>buurt_gegeneraliseerd_2021.c5a01d11-9b77-481f-ace5-2e66f2d017d1</t>
  </si>
  <si>
    <t>BU03960600</t>
  </si>
  <si>
    <t>2021BU03960600</t>
  </si>
  <si>
    <t>De Maer</t>
  </si>
  <si>
    <t>buurt_gegeneraliseerd_2021.dac8cbd1-0811-469a-9345-b7d048e0b40c</t>
  </si>
  <si>
    <t>BU03960601</t>
  </si>
  <si>
    <t>2021BU03960601</t>
  </si>
  <si>
    <t>De Die</t>
  </si>
  <si>
    <t>buurt_gegeneraliseerd_2021.75f5faf7-d408-4ae8-9330-eb5ba10e5d5c</t>
  </si>
  <si>
    <t>BU03960602</t>
  </si>
  <si>
    <t>2021BU03960602</t>
  </si>
  <si>
    <t>Rendorppark</t>
  </si>
  <si>
    <t>buurt_gegeneraliseerd_2021.e56925f1-b31e-4739-94c7-126aeb2bbcfa</t>
  </si>
  <si>
    <t>BU03960603</t>
  </si>
  <si>
    <t>2021BU03960603</t>
  </si>
  <si>
    <t>Breedweer</t>
  </si>
  <si>
    <t>buurt_gegeneraliseerd_2021.bfaf09fd-3f52-46a2-9987-8ab7f929a0f4</t>
  </si>
  <si>
    <t>BU03960604</t>
  </si>
  <si>
    <t>2021BU03960604</t>
  </si>
  <si>
    <t>Tolhek</t>
  </si>
  <si>
    <t>buurt_gegeneraliseerd_2021.6c259098-e07c-40f2-aaf5-26602921febc</t>
  </si>
  <si>
    <t>BU03960605</t>
  </si>
  <si>
    <t>2021BU03960605</t>
  </si>
  <si>
    <t>De Trompet</t>
  </si>
  <si>
    <t>buurt_gegeneraliseerd_2021.6e7fb138-0d89-43e4-829a-e80d75f467ff</t>
  </si>
  <si>
    <t>BU03960607</t>
  </si>
  <si>
    <t>2021BU03960607</t>
  </si>
  <si>
    <t>Noorderveld</t>
  </si>
  <si>
    <t>buurt_gegeneraliseerd_2021.17537632-5f93-4420-9453-409d4ea08240</t>
  </si>
  <si>
    <t>BU03960700</t>
  </si>
  <si>
    <t>2021BU03960700</t>
  </si>
  <si>
    <t>Onderwijzersbuurt</t>
  </si>
  <si>
    <t>buurt_gegeneraliseerd_2021.96edd2b0-ec27-4ccb-9e20-6d1df9b08db8</t>
  </si>
  <si>
    <t>BU03960701</t>
  </si>
  <si>
    <t>2021BU03960701</t>
  </si>
  <si>
    <t>Villabuurt</t>
  </si>
  <si>
    <t>buurt_gegeneraliseerd_2021.8704ca5c-0444-4751-a29a-a74dd3098f38</t>
  </si>
  <si>
    <t>BU03960702</t>
  </si>
  <si>
    <t>2021BU03960702</t>
  </si>
  <si>
    <t>Beijnesbuurt</t>
  </si>
  <si>
    <t>buurt_gegeneraliseerd_2021.2a31d668-aae3-438b-8a0b-13dfaebdfca9</t>
  </si>
  <si>
    <t>BU03960800</t>
  </si>
  <si>
    <t>2021BU03960800</t>
  </si>
  <si>
    <t>Slotherenbuurt</t>
  </si>
  <si>
    <t>buurt_gegeneraliseerd_2021.8b276934-5f38-4bf5-9ca2-2042e0ae3f3c</t>
  </si>
  <si>
    <t>BU03960801</t>
  </si>
  <si>
    <t>2021BU03960801</t>
  </si>
  <si>
    <t>Verzetstrijdersbuurt</t>
  </si>
  <si>
    <t>buurt_gegeneraliseerd_2021.0dbe6fcc-77c8-4dbc-b83f-fb0bfa367e6f</t>
  </si>
  <si>
    <t>BU03960802</t>
  </si>
  <si>
    <t>2021BU03960802</t>
  </si>
  <si>
    <t>Beijerlust</t>
  </si>
  <si>
    <t>buurt_gegeneraliseerd_2021.c2e2e243-af4f-4e16-88ce-27ad2925c8db</t>
  </si>
  <si>
    <t>BU03960900</t>
  </si>
  <si>
    <t>2021BU03960900</t>
  </si>
  <si>
    <t>Hoogdorp</t>
  </si>
  <si>
    <t>buurt_gegeneraliseerd_2021.06e3cc49-0e9c-405c-a312-b8e2959be42d</t>
  </si>
  <si>
    <t>BU03960901</t>
  </si>
  <si>
    <t>2021BU03960901</t>
  </si>
  <si>
    <t>Waterakkers</t>
  </si>
  <si>
    <t>buurt_gegeneraliseerd_2021.97166831-f81d-45e3-900e-162bed942d7f</t>
  </si>
  <si>
    <t>BU03961001</t>
  </si>
  <si>
    <t>2021BU03961001</t>
  </si>
  <si>
    <t>De Citadel</t>
  </si>
  <si>
    <t>buurt_gegeneraliseerd_2021.cef1f03f-9ab4-4913-b84a-cc257443673c</t>
  </si>
  <si>
    <t>BU03961002</t>
  </si>
  <si>
    <t>2021BU03961002</t>
  </si>
  <si>
    <t>De Wadden</t>
  </si>
  <si>
    <t>buurt_gegeneraliseerd_2021.6cae7373-7e61-40c4-84e4-f364ee782b55</t>
  </si>
  <si>
    <t>BU03961100</t>
  </si>
  <si>
    <t>2021BU03961100</t>
  </si>
  <si>
    <t>Landelijk gebied</t>
  </si>
  <si>
    <t>buurt_gegeneraliseerd_2021.fe17c66b-bd69-4ae0-abac-cda902b9ce21</t>
  </si>
  <si>
    <t>BU03970000</t>
  </si>
  <si>
    <t>2021BU03970000</t>
  </si>
  <si>
    <t>GM0397</t>
  </si>
  <si>
    <t>buurt_gegeneraliseerd_2021.d7e2cb42-2845-41a5-9149-7d5d23299242</t>
  </si>
  <si>
    <t>BU03970001</t>
  </si>
  <si>
    <t>2021BU03970001</t>
  </si>
  <si>
    <t>Oude Dorp, Indische buurt en omgeving</t>
  </si>
  <si>
    <t>buurt_gegeneraliseerd_2021.41bb9f1b-bac6-41ce-b8ba-321c3c518e13</t>
  </si>
  <si>
    <t>BU03970002</t>
  </si>
  <si>
    <t>2021BU03970002</t>
  </si>
  <si>
    <t>Zandvoortselaan en Berkenrode en omgeving</t>
  </si>
  <si>
    <t>buurt_gegeneraliseerd_2021.cb9c1b23-8ab9-4df5-9c35-ba34c5ceb04d</t>
  </si>
  <si>
    <t>BU03970003</t>
  </si>
  <si>
    <t>2021BU03970003</t>
  </si>
  <si>
    <t>Heemsteedse Dreef, Schildersbuurt en omgeving</t>
  </si>
  <si>
    <t>buurt_gegeneraliseerd_2021.96d5ba7a-50f8-45ae-9235-557d336156d3</t>
  </si>
  <si>
    <t>BU03970004</t>
  </si>
  <si>
    <t>2021BU03970004</t>
  </si>
  <si>
    <t>Van Merlenbuurt en Valkenburgerplein en omgeving</t>
  </si>
  <si>
    <t>buurt_gegeneraliseerd_2021.13ba13dd-faca-46a9-a27a-35605a8195f0</t>
  </si>
  <si>
    <t>BU03970005</t>
  </si>
  <si>
    <t>2021BU03970005</t>
  </si>
  <si>
    <t>Schouwbroekerpolder</t>
  </si>
  <si>
    <t>buurt_gegeneraliseerd_2021.de954b26-0eaf-4cf3-861f-f9a5c7da1730</t>
  </si>
  <si>
    <t>BU03970006</t>
  </si>
  <si>
    <t>2021BU03970006</t>
  </si>
  <si>
    <t>buurt_gegeneraliseerd_2021.4ea88224-2ecb-4a62-95e3-3dd86df659d9</t>
  </si>
  <si>
    <t>BU03970007</t>
  </si>
  <si>
    <t>2021BU03970007</t>
  </si>
  <si>
    <t>Kennemerduin en omgeving</t>
  </si>
  <si>
    <t>buurt_gegeneraliseerd_2021.4901f9e0-71ce-45ad-b7c1-351f200fbb83</t>
  </si>
  <si>
    <t>BU03970008</t>
  </si>
  <si>
    <t>2021BU03970008</t>
  </si>
  <si>
    <t>Provincienbuurt</t>
  </si>
  <si>
    <t>buurt_gegeneraliseerd_2021.9ea9e23e-9e1b-4491-91e2-c107a5222865</t>
  </si>
  <si>
    <t>BU03970009</t>
  </si>
  <si>
    <t>2021BU03970009</t>
  </si>
  <si>
    <t>buurt_gegeneraliseerd_2021.09393793-91c7-4e3a-af4f-5d44d814b5f3</t>
  </si>
  <si>
    <t>BU03970100</t>
  </si>
  <si>
    <t>2021BU03970100</t>
  </si>
  <si>
    <t>De Glip</t>
  </si>
  <si>
    <t>buurt_gegeneraliseerd_2021.3b5aae0e-b4f6-4dd2-844d-6e22faaf886e</t>
  </si>
  <si>
    <t>BU03970101</t>
  </si>
  <si>
    <t>2021BU03970101</t>
  </si>
  <si>
    <t>Glipper Dreef en Staatsliedenbuurt</t>
  </si>
  <si>
    <t>buurt_gegeneraliseerd_2021.444b1d54-2f3a-47a1-b056-5a3a9be9d277</t>
  </si>
  <si>
    <t>BU03970102</t>
  </si>
  <si>
    <t>2021BU03970102</t>
  </si>
  <si>
    <t>Manpad en Hartekamp</t>
  </si>
  <si>
    <t>buurt_gegeneraliseerd_2021.fe1a88f6-4677-494e-ad71-2e20b475b816</t>
  </si>
  <si>
    <t>BU03970200</t>
  </si>
  <si>
    <t>2021BU03970200</t>
  </si>
  <si>
    <t>Dichters- en Vogelbuurt</t>
  </si>
  <si>
    <t>buurt_gegeneraliseerd_2021.d0e57b65-30c4-4d8c-917b-3c3e64a621f9</t>
  </si>
  <si>
    <t>BU03980100</t>
  </si>
  <si>
    <t>2021BU03980100</t>
  </si>
  <si>
    <t>Schrijverswijk</t>
  </si>
  <si>
    <t>GM0398</t>
  </si>
  <si>
    <t>buurt_gegeneraliseerd_2021.911512b2-a944-4ab6-ac9e-b612824bc99b</t>
  </si>
  <si>
    <t>BU03980201</t>
  </si>
  <si>
    <t>2021BU03980201</t>
  </si>
  <si>
    <t>Schilderswijk 1</t>
  </si>
  <si>
    <t>buurt_gegeneraliseerd_2021.28a11166-075c-4ecd-81a6-72742e7fea33</t>
  </si>
  <si>
    <t>BU03980202</t>
  </si>
  <si>
    <t>2021BU03980202</t>
  </si>
  <si>
    <t>Schilderswijk 2</t>
  </si>
  <si>
    <t>buurt_gegeneraliseerd_2021.ef4bcca7-4cab-4767-91bd-591cce57209d</t>
  </si>
  <si>
    <t>BU03980400</t>
  </si>
  <si>
    <t>2021BU03980400</t>
  </si>
  <si>
    <t>Planetenwijk</t>
  </si>
  <si>
    <t>buurt_gegeneraliseerd_2021.4200a187-e9c0-4df4-b994-8de5668ff4e7</t>
  </si>
  <si>
    <t>BU03980601</t>
  </si>
  <si>
    <t>2021BU03980601</t>
  </si>
  <si>
    <t>buurt_gegeneraliseerd_2021.b75ecef4-ec95-47f3-9cf7-a5bf482bdb55</t>
  </si>
  <si>
    <t>BU03980602</t>
  </si>
  <si>
    <t>2021BU03980602</t>
  </si>
  <si>
    <t>Recreatiebuurt</t>
  </si>
  <si>
    <t>buurt_gegeneraliseerd_2021.732a8611-4790-45a6-954a-3a972ebcc965</t>
  </si>
  <si>
    <t>BU03980603</t>
  </si>
  <si>
    <t>2021BU03980603</t>
  </si>
  <si>
    <t>Waarderhout</t>
  </si>
  <si>
    <t>buurt_gegeneraliseerd_2021.d35eb184-604e-48a9-978b-d32ad5cb7aeb</t>
  </si>
  <si>
    <t>BU03980701</t>
  </si>
  <si>
    <t>2021BU03980701</t>
  </si>
  <si>
    <t>Centrumwaard</t>
  </si>
  <si>
    <t>buurt_gegeneraliseerd_2021.e3f3db8f-406d-4bb4-b92d-95af398c4cf3</t>
  </si>
  <si>
    <t>BU03980702</t>
  </si>
  <si>
    <t>2021BU03980702</t>
  </si>
  <si>
    <t>Heemradenbuurt</t>
  </si>
  <si>
    <t>buurt_gegeneraliseerd_2021.8e3dc2e0-611b-43f1-a2bd-8eee067524d4</t>
  </si>
  <si>
    <t>BU03980800</t>
  </si>
  <si>
    <t>2021BU03980800</t>
  </si>
  <si>
    <t>Edelstenenwijk</t>
  </si>
  <si>
    <t>buurt_gegeneraliseerd_2021.e8f05435-1d3e-4703-91c3-468449fbfecf</t>
  </si>
  <si>
    <t>BU03980901</t>
  </si>
  <si>
    <t>2021BU03980901</t>
  </si>
  <si>
    <t>buurt_gegeneraliseerd_2021.06db053a-5603-4927-9441-4d3850fbf72f</t>
  </si>
  <si>
    <t>BU03980902</t>
  </si>
  <si>
    <t>2021BU03980902</t>
  </si>
  <si>
    <t>buurt_gegeneraliseerd_2021.d756b7ed-0ece-4028-8933-919ee51b057e</t>
  </si>
  <si>
    <t>BU03981000</t>
  </si>
  <si>
    <t>2021BU03981000</t>
  </si>
  <si>
    <t>buurt_gegeneraliseerd_2021.f52a291f-3486-4726-babb-4bd808b315a8</t>
  </si>
  <si>
    <t>BU03981100</t>
  </si>
  <si>
    <t>2021BU03981100</t>
  </si>
  <si>
    <t>buurt_gegeneraliseerd_2021.39177113-5efd-474c-b6dc-0b4b3b5e3f4a</t>
  </si>
  <si>
    <t>BU03981201</t>
  </si>
  <si>
    <t>2021BU03981201</t>
  </si>
  <si>
    <t>Zandhorst 1</t>
  </si>
  <si>
    <t>buurt_gegeneraliseerd_2021.eeef44e8-5156-490d-9bda-167a3fc90f60</t>
  </si>
  <si>
    <t>BU03981202</t>
  </si>
  <si>
    <t>2021BU03981202</t>
  </si>
  <si>
    <t>Zandhorst 2</t>
  </si>
  <si>
    <t>buurt_gegeneraliseerd_2021.82eaa126-dfc7-458b-bdd8-8139b4c91a65</t>
  </si>
  <si>
    <t>BU03981203</t>
  </si>
  <si>
    <t>2021BU03981203</t>
  </si>
  <si>
    <t>Zandhorst 3</t>
  </si>
  <si>
    <t>buurt_gegeneraliseerd_2021.8538d3c5-4a6c-4602-ad2d-6b8f0f064816</t>
  </si>
  <si>
    <t>BU03981204</t>
  </si>
  <si>
    <t>2021BU03981204</t>
  </si>
  <si>
    <t>De Frans</t>
  </si>
  <si>
    <t>buurt_gegeneraliseerd_2021.189a54e5-e4de-4196-81fd-2291ade7109f</t>
  </si>
  <si>
    <t>BU03981205</t>
  </si>
  <si>
    <t>2021BU03981205</t>
  </si>
  <si>
    <t>Beveland</t>
  </si>
  <si>
    <t>buurt_gegeneraliseerd_2021.d7ede21d-9456-4fb0-b396-e2e09aa8acfe</t>
  </si>
  <si>
    <t>BU03981206</t>
  </si>
  <si>
    <t>2021BU03981206</t>
  </si>
  <si>
    <t>De Vaandel</t>
  </si>
  <si>
    <t>buurt_gegeneraliseerd_2021.2883ba05-db7d-4dda-b07b-d65e847e5636</t>
  </si>
  <si>
    <t>BU03981207</t>
  </si>
  <si>
    <t>2021BU03981207</t>
  </si>
  <si>
    <t>Overtoom</t>
  </si>
  <si>
    <t>buurt_gegeneraliseerd_2021.f203e41e-8131-4157-83e4-6106f558f311</t>
  </si>
  <si>
    <t>BU03981301</t>
  </si>
  <si>
    <t>2021BU03981301</t>
  </si>
  <si>
    <t>Butterhuizen 1</t>
  </si>
  <si>
    <t>buurt_gegeneraliseerd_2021.968bcaf5-68c1-4c49-bde7-d4a72fc3d0d6</t>
  </si>
  <si>
    <t>BU03981302</t>
  </si>
  <si>
    <t>2021BU03981302</t>
  </si>
  <si>
    <t>Butterhuizen 2</t>
  </si>
  <si>
    <t>buurt_gegeneraliseerd_2021.e17c2045-63d6-438b-92c1-b6edec51cd6b</t>
  </si>
  <si>
    <t>BU03981400</t>
  </si>
  <si>
    <t>2021BU03981400</t>
  </si>
  <si>
    <t>Oostertocht</t>
  </si>
  <si>
    <t>buurt_gegeneraliseerd_2021.24c381dd-c939-4f41-b8af-27f9167f1c8b</t>
  </si>
  <si>
    <t>BU03981501</t>
  </si>
  <si>
    <t>2021BU03981501</t>
  </si>
  <si>
    <t>Zuidwijk 1</t>
  </si>
  <si>
    <t>buurt_gegeneraliseerd_2021.5ab94235-6c94-4f8e-9550-420d7d6e6674</t>
  </si>
  <si>
    <t>BU03981502</t>
  </si>
  <si>
    <t>2021BU03981502</t>
  </si>
  <si>
    <t>Zuidwijk 2</t>
  </si>
  <si>
    <t>buurt_gegeneraliseerd_2021.7a1b4d02-0a11-468c-926a-47dcc91b5d53</t>
  </si>
  <si>
    <t>BU03981601</t>
  </si>
  <si>
    <t>2021BU03981601</t>
  </si>
  <si>
    <t>Huygenhoek 1</t>
  </si>
  <si>
    <t>buurt_gegeneraliseerd_2021.de436869-5f00-41d8-a690-ab53f8081280</t>
  </si>
  <si>
    <t>BU03981602</t>
  </si>
  <si>
    <t>2021BU03981602</t>
  </si>
  <si>
    <t>Huygenhoek 2</t>
  </si>
  <si>
    <t>buurt_gegeneraliseerd_2021.b08038b4-2ab4-4e0b-ac59-83c6116ae930</t>
  </si>
  <si>
    <t>BU03981603</t>
  </si>
  <si>
    <t>2021BU03981603</t>
  </si>
  <si>
    <t>Huygenhoek 3</t>
  </si>
  <si>
    <t>buurt_gegeneraliseerd_2021.7358ef3a-d7e6-44bd-a7d1-5702f31a4452</t>
  </si>
  <si>
    <t>BU03981701</t>
  </si>
  <si>
    <t>2021BU03981701</t>
  </si>
  <si>
    <t>Stad van de Zon</t>
  </si>
  <si>
    <t>buurt_gegeneraliseerd_2021.ef7257fb-c8a7-4701-8395-c9a95eb763b0</t>
  </si>
  <si>
    <t>BU03981702</t>
  </si>
  <si>
    <t>2021BU03981702</t>
  </si>
  <si>
    <t>Park van Luna</t>
  </si>
  <si>
    <t>buurt_gegeneraliseerd_2021.5fc81c2f-7aa8-438e-a666-51fb6d1273ef</t>
  </si>
  <si>
    <t>BU03981801</t>
  </si>
  <si>
    <t>2021BU03981801</t>
  </si>
  <si>
    <t>De Draai Noord</t>
  </si>
  <si>
    <t>buurt_gegeneraliseerd_2021.547ec4d2-1cd8-44e6-b1cf-ff7eaf5e96c4</t>
  </si>
  <si>
    <t>BU03981802</t>
  </si>
  <si>
    <t>2021BU03981802</t>
  </si>
  <si>
    <t>De Draai Midden</t>
  </si>
  <si>
    <t>buurt_gegeneraliseerd_2021.e4693ad2-4939-413b-b2a4-90d3df58e91d</t>
  </si>
  <si>
    <t>BU03981803</t>
  </si>
  <si>
    <t>2021BU03981803</t>
  </si>
  <si>
    <t>De Draai Zuid</t>
  </si>
  <si>
    <t>buurt_gegeneraliseerd_2021.937475ca-0855-4ed4-8e16-d8ce9e2cdb58</t>
  </si>
  <si>
    <t>BU03981900</t>
  </si>
  <si>
    <t>2021BU03981900</t>
  </si>
  <si>
    <t>Broekhorn</t>
  </si>
  <si>
    <t>buurt_gegeneraliseerd_2021.ceadb7aa-7350-406b-adcd-ed00a3676446</t>
  </si>
  <si>
    <t>BU03982000</t>
  </si>
  <si>
    <t>2021BU03982000</t>
  </si>
  <si>
    <t>De Noord</t>
  </si>
  <si>
    <t>buurt_gegeneraliseerd_2021.f34bdb46-647e-4587-adbb-ac0b0f7b0a71</t>
  </si>
  <si>
    <t>BU03983000</t>
  </si>
  <si>
    <t>2021BU03983000</t>
  </si>
  <si>
    <t>Buitengebied Noord</t>
  </si>
  <si>
    <t>buurt_gegeneraliseerd_2021.31fb82e5-120b-49e0-8a76-076275f15ba9</t>
  </si>
  <si>
    <t>BU03984000</t>
  </si>
  <si>
    <t>2021BU03984000</t>
  </si>
  <si>
    <t>'t Kruis</t>
  </si>
  <si>
    <t>buurt_gegeneraliseerd_2021.896baea1-e357-49ad-8914-7ecb98f73c0c</t>
  </si>
  <si>
    <t>BU03985000</t>
  </si>
  <si>
    <t>2021BU03985000</t>
  </si>
  <si>
    <t>Buitengebied Zuid</t>
  </si>
  <si>
    <t>buurt_gegeneraliseerd_2021.3224eb72-432f-47cc-a72e-8ef40712b29f</t>
  </si>
  <si>
    <t>BU03990101</t>
  </si>
  <si>
    <t>2021BU03990101</t>
  </si>
  <si>
    <t>Blockhovepark</t>
  </si>
  <si>
    <t>GM0399</t>
  </si>
  <si>
    <t>buurt_gegeneraliseerd_2021.1406dbd1-a52c-4f6c-8ed4-c3eaad36a323</t>
  </si>
  <si>
    <t>BU03990201</t>
  </si>
  <si>
    <t>2021BU03990201</t>
  </si>
  <si>
    <t>Noorderneg</t>
  </si>
  <si>
    <t>buurt_gegeneraliseerd_2021.f86af60b-62c3-44f4-90ad-1f711950960f</t>
  </si>
  <si>
    <t>BU03990202</t>
  </si>
  <si>
    <t>2021BU03990202</t>
  </si>
  <si>
    <t>Oud West</t>
  </si>
  <si>
    <t>buurt_gegeneraliseerd_2021.10d69fc1-cc48-4920-b30b-8638cb3d566c</t>
  </si>
  <si>
    <t>BU03990301</t>
  </si>
  <si>
    <t>2021BU03990301</t>
  </si>
  <si>
    <t>buurt_gegeneraliseerd_2021.5469e25f-a222-4065-94d9-2333368b5e3a</t>
  </si>
  <si>
    <t>BU03990302</t>
  </si>
  <si>
    <t>2021BU03990302</t>
  </si>
  <si>
    <t>Gemeentebos</t>
  </si>
  <si>
    <t>buurt_gegeneraliseerd_2021.9fcd210b-9c91-4ee7-b499-be4a38ff0c79</t>
  </si>
  <si>
    <t>BU03990303</t>
  </si>
  <si>
    <t>2021BU03990303</t>
  </si>
  <si>
    <t>Plan Oost</t>
  </si>
  <si>
    <t>buurt_gegeneraliseerd_2021.7532e45c-9b5c-45e3-a117-df5559bb04a2</t>
  </si>
  <si>
    <t>BU03990304</t>
  </si>
  <si>
    <t>2021BU03990304</t>
  </si>
  <si>
    <t>Nijenburg</t>
  </si>
  <si>
    <t>buurt_gegeneraliseerd_2021.9c608a19-5955-4ac4-95a9-76520ccbe814</t>
  </si>
  <si>
    <t>BU03990401</t>
  </si>
  <si>
    <t>2021BU03990401</t>
  </si>
  <si>
    <t>Zuiderneg</t>
  </si>
  <si>
    <t>buurt_gegeneraliseerd_2021.aac91938-b85b-40f4-aa2b-2ed4d258b53d</t>
  </si>
  <si>
    <t>BU03990402</t>
  </si>
  <si>
    <t>2021BU03990402</t>
  </si>
  <si>
    <t>Zuid West</t>
  </si>
  <si>
    <t>buurt_gegeneraliseerd_2021.b8a66647-30e0-40bb-b155-92557083fceb</t>
  </si>
  <si>
    <t>BU03990501</t>
  </si>
  <si>
    <t>2021BU03990501</t>
  </si>
  <si>
    <t>Akkerbuurt</t>
  </si>
  <si>
    <t>buurt_gegeneraliseerd_2021.221768ab-83dd-4143-bd74-87e3dddc07fd</t>
  </si>
  <si>
    <t>BU03990502</t>
  </si>
  <si>
    <t>2021BU03990502</t>
  </si>
  <si>
    <t>buurt_gegeneraliseerd_2021.fe4a1852-4ae2-4f15-974b-0735e7696d7d</t>
  </si>
  <si>
    <t>BU03990503</t>
  </si>
  <si>
    <t>2021BU03990503</t>
  </si>
  <si>
    <t>Vennewater</t>
  </si>
  <si>
    <t>buurt_gegeneraliseerd_2021.543b8a47-9c02-409f-9c72-3e1aa3276cb9</t>
  </si>
  <si>
    <t>BU03990504</t>
  </si>
  <si>
    <t>2021BU03990504</t>
  </si>
  <si>
    <t>Zuiderloo</t>
  </si>
  <si>
    <t>buurt_gegeneraliseerd_2021.438b00b3-9f21-448a-be9c-51712116fe25</t>
  </si>
  <si>
    <t>BU03990601</t>
  </si>
  <si>
    <t>2021BU03990601</t>
  </si>
  <si>
    <t>Willibrord</t>
  </si>
  <si>
    <t>buurt_gegeneraliseerd_2021.6e292625-324e-4972-b81a-bb7cb6352807</t>
  </si>
  <si>
    <t>BU03990602</t>
  </si>
  <si>
    <t>2021BU03990602</t>
  </si>
  <si>
    <t>Oude Werf</t>
  </si>
  <si>
    <t>buurt_gegeneraliseerd_2021.28200bb6-822d-4a80-b14f-fbd39b7c8539</t>
  </si>
  <si>
    <t>BU03990603</t>
  </si>
  <si>
    <t>2021BU03990603</t>
  </si>
  <si>
    <t>Zuid Oost</t>
  </si>
  <si>
    <t>buurt_gegeneraliseerd_2021.f2c3c098-b696-466c-bd6d-3e05f8e71a1a</t>
  </si>
  <si>
    <t>BU03990604</t>
  </si>
  <si>
    <t>2021BU03990604</t>
  </si>
  <si>
    <t>buurt_gegeneraliseerd_2021.84602d1c-7375-453a-a54d-ab8e781e31f5</t>
  </si>
  <si>
    <t>BU03990701</t>
  </si>
  <si>
    <t>2021BU03990701</t>
  </si>
  <si>
    <t>Het Die</t>
  </si>
  <si>
    <t>buurt_gegeneraliseerd_2021.639d4fad-5264-4cf8-b094-4ea356c456f4</t>
  </si>
  <si>
    <t>BU03990801</t>
  </si>
  <si>
    <t>2021BU03990801</t>
  </si>
  <si>
    <t>De Volkstuinen</t>
  </si>
  <si>
    <t>buurt_gegeneraliseerd_2021.251bbea5-52f6-4d4c-a052-08290d6c4afd</t>
  </si>
  <si>
    <t>BU03990802</t>
  </si>
  <si>
    <t>2021BU03990802</t>
  </si>
  <si>
    <t>Kapelbuurt</t>
  </si>
  <si>
    <t>buurt_gegeneraliseerd_2021.2addb98f-782b-4164-af54-aca3437ebc5d</t>
  </si>
  <si>
    <t>BU04000100</t>
  </si>
  <si>
    <t>2021BU04000100</t>
  </si>
  <si>
    <t>Marinehaven</t>
  </si>
  <si>
    <t>GM0400</t>
  </si>
  <si>
    <t>buurt_gegeneraliseerd_2021.2331f2a0-54c8-4590-a3d6-d15a0f0c9515</t>
  </si>
  <si>
    <t>BU04000101</t>
  </si>
  <si>
    <t>2021BU04000101</t>
  </si>
  <si>
    <t>Oostsloot</t>
  </si>
  <si>
    <t>buurt_gegeneraliseerd_2021.9d356847-5da2-4fc9-a54a-a6b6f416edb6</t>
  </si>
  <si>
    <t>BU04000102</t>
  </si>
  <si>
    <t>2021BU04000102</t>
  </si>
  <si>
    <t>buurt_gegeneraliseerd_2021.3e847f64-9635-49ca-89bb-ffc3b26d2c84</t>
  </si>
  <si>
    <t>BU04000103</t>
  </si>
  <si>
    <t>2021BU04000103</t>
  </si>
  <si>
    <t>Willemsoord</t>
  </si>
  <si>
    <t>buurt_gegeneraliseerd_2021.f859f1c1-b2b7-4336-bfbb-bcb1482450d9</t>
  </si>
  <si>
    <t>BU04000104</t>
  </si>
  <si>
    <t>2021BU04000104</t>
  </si>
  <si>
    <t>Sluisdijk</t>
  </si>
  <si>
    <t>buurt_gegeneraliseerd_2021.52f847d7-97b0-472d-9d0c-fcd2a400fd01</t>
  </si>
  <si>
    <t>BU04000105</t>
  </si>
  <si>
    <t>2021BU04000105</t>
  </si>
  <si>
    <t>Visbuurt</t>
  </si>
  <si>
    <t>buurt_gegeneraliseerd_2021.b7b9a086-2512-4faf-a5b2-accfdfa85df3</t>
  </si>
  <si>
    <t>BU04000106</t>
  </si>
  <si>
    <t>2021BU04000106</t>
  </si>
  <si>
    <t>Grachtengordel</t>
  </si>
  <si>
    <t>buurt_gegeneraliseerd_2021.348ff2c3-b51d-4228-9358-78f3024d0fd3</t>
  </si>
  <si>
    <t>BU04000107</t>
  </si>
  <si>
    <t>2021BU04000107</t>
  </si>
  <si>
    <t>Havenbuurt</t>
  </si>
  <si>
    <t>buurt_gegeneraliseerd_2021.497cc723-b8e3-433c-9c1d-89d7cef2cfbb</t>
  </si>
  <si>
    <t>BU04000108</t>
  </si>
  <si>
    <t>2021BU04000108</t>
  </si>
  <si>
    <t>buurt_gegeneraliseerd_2021.51ed1298-3111-4306-9790-e17176a7b2c4</t>
  </si>
  <si>
    <t>BU04000109</t>
  </si>
  <si>
    <t>2021BU04000109</t>
  </si>
  <si>
    <t>Mijnendienst</t>
  </si>
  <si>
    <t>buurt_gegeneraliseerd_2021.169695d0-e287-4d14-9cdb-456dfb1f772d</t>
  </si>
  <si>
    <t>BU04000200</t>
  </si>
  <si>
    <t>2021BU04000200</t>
  </si>
  <si>
    <t>Oud Den Helder</t>
  </si>
  <si>
    <t>buurt_gegeneraliseerd_2021.4ca922ac-d193-419e-bce1-e967aa6b995f</t>
  </si>
  <si>
    <t>BU04000201</t>
  </si>
  <si>
    <t>2021BU04000201</t>
  </si>
  <si>
    <t>buurt_gegeneraliseerd_2021.9364c81f-a331-4c2a-a844-f69678a40a16</t>
  </si>
  <si>
    <t>BU04000202</t>
  </si>
  <si>
    <t>2021BU04000202</t>
  </si>
  <si>
    <t>Indische buurt-Noord</t>
  </si>
  <si>
    <t>buurt_gegeneraliseerd_2021.21da4782-e39b-4a80-bcea-a88f249a122f</t>
  </si>
  <si>
    <t>BU04000203</t>
  </si>
  <si>
    <t>2021BU04000203</t>
  </si>
  <si>
    <t>Indische buurt-Zuid</t>
  </si>
  <si>
    <t>buurt_gegeneraliseerd_2021.94410a76-a8c3-4cb1-b9e1-5f056b547709</t>
  </si>
  <si>
    <t>BU04000204</t>
  </si>
  <si>
    <t>2021BU04000204</t>
  </si>
  <si>
    <t>buurt_gegeneraliseerd_2021.32f46a0a-23be-44b9-ae56-35423fceccf5</t>
  </si>
  <si>
    <t>BU04000205</t>
  </si>
  <si>
    <t>2021BU04000205</t>
  </si>
  <si>
    <t>Tuindorp-West</t>
  </si>
  <si>
    <t>buurt_gegeneraliseerd_2021.5cc708d0-f1c8-4313-bc63-a2bcf6651e5a</t>
  </si>
  <si>
    <t>BU04000206</t>
  </si>
  <si>
    <t>2021BU04000206</t>
  </si>
  <si>
    <t>buurt_gegeneraliseerd_2021.0786a84d-c01f-4b34-9ad0-8a8c29359adf</t>
  </si>
  <si>
    <t>BU04000207</t>
  </si>
  <si>
    <t>2021BU04000207</t>
  </si>
  <si>
    <t>Fort Erfprins</t>
  </si>
  <si>
    <t>buurt_gegeneraliseerd_2021.38d23b43-d871-4216-95d5-c28546f0f282</t>
  </si>
  <si>
    <t>BU04000208</t>
  </si>
  <si>
    <t>2021BU04000208</t>
  </si>
  <si>
    <t>Fort Dirksz Admiraal</t>
  </si>
  <si>
    <t>buurt_gegeneraliseerd_2021.92dc1143-1dc9-4f1b-9acb-6d0ecd67b3fd</t>
  </si>
  <si>
    <t>BU04000300</t>
  </si>
  <si>
    <t>2021BU04000300</t>
  </si>
  <si>
    <t>Huisduinen</t>
  </si>
  <si>
    <t>buurt_gegeneraliseerd_2021.9e28fbac-62b3-42bf-aff1-2bf083693300</t>
  </si>
  <si>
    <t>BU04000301</t>
  </si>
  <si>
    <t>2021BU04000301</t>
  </si>
  <si>
    <t>Liniebuurt</t>
  </si>
  <si>
    <t>buurt_gegeneraliseerd_2021.e508acfe-aa9f-4ed0-b7ea-ddec6b08a12e</t>
  </si>
  <si>
    <t>BU04000302</t>
  </si>
  <si>
    <t>2021BU04000302</t>
  </si>
  <si>
    <t>Jeruzalem</t>
  </si>
  <si>
    <t>buurt_gegeneraliseerd_2021.b049ae6a-9123-4993-9ad4-d6b9b770a7f2</t>
  </si>
  <si>
    <t>BU04000303</t>
  </si>
  <si>
    <t>2021BU04000303</t>
  </si>
  <si>
    <t>Duinbuurt</t>
  </si>
  <si>
    <t>buurt_gegeneraliseerd_2021.ecfa08e9-ed9a-4f79-84dd-acca1c7f7b1c</t>
  </si>
  <si>
    <t>BU04000304</t>
  </si>
  <si>
    <t>2021BU04000304</t>
  </si>
  <si>
    <t>Donkere Duinen</t>
  </si>
  <si>
    <t>buurt_gegeneraliseerd_2021.53385f12-16b6-4236-a9a0-ea358e7f1b05</t>
  </si>
  <si>
    <t>BU04000400</t>
  </si>
  <si>
    <t>2021BU04000400</t>
  </si>
  <si>
    <t>Nieuwlandbuurt</t>
  </si>
  <si>
    <t>buurt_gegeneraliseerd_2021.b1376c0b-69d5-4e8d-b604-5866214d3843</t>
  </si>
  <si>
    <t>BU04000401</t>
  </si>
  <si>
    <t>2021BU04000401</t>
  </si>
  <si>
    <t>Golfstroombuurt</t>
  </si>
  <si>
    <t>buurt_gegeneraliseerd_2021.f8595916-ce59-4fb5-bcf3-38addccec7bf</t>
  </si>
  <si>
    <t>BU04000402</t>
  </si>
  <si>
    <t>2021BU04000402</t>
  </si>
  <si>
    <t>Grote Rivierenbuurt</t>
  </si>
  <si>
    <t>buurt_gegeneraliseerd_2021.91700cc2-5be5-4bac-ab4f-344b44fbe4e4</t>
  </si>
  <si>
    <t>BU04000403</t>
  </si>
  <si>
    <t>2021BU04000403</t>
  </si>
  <si>
    <t>Kleine Rivierenbuurt</t>
  </si>
  <si>
    <t>buurt_gegeneraliseerd_2021.715f4dd4-560b-4558-9c45-0226af1bdb31</t>
  </si>
  <si>
    <t>BU04000404</t>
  </si>
  <si>
    <t>2021BU04000404</t>
  </si>
  <si>
    <t>buurt_gegeneraliseerd_2021.bde1fe09-f369-45e1-9d8f-d4740d29c3d9</t>
  </si>
  <si>
    <t>BU04000405</t>
  </si>
  <si>
    <t>2021BU04000405</t>
  </si>
  <si>
    <t>Falga</t>
  </si>
  <si>
    <t>buurt_gegeneraliseerd_2021.f43b60d8-f9f8-4d84-b493-d93f9d81d4c6</t>
  </si>
  <si>
    <t>BU04000406</t>
  </si>
  <si>
    <t>2021BU04000406</t>
  </si>
  <si>
    <t>Zuiderzeebuurt</t>
  </si>
  <si>
    <t>buurt_gegeneraliseerd_2021.173f7350-0bbe-4ceb-98ce-7744a0fb4e38</t>
  </si>
  <si>
    <t>BU04000407</t>
  </si>
  <si>
    <t>2021BU04000407</t>
  </si>
  <si>
    <t>Schepenbuurt</t>
  </si>
  <si>
    <t>buurt_gegeneraliseerd_2021.f2f64d26-2d9b-4c51-bf5f-f7f3dfb1f1ec</t>
  </si>
  <si>
    <t>BU04000408</t>
  </si>
  <si>
    <t>2021BU04000408</t>
  </si>
  <si>
    <t>Nieuw Den Helder Zuid-Oost</t>
  </si>
  <si>
    <t>buurt_gegeneraliseerd_2021.28d66d03-1ac1-45b8-bae4-eb9c4df9af04</t>
  </si>
  <si>
    <t>BU04000409</t>
  </si>
  <si>
    <t>2021BU04000409</t>
  </si>
  <si>
    <t>Dirksz Admiraal</t>
  </si>
  <si>
    <t>buurt_gegeneraliseerd_2021.4dd0d745-efc3-4fa9-9eb8-d50e91d7c1c6</t>
  </si>
  <si>
    <t>BU04000500</t>
  </si>
  <si>
    <t>2021BU04000500</t>
  </si>
  <si>
    <t>Westoever</t>
  </si>
  <si>
    <t>buurt_gegeneraliseerd_2021.225a8b2c-118a-4643-a3fc-fd6da5ce1464</t>
  </si>
  <si>
    <t>BU04000501</t>
  </si>
  <si>
    <t>2021BU04000501</t>
  </si>
  <si>
    <t>Marina</t>
  </si>
  <si>
    <t>buurt_gegeneraliseerd_2021.c9fd1daf-c59b-4df8-a981-3381e131fdab</t>
  </si>
  <si>
    <t>BU04000502</t>
  </si>
  <si>
    <t>2021BU04000502</t>
  </si>
  <si>
    <t>Schouten en Schepenenbuurt</t>
  </si>
  <si>
    <t>buurt_gegeneraliseerd_2021.076b91ad-dc40-4546-92a5-a380a29e6014</t>
  </si>
  <si>
    <t>BU04000503</t>
  </si>
  <si>
    <t>2021BU04000503</t>
  </si>
  <si>
    <t>Walvisvaarderbuurt</t>
  </si>
  <si>
    <t>buurt_gegeneraliseerd_2021.23361cde-13ef-4bd7-aec3-f3c9775fb9eb</t>
  </si>
  <si>
    <t>BU04000504</t>
  </si>
  <si>
    <t>2021BU04000504</t>
  </si>
  <si>
    <t>Zeeloodsenbuurt</t>
  </si>
  <si>
    <t>buurt_gegeneraliseerd_2021.c297a2ac-e6ae-44d2-b4af-1a688252ad1d</t>
  </si>
  <si>
    <t>BU04000505</t>
  </si>
  <si>
    <t>2021BU04000505</t>
  </si>
  <si>
    <t>Boerderijbuurt</t>
  </si>
  <si>
    <t>buurt_gegeneraliseerd_2021.a689fcf6-ea3b-4017-baeb-0ed2012ca5a8</t>
  </si>
  <si>
    <t>BU04000506</t>
  </si>
  <si>
    <t>2021BU04000506</t>
  </si>
  <si>
    <t>Schooten-Centrum</t>
  </si>
  <si>
    <t>buurt_gegeneraliseerd_2021.1319ae40-68eb-4d57-b529-1ebd0f17d865</t>
  </si>
  <si>
    <t>BU04000507</t>
  </si>
  <si>
    <t>2021BU04000507</t>
  </si>
  <si>
    <t>Landmetersbuurt</t>
  </si>
  <si>
    <t>buurt_gegeneraliseerd_2021.6d8ae6a6-49af-48ef-9013-54c95c2e3eaa</t>
  </si>
  <si>
    <t>BU04000508</t>
  </si>
  <si>
    <t>2021BU04000508</t>
  </si>
  <si>
    <t>Waterkeringsbuurt</t>
  </si>
  <si>
    <t>buurt_gegeneraliseerd_2021.cb55f2de-0909-4852-88a5-132a88fd7d58</t>
  </si>
  <si>
    <t>BU04000509</t>
  </si>
  <si>
    <t>2021BU04000509</t>
  </si>
  <si>
    <t>Guldemond</t>
  </si>
  <si>
    <t>buurt_gegeneraliseerd_2021.178b743d-afe8-4844-83da-41e287236f22</t>
  </si>
  <si>
    <t>BU04000600</t>
  </si>
  <si>
    <t>2021BU04000600</t>
  </si>
  <si>
    <t>Julianadorp-Oost</t>
  </si>
  <si>
    <t>buurt_gegeneraliseerd_2021.0365d177-b010-49e1-8072-cecb807fb766</t>
  </si>
  <si>
    <t>BU04000601</t>
  </si>
  <si>
    <t>2021BU04000601</t>
  </si>
  <si>
    <t>Oostoever</t>
  </si>
  <si>
    <t>buurt_gegeneraliseerd_2021.dcdfb932-36fd-49fc-b52b-a0505570c95f</t>
  </si>
  <si>
    <t>BU04000602</t>
  </si>
  <si>
    <t>2021BU04000602</t>
  </si>
  <si>
    <t>Friesebuurt</t>
  </si>
  <si>
    <t>buurt_gegeneraliseerd_2021.5c6e046e-55f7-496a-9de9-fbd7d010ecdf</t>
  </si>
  <si>
    <t>BU04000603</t>
  </si>
  <si>
    <t>2021BU04000603</t>
  </si>
  <si>
    <t>Kooypunt</t>
  </si>
  <si>
    <t>buurt_gegeneraliseerd_2021.16a31afa-c4c7-40fe-92d4-36e8bbb661d1</t>
  </si>
  <si>
    <t>BU04000604</t>
  </si>
  <si>
    <t>2021BU04000604</t>
  </si>
  <si>
    <t>Koegras-Noord</t>
  </si>
  <si>
    <t>buurt_gegeneraliseerd_2021.e3d91085-b24f-4e85-8575-2217470cc922</t>
  </si>
  <si>
    <t>BU04000605</t>
  </si>
  <si>
    <t>2021BU04000605</t>
  </si>
  <si>
    <t>Blauwe Keet</t>
  </si>
  <si>
    <t>buurt_gegeneraliseerd_2021.879d78af-c36a-4063-b6cf-6f51e06db5e5</t>
  </si>
  <si>
    <t>BU04000606</t>
  </si>
  <si>
    <t>2021BU04000606</t>
  </si>
  <si>
    <t>Koegras-Zuid</t>
  </si>
  <si>
    <t>buurt_gegeneraliseerd_2021.b3d3eb1f-78f2-40ca-bc4e-388aba32966b</t>
  </si>
  <si>
    <t>BU04000607</t>
  </si>
  <si>
    <t>2021BU04000607</t>
  </si>
  <si>
    <t>De Kooy</t>
  </si>
  <si>
    <t>buurt_gegeneraliseerd_2021.dc39ed1d-1db1-4f1c-8470-70a87b0f3381</t>
  </si>
  <si>
    <t>BU04000700</t>
  </si>
  <si>
    <t>2021BU04000700</t>
  </si>
  <si>
    <t>Mariëndal</t>
  </si>
  <si>
    <t>buurt_gegeneraliseerd_2021.20dc7584-3d5e-4559-ba53-c83bac755bf3</t>
  </si>
  <si>
    <t>BU04000701</t>
  </si>
  <si>
    <t>2021BU04000701</t>
  </si>
  <si>
    <t>De Zandloper</t>
  </si>
  <si>
    <t>buurt_gegeneraliseerd_2021.7e7e0a7b-4247-4209-a73f-6369d13b8f1c</t>
  </si>
  <si>
    <t>BU04000702</t>
  </si>
  <si>
    <t>2021BU04000702</t>
  </si>
  <si>
    <t>Ooghduyne</t>
  </si>
  <si>
    <t>buurt_gegeneraliseerd_2021.bdce81ef-2cb2-4487-8199-42fab85fe051</t>
  </si>
  <si>
    <t>BU04000800</t>
  </si>
  <si>
    <t>2021BU04000800</t>
  </si>
  <si>
    <t>Julianadorp-West</t>
  </si>
  <si>
    <t>buurt_gegeneraliseerd_2021.ae4f5f20-bbb9-4d55-8d0a-92bd82b0a187</t>
  </si>
  <si>
    <t>BU04000801</t>
  </si>
  <si>
    <t>2021BU04000801</t>
  </si>
  <si>
    <t>Middelzand</t>
  </si>
  <si>
    <t>buurt_gegeneraliseerd_2021.f6bee3e2-3dba-4a04-8dba-cfae8202cef5</t>
  </si>
  <si>
    <t>BU04000802</t>
  </si>
  <si>
    <t>2021BU04000802</t>
  </si>
  <si>
    <t>Vogelzand</t>
  </si>
  <si>
    <t>buurt_gegeneraliseerd_2021.247feefe-ed3a-49a5-a922-90fc217c74a9</t>
  </si>
  <si>
    <t>BU04000803</t>
  </si>
  <si>
    <t>2021BU04000803</t>
  </si>
  <si>
    <t>Doorzwin</t>
  </si>
  <si>
    <t>buurt_gegeneraliseerd_2021.fe68fb9b-3706-491b-99f8-05fbda0732ed</t>
  </si>
  <si>
    <t>BU04000804</t>
  </si>
  <si>
    <t>2021BU04000804</t>
  </si>
  <si>
    <t>Kruiszwin</t>
  </si>
  <si>
    <t>buurt_gegeneraliseerd_2021.7ae56092-6597-445d-8fbd-199fead66309</t>
  </si>
  <si>
    <t>BU04000805</t>
  </si>
  <si>
    <t>2021BU04000805</t>
  </si>
  <si>
    <t>Wierbalg</t>
  </si>
  <si>
    <t>buurt_gegeneraliseerd_2021.8c450a21-a226-498a-a9f2-d243a7708c6a</t>
  </si>
  <si>
    <t>BU04000806</t>
  </si>
  <si>
    <t>2021BU04000806</t>
  </si>
  <si>
    <t>Malzwin</t>
  </si>
  <si>
    <t>buurt_gegeneraliseerd_2021.bb2f148e-cb05-4fcc-9004-1e89da07dbcc</t>
  </si>
  <si>
    <t>BU04000807</t>
  </si>
  <si>
    <t>2021BU04000807</t>
  </si>
  <si>
    <t>Boterzwin</t>
  </si>
  <si>
    <t>buurt_gegeneraliseerd_2021.72ba6b92-e193-425f-b7ff-a972a97f49ca</t>
  </si>
  <si>
    <t>BU04000808</t>
  </si>
  <si>
    <t>2021BU04000808</t>
  </si>
  <si>
    <t>Zwanenbalg</t>
  </si>
  <si>
    <t>buurt_gegeneraliseerd_2021.8a01c307-85ab-4b31-8572-f6b15b3bab67</t>
  </si>
  <si>
    <t>BU04000809</t>
  </si>
  <si>
    <t>2021BU04000809</t>
  </si>
  <si>
    <t>Noorderhaven</t>
  </si>
  <si>
    <t>buurt_gegeneraliseerd_2021.6c691216-7f21-4fc8-9e50-cf3df4b26ff1</t>
  </si>
  <si>
    <t>BU04020101</t>
  </si>
  <si>
    <t>2021BU04020101</t>
  </si>
  <si>
    <t>GM0402</t>
  </si>
  <si>
    <t>buurt_gegeneraliseerd_2021.5445bece-1af0-48a1-a8a2-82df2fd9ae1a</t>
  </si>
  <si>
    <t>BU04020102</t>
  </si>
  <si>
    <t>2021BU04020102</t>
  </si>
  <si>
    <t>Havenstraatbuurt</t>
  </si>
  <si>
    <t>buurt_gegeneraliseerd_2021.1ee70c05-7294-439f-a027-8ae33e9796c6</t>
  </si>
  <si>
    <t>BU04020103</t>
  </si>
  <si>
    <t>2021BU04020103</t>
  </si>
  <si>
    <t>Sint Vitusbuurt</t>
  </si>
  <si>
    <t>buurt_gegeneraliseerd_2021.4458a3b9-d453-4533-945e-62b5989eda5a</t>
  </si>
  <si>
    <t>BU04020104</t>
  </si>
  <si>
    <t>2021BU04020104</t>
  </si>
  <si>
    <t>Langgewenstbuurt</t>
  </si>
  <si>
    <t>buurt_gegeneraliseerd_2021.6eb78384-7203-4d4f-9239-81c642d31462</t>
  </si>
  <si>
    <t>BU04020201</t>
  </si>
  <si>
    <t>2021BU04020201</t>
  </si>
  <si>
    <t>Boomberg</t>
  </si>
  <si>
    <t>buurt_gegeneraliseerd_2021.f9990dba-ab02-4dee-b871-3caede738f78</t>
  </si>
  <si>
    <t>BU04020202</t>
  </si>
  <si>
    <t>2021BU04020202</t>
  </si>
  <si>
    <t>Raadhuiskwartier</t>
  </si>
  <si>
    <t>buurt_gegeneraliseerd_2021.8ce2b54b-ca56-41f5-ad56-1dcc9f3b39ae</t>
  </si>
  <si>
    <t>BU04020203</t>
  </si>
  <si>
    <t>2021BU04020203</t>
  </si>
  <si>
    <t>Trompenberg-Zuid</t>
  </si>
  <si>
    <t>buurt_gegeneraliseerd_2021.fa2db360-3809-4c65-806e-2d7661b430a9</t>
  </si>
  <si>
    <t>BU04020204</t>
  </si>
  <si>
    <t>2021BU04020204</t>
  </si>
  <si>
    <t>Villaparken</t>
  </si>
  <si>
    <t>buurt_gegeneraliseerd_2021.75131b7e-f4b6-4b20-bebb-7e59568b2eb3</t>
  </si>
  <si>
    <t>BU04020205</t>
  </si>
  <si>
    <t>2021BU04020205</t>
  </si>
  <si>
    <t>Trompenberg-Noord</t>
  </si>
  <si>
    <t>buurt_gegeneraliseerd_2021.c4c01651-9443-4fe8-9990-d93151d954d6</t>
  </si>
  <si>
    <t>BU04020206</t>
  </si>
  <si>
    <t>2021BU04020206</t>
  </si>
  <si>
    <t>Media Park</t>
  </si>
  <si>
    <t>buurt_gegeneraliseerd_2021.fad0aa96-9b11-42ed-a3dd-ce02d9ca855c</t>
  </si>
  <si>
    <t>BU04020301</t>
  </si>
  <si>
    <t>2021BU04020301</t>
  </si>
  <si>
    <t>Havenkwartier</t>
  </si>
  <si>
    <t>buurt_gegeneraliseerd_2021.e9d9d8f0-ef85-40cb-9ec4-9b2a9c43f8ba</t>
  </si>
  <si>
    <t>BU04020302</t>
  </si>
  <si>
    <t>2021BU04020302</t>
  </si>
  <si>
    <t>Het Rode Dorp</t>
  </si>
  <si>
    <t>buurt_gegeneraliseerd_2021.d1a01b34-c516-43b6-90ac-aecfbf3a05db</t>
  </si>
  <si>
    <t>BU04020303</t>
  </si>
  <si>
    <t>2021BU04020303</t>
  </si>
  <si>
    <t>Zeverijn</t>
  </si>
  <si>
    <t>buurt_gegeneraliseerd_2021.0077330f-cfca-4a7c-bcfb-22fe59c17606</t>
  </si>
  <si>
    <t>BU04020304</t>
  </si>
  <si>
    <t>2021BU04020304</t>
  </si>
  <si>
    <t>Kerkelanden</t>
  </si>
  <si>
    <t>buurt_gegeneraliseerd_2021.c0a93906-7417-4573-9395-8d479335d447</t>
  </si>
  <si>
    <t>BU04020401</t>
  </si>
  <si>
    <t>2021BU04020401</t>
  </si>
  <si>
    <t>Bloemenkwartier Noord</t>
  </si>
  <si>
    <t>buurt_gegeneraliseerd_2021.61f8e3e8-7ada-476f-ad23-f368dead3b32</t>
  </si>
  <si>
    <t>BU04020402</t>
  </si>
  <si>
    <t>2021BU04020402</t>
  </si>
  <si>
    <t>Bloemenkwartier Zuid</t>
  </si>
  <si>
    <t>buurt_gegeneraliseerd_2021.de12b80f-814e-4e93-a2b4-715465aff7bf</t>
  </si>
  <si>
    <t>BU04020403</t>
  </si>
  <si>
    <t>2021BU04020403</t>
  </si>
  <si>
    <t>Schrijverskwartier</t>
  </si>
  <si>
    <t>buurt_gegeneraliseerd_2021.975618b4-4f01-47f2-a565-4a0e24047ce9</t>
  </si>
  <si>
    <t>BU04020404</t>
  </si>
  <si>
    <t>2021BU04020404</t>
  </si>
  <si>
    <t>buurt_gegeneraliseerd_2021.e71a309f-165f-4e95-a4e9-b90ab710ccab</t>
  </si>
  <si>
    <t>BU04020405</t>
  </si>
  <si>
    <t>2021BU04020405</t>
  </si>
  <si>
    <t>Zeeheldenkwartier</t>
  </si>
  <si>
    <t>buurt_gegeneraliseerd_2021.cb39fc7a-cf17-4553-bf7d-a3d2650bd907</t>
  </si>
  <si>
    <t>BU04020501</t>
  </si>
  <si>
    <t>2021BU04020501</t>
  </si>
  <si>
    <t>Schilderskwartier</t>
  </si>
  <si>
    <t>buurt_gegeneraliseerd_2021.4da9ccc8-bcbb-432f-b4a7-7b8e7f7193ea</t>
  </si>
  <si>
    <t>BU04020502</t>
  </si>
  <si>
    <t>2021BU04020502</t>
  </si>
  <si>
    <t>'t Hoogt van 't Kruis</t>
  </si>
  <si>
    <t>buurt_gegeneraliseerd_2021.dc580663-03c5-4558-b4e7-d5000044338b</t>
  </si>
  <si>
    <t>BU04020503</t>
  </si>
  <si>
    <t>2021BU04020503</t>
  </si>
  <si>
    <t>Arenaparkkwartier</t>
  </si>
  <si>
    <t>buurt_gegeneraliseerd_2021.be7c35e8-ed21-47da-8381-4643944a1ef5</t>
  </si>
  <si>
    <t>BU04020504</t>
  </si>
  <si>
    <t>2021BU04020504</t>
  </si>
  <si>
    <t>West-Indiëkwartier</t>
  </si>
  <si>
    <t>buurt_gegeneraliseerd_2021.5fa746ea-7d65-4679-af17-88449a4c6900</t>
  </si>
  <si>
    <t>BU04020505</t>
  </si>
  <si>
    <t>2021BU04020505</t>
  </si>
  <si>
    <t>Van Riebeeckkwartier</t>
  </si>
  <si>
    <t>buurt_gegeneraliseerd_2021.e44ce66b-3c9a-4f2c-aa25-537e1f73a084</t>
  </si>
  <si>
    <t>BU04020506</t>
  </si>
  <si>
    <t>2021BU04020506</t>
  </si>
  <si>
    <t>Egelshoek</t>
  </si>
  <si>
    <t>buurt_gegeneraliseerd_2021.1fc9ed57-2340-465e-b5ee-78b3876142ef</t>
  </si>
  <si>
    <t>BU04020601</t>
  </si>
  <si>
    <t>2021BU04020601</t>
  </si>
  <si>
    <t>Geuzenbuurt</t>
  </si>
  <si>
    <t>buurt_gegeneraliseerd_2021.1febb4c3-3411-4316-bd42-82e43bb1f82e</t>
  </si>
  <si>
    <t>BU04020602</t>
  </si>
  <si>
    <t>2021BU04020602</t>
  </si>
  <si>
    <t>Electrobuurt</t>
  </si>
  <si>
    <t>buurt_gegeneraliseerd_2021.99f50aa1-68e2-4ac3-a1d6-08627ee837fe</t>
  </si>
  <si>
    <t>BU04020603</t>
  </si>
  <si>
    <t>2021BU04020603</t>
  </si>
  <si>
    <t>Kleine Driftbuurt</t>
  </si>
  <si>
    <t>buurt_gegeneraliseerd_2021.cad7d0dd-5728-4ed5-bea5-423be084fb62</t>
  </si>
  <si>
    <t>BU04020604</t>
  </si>
  <si>
    <t>2021BU04020604</t>
  </si>
  <si>
    <t>Liebergen</t>
  </si>
  <si>
    <t>buurt_gegeneraliseerd_2021.12ff344f-7bf0-4d16-ac09-339666a66f81</t>
  </si>
  <si>
    <t>BU04020605</t>
  </si>
  <si>
    <t>2021BU04020605</t>
  </si>
  <si>
    <t>Astronomische Buurt</t>
  </si>
  <si>
    <t>buurt_gegeneraliseerd_2021.12ac6195-4dc1-4610-8094-66cc167e4816</t>
  </si>
  <si>
    <t>BU04020606</t>
  </si>
  <si>
    <t>2021BU04020606</t>
  </si>
  <si>
    <t>Anna's Hoeve</t>
  </si>
  <si>
    <t>buurt_gegeneraliseerd_2021.8dfd22c3-895b-4a72-92da-6fe06638709c</t>
  </si>
  <si>
    <t>BU04020701</t>
  </si>
  <si>
    <t>2021BU04020701</t>
  </si>
  <si>
    <t>Johannes Geradtswegbuurt</t>
  </si>
  <si>
    <t>buurt_gegeneraliseerd_2021.c3a6afcc-1412-4943-9448-9f0e0851ec7b</t>
  </si>
  <si>
    <t>BU04020702</t>
  </si>
  <si>
    <t>2021BU04020702</t>
  </si>
  <si>
    <t>Erfgooiersbuurt</t>
  </si>
  <si>
    <t>buurt_gegeneraliseerd_2021.3a0b3bc2-eac7-4373-87f3-b3967f639171</t>
  </si>
  <si>
    <t>BU04020703</t>
  </si>
  <si>
    <t>2021BU04020703</t>
  </si>
  <si>
    <t>buurt_gegeneraliseerd_2021.3c7c7a6a-7b4d-4075-bb0f-7fb45b202053</t>
  </si>
  <si>
    <t>BU04020704</t>
  </si>
  <si>
    <t>2021BU04020704</t>
  </si>
  <si>
    <t>AZC Crailo</t>
  </si>
  <si>
    <t>buurt_gegeneraliseerd_2021.0ab948ba-2e1b-4de0-9f56-bc95576e6dd5</t>
  </si>
  <si>
    <t>BU04020801</t>
  </si>
  <si>
    <t>2021BU04020801</t>
  </si>
  <si>
    <t>Hilversumse Meent</t>
  </si>
  <si>
    <t>buurt_gegeneraliseerd_2021.b4109954-024c-43fb-ba98-4c2878b162da</t>
  </si>
  <si>
    <t>BU04020901</t>
  </si>
  <si>
    <t>2021BU04020901</t>
  </si>
  <si>
    <t>Landelijk Gebied 91</t>
  </si>
  <si>
    <t>buurt_gegeneraliseerd_2021.162b045b-1a97-49cf-a8a8-75e1268cbe3c</t>
  </si>
  <si>
    <t>BU04020902</t>
  </si>
  <si>
    <t>2021BU04020902</t>
  </si>
  <si>
    <t>Landelijk Gebied 92</t>
  </si>
  <si>
    <t>buurt_gegeneraliseerd_2021.34e2d5a6-d500-4503-957a-8159b87dcdb3</t>
  </si>
  <si>
    <t>BU04020903</t>
  </si>
  <si>
    <t>2021BU04020903</t>
  </si>
  <si>
    <t>Landelijk Gebied 93</t>
  </si>
  <si>
    <t>buurt_gegeneraliseerd_2021.2e0278cb-217e-4205-9211-d1adb8257bda</t>
  </si>
  <si>
    <t>BU04020904</t>
  </si>
  <si>
    <t>2021BU04020904</t>
  </si>
  <si>
    <t>Landelijk Gebied 94</t>
  </si>
  <si>
    <t>buurt_gegeneraliseerd_2021.33dcc612-0b0d-49e0-be2f-b3582c14e4ec</t>
  </si>
  <si>
    <t>BU04020905</t>
  </si>
  <si>
    <t>2021BU04020905</t>
  </si>
  <si>
    <t>Landelijk Gebied 95</t>
  </si>
  <si>
    <t>buurt_gegeneraliseerd_2021.83c47653-b64e-442e-8160-cd6b27084dd1</t>
  </si>
  <si>
    <t>BU04020906</t>
  </si>
  <si>
    <t>2021BU04020906</t>
  </si>
  <si>
    <t>Landelijk Gebied 96</t>
  </si>
  <si>
    <t>buurt_gegeneraliseerd_2021.6c195f1e-8ab0-49b3-a1d2-8a8ec6884bbb</t>
  </si>
  <si>
    <t>BU04020907</t>
  </si>
  <si>
    <t>2021BU04020907</t>
  </si>
  <si>
    <t>Landelijk Gebied 97</t>
  </si>
  <si>
    <t>buurt_gegeneraliseerd_2021.45d9e641-4d81-421c-86c7-656d91580f04</t>
  </si>
  <si>
    <t>BU04051000</t>
  </si>
  <si>
    <t>2021BU04051000</t>
  </si>
  <si>
    <t>Binnenstad - Buurt 10 00</t>
  </si>
  <si>
    <t>GM0405</t>
  </si>
  <si>
    <t>buurt_gegeneraliseerd_2021.a86ff903-f64c-4567-a603-6c7851a32a87</t>
  </si>
  <si>
    <t>BU04051001</t>
  </si>
  <si>
    <t>2021BU04051001</t>
  </si>
  <si>
    <t>Binnenstad - Buurt 10 01</t>
  </si>
  <si>
    <t>buurt_gegeneraliseerd_2021.f353c5e5-b68f-4f36-9f2b-e1044d18d0e5</t>
  </si>
  <si>
    <t>BU04051002</t>
  </si>
  <si>
    <t>2021BU04051002</t>
  </si>
  <si>
    <t>Binnenstad - Buurt 10 02</t>
  </si>
  <si>
    <t>buurt_gegeneraliseerd_2021.1894f59b-d078-4bba-9dc9-3836765562f3</t>
  </si>
  <si>
    <t>BU04051003</t>
  </si>
  <si>
    <t>2021BU04051003</t>
  </si>
  <si>
    <t>Binnenstad - Buurt 10 03</t>
  </si>
  <si>
    <t>buurt_gegeneraliseerd_2021.2c95b947-6409-4c00-a1f1-b59a097297fa</t>
  </si>
  <si>
    <t>BU04051100</t>
  </si>
  <si>
    <t>2021BU04051100</t>
  </si>
  <si>
    <t>Venelaankwartier - Buurt 11 00</t>
  </si>
  <si>
    <t>buurt_gegeneraliseerd_2021.908758fe-c22c-47c0-a0f2-2729b452042b</t>
  </si>
  <si>
    <t>BU04051101</t>
  </si>
  <si>
    <t>2021BU04051101</t>
  </si>
  <si>
    <t>Venelaankwartier - Buurt 11 01</t>
  </si>
  <si>
    <t>buurt_gegeneraliseerd_2021.67a887b5-da85-44a6-88e3-665def5eeafe</t>
  </si>
  <si>
    <t>BU04051102</t>
  </si>
  <si>
    <t>2021BU04051102</t>
  </si>
  <si>
    <t>Venelaankwartier - Buurt 11 02</t>
  </si>
  <si>
    <t>buurt_gegeneraliseerd_2021.b64fceb6-1b8c-4379-9acd-59e4e32ff3bf</t>
  </si>
  <si>
    <t>BU04051103</t>
  </si>
  <si>
    <t>2021BU04051103</t>
  </si>
  <si>
    <t>Venelaankwartier - Buurt 11 03</t>
  </si>
  <si>
    <t>buurt_gegeneraliseerd_2021.2a6bf933-86e6-4466-b66c-9b7224a30369</t>
  </si>
  <si>
    <t>BU04051200</t>
  </si>
  <si>
    <t>2021BU04051200</t>
  </si>
  <si>
    <t>Hoorn Noord - Buurt 12 00</t>
  </si>
  <si>
    <t>buurt_gegeneraliseerd_2021.59e20e9c-ea69-4986-a550-1ddd80272a56</t>
  </si>
  <si>
    <t>BU04051201</t>
  </si>
  <si>
    <t>2021BU04051201</t>
  </si>
  <si>
    <t>Hoorn Noord - Buurt 12 01</t>
  </si>
  <si>
    <t>buurt_gegeneraliseerd_2021.be6ceeb2-3cc8-48a9-b956-6af845a08cac</t>
  </si>
  <si>
    <t>BU04051202</t>
  </si>
  <si>
    <t>2021BU04051202</t>
  </si>
  <si>
    <t>Hoorn Noord - Buurt 12 02</t>
  </si>
  <si>
    <t>buurt_gegeneraliseerd_2021.06a866c1-3c76-4188-ba19-e173fab9af31</t>
  </si>
  <si>
    <t>BU04051203</t>
  </si>
  <si>
    <t>2021BU04051203</t>
  </si>
  <si>
    <t>Hoorn Noord - Buurt 12 03</t>
  </si>
  <si>
    <t>buurt_gegeneraliseerd_2021.b42b313c-9df4-41ac-8546-7e0edc604d7a</t>
  </si>
  <si>
    <t>BU04051204</t>
  </si>
  <si>
    <t>2021BU04051204</t>
  </si>
  <si>
    <t>Hoorn Noord - Buurt 12 04</t>
  </si>
  <si>
    <t>buurt_gegeneraliseerd_2021.3adf1b3b-3e2c-41a1-85a9-e95f0118c8f7</t>
  </si>
  <si>
    <t>BU04051300</t>
  </si>
  <si>
    <t>2021BU04051300</t>
  </si>
  <si>
    <t>Grote Waal - Buurt 13 00</t>
  </si>
  <si>
    <t>buurt_gegeneraliseerd_2021.34905f2c-550b-45cb-a1a3-58cdc56e3aed</t>
  </si>
  <si>
    <t>BU04051301</t>
  </si>
  <si>
    <t>2021BU04051301</t>
  </si>
  <si>
    <t>Grote Waal - Buurt 13 01</t>
  </si>
  <si>
    <t>buurt_gegeneraliseerd_2021.2e8f3930-18e9-4513-9164-36aac7ad23ac</t>
  </si>
  <si>
    <t>BU04051302</t>
  </si>
  <si>
    <t>2021BU04051302</t>
  </si>
  <si>
    <t>Grote Waal - Buurt 13 02</t>
  </si>
  <si>
    <t>buurt_gegeneraliseerd_2021.4b5745a9-a50a-455c-a838-f5aa599fe756</t>
  </si>
  <si>
    <t>BU04051303</t>
  </si>
  <si>
    <t>2021BU04051303</t>
  </si>
  <si>
    <t>Grote Waal - Buurt 13 03</t>
  </si>
  <si>
    <t>buurt_gegeneraliseerd_2021.5d73d276-0591-4349-82a4-499c533499e6</t>
  </si>
  <si>
    <t>BU04051304</t>
  </si>
  <si>
    <t>2021BU04051304</t>
  </si>
  <si>
    <t>Grote Waal - Buurt 13 04</t>
  </si>
  <si>
    <t>buurt_gegeneraliseerd_2021.f951ed29-06c8-4261-bf58-4476a7d3912c</t>
  </si>
  <si>
    <t>BU04051305</t>
  </si>
  <si>
    <t>2021BU04051305</t>
  </si>
  <si>
    <t>Grote Waal - Buurt 13 05</t>
  </si>
  <si>
    <t>buurt_gegeneraliseerd_2021.e7a9b29e-f9a7-40a8-ba0b-9da6b186bb08</t>
  </si>
  <si>
    <t>BU04051306</t>
  </si>
  <si>
    <t>2021BU04051306</t>
  </si>
  <si>
    <t>Grote Waal - Buurt 13 06</t>
  </si>
  <si>
    <t>buurt_gegeneraliseerd_2021.fefa91ba-4f14-4c01-8903-3eb50ff7c2e1</t>
  </si>
  <si>
    <t>BU04051307</t>
  </si>
  <si>
    <t>2021BU04051307</t>
  </si>
  <si>
    <t>Grote Waal - Buurt 13 07</t>
  </si>
  <si>
    <t>buurt_gegeneraliseerd_2021.4dcf7eda-a397-4193-8dd9-085293b3dcbb</t>
  </si>
  <si>
    <t>BU04051308</t>
  </si>
  <si>
    <t>2021BU04051308</t>
  </si>
  <si>
    <t>Grote Waal - Buurt 13 08</t>
  </si>
  <si>
    <t>buurt_gegeneraliseerd_2021.2fe9673d-4ab0-49e3-849b-6d9bd64f80e9</t>
  </si>
  <si>
    <t>BU04052000</t>
  </si>
  <si>
    <t>2021BU04052000</t>
  </si>
  <si>
    <t>Risdam-Zuid - Buurt 20 00</t>
  </si>
  <si>
    <t>buurt_gegeneraliseerd_2021.86471485-f932-4d88-bf55-d9215196a08b</t>
  </si>
  <si>
    <t>BU04052001</t>
  </si>
  <si>
    <t>2021BU04052001</t>
  </si>
  <si>
    <t>Risdam-Zuid - Buurt 20 01</t>
  </si>
  <si>
    <t>buurt_gegeneraliseerd_2021.0f478170-8c0b-4bf9-9f74-b1517827b644</t>
  </si>
  <si>
    <t>BU04052002</t>
  </si>
  <si>
    <t>2021BU04052002</t>
  </si>
  <si>
    <t>Risdam-Zuid - Buurt 20 02</t>
  </si>
  <si>
    <t>buurt_gegeneraliseerd_2021.1ba2c4da-e0b0-4707-a7d2-e3120763e39b</t>
  </si>
  <si>
    <t>BU04052003</t>
  </si>
  <si>
    <t>2021BU04052003</t>
  </si>
  <si>
    <t>Risdam-Zuid - Buurt 20 03</t>
  </si>
  <si>
    <t>buurt_gegeneraliseerd_2021.0774c928-f1a8-45e6-9395-ade9a911d182</t>
  </si>
  <si>
    <t>BU04052004</t>
  </si>
  <si>
    <t>2021BU04052004</t>
  </si>
  <si>
    <t>Risdam-Zuid - Buurt 20 04</t>
  </si>
  <si>
    <t>buurt_gegeneraliseerd_2021.f97511e6-2c08-4efa-904b-623a20107450</t>
  </si>
  <si>
    <t>BU04052005</t>
  </si>
  <si>
    <t>2021BU04052005</t>
  </si>
  <si>
    <t>Risdam-Zuid - Buurt 20 05</t>
  </si>
  <si>
    <t>buurt_gegeneraliseerd_2021.7d9d8647-74f6-4da9-9723-5a01ffc747bd</t>
  </si>
  <si>
    <t>BU04052006</t>
  </si>
  <si>
    <t>2021BU04052006</t>
  </si>
  <si>
    <t>Risdam-Zuid - Buurt 20 06</t>
  </si>
  <si>
    <t>buurt_gegeneraliseerd_2021.83fd1a98-6e0c-4829-9794-77df87306942</t>
  </si>
  <si>
    <t>BU04052007</t>
  </si>
  <si>
    <t>2021BU04052007</t>
  </si>
  <si>
    <t>Risdam-Zuid - Buurt 20 07</t>
  </si>
  <si>
    <t>buurt_gegeneraliseerd_2021.2ff5f41d-a108-417f-9b21-8437480d38e0</t>
  </si>
  <si>
    <t>BU04052008</t>
  </si>
  <si>
    <t>2021BU04052008</t>
  </si>
  <si>
    <t>Risdam-Zuid - Buurt 20 08</t>
  </si>
  <si>
    <t>buurt_gegeneraliseerd_2021.c11a6dd6-f789-40c0-9aa6-e8de84e1f869</t>
  </si>
  <si>
    <t>BU04052100</t>
  </si>
  <si>
    <t>2021BU04052100</t>
  </si>
  <si>
    <t>Risdam-Noord - Buurt 21 00</t>
  </si>
  <si>
    <t>buurt_gegeneraliseerd_2021.73f0588d-73e9-44f4-a250-4721eeae8126</t>
  </si>
  <si>
    <t>BU04052101</t>
  </si>
  <si>
    <t>2021BU04052101</t>
  </si>
  <si>
    <t>Risdam-Noord - Buurt 21 01</t>
  </si>
  <si>
    <t>buurt_gegeneraliseerd_2021.89197be8-a8f9-4bcb-8b8c-d8f916e60442</t>
  </si>
  <si>
    <t>BU04052102</t>
  </si>
  <si>
    <t>2021BU04052102</t>
  </si>
  <si>
    <t>Risdam-Noord - Buurt 21 02</t>
  </si>
  <si>
    <t>buurt_gegeneraliseerd_2021.0bce73df-a04a-4ab1-b989-19e2754a0086</t>
  </si>
  <si>
    <t>BU04052103</t>
  </si>
  <si>
    <t>2021BU04052103</t>
  </si>
  <si>
    <t>Risdam-Noord - Buurt 21 03</t>
  </si>
  <si>
    <t>buurt_gegeneraliseerd_2021.7fc95c21-9311-4eb3-b154-cb37e7406321</t>
  </si>
  <si>
    <t>BU04052104</t>
  </si>
  <si>
    <t>2021BU04052104</t>
  </si>
  <si>
    <t>Risdam-Noord - Buurt 21 04</t>
  </si>
  <si>
    <t>buurt_gegeneraliseerd_2021.cfeed90e-9c60-4e13-89f9-e7ba02725e7b</t>
  </si>
  <si>
    <t>BU04052105</t>
  </si>
  <si>
    <t>2021BU04052105</t>
  </si>
  <si>
    <t>Risdam-Noord - Buurt 21 05</t>
  </si>
  <si>
    <t>buurt_gegeneraliseerd_2021.2e57b987-3c4b-4249-a516-a0dea74761b1</t>
  </si>
  <si>
    <t>BU04052200</t>
  </si>
  <si>
    <t>2021BU04052200</t>
  </si>
  <si>
    <t>Nieuwe Steen - Buurt 22 00</t>
  </si>
  <si>
    <t>buurt_gegeneraliseerd_2021.ff4d7915-15f4-4f0f-9f26-2a3d65557cec</t>
  </si>
  <si>
    <t>BU04052201</t>
  </si>
  <si>
    <t>2021BU04052201</t>
  </si>
  <si>
    <t>Nieuwe Steen - Buurt 22 01</t>
  </si>
  <si>
    <t>buurt_gegeneraliseerd_2021.0da3e21c-0ecb-488a-a59c-ad29a956d2d0</t>
  </si>
  <si>
    <t>BU04053000</t>
  </si>
  <si>
    <t>2021BU04053000</t>
  </si>
  <si>
    <t>Zwaag - Buurt 30 00</t>
  </si>
  <si>
    <t>buurt_gegeneraliseerd_2021.ff10eafd-f4d6-4f8c-9303-a982097439eb</t>
  </si>
  <si>
    <t>BU04053001</t>
  </si>
  <si>
    <t>2021BU04053001</t>
  </si>
  <si>
    <t>Zwaag - Buurt 30 01</t>
  </si>
  <si>
    <t>buurt_gegeneraliseerd_2021.eabe4f02-056b-4008-9021-db29eb7225fd</t>
  </si>
  <si>
    <t>BU04053002</t>
  </si>
  <si>
    <t>2021BU04053002</t>
  </si>
  <si>
    <t>Zwaag - Buurt 30 02</t>
  </si>
  <si>
    <t>buurt_gegeneraliseerd_2021.fe5da7f5-5f5a-47e4-b086-b78f929e11e3</t>
  </si>
  <si>
    <t>BU04053004</t>
  </si>
  <si>
    <t>2021BU04053004</t>
  </si>
  <si>
    <t>Zwaag - Buurt 30 04</t>
  </si>
  <si>
    <t>buurt_gegeneraliseerd_2021.9ae87415-af19-42f4-b0c8-20d1005717b9</t>
  </si>
  <si>
    <t>BU04053005</t>
  </si>
  <si>
    <t>2021BU04053005</t>
  </si>
  <si>
    <t>Zwaag - Buurt 30 05</t>
  </si>
  <si>
    <t>buurt_gegeneraliseerd_2021.0679b2e4-93b4-47af-9ded-abf91b0aaf13</t>
  </si>
  <si>
    <t>BU04053006</t>
  </si>
  <si>
    <t>2021BU04053006</t>
  </si>
  <si>
    <t>Zwaag - Buurt 30 06</t>
  </si>
  <si>
    <t>buurt_gegeneraliseerd_2021.7965daf2-19b2-470c-aa9c-8e17dcd50059</t>
  </si>
  <si>
    <t>BU04053100</t>
  </si>
  <si>
    <t>2021BU04053100</t>
  </si>
  <si>
    <t>Blokker - Buurt 31 00</t>
  </si>
  <si>
    <t>buurt_gegeneraliseerd_2021.cd86de0f-e51d-43bd-80e4-c7cead9c4f21</t>
  </si>
  <si>
    <t>BU04053101</t>
  </si>
  <si>
    <t>2021BU04053101</t>
  </si>
  <si>
    <t>Blokker - Buurt 31 01</t>
  </si>
  <si>
    <t>buurt_gegeneraliseerd_2021.28b6af72-2fd1-47d0-9214-cac3ddcd8b47</t>
  </si>
  <si>
    <t>BU04053102</t>
  </si>
  <si>
    <t>2021BU04053102</t>
  </si>
  <si>
    <t>Blokker - Buurt 31 02</t>
  </si>
  <si>
    <t>buurt_gegeneraliseerd_2021.21405c03-9c6e-4746-9c58-0b07ec057a40</t>
  </si>
  <si>
    <t>BU04053103</t>
  </si>
  <si>
    <t>2021BU04053103</t>
  </si>
  <si>
    <t>Blokker - Buurt 31 03</t>
  </si>
  <si>
    <t>buurt_gegeneraliseerd_2021.74c9de1a-d30b-46bc-8ef0-395c97666733</t>
  </si>
  <si>
    <t>BU04053104</t>
  </si>
  <si>
    <t>2021BU04053104</t>
  </si>
  <si>
    <t>Blokker - Buurt 31 04</t>
  </si>
  <si>
    <t>buurt_gegeneraliseerd_2021.6b15e570-6842-41ab-96f8-608f86f32ca9</t>
  </si>
  <si>
    <t>BU04053200</t>
  </si>
  <si>
    <t>2021BU04053200</t>
  </si>
  <si>
    <t>Kersenboogerd-Noord - Buurt 32 00</t>
  </si>
  <si>
    <t>buurt_gegeneraliseerd_2021.09e3cedd-33f7-483e-a276-024abee09b2f</t>
  </si>
  <si>
    <t>BU04053201</t>
  </si>
  <si>
    <t>2021BU04053201</t>
  </si>
  <si>
    <t>Kersenboogerd-Noord - Buurt 32 01</t>
  </si>
  <si>
    <t>buurt_gegeneraliseerd_2021.6f0fb9e4-e352-41a3-b6f8-ea1aff4a4666</t>
  </si>
  <si>
    <t>BU04053202</t>
  </si>
  <si>
    <t>2021BU04053202</t>
  </si>
  <si>
    <t>Kersenboogerd-Noord - Buurt 32 02</t>
  </si>
  <si>
    <t>buurt_gegeneraliseerd_2021.1b00d072-ff91-45df-abc1-33d5782982f8</t>
  </si>
  <si>
    <t>BU04053203</t>
  </si>
  <si>
    <t>2021BU04053203</t>
  </si>
  <si>
    <t>Kersenboogerd-Noord - Buurt 32 03</t>
  </si>
  <si>
    <t>buurt_gegeneraliseerd_2021.78fe47d7-4954-45b1-a679-4f4ccb4765e0</t>
  </si>
  <si>
    <t>BU04053300</t>
  </si>
  <si>
    <t>2021BU04053300</t>
  </si>
  <si>
    <t>Kersenboogerd-Zuid - Buurt 33 00</t>
  </si>
  <si>
    <t>buurt_gegeneraliseerd_2021.5a15ad28-e3af-42f0-b067-51c0804c0126</t>
  </si>
  <si>
    <t>BU04053301</t>
  </si>
  <si>
    <t>2021BU04053301</t>
  </si>
  <si>
    <t>Kersenboogerd-Zuid - Buurt 33 01</t>
  </si>
  <si>
    <t>buurt_gegeneraliseerd_2021.08a3c3f3-7cdc-452b-a116-3a3d30dd36d4</t>
  </si>
  <si>
    <t>BU04053302</t>
  </si>
  <si>
    <t>2021BU04053302</t>
  </si>
  <si>
    <t>Kersenboogerd-Zuid - Buurt 33 02</t>
  </si>
  <si>
    <t>buurt_gegeneraliseerd_2021.0e985775-7c79-45e5-b652-a3463297f9b4</t>
  </si>
  <si>
    <t>BU04053303</t>
  </si>
  <si>
    <t>2021BU04053303</t>
  </si>
  <si>
    <t>Kersenboogerd-Zuid - Buurt 33 03</t>
  </si>
  <si>
    <t>buurt_gegeneraliseerd_2021.c5de9c6c-2276-4450-8509-37bb2a1e2e8a</t>
  </si>
  <si>
    <t>BU04053304</t>
  </si>
  <si>
    <t>2021BU04053304</t>
  </si>
  <si>
    <t>Kersenboogerd-Zuid - Buurt 33 04</t>
  </si>
  <si>
    <t>buurt_gegeneraliseerd_2021.a62c782c-ba90-4c3d-8947-70f9ead40ec2</t>
  </si>
  <si>
    <t>BU04053305</t>
  </si>
  <si>
    <t>2021BU04053305</t>
  </si>
  <si>
    <t>Kersenboogerd-Zuid - Buurt 33 05</t>
  </si>
  <si>
    <t>buurt_gegeneraliseerd_2021.48e08aff-3012-48db-b642-ad9717aa858b</t>
  </si>
  <si>
    <t>BU04053306</t>
  </si>
  <si>
    <t>2021BU04053306</t>
  </si>
  <si>
    <t>Kersenboogerd-Zuid - Buurt 33 06</t>
  </si>
  <si>
    <t>buurt_gegeneraliseerd_2021.dc64586e-ad1d-4ac9-85e5-76a139618884</t>
  </si>
  <si>
    <t>BU04053307</t>
  </si>
  <si>
    <t>2021BU04053307</t>
  </si>
  <si>
    <t>Kersenboogerd-Zuid - Buurt 33 07</t>
  </si>
  <si>
    <t>buurt_gegeneraliseerd_2021.980cff0a-847f-46b5-a53a-9022c933d9c0</t>
  </si>
  <si>
    <t>BU04053308</t>
  </si>
  <si>
    <t>2021BU04053308</t>
  </si>
  <si>
    <t>Kersenboogerd-Zuid - Buurt 33 08</t>
  </si>
  <si>
    <t>buurt_gegeneraliseerd_2021.ef823ae5-23aa-4fca-a7c0-e0ed5fde0cf5</t>
  </si>
  <si>
    <t>BU04053309</t>
  </si>
  <si>
    <t>2021BU04053309</t>
  </si>
  <si>
    <t>Kersenboogerd-Zuid - Buurt 33 09</t>
  </si>
  <si>
    <t>buurt_gegeneraliseerd_2021.08b0bb54-7b42-4052-b3e6-9fad78055d4e</t>
  </si>
  <si>
    <t>BU04053400</t>
  </si>
  <si>
    <t>2021BU04053400</t>
  </si>
  <si>
    <t>Hoorn 80 - Buurt 34 00</t>
  </si>
  <si>
    <t>buurt_gegeneraliseerd_2021.422b3f4b-160c-4ef9-9bfc-7d62a58c6e71</t>
  </si>
  <si>
    <t>BU04053401</t>
  </si>
  <si>
    <t>2021BU04053401</t>
  </si>
  <si>
    <t>Hoorn 80 - Buurt 34 01</t>
  </si>
  <si>
    <t>buurt_gegeneraliseerd_2021.c239345b-a39c-40a4-b86e-5a325d615373</t>
  </si>
  <si>
    <t>BU04053402</t>
  </si>
  <si>
    <t>2021BU04053402</t>
  </si>
  <si>
    <t>Hoorn 80 - Buurt 34 02</t>
  </si>
  <si>
    <t>buurt_gegeneraliseerd_2021.d2eb1979-4c38-4b5a-97bc-280da1c25598</t>
  </si>
  <si>
    <t>BU04053501</t>
  </si>
  <si>
    <t>2021BU04053501</t>
  </si>
  <si>
    <t>Bangert en Oosterpolder - Buurt 35 01</t>
  </si>
  <si>
    <t>buurt_gegeneraliseerd_2021.fc095a8a-e57a-457b-ac59-8cd1a3ab0dfc</t>
  </si>
  <si>
    <t>BU04053502</t>
  </si>
  <si>
    <t>2021BU04053502</t>
  </si>
  <si>
    <t>Bangert en Oosterpolder - Buurt 35 02</t>
  </si>
  <si>
    <t>buurt_gegeneraliseerd_2021.c0366baf-efa6-4885-afdf-b9cf889325b1</t>
  </si>
  <si>
    <t>BU04053503</t>
  </si>
  <si>
    <t>2021BU04053503</t>
  </si>
  <si>
    <t>Bangert en Oosterpolder - Buurt 35 03</t>
  </si>
  <si>
    <t>buurt_gegeneraliseerd_2021.207225fa-e160-487e-a3d0-9daa68de9743</t>
  </si>
  <si>
    <t>BU04053504</t>
  </si>
  <si>
    <t>2021BU04053504</t>
  </si>
  <si>
    <t>Bangert en Oosterpolder - Buurt 35 04</t>
  </si>
  <si>
    <t>buurt_gegeneraliseerd_2021.6b950cb9-284a-466d-ae42-53a614ac5459</t>
  </si>
  <si>
    <t>BU04053505</t>
  </si>
  <si>
    <t>2021BU04053505</t>
  </si>
  <si>
    <t>Bangert en Oosterpolder - Buurt 35 05</t>
  </si>
  <si>
    <t>buurt_gegeneraliseerd_2021.7dc14bea-388e-4108-a4e3-112b8b019727</t>
  </si>
  <si>
    <t>BU04053506</t>
  </si>
  <si>
    <t>2021BU04053506</t>
  </si>
  <si>
    <t>Bangert en Oosterpolder - Buurt 35 06</t>
  </si>
  <si>
    <t>buurt_gegeneraliseerd_2021.8b46e77c-c867-4abe-9ce2-e7ca2bd237e9</t>
  </si>
  <si>
    <t>BU04053600</t>
  </si>
  <si>
    <t>2021BU04053600</t>
  </si>
  <si>
    <t>Zevenhuis - Buurt 36 00</t>
  </si>
  <si>
    <t>buurt_gegeneraliseerd_2021.c1a8c08c-f9a2-4950-a58d-81804cc3bdee</t>
  </si>
  <si>
    <t>BU04060001</t>
  </si>
  <si>
    <t>2021BU04060001</t>
  </si>
  <si>
    <t>GM0406</t>
  </si>
  <si>
    <t>buurt_gegeneraliseerd_2021.a40d7c3d-f5bb-496c-8157-0af3ef5e262b</t>
  </si>
  <si>
    <t>BU04060002</t>
  </si>
  <si>
    <t>2021BU04060002</t>
  </si>
  <si>
    <t>De Zuid</t>
  </si>
  <si>
    <t>buurt_gegeneraliseerd_2021.c1e736e0-4fa3-47c0-ab8f-543dfcc5be42</t>
  </si>
  <si>
    <t>BU04060103</t>
  </si>
  <si>
    <t>2021BU04060103</t>
  </si>
  <si>
    <t>Westereng</t>
  </si>
  <si>
    <t>buurt_gegeneraliseerd_2021.acaea8f5-b867-4159-934e-36b2d632c70c</t>
  </si>
  <si>
    <t>BU04060204</t>
  </si>
  <si>
    <t>2021BU04060204</t>
  </si>
  <si>
    <t>Flevo</t>
  </si>
  <si>
    <t>buurt_gegeneraliseerd_2021.9638d078-d430-4a58-87e0-68efdd20be7f</t>
  </si>
  <si>
    <t>BU04060205</t>
  </si>
  <si>
    <t>2021BU04060205</t>
  </si>
  <si>
    <t>Bikbergen</t>
  </si>
  <si>
    <t>buurt_gegeneraliseerd_2021.de447db1-5bd5-42d7-b971-ef8f218d2e02</t>
  </si>
  <si>
    <t>BU04060206</t>
  </si>
  <si>
    <t>2021BU04060206</t>
  </si>
  <si>
    <t>buurt_gegeneraliseerd_2021.1599038b-d67f-453a-a7cb-887c2991870f</t>
  </si>
  <si>
    <t>BU04060307</t>
  </si>
  <si>
    <t>2021BU04060307</t>
  </si>
  <si>
    <t>Thames</t>
  </si>
  <si>
    <t>buurt_gegeneraliseerd_2021.21b69164-01ae-4f0e-b349-9f42b059dd59</t>
  </si>
  <si>
    <t>BU04060308</t>
  </si>
  <si>
    <t>2021BU04060308</t>
  </si>
  <si>
    <t>IJzeren veld</t>
  </si>
  <si>
    <t>buurt_gegeneraliseerd_2021.7ec14892-3540-4e5d-a2b3-be5494f28ef0</t>
  </si>
  <si>
    <t>BU04060327</t>
  </si>
  <si>
    <t>2021BU04060327</t>
  </si>
  <si>
    <t>Parrewijn</t>
  </si>
  <si>
    <t>buurt_gegeneraliseerd_2021.a9b5613d-1b50-4851-97b6-3d3bc56557de</t>
  </si>
  <si>
    <t>BU04060328</t>
  </si>
  <si>
    <t>2021BU04060328</t>
  </si>
  <si>
    <t>Tafelberger Heide</t>
  </si>
  <si>
    <t>buurt_gegeneraliseerd_2021.8869bf7e-4b12-44d4-abb0-1047e5f48f13</t>
  </si>
  <si>
    <t>BU04060329</t>
  </si>
  <si>
    <t>2021BU04060329</t>
  </si>
  <si>
    <t>Rijsbergen</t>
  </si>
  <si>
    <t>buurt_gegeneraliseerd_2021.47c6458a-1212-49ed-97e1-275346fbfa10</t>
  </si>
  <si>
    <t>BU04060330</t>
  </si>
  <si>
    <t>2021BU04060330</t>
  </si>
  <si>
    <t>Huizerhoogt</t>
  </si>
  <si>
    <t>buurt_gegeneraliseerd_2021.aedff68d-7806-4acc-8665-26b115cd8243</t>
  </si>
  <si>
    <t>BU04060409</t>
  </si>
  <si>
    <t>2021BU04060409</t>
  </si>
  <si>
    <t>Sijsjesberg</t>
  </si>
  <si>
    <t>buurt_gegeneraliseerd_2021.b16a85b5-b54c-49cb-90ce-8ebf6230e69d</t>
  </si>
  <si>
    <t>BU04060410</t>
  </si>
  <si>
    <t>2021BU04060410</t>
  </si>
  <si>
    <t>Zuidereng</t>
  </si>
  <si>
    <t>buurt_gegeneraliseerd_2021.6f3dec3a-19b5-4b43-ab06-c78b7477ba25</t>
  </si>
  <si>
    <t>BU04060511</t>
  </si>
  <si>
    <t>2021BU04060511</t>
  </si>
  <si>
    <t>Gooierhoofd</t>
  </si>
  <si>
    <t>buurt_gegeneraliseerd_2021.a85b1acd-b1bc-4b96-a0d5-c5c5671b7177</t>
  </si>
  <si>
    <t>BU04060512</t>
  </si>
  <si>
    <t>2021BU04060512</t>
  </si>
  <si>
    <t>Wolfskamer</t>
  </si>
  <si>
    <t>buurt_gegeneraliseerd_2021.41172845-ec7f-46d8-aaa9-1fb92cc80a06</t>
  </si>
  <si>
    <t>BU04060513</t>
  </si>
  <si>
    <t>2021BU04060513</t>
  </si>
  <si>
    <t>Industriewijk 't Plaveen</t>
  </si>
  <si>
    <t>buurt_gegeneraliseerd_2021.1066b631-352d-4d2f-83a5-aa96062d3cc1</t>
  </si>
  <si>
    <t>BU04060614</t>
  </si>
  <si>
    <t>2021BU04060614</t>
  </si>
  <si>
    <t>Bovenweg</t>
  </si>
  <si>
    <t>buurt_gegeneraliseerd_2021.d5d35dc9-1c49-45f6-93a7-8c342c097b34</t>
  </si>
  <si>
    <t>BU04060615</t>
  </si>
  <si>
    <t>2021BU04060615</t>
  </si>
  <si>
    <t>Zenderwijk</t>
  </si>
  <si>
    <t>buurt_gegeneraliseerd_2021.adc1be1a-2811-4871-a067-f99fc418bc55</t>
  </si>
  <si>
    <t>BU04060716</t>
  </si>
  <si>
    <t>2021BU04060716</t>
  </si>
  <si>
    <t>Stad en Lande</t>
  </si>
  <si>
    <t>buurt_gegeneraliseerd_2021.2b9f6ab3-ea53-41f2-9f90-7fc80ca9cbc6</t>
  </si>
  <si>
    <t>BU04060817</t>
  </si>
  <si>
    <t>2021BU04060817</t>
  </si>
  <si>
    <t>Huizermaat West</t>
  </si>
  <si>
    <t>buurt_gegeneraliseerd_2021.6a34e5d5-1aa4-45c3-9768-355f0e45f1ea</t>
  </si>
  <si>
    <t>BU04060818</t>
  </si>
  <si>
    <t>2021BU04060818</t>
  </si>
  <si>
    <t>Huizermaat Zuid</t>
  </si>
  <si>
    <t>buurt_gegeneraliseerd_2021.52320307-9ebc-46e5-a909-7e294be9d0ae</t>
  </si>
  <si>
    <t>BU04060919</t>
  </si>
  <si>
    <t>2021BU04060919</t>
  </si>
  <si>
    <t>Huizermaat Noord</t>
  </si>
  <si>
    <t>buurt_gegeneraliseerd_2021.b59b0689-90f9-4e71-b56a-f28062fcf6c0</t>
  </si>
  <si>
    <t>BU04061020</t>
  </si>
  <si>
    <t>2021BU04061020</t>
  </si>
  <si>
    <t>Bijvanck Noord</t>
  </si>
  <si>
    <t>buurt_gegeneraliseerd_2021.2221fcef-202d-41aa-ac70-ac632c287a0e</t>
  </si>
  <si>
    <t>BU04061021</t>
  </si>
  <si>
    <t>2021BU04061021</t>
  </si>
  <si>
    <t>Bijvanck West</t>
  </si>
  <si>
    <t>buurt_gegeneraliseerd_2021.e0e00b52-6b3c-4d4e-8530-bfd442932f10</t>
  </si>
  <si>
    <t>BU04061123</t>
  </si>
  <si>
    <t>2021BU04061123</t>
  </si>
  <si>
    <t>Bovenmaat Noord</t>
  </si>
  <si>
    <t>buurt_gegeneraliseerd_2021.7f4c7f95-e572-443f-a887-339fa9bc471d</t>
  </si>
  <si>
    <t>BU04061124</t>
  </si>
  <si>
    <t>2021BU04061124</t>
  </si>
  <si>
    <t>Bovenmaat West</t>
  </si>
  <si>
    <t>buurt_gegeneraliseerd_2021.733a4807-c08f-4656-8aeb-a34738fdc96d</t>
  </si>
  <si>
    <t>BU04061125</t>
  </si>
  <si>
    <t>2021BU04061125</t>
  </si>
  <si>
    <t>Bovenmaat-Oost</t>
  </si>
  <si>
    <t>buurt_gegeneraliseerd_2021.c5617455-78ac-4db1-bd91-5f3be075ad79</t>
  </si>
  <si>
    <t>BU04061226</t>
  </si>
  <si>
    <t>2021BU04061226</t>
  </si>
  <si>
    <t>Filosofenbuurt</t>
  </si>
  <si>
    <t>buurt_gegeneraliseerd_2021.97a5828b-71da-4a48-ac24-c660c46e0318</t>
  </si>
  <si>
    <t>BU04061231</t>
  </si>
  <si>
    <t>2021BU04061231</t>
  </si>
  <si>
    <t>De Tuit</t>
  </si>
  <si>
    <t>buurt_gegeneraliseerd_2021.dc7bcb4f-4cef-4373-8484-6636dfc9a878</t>
  </si>
  <si>
    <t>BU04150000</t>
  </si>
  <si>
    <t>2021BU04150000</t>
  </si>
  <si>
    <t>Landsmeer</t>
  </si>
  <si>
    <t>GM0415</t>
  </si>
  <si>
    <t>buurt_gegeneraliseerd_2021.206a1852-338d-452a-b6c4-2058ba659f89</t>
  </si>
  <si>
    <t>BU04150001</t>
  </si>
  <si>
    <t>2021BU04150001</t>
  </si>
  <si>
    <t>Plan Centrum-Noord</t>
  </si>
  <si>
    <t>buurt_gegeneraliseerd_2021.e569fe1a-b111-4f6e-9267-0afc1439dd8e</t>
  </si>
  <si>
    <t>BU04150002</t>
  </si>
  <si>
    <t>2021BU04150002</t>
  </si>
  <si>
    <t>Plan Centrum-Zuid</t>
  </si>
  <si>
    <t>buurt_gegeneraliseerd_2021.d71d8ef0-81a2-42e6-98e6-d8e4f3608906</t>
  </si>
  <si>
    <t>BU04150003</t>
  </si>
  <si>
    <t>2021BU04150003</t>
  </si>
  <si>
    <t>Plan Centrum-West</t>
  </si>
  <si>
    <t>buurt_gegeneraliseerd_2021.c281726a-c345-4744-b72c-e40c86dfb964</t>
  </si>
  <si>
    <t>BU04150009</t>
  </si>
  <si>
    <t>2021BU04150009</t>
  </si>
  <si>
    <t>Verspreide huizen ten oosten van Landsmeer</t>
  </si>
  <si>
    <t>buurt_gegeneraliseerd_2021.9075870f-68da-4878-99e2-fbba44197c7f</t>
  </si>
  <si>
    <t>BU04150101</t>
  </si>
  <si>
    <t>2021BU04150101</t>
  </si>
  <si>
    <t>Purmerland</t>
  </si>
  <si>
    <t>buurt_gegeneraliseerd_2021.7d398803-7951-449d-b679-e287f354eecc</t>
  </si>
  <si>
    <t>BU04150102</t>
  </si>
  <si>
    <t>2021BU04150102</t>
  </si>
  <si>
    <t>Den Ilp</t>
  </si>
  <si>
    <t>buurt_gegeneraliseerd_2021.2409aab3-4b0f-4cad-9e00-645ae6eaf1a2</t>
  </si>
  <si>
    <t>BU04160000</t>
  </si>
  <si>
    <t>2021BU04160000</t>
  </si>
  <si>
    <t>Oudkarspel</t>
  </si>
  <si>
    <t>GM0416</t>
  </si>
  <si>
    <t>buurt_gegeneraliseerd_2021.89f4f167-1bd9-4a3c-8581-38bcaa56792b</t>
  </si>
  <si>
    <t>BU04160001</t>
  </si>
  <si>
    <t>2021BU04160001</t>
  </si>
  <si>
    <t>Noord-Scharwoude</t>
  </si>
  <si>
    <t>buurt_gegeneraliseerd_2021.5e9dccda-c6c3-4d98-bb36-1b786943c9c0</t>
  </si>
  <si>
    <t>BU04160002</t>
  </si>
  <si>
    <t>2021BU04160002</t>
  </si>
  <si>
    <t>Zuid-Scharwoude</t>
  </si>
  <si>
    <t>buurt_gegeneraliseerd_2021.00af47a4-c635-4f65-822c-ba71e4b7ba2c</t>
  </si>
  <si>
    <t>BU04160003</t>
  </si>
  <si>
    <t>2021BU04160003</t>
  </si>
  <si>
    <t>Broek op Langedijk</t>
  </si>
  <si>
    <t>buurt_gegeneraliseerd_2021.30932743-e16c-48cd-9913-94d1e5b18979</t>
  </si>
  <si>
    <t>BU04160004</t>
  </si>
  <si>
    <t>2021BU04160004</t>
  </si>
  <si>
    <t>Laanweg en Waarddijk</t>
  </si>
  <si>
    <t>buurt_gegeneraliseerd_2021.befc2238-0d5f-4997-9ab7-3adc422fb425</t>
  </si>
  <si>
    <t>BU04160005</t>
  </si>
  <si>
    <t>2021BU04160005</t>
  </si>
  <si>
    <t>Sint Pancras</t>
  </si>
  <si>
    <t>buurt_gegeneraliseerd_2021.63b427b0-dd5b-4094-aba0-77f9c4d4185d</t>
  </si>
  <si>
    <t>BU04160006</t>
  </si>
  <si>
    <t>2021BU04160006</t>
  </si>
  <si>
    <t>Koedijk</t>
  </si>
  <si>
    <t>buurt_gegeneraliseerd_2021.46e31f4e-cde2-435d-a4b7-bd5e203c9f1d</t>
  </si>
  <si>
    <t>BU04170320</t>
  </si>
  <si>
    <t>2021BU04170320</t>
  </si>
  <si>
    <t>Laren-Centrum</t>
  </si>
  <si>
    <t>GM0417</t>
  </si>
  <si>
    <t>buurt_gegeneraliseerd_2021.b172a6d6-0168-4f0a-b789-efacc2242512</t>
  </si>
  <si>
    <t>BU04170321</t>
  </si>
  <si>
    <t>2021BU04170321</t>
  </si>
  <si>
    <t>Laren-Natuurgebied</t>
  </si>
  <si>
    <t>buurt_gegeneraliseerd_2021.97f0a76d-59d6-4450-8328-7f9b4da33350</t>
  </si>
  <si>
    <t>BU04170322</t>
  </si>
  <si>
    <t>2021BU04170322</t>
  </si>
  <si>
    <t>Omloop</t>
  </si>
  <si>
    <t>buurt_gegeneraliseerd_2021.6e7aaae1-9d64-4125-a538-6188507572e8</t>
  </si>
  <si>
    <t>BU04170323</t>
  </si>
  <si>
    <t>2021BU04170323</t>
  </si>
  <si>
    <t>Oostereng</t>
  </si>
  <si>
    <t>buurt_gegeneraliseerd_2021.c04f6fea-ad24-4828-be40-bcac061233f6</t>
  </si>
  <si>
    <t>BU04170324</t>
  </si>
  <si>
    <t>2021BU04170324</t>
  </si>
  <si>
    <t>Postiljon</t>
  </si>
  <si>
    <t>buurt_gegeneraliseerd_2021.875a440a-d270-46db-b62b-080f9f244232</t>
  </si>
  <si>
    <t>BU04170325</t>
  </si>
  <si>
    <t>2021BU04170325</t>
  </si>
  <si>
    <t>Rijksweg-Noord</t>
  </si>
  <si>
    <t>buurt_gegeneraliseerd_2021.5bdb769d-aabb-4444-a192-8d975d55a8b4</t>
  </si>
  <si>
    <t>BU04170326</t>
  </si>
  <si>
    <t>2021BU04170326</t>
  </si>
  <si>
    <t>Rijksweg-Zuid</t>
  </si>
  <si>
    <t>buurt_gegeneraliseerd_2021.65d8ec00-df3e-4afe-9bdf-698a603cf9a7</t>
  </si>
  <si>
    <t>BU04170327</t>
  </si>
  <si>
    <t>2021BU04170327</t>
  </si>
  <si>
    <t>Steenbergen</t>
  </si>
  <si>
    <t>buurt_gegeneraliseerd_2021.072135f3-aaaf-49cc-98cc-8cb299ffb284</t>
  </si>
  <si>
    <t>BU04170328</t>
  </si>
  <si>
    <t>2021BU04170328</t>
  </si>
  <si>
    <t>Zevenend</t>
  </si>
  <si>
    <t>buurt_gegeneraliseerd_2021.be9bf9a8-1eca-4a53-8284-7c00fdad3e29</t>
  </si>
  <si>
    <t>BU04170329</t>
  </si>
  <si>
    <t>2021BU04170329</t>
  </si>
  <si>
    <t>Zwarte Berg</t>
  </si>
  <si>
    <t>buurt_gegeneraliseerd_2021.13157bb7-3bdb-41c9-8567-ef1c7d5488f0</t>
  </si>
  <si>
    <t>BU04200101</t>
  </si>
  <si>
    <t>2021BU04200101</t>
  </si>
  <si>
    <t>Medemblik Oude Stad</t>
  </si>
  <si>
    <t>GM0420</t>
  </si>
  <si>
    <t>buurt_gegeneraliseerd_2021.24e97d7b-e2a7-4385-9ea6-024e79188ca7</t>
  </si>
  <si>
    <t>BU04200102</t>
  </si>
  <si>
    <t>2021BU04200102</t>
  </si>
  <si>
    <t>Medemblik Plan West</t>
  </si>
  <si>
    <t>buurt_gegeneraliseerd_2021.ca357b33-ab3c-405d-8d52-6cd58f55517e</t>
  </si>
  <si>
    <t>BU04200103</t>
  </si>
  <si>
    <t>2021BU04200103</t>
  </si>
  <si>
    <t>Medemblik Parkwijk</t>
  </si>
  <si>
    <t>buurt_gegeneraliseerd_2021.fa9a046e-1463-41c9-ac12-a8e2b7ad1c56</t>
  </si>
  <si>
    <t>BU04200104</t>
  </si>
  <si>
    <t>2021BU04200104</t>
  </si>
  <si>
    <t>Medemblik Koggenwijk</t>
  </si>
  <si>
    <t>buurt_gegeneraliseerd_2021.dbf1bc30-031a-4483-a235-86bf07838b41</t>
  </si>
  <si>
    <t>BU04200105</t>
  </si>
  <si>
    <t>2021BU04200105</t>
  </si>
  <si>
    <t>Medemblik Randwijk en Gildenwijk</t>
  </si>
  <si>
    <t>buurt_gegeneraliseerd_2021.ab3ef13d-641f-4acd-95f6-7ef92e75ed0e</t>
  </si>
  <si>
    <t>BU04200106</t>
  </si>
  <si>
    <t>2021BU04200106</t>
  </si>
  <si>
    <t>Medemblik Schepenwijk</t>
  </si>
  <si>
    <t>buurt_gegeneraliseerd_2021.dac0cfd7-0c5d-41e5-902d-46e6d0abdc3d</t>
  </si>
  <si>
    <t>BU04200107</t>
  </si>
  <si>
    <t>2021BU04200107</t>
  </si>
  <si>
    <t>Medemblik Bedrijventerrein</t>
  </si>
  <si>
    <t>buurt_gegeneraliseerd_2021.b2c17031-f904-45ca-8d4f-29fc44e188b4</t>
  </si>
  <si>
    <t>BU04200108</t>
  </si>
  <si>
    <t>2021BU04200108</t>
  </si>
  <si>
    <t>Medemblik Vooroever</t>
  </si>
  <si>
    <t>buurt_gegeneraliseerd_2021.c4ed9379-15ed-4086-bf72-e4c8cb63a528</t>
  </si>
  <si>
    <t>BU04200109</t>
  </si>
  <si>
    <t>2021BU04200109</t>
  </si>
  <si>
    <t>Medemblik Zuiderzee</t>
  </si>
  <si>
    <t>buurt_gegeneraliseerd_2021.fff85a28-e050-4561-a320-57ff67e60b39</t>
  </si>
  <si>
    <t>BU04200110</t>
  </si>
  <si>
    <t>2021BU04200110</t>
  </si>
  <si>
    <t>Medemblik Buitengebied</t>
  </si>
  <si>
    <t>buurt_gegeneraliseerd_2021.910dedf8-ef34-4c73-b546-ed7bcf53ef62</t>
  </si>
  <si>
    <t>BU04200201</t>
  </si>
  <si>
    <t>2021BU04200201</t>
  </si>
  <si>
    <t>Opperdoes Centrum</t>
  </si>
  <si>
    <t>buurt_gegeneraliseerd_2021.8eea24b4-336f-4ba2-830c-5cdea338a54b</t>
  </si>
  <si>
    <t>BU04200202</t>
  </si>
  <si>
    <t>2021BU04200202</t>
  </si>
  <si>
    <t>Opperdoes Buitengebied</t>
  </si>
  <si>
    <t>buurt_gegeneraliseerd_2021.c2014748-e795-4c46-afc2-5ebaea57b87e</t>
  </si>
  <si>
    <t>BU04200301</t>
  </si>
  <si>
    <t>2021BU04200301</t>
  </si>
  <si>
    <t>Twisk Centrum</t>
  </si>
  <si>
    <t>buurt_gegeneraliseerd_2021.9bd8a1f0-8ad3-42c9-9fd1-bf77ed69c4ea</t>
  </si>
  <si>
    <t>BU04200302</t>
  </si>
  <si>
    <t>2021BU04200302</t>
  </si>
  <si>
    <t>Twisk Buitengebied</t>
  </si>
  <si>
    <t>buurt_gegeneraliseerd_2021.71f58e2e-25c6-4798-b7ec-ea313475a57b</t>
  </si>
  <si>
    <t>BU04200401</t>
  </si>
  <si>
    <t>2021BU04200401</t>
  </si>
  <si>
    <t>Lambertschaag</t>
  </si>
  <si>
    <t>buurt_gegeneraliseerd_2021.db4e6044-f2fa-45b8-bd65-cc43dfc814d9</t>
  </si>
  <si>
    <t>BU04200501</t>
  </si>
  <si>
    <t>2021BU04200501</t>
  </si>
  <si>
    <t>Abbekerk Centrum</t>
  </si>
  <si>
    <t>buurt_gegeneraliseerd_2021.cff18472-8a02-4289-a6c1-4e21d0b7d7ad</t>
  </si>
  <si>
    <t>BU04200502</t>
  </si>
  <si>
    <t>2021BU04200502</t>
  </si>
  <si>
    <t>Abbekerk Buitengebied</t>
  </si>
  <si>
    <t>buurt_gegeneraliseerd_2021.6720c1b0-8c3e-4bc6-be0f-953e2b3d7f2d</t>
  </si>
  <si>
    <t>BU04200601</t>
  </si>
  <si>
    <t>2021BU04200601</t>
  </si>
  <si>
    <t>Sijbekarspel Centrum</t>
  </si>
  <si>
    <t>buurt_gegeneraliseerd_2021.e33b39b2-0714-4830-9c91-a6999a239c35</t>
  </si>
  <si>
    <t>BU04200602</t>
  </si>
  <si>
    <t>2021BU04200602</t>
  </si>
  <si>
    <t>Sijbekarspel Buitengebied</t>
  </si>
  <si>
    <t>buurt_gegeneraliseerd_2021.606ea289-066c-40cc-ae25-c3f64f6a7b29</t>
  </si>
  <si>
    <t>BU04200701</t>
  </si>
  <si>
    <t>2021BU04200701</t>
  </si>
  <si>
    <t>Benningbroek Centrum</t>
  </si>
  <si>
    <t>buurt_gegeneraliseerd_2021.a403a255-e9e1-40bf-8bb3-9805dfbc90a5</t>
  </si>
  <si>
    <t>BU04200702</t>
  </si>
  <si>
    <t>2021BU04200702</t>
  </si>
  <si>
    <t>Benningbroek Buitengebied</t>
  </si>
  <si>
    <t>buurt_gegeneraliseerd_2021.dcd0f5c4-0ea5-4f61-be0a-6151ea51a1e9</t>
  </si>
  <si>
    <t>BU04200801</t>
  </si>
  <si>
    <t>2021BU04200801</t>
  </si>
  <si>
    <t>Wognum Centrum</t>
  </si>
  <si>
    <t>buurt_gegeneraliseerd_2021.6109487d-0bf5-4de9-b237-31bdfb82dfdc</t>
  </si>
  <si>
    <t>BU04200802</t>
  </si>
  <si>
    <t>2021BU04200802</t>
  </si>
  <si>
    <t>Wognum Westergouw</t>
  </si>
  <si>
    <t>buurt_gegeneraliseerd_2021.24c10450-7ad4-4e92-b031-7eecd9ae4481</t>
  </si>
  <si>
    <t>BU04200803</t>
  </si>
  <si>
    <t>2021BU04200803</t>
  </si>
  <si>
    <t>Wognum Kreeklanden</t>
  </si>
  <si>
    <t>buurt_gegeneraliseerd_2021.744f7644-954e-43c1-b2ff-bff042cff7b3</t>
  </si>
  <si>
    <t>BU04200804</t>
  </si>
  <si>
    <t>2021BU04200804</t>
  </si>
  <si>
    <t>Wognum Bloesemgaerde</t>
  </si>
  <si>
    <t>buurt_gegeneraliseerd_2021.3f710a1b-dadc-4699-bc97-c0324a6ef534</t>
  </si>
  <si>
    <t>BU04200805</t>
  </si>
  <si>
    <t>2021BU04200805</t>
  </si>
  <si>
    <t>Wognum Leekerweide</t>
  </si>
  <si>
    <t>buurt_gegeneraliseerd_2021.4db4aa9f-25ec-47c2-bcb7-bc670695d05d</t>
  </si>
  <si>
    <t>BU04200806</t>
  </si>
  <si>
    <t>2021BU04200806</t>
  </si>
  <si>
    <t>Wognum Oosteinde</t>
  </si>
  <si>
    <t>buurt_gegeneraliseerd_2021.3953948b-d570-45bf-b08f-43020f47cdb9</t>
  </si>
  <si>
    <t>BU04200807</t>
  </si>
  <si>
    <t>2021BU04200807</t>
  </si>
  <si>
    <t>Wognum Bedrijventerrein</t>
  </si>
  <si>
    <t>buurt_gegeneraliseerd_2021.9de91012-2951-419f-8bd0-df9c42a053ed</t>
  </si>
  <si>
    <t>BU04200808</t>
  </si>
  <si>
    <t>2021BU04200808</t>
  </si>
  <si>
    <t>Wognum Wadway</t>
  </si>
  <si>
    <t>buurt_gegeneraliseerd_2021.b2f87508-9441-4f27-a6ac-216455296518</t>
  </si>
  <si>
    <t>BU04200809</t>
  </si>
  <si>
    <t>2021BU04200809</t>
  </si>
  <si>
    <t>Wognum Buitengebied</t>
  </si>
  <si>
    <t>buurt_gegeneraliseerd_2021.97fcffc5-b120-4cc7-ae95-e70aaa95f367</t>
  </si>
  <si>
    <t>BU04200901</t>
  </si>
  <si>
    <t>2021BU04200901</t>
  </si>
  <si>
    <t>Zwaagdijk-West Centrum</t>
  </si>
  <si>
    <t>buurt_gegeneraliseerd_2021.934b3071-79a7-4c2f-8a98-c1dcf2a732af</t>
  </si>
  <si>
    <t>BU04200902</t>
  </si>
  <si>
    <t>2021BU04200902</t>
  </si>
  <si>
    <t>Zwaagdijk-West Buitengebied</t>
  </si>
  <si>
    <t>buurt_gegeneraliseerd_2021.17571c6c-38f5-4e0d-8bf6-7c2a609f528f</t>
  </si>
  <si>
    <t>BU04201001</t>
  </si>
  <si>
    <t>2021BU04201001</t>
  </si>
  <si>
    <t>Nibbixwoud Centrum</t>
  </si>
  <si>
    <t>buurt_gegeneraliseerd_2021.c8924240-4450-447d-baa4-5797f55015ea</t>
  </si>
  <si>
    <t>BU04201002</t>
  </si>
  <si>
    <t>2021BU04201002</t>
  </si>
  <si>
    <t>Nibbixwoud Bedrijventerrein</t>
  </si>
  <si>
    <t>buurt_gegeneraliseerd_2021.d55d7731-ab7f-4116-84f5-d5a5c64ed0aa</t>
  </si>
  <si>
    <t>BU04201003</t>
  </si>
  <si>
    <t>2021BU04201003</t>
  </si>
  <si>
    <t>Nibbixwoud Buitengebied</t>
  </si>
  <si>
    <t>buurt_gegeneraliseerd_2021.9021e88e-d2de-43cb-953a-3f00dcc4ebc5</t>
  </si>
  <si>
    <t>BU04201101</t>
  </si>
  <si>
    <t>2021BU04201101</t>
  </si>
  <si>
    <t>Midwoud Centrum</t>
  </si>
  <si>
    <t>buurt_gegeneraliseerd_2021.a33b8847-456f-499f-8d0f-3b8e1a311c2c</t>
  </si>
  <si>
    <t>BU04201102</t>
  </si>
  <si>
    <t>2021BU04201102</t>
  </si>
  <si>
    <t>Midwoud Buitengebied</t>
  </si>
  <si>
    <t>buurt_gegeneraliseerd_2021.6b558ab5-e70a-4dac-94e7-94b675b32970</t>
  </si>
  <si>
    <t>BU04201201</t>
  </si>
  <si>
    <t>2021BU04201201</t>
  </si>
  <si>
    <t>Oostwoud Centrum</t>
  </si>
  <si>
    <t>buurt_gegeneraliseerd_2021.45c9e242-3e2a-4cd2-94a1-a7f56fb5190f</t>
  </si>
  <si>
    <t>BU04201202</t>
  </si>
  <si>
    <t>2021BU04201202</t>
  </si>
  <si>
    <t>Oostwoud Buitengebied</t>
  </si>
  <si>
    <t>buurt_gegeneraliseerd_2021.807e1119-3307-4011-869d-5b0d9b0c5370</t>
  </si>
  <si>
    <t>BU04201301</t>
  </si>
  <si>
    <t>2021BU04201301</t>
  </si>
  <si>
    <t>Hauwert</t>
  </si>
  <si>
    <t>buurt_gegeneraliseerd_2021.9ab58ff1-e320-4590-b2b0-70e4edf17b09</t>
  </si>
  <si>
    <t>BU04201401</t>
  </si>
  <si>
    <t>2021BU04201401</t>
  </si>
  <si>
    <t>Zwaagdijk-Oost Centrum</t>
  </si>
  <si>
    <t>buurt_gegeneraliseerd_2021.277ce014-8ef3-4708-9d96-fa65b6f6652c</t>
  </si>
  <si>
    <t>BU04201402</t>
  </si>
  <si>
    <t>2021BU04201402</t>
  </si>
  <si>
    <t>Zwaagdijk-Oost Bedrijventerrein</t>
  </si>
  <si>
    <t>buurt_gegeneraliseerd_2021.38acf969-7325-4f17-89a7-0a0a71aa845b</t>
  </si>
  <si>
    <t>BU04201403</t>
  </si>
  <si>
    <t>2021BU04201403</t>
  </si>
  <si>
    <t>Zwaagdijk-Oost Buitengebied</t>
  </si>
  <si>
    <t>buurt_gegeneraliseerd_2021.d4940444-793f-411b-a404-588827d794f2</t>
  </si>
  <si>
    <t>BU04201501</t>
  </si>
  <si>
    <t>2021BU04201501</t>
  </si>
  <si>
    <t>Wervershoof Centrum</t>
  </si>
  <si>
    <t>buurt_gegeneraliseerd_2021.3a6dfcfd-8477-4d4c-ad53-2274b4e4b5b1</t>
  </si>
  <si>
    <t>BU04201502</t>
  </si>
  <si>
    <t>2021BU04201502</t>
  </si>
  <si>
    <t>Wervershoof Oost</t>
  </si>
  <si>
    <t>buurt_gegeneraliseerd_2021.f8468955-f399-427b-ab21-2bf9aea6e608</t>
  </si>
  <si>
    <t>BU04201503</t>
  </si>
  <si>
    <t>2021BU04201503</t>
  </si>
  <si>
    <t>Wervershoof West</t>
  </si>
  <si>
    <t>buurt_gegeneraliseerd_2021.fcc258fe-0125-4f61-a6fc-e9b60b05ac60</t>
  </si>
  <si>
    <t>BU04201504</t>
  </si>
  <si>
    <t>2021BU04201504</t>
  </si>
  <si>
    <t>Wervershoof Vooroever</t>
  </si>
  <si>
    <t>buurt_gegeneraliseerd_2021.b3b67d3d-69fe-42c0-807c-db4a05437050</t>
  </si>
  <si>
    <t>BU04201505</t>
  </si>
  <si>
    <t>2021BU04201505</t>
  </si>
  <si>
    <t>Wervershoof Buitengebied</t>
  </si>
  <si>
    <t>buurt_gegeneraliseerd_2021.ea840063-f667-4e5e-89d9-4e02507165aa</t>
  </si>
  <si>
    <t>BU04201506</t>
  </si>
  <si>
    <t>2021BU04201506</t>
  </si>
  <si>
    <t>Wervershoof Onderdijk</t>
  </si>
  <si>
    <t>buurt_gegeneraliseerd_2021.ba9801b0-6010-4174-afde-f669bc08108c</t>
  </si>
  <si>
    <t>BU04201507</t>
  </si>
  <si>
    <t>2021BU04201507</t>
  </si>
  <si>
    <t>Wervershoof Onderdijk Aan de Vliet</t>
  </si>
  <si>
    <t>buurt_gegeneraliseerd_2021.90a562b9-45b3-48d5-bc08-f92ca2aa5140</t>
  </si>
  <si>
    <t>BU04201508</t>
  </si>
  <si>
    <t>2021BU04201508</t>
  </si>
  <si>
    <t>Wervershoof Onderdijk Buitengebied</t>
  </si>
  <si>
    <t>buurt_gegeneraliseerd_2021.ddec0d7d-2ef1-4372-8ead-aebba73ec8e6</t>
  </si>
  <si>
    <t>BU04201601</t>
  </si>
  <si>
    <t>2021BU04201601</t>
  </si>
  <si>
    <t>Andijk Centrum</t>
  </si>
  <si>
    <t>buurt_gegeneraliseerd_2021.4ed37200-23b8-4d4b-9331-8b1635cde34a</t>
  </si>
  <si>
    <t>BU04201602</t>
  </si>
  <si>
    <t>2021BU04201602</t>
  </si>
  <si>
    <t>Andijk Oost</t>
  </si>
  <si>
    <t>buurt_gegeneraliseerd_2021.c0a5da65-8582-4887-802a-7f1c9b74d26e</t>
  </si>
  <si>
    <t>BU04201603</t>
  </si>
  <si>
    <t>2021BU04201603</t>
  </si>
  <si>
    <t>Andijk Midden</t>
  </si>
  <si>
    <t>buurt_gegeneraliseerd_2021.8cda539f-dec3-4e08-bcfe-6aaac57fa399</t>
  </si>
  <si>
    <t>BU04201604</t>
  </si>
  <si>
    <t>2021BU04201604</t>
  </si>
  <si>
    <t>Andijk Zuid</t>
  </si>
  <si>
    <t>buurt_gegeneraliseerd_2021.a2704acc-b6e8-46d0-97f6-cf1b760f8444</t>
  </si>
  <si>
    <t>BU04201605</t>
  </si>
  <si>
    <t>2021BU04201605</t>
  </si>
  <si>
    <t>Andijk Bangert</t>
  </si>
  <si>
    <t>buurt_gegeneraliseerd_2021.688862d7-eef6-435c-81bc-61c1542fef0c</t>
  </si>
  <si>
    <t>BU04201606</t>
  </si>
  <si>
    <t>2021BU04201606</t>
  </si>
  <si>
    <t>Andijk Grootslag en IJsselhof</t>
  </si>
  <si>
    <t>buurt_gegeneraliseerd_2021.3a3feb67-0686-4df4-a275-164fbcb5b711</t>
  </si>
  <si>
    <t>BU04201607</t>
  </si>
  <si>
    <t>2021BU04201607</t>
  </si>
  <si>
    <t>Andijk Vooroever</t>
  </si>
  <si>
    <t>buurt_gegeneraliseerd_2021.2544dc75-2ed0-4e5c-940b-a98b8ef945e9</t>
  </si>
  <si>
    <t>BU04201608</t>
  </si>
  <si>
    <t>2021BU04201608</t>
  </si>
  <si>
    <t>Andijk Bedrijventerrein</t>
  </si>
  <si>
    <t>buurt_gegeneraliseerd_2021.f9554629-f06d-4b3b-bf7e-7f48e295d72e</t>
  </si>
  <si>
    <t>BU04201609</t>
  </si>
  <si>
    <t>2021BU04201609</t>
  </si>
  <si>
    <t>Andijk Waterzuivering</t>
  </si>
  <si>
    <t>buurt_gegeneraliseerd_2021.db2b8143-efb8-4145-9d9f-682c55f87411</t>
  </si>
  <si>
    <t>BU04201610</t>
  </si>
  <si>
    <t>2021BU04201610</t>
  </si>
  <si>
    <t>Andijk Buitengebied</t>
  </si>
  <si>
    <t>buurt_gegeneraliseerd_2021.f2c756d9-9d13-4d15-a9bb-d85e33c25dc2</t>
  </si>
  <si>
    <t>BU04310000</t>
  </si>
  <si>
    <t>2021BU04310000</t>
  </si>
  <si>
    <t>Kerkbuurt</t>
  </si>
  <si>
    <t>GM0431</t>
  </si>
  <si>
    <t>buurt_gegeneraliseerd_2021.f0c67ef4-1a9d-4dc1-aec5-4c1aebba5b29</t>
  </si>
  <si>
    <t>BU04310001</t>
  </si>
  <si>
    <t>2021BU04310001</t>
  </si>
  <si>
    <t>Zuideinde</t>
  </si>
  <si>
    <t>buurt_gegeneraliseerd_2021.930e9ec1-42bb-40df-aaf3-e20f1cb030eb</t>
  </si>
  <si>
    <t>BU04310002</t>
  </si>
  <si>
    <t>2021BU04310002</t>
  </si>
  <si>
    <t>Kerkstraat</t>
  </si>
  <si>
    <t>buurt_gegeneraliseerd_2021.0535665c-8eff-4793-9efb-b83733f47a23</t>
  </si>
  <si>
    <t>BU04310003</t>
  </si>
  <si>
    <t>2021BU04310003</t>
  </si>
  <si>
    <t>De Haal en De Heul en Noordeinde</t>
  </si>
  <si>
    <t>buurt_gegeneraliseerd_2021.c57d1ea9-1acf-4be8-b031-63c499383829</t>
  </si>
  <si>
    <t>BU04320000</t>
  </si>
  <si>
    <t>2021BU04320000</t>
  </si>
  <si>
    <t>Opmeer-Noord</t>
  </si>
  <si>
    <t>GM0432</t>
  </si>
  <si>
    <t>buurt_gegeneraliseerd_2021.4a34a751-f9da-4d12-b104-a3567896e629</t>
  </si>
  <si>
    <t>BU04320001</t>
  </si>
  <si>
    <t>2021BU04320001</t>
  </si>
  <si>
    <t>Opmeer-Zuid, Spanbroek (gedeeltelijk)</t>
  </si>
  <si>
    <t>buurt_gegeneraliseerd_2021.73828438-45d6-4441-9154-0b7004e3f702</t>
  </si>
  <si>
    <t>BU04320002</t>
  </si>
  <si>
    <t>2021BU04320002</t>
  </si>
  <si>
    <t>Zandwerven en Lutkedijk</t>
  </si>
  <si>
    <t>buurt_gegeneraliseerd_2021.442d5322-521a-4e8d-9d8e-83175a01ad9a</t>
  </si>
  <si>
    <t>BU04320003</t>
  </si>
  <si>
    <t>2021BU04320003</t>
  </si>
  <si>
    <t>Wadway</t>
  </si>
  <si>
    <t>buurt_gegeneraliseerd_2021.172fdadd-52d6-4109-84ae-23c465ec07c3</t>
  </si>
  <si>
    <t>BU04320007</t>
  </si>
  <si>
    <t>2021BU04320007</t>
  </si>
  <si>
    <t>Verspreide huizen in De Kaag</t>
  </si>
  <si>
    <t>buurt_gegeneraliseerd_2021.e0c6c1cb-2076-4570-9a2b-d1756b187c15</t>
  </si>
  <si>
    <t>BU04320009</t>
  </si>
  <si>
    <t>2021BU04320009</t>
  </si>
  <si>
    <t>buurt_gegeneraliseerd_2021.eee85808-f03e-4ad8-a307-38b58fdf8d18</t>
  </si>
  <si>
    <t>BU04320100</t>
  </si>
  <si>
    <t>2021BU04320100</t>
  </si>
  <si>
    <t>Hoogwoud</t>
  </si>
  <si>
    <t>buurt_gegeneraliseerd_2021.77624d0c-c85e-4c87-811c-62b920cdeeec</t>
  </si>
  <si>
    <t>BU04320101</t>
  </si>
  <si>
    <t>2021BU04320101</t>
  </si>
  <si>
    <t>Aartswoud</t>
  </si>
  <si>
    <t>buurt_gegeneraliseerd_2021.9c959c7c-2200-4ef1-a52f-287f9e9ab35e</t>
  </si>
  <si>
    <t>BU04320102</t>
  </si>
  <si>
    <t>2021BU04320102</t>
  </si>
  <si>
    <t>Langereis (gedeeltelijk)</t>
  </si>
  <si>
    <t>buurt_gegeneraliseerd_2021.438adca9-493a-4461-9d26-6a9023010c6a</t>
  </si>
  <si>
    <t>BU04320103</t>
  </si>
  <si>
    <t>2021BU04320103</t>
  </si>
  <si>
    <t>Gouwe</t>
  </si>
  <si>
    <t>buurt_gegeneraliseerd_2021.f0203bf5-4b74-476b-b5e4-18da1fe1c76e</t>
  </si>
  <si>
    <t>BU04320200</t>
  </si>
  <si>
    <t>2021BU04320200</t>
  </si>
  <si>
    <t>De Weere</t>
  </si>
  <si>
    <t>buurt_gegeneraliseerd_2021.83c6f694-4a0e-4afb-ad65-0fa392f3eaf4</t>
  </si>
  <si>
    <t>BU04370000</t>
  </si>
  <si>
    <t>2021BU04370000</t>
  </si>
  <si>
    <t>Ouderkerk aan de Amstel</t>
  </si>
  <si>
    <t>GM0437</t>
  </si>
  <si>
    <t>buurt_gegeneraliseerd_2021.cbd2f03e-0f43-4f2a-8b4a-848c6f4f1cb9</t>
  </si>
  <si>
    <t>BU04370001</t>
  </si>
  <si>
    <t>2021BU04370001</t>
  </si>
  <si>
    <t>Duivendrecht</t>
  </si>
  <si>
    <t>buurt_gegeneraliseerd_2021.25ee87f2-332b-4724-a92b-933b017a3b6d</t>
  </si>
  <si>
    <t>BU04370002</t>
  </si>
  <si>
    <t>2021BU04370002</t>
  </si>
  <si>
    <t>Industriegebied Amstel</t>
  </si>
  <si>
    <t>buurt_gegeneraliseerd_2021.e1b50f1a-669f-42b6-a5a8-f8cc8480f81f</t>
  </si>
  <si>
    <t>BU04370006</t>
  </si>
  <si>
    <t>2021BU04370006</t>
  </si>
  <si>
    <t>Verspreide huizen in de Rondehoeppolder</t>
  </si>
  <si>
    <t>buurt_gegeneraliseerd_2021.4d30f0a5-9892-4679-a13f-60989531d39b</t>
  </si>
  <si>
    <t>BU04370007</t>
  </si>
  <si>
    <t>2021BU04370007</t>
  </si>
  <si>
    <t>Verspreide huizen in de Duivendrechtsche polder</t>
  </si>
  <si>
    <t>buurt_gegeneraliseerd_2021.d42823c2-590a-4af5-9f43-d8c4c120dc21</t>
  </si>
  <si>
    <t>BU04370008</t>
  </si>
  <si>
    <t>2021BU04370008</t>
  </si>
  <si>
    <t>Verspreide huizen in de Bullewijker polder</t>
  </si>
  <si>
    <t>buurt_gegeneraliseerd_2021.8364b894-3edb-45af-86d3-40d6cf7d782e</t>
  </si>
  <si>
    <t>BU04370009</t>
  </si>
  <si>
    <t>2021BU04370009</t>
  </si>
  <si>
    <t>Verspreide huizen langs De Bullewijk en De Hole</t>
  </si>
  <si>
    <t>buurt_gegeneraliseerd_2021.79c6f476-0218-4f16-9993-593ab6dedbe9</t>
  </si>
  <si>
    <t>BU04390101</t>
  </si>
  <si>
    <t>2021BU04390101</t>
  </si>
  <si>
    <t>GM0439</t>
  </si>
  <si>
    <t>buurt_gegeneraliseerd_2021.f52a8f07-c2f0-47ce-8c9b-bc0e819af4cc</t>
  </si>
  <si>
    <t>BU04390102</t>
  </si>
  <si>
    <t>2021BU04390102</t>
  </si>
  <si>
    <t>buurt_gegeneraliseerd_2021.a9301787-af40-43d4-94f7-033390da5d11</t>
  </si>
  <si>
    <t>BU04390103</t>
  </si>
  <si>
    <t>2021BU04390103</t>
  </si>
  <si>
    <t>Zuiderpolder</t>
  </si>
  <si>
    <t>buurt_gegeneraliseerd_2021.920a34a6-1523-48ff-b3a5-e8db7a503b92</t>
  </si>
  <si>
    <t>BU04390201</t>
  </si>
  <si>
    <t>2021BU04390201</t>
  </si>
  <si>
    <t>Overwhere-Zuid</t>
  </si>
  <si>
    <t>buurt_gegeneraliseerd_2021.2e0b9d9d-295f-44b3-9d6c-91c15c94fc91</t>
  </si>
  <si>
    <t>BU04390202</t>
  </si>
  <si>
    <t>2021BU04390202</t>
  </si>
  <si>
    <t>De Koog</t>
  </si>
  <si>
    <t>buurt_gegeneraliseerd_2021.02716778-16d2-4755-bfd6-da958d1fd1a7</t>
  </si>
  <si>
    <t>BU04390203</t>
  </si>
  <si>
    <t>2021BU04390203</t>
  </si>
  <si>
    <t>Wagenweg</t>
  </si>
  <si>
    <t>buurt_gegeneraliseerd_2021.de21702f-1a7d-409f-a40b-3d30ae77a2dc</t>
  </si>
  <si>
    <t>BU04390204</t>
  </si>
  <si>
    <t>2021BU04390204</t>
  </si>
  <si>
    <t>Overwhere-Noord</t>
  </si>
  <si>
    <t>buurt_gegeneraliseerd_2021.8d39e93a-a00a-42a7-bd0b-668393f9b62c</t>
  </si>
  <si>
    <t>BU04390205</t>
  </si>
  <si>
    <t>2021BU04390205</t>
  </si>
  <si>
    <t>Molenkoog</t>
  </si>
  <si>
    <t>buurt_gegeneraliseerd_2021.7a5a2be1-c471-4603-93af-ce2116f8af73</t>
  </si>
  <si>
    <t>BU04390301</t>
  </si>
  <si>
    <t>2021BU04390301</t>
  </si>
  <si>
    <t>Wheermolen-West</t>
  </si>
  <si>
    <t>buurt_gegeneraliseerd_2021.d22eefc7-9cc1-41e8-9127-1d7c0a18214a</t>
  </si>
  <si>
    <t>BU04390302</t>
  </si>
  <si>
    <t>2021BU04390302</t>
  </si>
  <si>
    <t>Wheermolen-Oost</t>
  </si>
  <si>
    <t>buurt_gegeneraliseerd_2021.fcc0e417-089a-42c3-a39f-18b1e000b11e</t>
  </si>
  <si>
    <t>BU04390303</t>
  </si>
  <si>
    <t>2021BU04390303</t>
  </si>
  <si>
    <t>Dwarsgouw</t>
  </si>
  <si>
    <t>buurt_gegeneraliseerd_2021.75022b5a-e631-4ebc-a210-0291672533f9</t>
  </si>
  <si>
    <t>BU04390401</t>
  </si>
  <si>
    <t>2021BU04390401</t>
  </si>
  <si>
    <t>Gors-Zuid</t>
  </si>
  <si>
    <t>buurt_gegeneraliseerd_2021.c16e364f-8bbd-4997-b272-4986fafdf184</t>
  </si>
  <si>
    <t>BU04390402</t>
  </si>
  <si>
    <t>2021BU04390402</t>
  </si>
  <si>
    <t>Gors-Noord</t>
  </si>
  <si>
    <t>buurt_gegeneraliseerd_2021.4fb99cc6-406b-400a-85ce-f79129b65de9</t>
  </si>
  <si>
    <t>BU04390501</t>
  </si>
  <si>
    <t>2021BU04390501</t>
  </si>
  <si>
    <t>Overlanderstraat en omgeving</t>
  </si>
  <si>
    <t>buurt_gegeneraliseerd_2021.249198bc-3b5d-4fc5-a3a9-1c8499245130</t>
  </si>
  <si>
    <t>BU04390502</t>
  </si>
  <si>
    <t>2021BU04390502</t>
  </si>
  <si>
    <t>Werktuigenbuurt</t>
  </si>
  <si>
    <t>buurt_gegeneraliseerd_2021.c2420d14-a1a7-4ece-9476-f62590295317</t>
  </si>
  <si>
    <t>BU04390503</t>
  </si>
  <si>
    <t>2021BU04390503</t>
  </si>
  <si>
    <t>Maten- en Zuivelbuurt</t>
  </si>
  <si>
    <t>buurt_gegeneraliseerd_2021.4e3bf17d-6805-413c-a32c-48592c6f0cae</t>
  </si>
  <si>
    <t>BU04390504</t>
  </si>
  <si>
    <t>2021BU04390504</t>
  </si>
  <si>
    <t>De Graeffweg en omgeving</t>
  </si>
  <si>
    <t>buurt_gegeneraliseerd_2021.7aa02593-353e-4204-bd19-2c096fc072c3</t>
  </si>
  <si>
    <t>BU04390505</t>
  </si>
  <si>
    <t>2021BU04390505</t>
  </si>
  <si>
    <t>Baanstee en omgeving</t>
  </si>
  <si>
    <t>buurt_gegeneraliseerd_2021.c499407b-36bf-4311-8a89-50cf0b604eb3</t>
  </si>
  <si>
    <t>BU04390506</t>
  </si>
  <si>
    <t>2021BU04390506</t>
  </si>
  <si>
    <t>Golfterrein en verspreide bebouwing</t>
  </si>
  <si>
    <t>buurt_gegeneraliseerd_2021.52c69d39-22f4-4aec-8ee6-e7a8ba32a96f</t>
  </si>
  <si>
    <t>BU04390601</t>
  </si>
  <si>
    <t>2021BU04390601</t>
  </si>
  <si>
    <t>Purmer-Zuid/Noord</t>
  </si>
  <si>
    <t>buurt_gegeneraliseerd_2021.80d6dccc-c8d9-478c-856c-b3e4b97d5d67</t>
  </si>
  <si>
    <t>BU04390602</t>
  </si>
  <si>
    <t>2021BU04390602</t>
  </si>
  <si>
    <t>Purmer-Zuid/Zuid</t>
  </si>
  <si>
    <t>buurt_gegeneraliseerd_2021.4e9b6ea7-e0b6-40bc-8dfe-c51da7d54aae</t>
  </si>
  <si>
    <t>BU04390603</t>
  </si>
  <si>
    <t>2021BU04390603</t>
  </si>
  <si>
    <t>Purmerbos en verspreide bebouwing</t>
  </si>
  <si>
    <t>buurt_gegeneraliseerd_2021.5757d734-2b72-4032-aa4a-21aa42fcc1b8</t>
  </si>
  <si>
    <t>BU04390701</t>
  </si>
  <si>
    <t>2021BU04390701</t>
  </si>
  <si>
    <t>Hazepolder</t>
  </si>
  <si>
    <t>buurt_gegeneraliseerd_2021.822d9c66-92a0-4b08-b81d-dbbc6b738676</t>
  </si>
  <si>
    <t>BU04390702</t>
  </si>
  <si>
    <t>2021BU04390702</t>
  </si>
  <si>
    <t>Azië</t>
  </si>
  <si>
    <t>buurt_gegeneraliseerd_2021.f6709324-fa90-4faf-ae10-78a1cb37c7b3</t>
  </si>
  <si>
    <t>BU04390703</t>
  </si>
  <si>
    <t>2021BU04390703</t>
  </si>
  <si>
    <t>Amerika</t>
  </si>
  <si>
    <t>buurt_gegeneraliseerd_2021.844f3228-156c-4b55-b45d-0a64eb40df24</t>
  </si>
  <si>
    <t>BU04390704</t>
  </si>
  <si>
    <t>2021BU04390704</t>
  </si>
  <si>
    <t>Afrika</t>
  </si>
  <si>
    <t>buurt_gegeneraliseerd_2021.9481a789-cbb7-4b1a-bff2-b42451eb8355</t>
  </si>
  <si>
    <t>BU04390705</t>
  </si>
  <si>
    <t>2021BU04390705</t>
  </si>
  <si>
    <t>Europa</t>
  </si>
  <si>
    <t>buurt_gegeneraliseerd_2021.580cd90d-b3ff-4c0a-91b0-574580baaa9e</t>
  </si>
  <si>
    <t>BU04480000</t>
  </si>
  <si>
    <t>2021BU04480000</t>
  </si>
  <si>
    <t>Den Burg</t>
  </si>
  <si>
    <t>GM0448</t>
  </si>
  <si>
    <t>buurt_gegeneraliseerd_2021.189c453c-d070-430c-8118-17ac4deb8633</t>
  </si>
  <si>
    <t>BU04480001</t>
  </si>
  <si>
    <t>2021BU04480001</t>
  </si>
  <si>
    <t>buurt_gegeneraliseerd_2021.36477a54-9f7f-45df-a162-18412c62f4ea</t>
  </si>
  <si>
    <t>BU04480002</t>
  </si>
  <si>
    <t>2021BU04480002</t>
  </si>
  <si>
    <t>buurt_gegeneraliseerd_2021.ac9aff18-51e9-4b5f-befe-934b68c37533</t>
  </si>
  <si>
    <t>BU04480003</t>
  </si>
  <si>
    <t>2021BU04480003</t>
  </si>
  <si>
    <t>De Waal</t>
  </si>
  <si>
    <t>buurt_gegeneraliseerd_2021.29c10739-bbc1-4ca1-b62c-1107a05fbe6b</t>
  </si>
  <si>
    <t>BU04480004</t>
  </si>
  <si>
    <t>2021BU04480004</t>
  </si>
  <si>
    <t>Oudeschild</t>
  </si>
  <si>
    <t>buurt_gegeneraliseerd_2021.1d0b66fc-74f3-45cb-9fa9-549f7682e8aa</t>
  </si>
  <si>
    <t>BU04480005</t>
  </si>
  <si>
    <t>2021BU04480005</t>
  </si>
  <si>
    <t>Den Hoorn</t>
  </si>
  <si>
    <t>buurt_gegeneraliseerd_2021.3dca50db-fbc3-47d4-ab9a-5aec344ca5ec</t>
  </si>
  <si>
    <t>BU04480007</t>
  </si>
  <si>
    <t>2021BU04480007</t>
  </si>
  <si>
    <t>Verspreide huizen Op Het Oude Land</t>
  </si>
  <si>
    <t>buurt_gegeneraliseerd_2021.0d7bc63b-aee0-4260-b099-01c29d9f9c42</t>
  </si>
  <si>
    <t>BU04480008</t>
  </si>
  <si>
    <t>2021BU04480008</t>
  </si>
  <si>
    <t>Verspreide huizen De Kuil, Hoornder Nieuwland</t>
  </si>
  <si>
    <t>buurt_gegeneraliseerd_2021.15801d83-3c51-4f63-a2f5-21c3d0d0a7e7</t>
  </si>
  <si>
    <t>BU04480009</t>
  </si>
  <si>
    <t>2021BU04480009</t>
  </si>
  <si>
    <t>Verspreide huizen De Koog en het Duingebied</t>
  </si>
  <si>
    <t>buurt_gegeneraliseerd_2021.9abac469-636d-4b5b-a92f-c8bf20f2b0ca</t>
  </si>
  <si>
    <t>BU04480100</t>
  </si>
  <si>
    <t>2021BU04480100</t>
  </si>
  <si>
    <t>De Cocksdorp</t>
  </si>
  <si>
    <t>buurt_gegeneraliseerd_2021.2e78d4c8-6f3e-45c9-ad55-1c7cb40e731b</t>
  </si>
  <si>
    <t>BU04480107</t>
  </si>
  <si>
    <t>2021BU04480107</t>
  </si>
  <si>
    <t>Verspreide huizen in de polders Eierland en Eendracht</t>
  </si>
  <si>
    <t>buurt_gegeneraliseerd_2021.a0abf7f6-dfb1-4620-9062-be30dcae5bfc</t>
  </si>
  <si>
    <t>BU04480108</t>
  </si>
  <si>
    <t>2021BU04480108</t>
  </si>
  <si>
    <t>Verspreide huizen in de polder Het Noorden</t>
  </si>
  <si>
    <t>buurt_gegeneraliseerd_2021.5d54d807-be21-406a-bd36-274f4dfcaa9d</t>
  </si>
  <si>
    <t>BU04480109</t>
  </si>
  <si>
    <t>2021BU04480109</t>
  </si>
  <si>
    <t>Verspreide huizen in de polders Burger Nieuwland</t>
  </si>
  <si>
    <t>buurt_gegeneraliseerd_2021.0af98c6d-0306-4e06-8f12-d2bf130ac555</t>
  </si>
  <si>
    <t>BU04500001</t>
  </si>
  <si>
    <t>2021BU04500001</t>
  </si>
  <si>
    <t>GM0450</t>
  </si>
  <si>
    <t>buurt_gegeneraliseerd_2021.1c901a78-a263-44b8-847e-85d2c8a61ff9</t>
  </si>
  <si>
    <t>BU04500002</t>
  </si>
  <si>
    <t>2021BU04500002</t>
  </si>
  <si>
    <t>De Kleis</t>
  </si>
  <si>
    <t>buurt_gegeneraliseerd_2021.1a2d7fef-fb04-4459-9df6-1c32d08cd147</t>
  </si>
  <si>
    <t>BU04500003</t>
  </si>
  <si>
    <t>2021BU04500003</t>
  </si>
  <si>
    <t>Waldijk</t>
  </si>
  <si>
    <t>buurt_gegeneraliseerd_2021.abf42c3e-3b57-4817-a0dc-ab779a40e64d</t>
  </si>
  <si>
    <t>BU04500004</t>
  </si>
  <si>
    <t>2021BU04500004</t>
  </si>
  <si>
    <t>buurt_gegeneraliseerd_2021.ee549d80-ea12-476c-b188-cf526643b646</t>
  </si>
  <si>
    <t>BU04500005</t>
  </si>
  <si>
    <t>2021BU04500005</t>
  </si>
  <si>
    <t>buurt_gegeneraliseerd_2021.7c661b51-93d9-465a-bfca-6c20742ba662</t>
  </si>
  <si>
    <t>BU04500006</t>
  </si>
  <si>
    <t>2021BU04500006</t>
  </si>
  <si>
    <t>buurt_gegeneraliseerd_2021.50730d3c-88e1-4368-8798-6375be606540</t>
  </si>
  <si>
    <t>BU04511500</t>
  </si>
  <si>
    <t>2021BU04511500</t>
  </si>
  <si>
    <t>Dorpscentrumcentrum</t>
  </si>
  <si>
    <t>GM0451</t>
  </si>
  <si>
    <t>buurt_gegeneraliseerd_2021.af7f92b8-8c46-4963-a2b1-65b05cbdb873</t>
  </si>
  <si>
    <t>BU04512500</t>
  </si>
  <si>
    <t>2021BU04512500</t>
  </si>
  <si>
    <t>Thamerdal</t>
  </si>
  <si>
    <t>buurt_gegeneraliseerd_2021.a2573b23-a2ad-43d7-81d2-6707cc707586</t>
  </si>
  <si>
    <t>BU04513500</t>
  </si>
  <si>
    <t>2021BU04513500</t>
  </si>
  <si>
    <t>Zijdelwaard</t>
  </si>
  <si>
    <t>buurt_gegeneraliseerd_2021.f88a08f4-4b3f-40d8-9315-543f8456f9ca</t>
  </si>
  <si>
    <t>BU04514500</t>
  </si>
  <si>
    <t>2021BU04514500</t>
  </si>
  <si>
    <t>buurt_gegeneraliseerd_2021.2a49ca4e-9fa6-4fd7-ae94-e1de0ab77b15</t>
  </si>
  <si>
    <t>BU04515000</t>
  </si>
  <si>
    <t>2021BU04515000</t>
  </si>
  <si>
    <t>Langs de Vuurlinie</t>
  </si>
  <si>
    <t>buurt_gegeneraliseerd_2021.e31051d6-9613-4fea-80d2-521e2fced9dc</t>
  </si>
  <si>
    <t>BU04515500</t>
  </si>
  <si>
    <t>2021BU04515500</t>
  </si>
  <si>
    <t>Veilinggebied</t>
  </si>
  <si>
    <t>buurt_gegeneraliseerd_2021.564b5ce9-ea00-4928-864e-3d01ae47c7b4</t>
  </si>
  <si>
    <t>BU04516500</t>
  </si>
  <si>
    <t>2021BU04516500</t>
  </si>
  <si>
    <t>buurt_gegeneraliseerd_2021.4dba69e3-d9e4-4264-89df-d281a9f527fc</t>
  </si>
  <si>
    <t>BU04517500</t>
  </si>
  <si>
    <t>2021BU04517500</t>
  </si>
  <si>
    <t>buurt_gegeneraliseerd_2021.a8dfb163-bacc-48c1-90be-d56988df7291</t>
  </si>
  <si>
    <t>BU04518500</t>
  </si>
  <si>
    <t>2021BU04518500</t>
  </si>
  <si>
    <t>buurt_gegeneraliseerd_2021.8b1386d2-f063-40fb-97fe-09ce59b07e53</t>
  </si>
  <si>
    <t>BU04519000</t>
  </si>
  <si>
    <t>2021BU04519000</t>
  </si>
  <si>
    <t>Glastuinbouwgebied</t>
  </si>
  <si>
    <t>buurt_gegeneraliseerd_2021.dcd19ff5-528e-4baa-80dd-8bcb571a60e3</t>
  </si>
  <si>
    <t>BU04519500</t>
  </si>
  <si>
    <t>2021BU04519500</t>
  </si>
  <si>
    <t>Veenweidegebied</t>
  </si>
  <si>
    <t>buurt_gegeneraliseerd_2021.af45799f-79a0-40e2-a4d2-f61554f59741</t>
  </si>
  <si>
    <t>BU04530000</t>
  </si>
  <si>
    <t>2021BU04530000</t>
  </si>
  <si>
    <t>Velsen-Dorp</t>
  </si>
  <si>
    <t>GM0453</t>
  </si>
  <si>
    <t>buurt_gegeneraliseerd_2021.7316fc1f-5c35-46a4-b5ae-8de3f2807ebc</t>
  </si>
  <si>
    <t>BU04530001</t>
  </si>
  <si>
    <t>2021BU04530001</t>
  </si>
  <si>
    <t>Velserbeek</t>
  </si>
  <si>
    <t>buurt_gegeneraliseerd_2021.5c5e80eb-6119-47e2-813c-4fee62f90a47</t>
  </si>
  <si>
    <t>BU04530002</t>
  </si>
  <si>
    <t>2021BU04530002</t>
  </si>
  <si>
    <t>Velsen-Oost</t>
  </si>
  <si>
    <t>buurt_gegeneraliseerd_2021.c9a2b03b-9cf8-47d6-a06d-c965190e8709</t>
  </si>
  <si>
    <t>BU04530003</t>
  </si>
  <si>
    <t>2021BU04530003</t>
  </si>
  <si>
    <t>buurt_gegeneraliseerd_2021.663fe1cd-c5f1-4bd7-b0df-e171c554ba6b</t>
  </si>
  <si>
    <t>BU04530004</t>
  </si>
  <si>
    <t>2021BU04530004</t>
  </si>
  <si>
    <t>Kriemhildebuurt</t>
  </si>
  <si>
    <t>buurt_gegeneraliseerd_2021.6477e31d-e03e-45d8-a057-9d22273181cc</t>
  </si>
  <si>
    <t>BU04530005</t>
  </si>
  <si>
    <t>2021BU04530005</t>
  </si>
  <si>
    <t>Driehuis-Dorp</t>
  </si>
  <si>
    <t>buurt_gegeneraliseerd_2021.8cc1f03f-588a-4b74-b6d7-6bc2fe6dcb9c</t>
  </si>
  <si>
    <t>BU04530100</t>
  </si>
  <si>
    <t>2021BU04530100</t>
  </si>
  <si>
    <t>Lagersbuurt</t>
  </si>
  <si>
    <t>buurt_gegeneraliseerd_2021.a9c35e6e-3ffd-4067-883b-4aff0de4a87d</t>
  </si>
  <si>
    <t>BU04530101</t>
  </si>
  <si>
    <t>2021BU04530101</t>
  </si>
  <si>
    <t>Heidebuurt</t>
  </si>
  <si>
    <t>buurt_gegeneraliseerd_2021.00ac65fc-7fe1-4908-a6ee-f78db516c8e1</t>
  </si>
  <si>
    <t>BU04530102</t>
  </si>
  <si>
    <t>2021BU04530102</t>
  </si>
  <si>
    <t>buurt_gegeneraliseerd_2021.88a8d128-498b-4e03-8017-33a234481cc9</t>
  </si>
  <si>
    <t>BU04530103</t>
  </si>
  <si>
    <t>2021BU04530103</t>
  </si>
  <si>
    <t>buurt_gegeneraliseerd_2021.a9cb7dca-7f80-49cd-9725-ace2a7cda4a1</t>
  </si>
  <si>
    <t>BU04530104</t>
  </si>
  <si>
    <t>2021BU04530104</t>
  </si>
  <si>
    <t>Natuurkundigenbuurt</t>
  </si>
  <si>
    <t>buurt_gegeneraliseerd_2021.779a6e4f-6d79-4fa8-9aaf-3347d8d4abf1</t>
  </si>
  <si>
    <t>BU04530105</t>
  </si>
  <si>
    <t>2021BU04530105</t>
  </si>
  <si>
    <t>Kikvorsbuurt</t>
  </si>
  <si>
    <t>buurt_gegeneraliseerd_2021.9159403d-af8a-46ab-87fc-672751aca9b2</t>
  </si>
  <si>
    <t>BU04530106</t>
  </si>
  <si>
    <t>2021BU04530106</t>
  </si>
  <si>
    <t>Stadhuisbuurt</t>
  </si>
  <si>
    <t>buurt_gegeneraliseerd_2021.a8ec6572-7e0c-4b5e-a0d4-989af6676804</t>
  </si>
  <si>
    <t>BU04530200</t>
  </si>
  <si>
    <t>2021BU04530200</t>
  </si>
  <si>
    <t>Tussenbeeksbuurt</t>
  </si>
  <si>
    <t>buurt_gegeneraliseerd_2021.2d370e98-508d-4fc5-891d-de21f79f641c</t>
  </si>
  <si>
    <t>BU04530201</t>
  </si>
  <si>
    <t>2021BU04530201</t>
  </si>
  <si>
    <t>buurt_gegeneraliseerd_2021.2755a73b-6714-4eb9-8598-a19ad6532a23</t>
  </si>
  <si>
    <t>BU04530202</t>
  </si>
  <si>
    <t>2021BU04530202</t>
  </si>
  <si>
    <t>buurt_gegeneraliseerd_2021.35097ebe-c9ba-439c-8246-cc762abe0a05</t>
  </si>
  <si>
    <t>BU04530203</t>
  </si>
  <si>
    <t>2021BU04530203</t>
  </si>
  <si>
    <t>Velseroord</t>
  </si>
  <si>
    <t>buurt_gegeneraliseerd_2021.d9dce689-ef42-4623-b1e2-5afb655a8a2a</t>
  </si>
  <si>
    <t>BU04530204</t>
  </si>
  <si>
    <t>2021BU04530204</t>
  </si>
  <si>
    <t>Paterskerkbuurt</t>
  </si>
  <si>
    <t>buurt_gegeneraliseerd_2021.f07aa7ed-48b1-4de9-bc67-6fe1bb014f0f</t>
  </si>
  <si>
    <t>BU04530205</t>
  </si>
  <si>
    <t>2021BU04530205</t>
  </si>
  <si>
    <t>buurt_gegeneraliseerd_2021.8f0777fb-455b-45f4-98fe-2a203eed33bd</t>
  </si>
  <si>
    <t>BU04530206</t>
  </si>
  <si>
    <t>2021BU04530206</t>
  </si>
  <si>
    <t>buurt_gegeneraliseerd_2021.dbef6a5b-0b62-42d9-b944-0f1c5039fd80</t>
  </si>
  <si>
    <t>BU04530300</t>
  </si>
  <si>
    <t>2021BU04530300</t>
  </si>
  <si>
    <t>Moerbergbuurt</t>
  </si>
  <si>
    <t>buurt_gegeneraliseerd_2021.69e830ad-1d75-4d8f-bf86-1a04a133893a</t>
  </si>
  <si>
    <t>BU04530301</t>
  </si>
  <si>
    <t>2021BU04530301</t>
  </si>
  <si>
    <t>Vissersbuurt</t>
  </si>
  <si>
    <t>buurt_gegeneraliseerd_2021.445d78a2-b4c3-4393-9c98-94a861abfad9</t>
  </si>
  <si>
    <t>BU04530302</t>
  </si>
  <si>
    <t>2021BU04530302</t>
  </si>
  <si>
    <t>Oud-IJmuiden</t>
  </si>
  <si>
    <t>buurt_gegeneraliseerd_2021.5c82f7f3-07da-4a60-b642-2d9518f8ff68</t>
  </si>
  <si>
    <t>BU04530303</t>
  </si>
  <si>
    <t>2021BU04530303</t>
  </si>
  <si>
    <t>Zuidzijdebuurt</t>
  </si>
  <si>
    <t>buurt_gegeneraliseerd_2021.ad0961a8-bbc0-48f6-bdcc-92ccc49c4d60</t>
  </si>
  <si>
    <t>BU04530400</t>
  </si>
  <si>
    <t>2021BU04530400</t>
  </si>
  <si>
    <t>Herculesbuurt</t>
  </si>
  <si>
    <t>buurt_gegeneraliseerd_2021.8e2979d3-171f-4453-ade5-f2829479a36f</t>
  </si>
  <si>
    <t>BU04530401</t>
  </si>
  <si>
    <t>2021BU04530401</t>
  </si>
  <si>
    <t>Canopusbuurt</t>
  </si>
  <si>
    <t>buurt_gegeneraliseerd_2021.7dbf476d-320a-4565-8d32-6d8755eb0e83</t>
  </si>
  <si>
    <t>BU04530402</t>
  </si>
  <si>
    <t>2021BU04530402</t>
  </si>
  <si>
    <t>Saturnusbuurt</t>
  </si>
  <si>
    <t>buurt_gegeneraliseerd_2021.562c7f83-5f2d-45e7-8177-529700322f85</t>
  </si>
  <si>
    <t>BU04530403</t>
  </si>
  <si>
    <t>2021BU04530403</t>
  </si>
  <si>
    <t>Schiplaanbuurt</t>
  </si>
  <si>
    <t>buurt_gegeneraliseerd_2021.2de69241-ddb2-4ac0-8fe2-1bc67ee1e294</t>
  </si>
  <si>
    <t>BU04530404</t>
  </si>
  <si>
    <t>2021BU04530404</t>
  </si>
  <si>
    <t>Bellatrixbuurt</t>
  </si>
  <si>
    <t>buurt_gegeneraliseerd_2021.c26f670b-a170-4707-b687-a1b054c2c9b1</t>
  </si>
  <si>
    <t>BU04530405</t>
  </si>
  <si>
    <t>2021BU04530405</t>
  </si>
  <si>
    <t>Kruisbergbuurt</t>
  </si>
  <si>
    <t>buurt_gegeneraliseerd_2021.7ae70fcd-c82f-47e0-99e1-0995d2693d60</t>
  </si>
  <si>
    <t>BU04530406</t>
  </si>
  <si>
    <t>2021BU04530406</t>
  </si>
  <si>
    <t>Keetbergbuurt</t>
  </si>
  <si>
    <t>buurt_gegeneraliseerd_2021.5cf4bddd-01ba-4e84-a557-52b55935cd74</t>
  </si>
  <si>
    <t>BU04530500</t>
  </si>
  <si>
    <t>2021BU04530500</t>
  </si>
  <si>
    <t>Gildenbuurt</t>
  </si>
  <si>
    <t>buurt_gegeneraliseerd_2021.4a6b09e4-ce0f-48d4-9b0b-fb5ab900f1db</t>
  </si>
  <si>
    <t>BU04530501</t>
  </si>
  <si>
    <t>2021BU04530501</t>
  </si>
  <si>
    <t>Westerwijkbuurt</t>
  </si>
  <si>
    <t>buurt_gegeneraliseerd_2021.8ec5790c-106d-4a43-bec6-5e94d9a802e6</t>
  </si>
  <si>
    <t>BU04530502</t>
  </si>
  <si>
    <t>2021BU04530502</t>
  </si>
  <si>
    <t>Van Gelderbuurt</t>
  </si>
  <si>
    <t>buurt_gegeneraliseerd_2021.744746c7-74f6-4ee4-b3a6-a399e4312323</t>
  </si>
  <si>
    <t>BU04530503</t>
  </si>
  <si>
    <t>2021BU04530503</t>
  </si>
  <si>
    <t>Duinvlietbuurt</t>
  </si>
  <si>
    <t>buurt_gegeneraliseerd_2021.d7b4e416-bcd8-477e-b82f-b30530d317c5</t>
  </si>
  <si>
    <t>BU04530504</t>
  </si>
  <si>
    <t>2021BU04530504</t>
  </si>
  <si>
    <t>Watervlietbuurt</t>
  </si>
  <si>
    <t>buurt_gegeneraliseerd_2021.e1b10a27-4049-4d01-a087-39063fef4ad5</t>
  </si>
  <si>
    <t>BU04530505</t>
  </si>
  <si>
    <t>2021BU04530505</t>
  </si>
  <si>
    <t>Wijkermeerbuurt</t>
  </si>
  <si>
    <t>buurt_gegeneraliseerd_2021.f953d446-2817-46e3-900e-25a8f81450ab</t>
  </si>
  <si>
    <t>BU04530506</t>
  </si>
  <si>
    <t>2021BU04530506</t>
  </si>
  <si>
    <t>Staalbuurt</t>
  </si>
  <si>
    <t>buurt_gegeneraliseerd_2021.943ebf2b-4267-4096-a9c8-7414acdc9e49</t>
  </si>
  <si>
    <t>BU04530507</t>
  </si>
  <si>
    <t>2021BU04530507</t>
  </si>
  <si>
    <t>Reyndersbuurt</t>
  </si>
  <si>
    <t>buurt_gegeneraliseerd_2021.bdac3c5e-92f4-43a1-88d6-9ddce3e18b0e</t>
  </si>
  <si>
    <t>BU04530600</t>
  </si>
  <si>
    <t>2021BU04530600</t>
  </si>
  <si>
    <t>Kerkpadbuurt</t>
  </si>
  <si>
    <t>buurt_gegeneraliseerd_2021.73dcc4b4-3b55-452c-8f48-525e97e0f2cf</t>
  </si>
  <si>
    <t>BU04530601</t>
  </si>
  <si>
    <t>2021BU04530601</t>
  </si>
  <si>
    <t>Biezenbuurt</t>
  </si>
  <si>
    <t>buurt_gegeneraliseerd_2021.e085eef0-8634-419f-b377-c2a5c0723594</t>
  </si>
  <si>
    <t>BU04530602</t>
  </si>
  <si>
    <t>2021BU04530602</t>
  </si>
  <si>
    <t>West-Indische buurt</t>
  </si>
  <si>
    <t>buurt_gegeneraliseerd_2021.bc3d6c35-525c-414a-8336-120ca6042f82</t>
  </si>
  <si>
    <t>BU04530603</t>
  </si>
  <si>
    <t>2021BU04530603</t>
  </si>
  <si>
    <t>Santpoort-Dorp</t>
  </si>
  <si>
    <t>buurt_gegeneraliseerd_2021.84ff6f68-fa2a-4c16-aaf3-d668931610c6</t>
  </si>
  <si>
    <t>BU04530604</t>
  </si>
  <si>
    <t>2021BU04530604</t>
  </si>
  <si>
    <t>buurt_gegeneraliseerd_2021.9e13828a-ede5-4f93-9fe2-1a0b01f6ba17</t>
  </si>
  <si>
    <t>BU04530605</t>
  </si>
  <si>
    <t>2021BU04530605</t>
  </si>
  <si>
    <t>Kerkerinkbuurt</t>
  </si>
  <si>
    <t>buurt_gegeneraliseerd_2021.b62202e0-12fc-4380-b56e-3fd67e4f4e03</t>
  </si>
  <si>
    <t>BU04530606</t>
  </si>
  <si>
    <t>2021BU04530606</t>
  </si>
  <si>
    <t>Spanjaardsbergbuurt</t>
  </si>
  <si>
    <t>buurt_gegeneraliseerd_2021.e0a549b2-d7cf-4fea-889d-32633cc85266</t>
  </si>
  <si>
    <t>BU04530607</t>
  </si>
  <si>
    <t>2021BU04530607</t>
  </si>
  <si>
    <t>Santhaesbuurt</t>
  </si>
  <si>
    <t>buurt_gegeneraliseerd_2021.42ab0509-9b64-4b5f-95d9-5edc69a7d004</t>
  </si>
  <si>
    <t>BU04530608</t>
  </si>
  <si>
    <t>2021BU04530608</t>
  </si>
  <si>
    <t>Duinenbuurt</t>
  </si>
  <si>
    <t>buurt_gegeneraliseerd_2021.5bc3c935-4a0c-4bb2-b6a6-1171a1b9fdff</t>
  </si>
  <si>
    <t>BU04530700</t>
  </si>
  <si>
    <t>2021BU04530700</t>
  </si>
  <si>
    <t>Neethofbuurt</t>
  </si>
  <si>
    <t>buurt_gegeneraliseerd_2021.3dbf1505-ba78-4d95-b7c0-b2e0fe04eb83</t>
  </si>
  <si>
    <t>BU04530701</t>
  </si>
  <si>
    <t>2021BU04530701</t>
  </si>
  <si>
    <t>Rijkersparkbuurt</t>
  </si>
  <si>
    <t>buurt_gegeneraliseerd_2021.99998926-1a5a-4a56-9c96-7789e72eea26</t>
  </si>
  <si>
    <t>BU04530702</t>
  </si>
  <si>
    <t>2021BU04530702</t>
  </si>
  <si>
    <t>Blekersbuurt</t>
  </si>
  <si>
    <t>buurt_gegeneraliseerd_2021.49ec521b-6202-4656-81c1-b83960cb0af8</t>
  </si>
  <si>
    <t>BU04530703</t>
  </si>
  <si>
    <t>2021BU04530703</t>
  </si>
  <si>
    <t>Eltabuurt</t>
  </si>
  <si>
    <t>buurt_gegeneraliseerd_2021.373a85c5-07ce-4a27-9b1c-77bc685a985d</t>
  </si>
  <si>
    <t>BU04530800</t>
  </si>
  <si>
    <t>2021BU04530800</t>
  </si>
  <si>
    <t>Hofgeest</t>
  </si>
  <si>
    <t>buurt_gegeneraliseerd_2021.5c3c55b8-3847-480c-b878-1f15e3d0b56b</t>
  </si>
  <si>
    <t>BU04530801</t>
  </si>
  <si>
    <t>2021BU04530801</t>
  </si>
  <si>
    <t>Maadbuurt</t>
  </si>
  <si>
    <t>buurt_gegeneraliseerd_2021.16531b33-c24e-455c-8c66-d72a6b62e05e</t>
  </si>
  <si>
    <t>BU04530802</t>
  </si>
  <si>
    <t>2021BU04530802</t>
  </si>
  <si>
    <t>Weidbuurt</t>
  </si>
  <si>
    <t>buurt_gegeneraliseerd_2021.f674da00-d325-40bd-8a86-dd67f79fd77a</t>
  </si>
  <si>
    <t>BU04530803</t>
  </si>
  <si>
    <t>2021BU04530803</t>
  </si>
  <si>
    <t>Pijlkruidbuurt</t>
  </si>
  <si>
    <t>buurt_gegeneraliseerd_2021.af9f60f9-132f-4804-85db-8824b1d2fa86</t>
  </si>
  <si>
    <t>BU04530804</t>
  </si>
  <si>
    <t>2021BU04530804</t>
  </si>
  <si>
    <t>Florarondebuurt</t>
  </si>
  <si>
    <t>buurt_gegeneraliseerd_2021.a56f2ab1-f9aa-4ce4-be6c-2456fba23459</t>
  </si>
  <si>
    <t>BU04530805</t>
  </si>
  <si>
    <t>2021BU04530805</t>
  </si>
  <si>
    <t>Bastionbuurt</t>
  </si>
  <si>
    <t>buurt_gegeneraliseerd_2021.13fdb819-1e2e-41ac-956d-2f110e5ea3f3</t>
  </si>
  <si>
    <t>BU04530806</t>
  </si>
  <si>
    <t>2021BU04530806</t>
  </si>
  <si>
    <t>Springerbuurt</t>
  </si>
  <si>
    <t>buurt_gegeneraliseerd_2021.69286b0f-a912-457d-9c68-330ac7b1a21a</t>
  </si>
  <si>
    <t>BU04530807</t>
  </si>
  <si>
    <t>2021BU04530807</t>
  </si>
  <si>
    <t>Tjotterbuurt</t>
  </si>
  <si>
    <t>buurt_gegeneraliseerd_2021.f97449ed-b6b7-4280-9ab8-52cbb4b60f4e</t>
  </si>
  <si>
    <t>BU04530808</t>
  </si>
  <si>
    <t>2021BU04530808</t>
  </si>
  <si>
    <t>Westbroekbuurt</t>
  </si>
  <si>
    <t>buurt_gegeneraliseerd_2021.bcabb84d-727c-4172-a07e-32f1293f3497</t>
  </si>
  <si>
    <t>BU04530900</t>
  </si>
  <si>
    <t>2021BU04530900</t>
  </si>
  <si>
    <t>Noord-Spaarndammerpolder</t>
  </si>
  <si>
    <t>buurt_gegeneraliseerd_2021.105f2e7b-1136-465a-818b-7bba0a4dc66b</t>
  </si>
  <si>
    <t>BU04530901</t>
  </si>
  <si>
    <t>2021BU04530901</t>
  </si>
  <si>
    <t>Zuid-Spaarndammerpolder</t>
  </si>
  <si>
    <t>buurt_gegeneraliseerd_2021.63aeb7fb-826a-47a3-9bb3-c908f26e6cfc</t>
  </si>
  <si>
    <t>BU04570001</t>
  </si>
  <si>
    <t>2021BU04570001</t>
  </si>
  <si>
    <t>GM0457</t>
  </si>
  <si>
    <t>buurt_gegeneraliseerd_2021.e0384867-ef30-4983-88bf-d891f563e07b</t>
  </si>
  <si>
    <t>BU04570002</t>
  </si>
  <si>
    <t>2021BU04570002</t>
  </si>
  <si>
    <t>Herensingelkwartier</t>
  </si>
  <si>
    <t>buurt_gegeneraliseerd_2021.cfadf519-f2a1-4755-a117-0804223bbdc9</t>
  </si>
  <si>
    <t>BU04570101</t>
  </si>
  <si>
    <t>2021BU04570101</t>
  </si>
  <si>
    <t>Bedrijventerrein Van Houten</t>
  </si>
  <si>
    <t>buurt_gegeneraliseerd_2021.b442b3da-7599-41e4-922b-e4096bb60a54</t>
  </si>
  <si>
    <t>BU04570102</t>
  </si>
  <si>
    <t>2021BU04570102</t>
  </si>
  <si>
    <t>Zuid I</t>
  </si>
  <si>
    <t>buurt_gegeneraliseerd_2021.5ae89d31-a1a2-4e5c-adc8-507b83d67ccd</t>
  </si>
  <si>
    <t>BU04570103</t>
  </si>
  <si>
    <t>2021BU04570103</t>
  </si>
  <si>
    <t>Zuid II</t>
  </si>
  <si>
    <t>buurt_gegeneraliseerd_2021.fc1f0403-4412-429e-976f-a73e948e1094</t>
  </si>
  <si>
    <t>BU04570104</t>
  </si>
  <si>
    <t>2021BU04570104</t>
  </si>
  <si>
    <t>De Klomp</t>
  </si>
  <si>
    <t>buurt_gegeneraliseerd_2021.df2ec762-41aa-4800-8280-24d7a5bf3ada</t>
  </si>
  <si>
    <t>BU04570201</t>
  </si>
  <si>
    <t>2021BU04570201</t>
  </si>
  <si>
    <t>Dichtersbuurt</t>
  </si>
  <si>
    <t>buurt_gegeneraliseerd_2021.6255253d-4c3c-43d2-b088-82e0cd588fcd</t>
  </si>
  <si>
    <t>BU04570202</t>
  </si>
  <si>
    <t>2021BU04570202</t>
  </si>
  <si>
    <t>buurt_gegeneraliseerd_2021.7e0d936f-025a-4fe9-8c96-f2f56a0e7602</t>
  </si>
  <si>
    <t>BU04570301</t>
  </si>
  <si>
    <t>2021BU04570301</t>
  </si>
  <si>
    <t>Hogewey Noord</t>
  </si>
  <si>
    <t>buurt_gegeneraliseerd_2021.8edf2519-1235-4505-8814-c8264b41149c</t>
  </si>
  <si>
    <t>BU04570302</t>
  </si>
  <si>
    <t>2021BU04570302</t>
  </si>
  <si>
    <t>Hogewey Midden</t>
  </si>
  <si>
    <t>buurt_gegeneraliseerd_2021.ff7596d6-32d0-415d-8df6-b60648bae15b</t>
  </si>
  <si>
    <t>BU04570303</t>
  </si>
  <si>
    <t>2021BU04570303</t>
  </si>
  <si>
    <t>Hogewey Zuid</t>
  </si>
  <si>
    <t>buurt_gegeneraliseerd_2021.3494bc86-569c-4db8-b21a-28ceedc4151f</t>
  </si>
  <si>
    <t>BU04570304</t>
  </si>
  <si>
    <t>2021BU04570304</t>
  </si>
  <si>
    <t>Bedrijventerrein Noord</t>
  </si>
  <si>
    <t>buurt_gegeneraliseerd_2021.cce6b8d4-0e7e-4158-b05a-38a8fe76b586</t>
  </si>
  <si>
    <t>BU04570401</t>
  </si>
  <si>
    <t>2021BU04570401</t>
  </si>
  <si>
    <t>Aetsveld Noord</t>
  </si>
  <si>
    <t>buurt_gegeneraliseerd_2021.465456bb-dcac-47f9-91b3-5c63bb1e9cca</t>
  </si>
  <si>
    <t>BU04570402</t>
  </si>
  <si>
    <t>2021BU04570402</t>
  </si>
  <si>
    <t>Aetsveld Zuid</t>
  </si>
  <si>
    <t>buurt_gegeneraliseerd_2021.f65db862-966e-4d93-b3c8-13eb0fb7fd0c</t>
  </si>
  <si>
    <t>BU04570701</t>
  </si>
  <si>
    <t>2021BU04570701</t>
  </si>
  <si>
    <t>Aetsveldsepolder</t>
  </si>
  <si>
    <t>buurt_gegeneraliseerd_2021.0833c3fa-40d2-44f3-a112-6c36fabff64c</t>
  </si>
  <si>
    <t>BU04570801</t>
  </si>
  <si>
    <t>2021BU04570801</t>
  </si>
  <si>
    <t>Oostelijke Vechtoever</t>
  </si>
  <si>
    <t>buurt_gegeneraliseerd_2021.19d85330-c715-46b9-8a3a-af980d8991b9</t>
  </si>
  <si>
    <t>BU04570901</t>
  </si>
  <si>
    <t>2021BU04570901</t>
  </si>
  <si>
    <t>Leeuwenveld</t>
  </si>
  <si>
    <t>buurt_gegeneraliseerd_2021.1ec5f49f-9d4c-4cd5-b994-1760d82b6950</t>
  </si>
  <si>
    <t>BU04570902</t>
  </si>
  <si>
    <t>2021BU04570902</t>
  </si>
  <si>
    <t>Bedrijventerrein Nijverheidslaan</t>
  </si>
  <si>
    <t>buurt_gegeneraliseerd_2021.bf83991c-fdde-4ae7-ba7e-b1c053935468</t>
  </si>
  <si>
    <t>BU04570903</t>
  </si>
  <si>
    <t>2021BU04570903</t>
  </si>
  <si>
    <t>Weespersluis</t>
  </si>
  <si>
    <t>buurt_gegeneraliseerd_2021.5e385e45-6f6b-4ddb-b4f3-80705539188f</t>
  </si>
  <si>
    <t>BU04730101</t>
  </si>
  <si>
    <t>2021BU04730101</t>
  </si>
  <si>
    <t>Boulevard Noord</t>
  </si>
  <si>
    <t>GM0473</t>
  </si>
  <si>
    <t>buurt_gegeneraliseerd_2021.a6c9dd4b-fe00-4828-b299-6f49899f9609</t>
  </si>
  <si>
    <t>BU04730102</t>
  </si>
  <si>
    <t>2021BU04730102</t>
  </si>
  <si>
    <t>Stations omgeving</t>
  </si>
  <si>
    <t>buurt_gegeneraliseerd_2021.add01999-fd38-4e06-8a7e-ce8e5af08ac2</t>
  </si>
  <si>
    <t>BU04730103</t>
  </si>
  <si>
    <t>2021BU04730103</t>
  </si>
  <si>
    <t>Oud Noord</t>
  </si>
  <si>
    <t>buurt_gegeneraliseerd_2021.04b1ad2e-eee5-4979-a9a7-3db2a0dc7f3d</t>
  </si>
  <si>
    <t>BU04730104</t>
  </si>
  <si>
    <t>2021BU04730104</t>
  </si>
  <si>
    <t>Nieuw Noord - bedrijven</t>
  </si>
  <si>
    <t>buurt_gegeneraliseerd_2021.048c6ac3-da78-4e8d-b5a9-6764222f6b11</t>
  </si>
  <si>
    <t>BU04730105</t>
  </si>
  <si>
    <t>2021BU04730105</t>
  </si>
  <si>
    <t>Nieuw Noord - wonen</t>
  </si>
  <si>
    <t>buurt_gegeneraliseerd_2021.3577d91e-3282-4cc4-943c-cac1c3bcdb31</t>
  </si>
  <si>
    <t>BU04730106</t>
  </si>
  <si>
    <t>2021BU04730106</t>
  </si>
  <si>
    <t>Sport Circuit</t>
  </si>
  <si>
    <t>buurt_gegeneraliseerd_2021.bb805525-a677-4134-a8ec-433936af61fb</t>
  </si>
  <si>
    <t>BU04730107</t>
  </si>
  <si>
    <t>2021BU04730107</t>
  </si>
  <si>
    <t>Recreatiepark</t>
  </si>
  <si>
    <t>buurt_gegeneraliseerd_2021.c000cd11-6006-4076-8bb3-3cac26e8fe48</t>
  </si>
  <si>
    <t>BU04730201</t>
  </si>
  <si>
    <t>2021BU04730201</t>
  </si>
  <si>
    <t>Boulevard Midden</t>
  </si>
  <si>
    <t>buurt_gegeneraliseerd_2021.431cbcf4-3c6c-4551-bf9e-11f922c14688</t>
  </si>
  <si>
    <t>BU04730202</t>
  </si>
  <si>
    <t>2021BU04730202</t>
  </si>
  <si>
    <t>Boulevard Zuid</t>
  </si>
  <si>
    <t>buurt_gegeneraliseerd_2021.b81930ff-b948-4853-b7c8-0e9ca98703f9</t>
  </si>
  <si>
    <t>BU04730203</t>
  </si>
  <si>
    <t>2021BU04730203</t>
  </si>
  <si>
    <t>Brederode- Gerkestraat e.o.</t>
  </si>
  <si>
    <t>buurt_gegeneraliseerd_2021.3cc84627-6751-4ec2-b20e-2504a410f91b</t>
  </si>
  <si>
    <t>BU04730204</t>
  </si>
  <si>
    <t>2021BU04730204</t>
  </si>
  <si>
    <t>Zandvoortselaan</t>
  </si>
  <si>
    <t>buurt_gegeneraliseerd_2021.e2dc87da-a451-4e17-927c-eadad852e39b</t>
  </si>
  <si>
    <t>BU04730205</t>
  </si>
  <si>
    <t>2021BU04730205</t>
  </si>
  <si>
    <t>Kostverloren e.o.</t>
  </si>
  <si>
    <t>buurt_gegeneraliseerd_2021.0ec56db1-84d2-4fe6-804f-e377af9d9e03</t>
  </si>
  <si>
    <t>BU04730206</t>
  </si>
  <si>
    <t>2021BU04730206</t>
  </si>
  <si>
    <t>buurt_gegeneraliseerd_2021.c088d3ff-1017-4fcc-8eed-8452fb3aaa7d</t>
  </si>
  <si>
    <t>BU04730301</t>
  </si>
  <si>
    <t>2021BU04730301</t>
  </si>
  <si>
    <t>Bentveld Noord</t>
  </si>
  <si>
    <t>buurt_gegeneraliseerd_2021.de81e92a-b862-46a4-baa9-a8b635d560de</t>
  </si>
  <si>
    <t>BU04730302</t>
  </si>
  <si>
    <t>2021BU04730302</t>
  </si>
  <si>
    <t>Bentveld Zuid</t>
  </si>
  <si>
    <t>buurt_gegeneraliseerd_2021.25162da4-85a4-4d20-89f6-18e68eaa660d</t>
  </si>
  <si>
    <t>BU04730401</t>
  </si>
  <si>
    <t>2021BU04730401</t>
  </si>
  <si>
    <t>Noord strand</t>
  </si>
  <si>
    <t>buurt_gegeneraliseerd_2021.a5009d65-253d-4b0d-8aff-48332f587917</t>
  </si>
  <si>
    <t>BU04730402</t>
  </si>
  <si>
    <t>2021BU04730402</t>
  </si>
  <si>
    <t>Zuid strand</t>
  </si>
  <si>
    <t>buurt_gegeneraliseerd_2021.ec320889-373e-4d51-8b9a-2aa652aa51b6</t>
  </si>
  <si>
    <t>BU04730403</t>
  </si>
  <si>
    <t>2021BU04730403</t>
  </si>
  <si>
    <t>Zuid duinen</t>
  </si>
  <si>
    <t>buurt_gegeneraliseerd_2021.3d760f02-a575-4e3c-a135-7ea4403a2f93</t>
  </si>
  <si>
    <t>BU04730404</t>
  </si>
  <si>
    <t>2021BU04730404</t>
  </si>
  <si>
    <t>Noord duinen</t>
  </si>
  <si>
    <t>buurt_gegeneraliseerd_2021.dad2cfaf-729e-4d51-b07c-c731f64f6d03</t>
  </si>
  <si>
    <t>BU04791110</t>
  </si>
  <si>
    <t>2021BU04791110</t>
  </si>
  <si>
    <t>Achtersluispolder</t>
  </si>
  <si>
    <t>GM0479</t>
  </si>
  <si>
    <t>buurt_gegeneraliseerd_2021.30e946af-634b-4216-9e38-b176c35bdca1</t>
  </si>
  <si>
    <t>BU04791120</t>
  </si>
  <si>
    <t>2021BU04791120</t>
  </si>
  <si>
    <t>buurt_gegeneraliseerd_2021.cc70d8c3-d05b-4f5c-853e-82b5a141737b</t>
  </si>
  <si>
    <t>BU04791130</t>
  </si>
  <si>
    <t>2021BU04791130</t>
  </si>
  <si>
    <t>buurt_gegeneraliseerd_2021.729e5c70-da6b-4011-ab99-5e73b998e2d4</t>
  </si>
  <si>
    <t>BU04791210</t>
  </si>
  <si>
    <t>2021BU04791210</t>
  </si>
  <si>
    <t>buurt_gegeneraliseerd_2021.7c579263-02e7-4807-8a3c-5c1b4b3edca7</t>
  </si>
  <si>
    <t>BU04791310</t>
  </si>
  <si>
    <t>2021BU04791310</t>
  </si>
  <si>
    <t>Peldersveld</t>
  </si>
  <si>
    <t>buurt_gegeneraliseerd_2021.74e52a61-be07-4a6f-88e9-4796867922bf</t>
  </si>
  <si>
    <t>BU04791320</t>
  </si>
  <si>
    <t>2021BU04791320</t>
  </si>
  <si>
    <t>Hoornseveld</t>
  </si>
  <si>
    <t>buurt_gegeneraliseerd_2021.97a3672e-8ef0-428b-96cc-4cfab08ad4bc</t>
  </si>
  <si>
    <t>BU04791410</t>
  </si>
  <si>
    <t>2021BU04791410</t>
  </si>
  <si>
    <t>Rosmolenbuurt</t>
  </si>
  <si>
    <t>buurt_gegeneraliseerd_2021.68f2e116-322a-48dd-a5cc-a469dd7c51e2</t>
  </si>
  <si>
    <t>BU04791510</t>
  </si>
  <si>
    <t>2021BU04791510</t>
  </si>
  <si>
    <t>Kogerveld</t>
  </si>
  <si>
    <t>buurt_gegeneraliseerd_2021.7755e025-6b88-4d16-8830-77ab13cb19f9</t>
  </si>
  <si>
    <t>BU04791520</t>
  </si>
  <si>
    <t>2021BU04791520</t>
  </si>
  <si>
    <t>Boerejonkerbuurt</t>
  </si>
  <si>
    <t>buurt_gegeneraliseerd_2021.ec3ed654-f715-452f-9719-401ce1c30416</t>
  </si>
  <si>
    <t>BU04791610</t>
  </si>
  <si>
    <t>2021BU04791610</t>
  </si>
  <si>
    <t>Kalf</t>
  </si>
  <si>
    <t>buurt_gegeneraliseerd_2021.5f2cb087-b874-4ab8-bfdb-0d54d909a4c4</t>
  </si>
  <si>
    <t>BU04791620</t>
  </si>
  <si>
    <t>2021BU04791620</t>
  </si>
  <si>
    <t>Zaanse Schans</t>
  </si>
  <si>
    <t>buurt_gegeneraliseerd_2021.5064aac4-9dc2-4a2e-bddb-ce1e237a7e0f</t>
  </si>
  <si>
    <t>BU04792110</t>
  </si>
  <si>
    <t>2021BU04792110</t>
  </si>
  <si>
    <t>buurt_gegeneraliseerd_2021.60345b5a-8b3b-473e-b88c-1962e915c5e9</t>
  </si>
  <si>
    <t>BU04792120</t>
  </si>
  <si>
    <t>2021BU04792120</t>
  </si>
  <si>
    <t>buurt_gegeneraliseerd_2021.479d9f82-d7be-4024-9ac9-bc4e8cfefe8b</t>
  </si>
  <si>
    <t>BU04792130</t>
  </si>
  <si>
    <t>2021BU04792130</t>
  </si>
  <si>
    <t>Het Eiland</t>
  </si>
  <si>
    <t>buurt_gegeneraliseerd_2021.17dd70cf-6309-49d2-9cb8-155061f23457</t>
  </si>
  <si>
    <t>BU04792140</t>
  </si>
  <si>
    <t>2021BU04792140</t>
  </si>
  <si>
    <t>Russische buurt</t>
  </si>
  <si>
    <t>buurt_gegeneraliseerd_2021.f1d6c0e9-aac7-4515-80d8-6cb4b1aeb0d5</t>
  </si>
  <si>
    <t>BU04792210</t>
  </si>
  <si>
    <t>2021BU04792210</t>
  </si>
  <si>
    <t>buurt_gegeneraliseerd_2021.2b58a412-de9f-4f05-ae82-f0f28683b3bc</t>
  </si>
  <si>
    <t>BU04792220</t>
  </si>
  <si>
    <t>2021BU04792220</t>
  </si>
  <si>
    <t>Spoorbuurt</t>
  </si>
  <si>
    <t>buurt_gegeneraliseerd_2021.77dba105-cb0a-46bd-8004-0f12b0f52e3d</t>
  </si>
  <si>
    <t>BU04792230</t>
  </si>
  <si>
    <t>2021BU04792230</t>
  </si>
  <si>
    <t>Schilders- en Waddenbuurt</t>
  </si>
  <si>
    <t>buurt_gegeneraliseerd_2021.3e73e083-e838-4fa9-a6f9-03a2c0bc0993</t>
  </si>
  <si>
    <t>BU04792310</t>
  </si>
  <si>
    <t>2021BU04792310</t>
  </si>
  <si>
    <t>Westerspoor</t>
  </si>
  <si>
    <t>buurt_gegeneraliseerd_2021.70cbe5a1-a4bb-4160-8bab-92aa82a7d3d9</t>
  </si>
  <si>
    <t>BU04792320</t>
  </si>
  <si>
    <t>2021BU04792320</t>
  </si>
  <si>
    <t>Westerwatering</t>
  </si>
  <si>
    <t>buurt_gegeneraliseerd_2021.dafe01a0-1eb0-42f2-851c-9a4a1ff97d07</t>
  </si>
  <si>
    <t>BU04793110</t>
  </si>
  <si>
    <t>2021BU04793110</t>
  </si>
  <si>
    <t>Oud Koog</t>
  </si>
  <si>
    <t>buurt_gegeneraliseerd_2021.9568105b-ea5e-44c6-b63d-00011b7986fd</t>
  </si>
  <si>
    <t>BU04793210</t>
  </si>
  <si>
    <t>2021BU04793210</t>
  </si>
  <si>
    <t>Westerkoog</t>
  </si>
  <si>
    <t>buurt_gegeneraliseerd_2021.6ff32dfd-2e1e-40cd-9314-555d82d7b73e</t>
  </si>
  <si>
    <t>BU04794110</t>
  </si>
  <si>
    <t>2021BU04794110</t>
  </si>
  <si>
    <t>Oud Zaandijk</t>
  </si>
  <si>
    <t>buurt_gegeneraliseerd_2021.23313a3e-469d-45e1-a874-687413865c33</t>
  </si>
  <si>
    <t>BU04794210</t>
  </si>
  <si>
    <t>2021BU04794210</t>
  </si>
  <si>
    <t>Rooswijk</t>
  </si>
  <si>
    <t>buurt_gegeneraliseerd_2021.6e0a0bcc-9874-4780-8c3c-b3c291278e1e</t>
  </si>
  <si>
    <t>BU04794220</t>
  </si>
  <si>
    <t>2021BU04794220</t>
  </si>
  <si>
    <t>Rooswijk Noord</t>
  </si>
  <si>
    <t>buurt_gegeneraliseerd_2021.1beba043-3ccf-4c21-961e-f3b1c819dc68</t>
  </si>
  <si>
    <t>BU04795110</t>
  </si>
  <si>
    <t>2021BU04795110</t>
  </si>
  <si>
    <t>Wormerveer Zuid</t>
  </si>
  <si>
    <t>buurt_gegeneraliseerd_2021.0e2b86cd-5f13-4b2f-81f6-27801ab5891b</t>
  </si>
  <si>
    <t>BU04795120</t>
  </si>
  <si>
    <t>2021BU04795120</t>
  </si>
  <si>
    <t>Guisveld</t>
  </si>
  <si>
    <t>buurt_gegeneraliseerd_2021.ed2f0c8f-40e7-43aa-b83d-f3a7d80f536b</t>
  </si>
  <si>
    <t>BU04795130</t>
  </si>
  <si>
    <t>2021BU04795130</t>
  </si>
  <si>
    <t>Wormerveer Noord</t>
  </si>
  <si>
    <t>buurt_gegeneraliseerd_2021.ac65fe33-3eca-4c60-b160-93b249ddddc3</t>
  </si>
  <si>
    <t>BU04795140</t>
  </si>
  <si>
    <t>2021BU04795140</t>
  </si>
  <si>
    <t>Karnemelksepolder</t>
  </si>
  <si>
    <t>buurt_gegeneraliseerd_2021.2889e0a0-c898-47c5-b4a1-68f2f1e65c03</t>
  </si>
  <si>
    <t>BU04795150</t>
  </si>
  <si>
    <t>2021BU04795150</t>
  </si>
  <si>
    <t>Westknollendam</t>
  </si>
  <si>
    <t>buurt_gegeneraliseerd_2021.1bb23e42-24a9-4323-914d-a2301f87449b</t>
  </si>
  <si>
    <t>BU04795160</t>
  </si>
  <si>
    <t>2021BU04795160</t>
  </si>
  <si>
    <t>Industriebuurt</t>
  </si>
  <si>
    <t>buurt_gegeneraliseerd_2021.a788c8b0-9b69-4d71-85eb-f8a3d8933d7c</t>
  </si>
  <si>
    <t>BU04796110</t>
  </si>
  <si>
    <t>2021BU04796110</t>
  </si>
  <si>
    <t>Zuiderhoofdbuurt</t>
  </si>
  <si>
    <t>buurt_gegeneraliseerd_2021.dd858c61-d644-4585-ab6c-fc32efdf2b91</t>
  </si>
  <si>
    <t>BU04796120</t>
  </si>
  <si>
    <t>2021BU04796120</t>
  </si>
  <si>
    <t>Noorderhoofdbuurt</t>
  </si>
  <si>
    <t>buurt_gegeneraliseerd_2021.437d77dc-9af1-4a6b-b9af-f85242b6b310</t>
  </si>
  <si>
    <t>BU04796130</t>
  </si>
  <si>
    <t>2021BU04796130</t>
  </si>
  <si>
    <t>Snuiverbuurt</t>
  </si>
  <si>
    <t>buurt_gegeneraliseerd_2021.53e05922-19fb-4252-9309-53836c313b75</t>
  </si>
  <si>
    <t>BU04796140</t>
  </si>
  <si>
    <t>2021BU04796140</t>
  </si>
  <si>
    <t>Rosariumbuurt</t>
  </si>
  <si>
    <t>buurt_gegeneraliseerd_2021.36823fe8-9c6b-459c-b535-dafaddf82b0c</t>
  </si>
  <si>
    <t>BU04796210</t>
  </si>
  <si>
    <t>2021BU04796210</t>
  </si>
  <si>
    <t>Zuiderham</t>
  </si>
  <si>
    <t>buurt_gegeneraliseerd_2021.89e3246f-f426-4ea2-81ee-f7c6fbc9cca1</t>
  </si>
  <si>
    <t>BU04796220</t>
  </si>
  <si>
    <t>2021BU04796220</t>
  </si>
  <si>
    <t>Noorderham</t>
  </si>
  <si>
    <t>buurt_gegeneraliseerd_2021.db054721-4c60-4a97-9a9b-c14ec9dcb76b</t>
  </si>
  <si>
    <t>BU04796230</t>
  </si>
  <si>
    <t>2021BU04796230</t>
  </si>
  <si>
    <t>Krommeniedijk</t>
  </si>
  <si>
    <t>buurt_gegeneraliseerd_2021.9f7b395f-874d-48b7-83d9-ef8a0119fb8c</t>
  </si>
  <si>
    <t>BU04796240</t>
  </si>
  <si>
    <t>2021BU04796240</t>
  </si>
  <si>
    <t>Willis</t>
  </si>
  <si>
    <t>buurt_gegeneraliseerd_2021.9bffc7ed-b50e-4f05-9836-426f83a22599</t>
  </si>
  <si>
    <t>BU04797110</t>
  </si>
  <si>
    <t>2021BU04797110</t>
  </si>
  <si>
    <t>buurt_gegeneraliseerd_2021.171c5c0d-17e1-429a-92a3-8e56535790b3</t>
  </si>
  <si>
    <t>BU04797120</t>
  </si>
  <si>
    <t>2021BU04797120</t>
  </si>
  <si>
    <t>buurt_gegeneraliseerd_2021.109bcff2-3dc3-4420-877e-da76403cc33b</t>
  </si>
  <si>
    <t>BU04797130</t>
  </si>
  <si>
    <t>2021BU04797130</t>
  </si>
  <si>
    <t>Westerpolder</t>
  </si>
  <si>
    <t>buurt_gegeneraliseerd_2021.26dd96e0-92ba-4045-8fbb-33dc4b5fb65f</t>
  </si>
  <si>
    <t>BU04797210</t>
  </si>
  <si>
    <t>2021BU04797210</t>
  </si>
  <si>
    <t>Waterrijk</t>
  </si>
  <si>
    <t>buurt_gegeneraliseerd_2021.9992d682-2120-40a1-8746-73545e00ca28</t>
  </si>
  <si>
    <t>BU04797220</t>
  </si>
  <si>
    <t>2021BU04797220</t>
  </si>
  <si>
    <t>Langeheit</t>
  </si>
  <si>
    <t>buurt_gegeneraliseerd_2021.a19adee3-b238-403e-ba0b-194496f99a16</t>
  </si>
  <si>
    <t>BU04797230</t>
  </si>
  <si>
    <t>2021BU04797230</t>
  </si>
  <si>
    <t>Parkrijk</t>
  </si>
  <si>
    <t>buurt_gegeneraliseerd_2021.e3f27246-886e-482b-8c76-5c10fac5d37d</t>
  </si>
  <si>
    <t>BU04798110</t>
  </si>
  <si>
    <t>2021BU04798110</t>
  </si>
  <si>
    <t>Westzanerpolder</t>
  </si>
  <si>
    <t>buurt_gegeneraliseerd_2021.66bd3ddc-4282-431e-a62a-c31282f3456d</t>
  </si>
  <si>
    <t>BU04798120</t>
  </si>
  <si>
    <t>2021BU04798120</t>
  </si>
  <si>
    <t>Westzaan Zuid</t>
  </si>
  <si>
    <t>buurt_gegeneraliseerd_2021.ccb68775-9539-4a00-97fa-dc4b1711a758</t>
  </si>
  <si>
    <t>BU04798130</t>
  </si>
  <si>
    <t>2021BU04798130</t>
  </si>
  <si>
    <t>J.J. Allanbuurt</t>
  </si>
  <si>
    <t>buurt_gegeneraliseerd_2021.0309a046-1cd5-4424-a60b-566d31d9fcb2</t>
  </si>
  <si>
    <t>BU04798140</t>
  </si>
  <si>
    <t>2021BU04798140</t>
  </si>
  <si>
    <t>Westzaan Noord</t>
  </si>
  <si>
    <t>buurt_gegeneraliseerd_2021.4c7c5029-65a1-479f-a09e-451869fb643d</t>
  </si>
  <si>
    <t>BU04798150</t>
  </si>
  <si>
    <t>2021BU04798150</t>
  </si>
  <si>
    <t>Middel</t>
  </si>
  <si>
    <t>buurt_gegeneraliseerd_2021.2db29269-814a-49c4-a078-219e9057aee1</t>
  </si>
  <si>
    <t>BU04840101</t>
  </si>
  <si>
    <t>2021BU04840101</t>
  </si>
  <si>
    <t>Gnephoek</t>
  </si>
  <si>
    <t>GM0484</t>
  </si>
  <si>
    <t>buurt_gegeneraliseerd_2021.7bf81067-2b96-432a-b925-7a4ab2b83d87</t>
  </si>
  <si>
    <t>BU04840102</t>
  </si>
  <si>
    <t>2021BU04840102</t>
  </si>
  <si>
    <t>Woubrugseweg</t>
  </si>
  <si>
    <t>buurt_gegeneraliseerd_2021.d316599e-10d7-43ca-b7cc-cf40ca894baa</t>
  </si>
  <si>
    <t>BU04840103</t>
  </si>
  <si>
    <t>2021BU04840103</t>
  </si>
  <si>
    <t>Heuvelweg</t>
  </si>
  <si>
    <t>buurt_gegeneraliseerd_2021.a6d1a357-a269-422b-92be-f8c75844d08e</t>
  </si>
  <si>
    <t>BU04840104</t>
  </si>
  <si>
    <t>2021BU04840104</t>
  </si>
  <si>
    <t>Weteringpark</t>
  </si>
  <si>
    <t>buurt_gegeneraliseerd_2021.be3ec968-428b-4bb4-b828-182cf651ca23</t>
  </si>
  <si>
    <t>BU04840105</t>
  </si>
  <si>
    <t>2021BU04840105</t>
  </si>
  <si>
    <t>Ambachtenbuurt-West</t>
  </si>
  <si>
    <t>buurt_gegeneraliseerd_2021.723dbdea-8861-4aac-88c5-c2014979c616</t>
  </si>
  <si>
    <t>BU04840106</t>
  </si>
  <si>
    <t>2021BU04840106</t>
  </si>
  <si>
    <t>Ambachtenbuurt-Oost</t>
  </si>
  <si>
    <t>buurt_gegeneraliseerd_2021.2c9bf6b2-ac4e-4ba2-af03-904c634bdc20</t>
  </si>
  <si>
    <t>BU04840107</t>
  </si>
  <si>
    <t>2021BU04840107</t>
  </si>
  <si>
    <t>Bedrijventerrein Heimanswetering</t>
  </si>
  <si>
    <t>buurt_gegeneraliseerd_2021.6efb2705-60e3-438d-a9d8-1132da98a3f1</t>
  </si>
  <si>
    <t>BU04840108</t>
  </si>
  <si>
    <t>2021BU04840108</t>
  </si>
  <si>
    <t>Stromenbuurt</t>
  </si>
  <si>
    <t>buurt_gegeneraliseerd_2021.76af8cc1-9ddc-41ca-a4b4-a8d820e55ec8</t>
  </si>
  <si>
    <t>BU04840109</t>
  </si>
  <si>
    <t>2021BU04840109</t>
  </si>
  <si>
    <t>Nuovaweg</t>
  </si>
  <si>
    <t>buurt_gegeneraliseerd_2021.6f175e25-5f3f-42dc-8bf7-26ce8321e321</t>
  </si>
  <si>
    <t>BU04840110</t>
  </si>
  <si>
    <t>2021BU04840110</t>
  </si>
  <si>
    <t>Groenoord</t>
  </si>
  <si>
    <t>buurt_gegeneraliseerd_2021.663a5801-1107-485f-945e-5df2340f227d</t>
  </si>
  <si>
    <t>BU04840111</t>
  </si>
  <si>
    <t>2021BU04840111</t>
  </si>
  <si>
    <t>buurt_gegeneraliseerd_2021.4cb354cc-4145-4cf1-9a27-f5493097611f</t>
  </si>
  <si>
    <t>BU04840201</t>
  </si>
  <si>
    <t>2021BU04840201</t>
  </si>
  <si>
    <t>Ridderbuurt</t>
  </si>
  <si>
    <t>buurt_gegeneraliseerd_2021.7aab4ea9-a089-418f-aafc-6b2594ecaa69</t>
  </si>
  <si>
    <t>BU04840202</t>
  </si>
  <si>
    <t>2021BU04840202</t>
  </si>
  <si>
    <t>Herenweg</t>
  </si>
  <si>
    <t>buurt_gegeneraliseerd_2021.49457361-5d97-436d-90b8-2b4533c56ad4</t>
  </si>
  <si>
    <t>BU04840203</t>
  </si>
  <si>
    <t>2021BU04840203</t>
  </si>
  <si>
    <t>Horstenbuurt-Noord</t>
  </si>
  <si>
    <t>buurt_gegeneraliseerd_2021.f7433505-5a2b-43fe-a7a0-eb211fe4a9d0</t>
  </si>
  <si>
    <t>BU04840204</t>
  </si>
  <si>
    <t>2021BU04840204</t>
  </si>
  <si>
    <t>Horstenbuurt-Zuid</t>
  </si>
  <si>
    <t>buurt_gegeneraliseerd_2021.f6da628c-4595-4a15-b532-bf4031d48e44</t>
  </si>
  <si>
    <t>BU04840205</t>
  </si>
  <si>
    <t>2021BU04840205</t>
  </si>
  <si>
    <t>Burgtenbuurt</t>
  </si>
  <si>
    <t>buurt_gegeneraliseerd_2021.b8ccab9c-63a0-45d0-bdfd-a48de09dcc4f</t>
  </si>
  <si>
    <t>BU04840206</t>
  </si>
  <si>
    <t>2021BU04840206</t>
  </si>
  <si>
    <t>Preludeweg</t>
  </si>
  <si>
    <t>buurt_gegeneraliseerd_2021.9e9b0157-2318-438c-8ccf-5d549d1ce176</t>
  </si>
  <si>
    <t>BU04840207</t>
  </si>
  <si>
    <t>2021BU04840207</t>
  </si>
  <si>
    <t>buurt_gegeneraliseerd_2021.45606869-3681-44ba-b47f-62326400c78b</t>
  </si>
  <si>
    <t>BU04840208</t>
  </si>
  <si>
    <t>2021BU04840208</t>
  </si>
  <si>
    <t>buurt_gegeneraliseerd_2021.495575bc-c48f-441c-a9d5-6211213b7229</t>
  </si>
  <si>
    <t>BU04840209</t>
  </si>
  <si>
    <t>2021BU04840209</t>
  </si>
  <si>
    <t>Rijnoord</t>
  </si>
  <si>
    <t>buurt_gegeneraliseerd_2021.f0606368-9682-4e0a-acaa-5112ad58a203</t>
  </si>
  <si>
    <t>BU04840210</t>
  </si>
  <si>
    <t>2021BU04840210</t>
  </si>
  <si>
    <t>Planetenbuurt-Noord</t>
  </si>
  <si>
    <t>buurt_gegeneraliseerd_2021.971a5db3-016f-4986-9136-d402e32b5f83</t>
  </si>
  <si>
    <t>BU04840211</t>
  </si>
  <si>
    <t>2021BU04840211</t>
  </si>
  <si>
    <t>Planetenbuurt-Zuid</t>
  </si>
  <si>
    <t>buurt_gegeneraliseerd_2021.a20ac0a4-aecf-498f-a718-7decabe09503</t>
  </si>
  <si>
    <t>BU04840301</t>
  </si>
  <si>
    <t>2021BU04840301</t>
  </si>
  <si>
    <t>Steinenbuurt</t>
  </si>
  <si>
    <t>buurt_gegeneraliseerd_2021.6c49a1dd-c211-49c8-b3ee-cb1075bb993f</t>
  </si>
  <si>
    <t>BU04840302</t>
  </si>
  <si>
    <t>2021BU04840302</t>
  </si>
  <si>
    <t>Paddestoelenbuurt</t>
  </si>
  <si>
    <t>buurt_gegeneraliseerd_2021.9ad2da8d-6559-4ec5-a215-4f15951031b9</t>
  </si>
  <si>
    <t>BU04840303</t>
  </si>
  <si>
    <t>2021BU04840303</t>
  </si>
  <si>
    <t>Ericapark</t>
  </si>
  <si>
    <t>buurt_gegeneraliseerd_2021.a4dadc9f-0462-48d7-a69e-28ee14a28dd8</t>
  </si>
  <si>
    <t>BU04840304</t>
  </si>
  <si>
    <t>2021BU04840304</t>
  </si>
  <si>
    <t>Weidebloemenbuurt-Noord</t>
  </si>
  <si>
    <t>buurt_gegeneraliseerd_2021.a57171b5-e70a-41a3-8363-6cc1e0f3a8cf</t>
  </si>
  <si>
    <t>BU04840305</t>
  </si>
  <si>
    <t>2021BU04840305</t>
  </si>
  <si>
    <t>Weidebloemenbuurt-Zuid</t>
  </si>
  <si>
    <t>buurt_gegeneraliseerd_2021.84e49ce1-671e-43ae-96b7-25fe158d9eb0</t>
  </si>
  <si>
    <t>BU04840306</t>
  </si>
  <si>
    <t>2021BU04840306</t>
  </si>
  <si>
    <t>Edelstenenbuurt</t>
  </si>
  <si>
    <t>buurt_gegeneraliseerd_2021.343031fb-c3e8-4c99-be4e-e1ab966d95df</t>
  </si>
  <si>
    <t>BU04840307</t>
  </si>
  <si>
    <t>2021BU04840307</t>
  </si>
  <si>
    <t>Kromme Aar</t>
  </si>
  <si>
    <t>buurt_gegeneraliseerd_2021.ef49e081-d72e-4be8-a39c-013666eaa029</t>
  </si>
  <si>
    <t>BU04840401</t>
  </si>
  <si>
    <t>2021BU04840401</t>
  </si>
  <si>
    <t>Bedrijventerrein Rijnhaven-West</t>
  </si>
  <si>
    <t>buurt_gegeneraliseerd_2021.0c5fb8dc-6ba4-4b37-85ef-b094ada97282</t>
  </si>
  <si>
    <t>BU04840402</t>
  </si>
  <si>
    <t>2021BU04840402</t>
  </si>
  <si>
    <t>Bedrijventerrein Rijnhaven-Oost</t>
  </si>
  <si>
    <t>buurt_gegeneraliseerd_2021.bd21b212-5ed7-4946-a5d4-c41aa1253680</t>
  </si>
  <si>
    <t>BU04840403</t>
  </si>
  <si>
    <t>2021BU04840403</t>
  </si>
  <si>
    <t>buurt_gegeneraliseerd_2021.bf81cb15-e3b1-4504-bb66-ade342dbe2f6</t>
  </si>
  <si>
    <t>BU04840404</t>
  </si>
  <si>
    <t>2021BU04840404</t>
  </si>
  <si>
    <t>buurt_gegeneraliseerd_2021.d5e04c9e-1746-4849-9284-35a10c6c501d</t>
  </si>
  <si>
    <t>BU04840405</t>
  </si>
  <si>
    <t>2021BU04840405</t>
  </si>
  <si>
    <t>Bospark</t>
  </si>
  <si>
    <t>buurt_gegeneraliseerd_2021.6e312035-17de-42f0-b4a1-b81dc137e84c</t>
  </si>
  <si>
    <t>BU04840501</t>
  </si>
  <si>
    <t>2021BU04840501</t>
  </si>
  <si>
    <t>Emmalaan</t>
  </si>
  <si>
    <t>buurt_gegeneraliseerd_2021.29da7151-b5f2-41aa-bd2f-52943e7ccb45</t>
  </si>
  <si>
    <t>BU04840502</t>
  </si>
  <si>
    <t>2021BU04840502</t>
  </si>
  <si>
    <t>Burgemeester Visserpark</t>
  </si>
  <si>
    <t>buurt_gegeneraliseerd_2021.4152b1d0-35d0-4139-8216-d42c0ec10abc</t>
  </si>
  <si>
    <t>BU04840503</t>
  </si>
  <si>
    <t>2021BU04840503</t>
  </si>
  <si>
    <t>Paradijslaan</t>
  </si>
  <si>
    <t>buurt_gegeneraliseerd_2021.0fbc37dc-2c52-4cbf-9ac2-5efa2f5cc08b</t>
  </si>
  <si>
    <t>BU04840504</t>
  </si>
  <si>
    <t>2021BU04840504</t>
  </si>
  <si>
    <t>Hazeveld</t>
  </si>
  <si>
    <t>buurt_gegeneraliseerd_2021.4ac80722-9615-462f-90c9-16b7f839fd80</t>
  </si>
  <si>
    <t>BU04840505</t>
  </si>
  <si>
    <t>2021BU04840505</t>
  </si>
  <si>
    <t>Gouwsluis</t>
  </si>
  <si>
    <t>buurt_gegeneraliseerd_2021.11926328-058b-45cd-9cef-544cd26f5d42</t>
  </si>
  <si>
    <t>BU04840506</t>
  </si>
  <si>
    <t>2021BU04840506</t>
  </si>
  <si>
    <t>Bedrijventerrein De Schans I</t>
  </si>
  <si>
    <t>buurt_gegeneraliseerd_2021.10dd1e63-e238-44c3-80a8-56a74e2efd10</t>
  </si>
  <si>
    <t>BU04840601</t>
  </si>
  <si>
    <t>2021BU04840601</t>
  </si>
  <si>
    <t>Nieuwe Sloot</t>
  </si>
  <si>
    <t>buurt_gegeneraliseerd_2021.45c9a33f-4a4f-4d08-8f24-4c7764732d84</t>
  </si>
  <si>
    <t>BU04840602</t>
  </si>
  <si>
    <t>2021BU04840602</t>
  </si>
  <si>
    <t>Lijsterlaan</t>
  </si>
  <si>
    <t>buurt_gegeneraliseerd_2021.b8e59b7c-df2c-4cae-a466-b58d9e679a1b</t>
  </si>
  <si>
    <t>BU04840603</t>
  </si>
  <si>
    <t>2021BU04840603</t>
  </si>
  <si>
    <t>Van Boetzelaerstraat</t>
  </si>
  <si>
    <t>buurt_gegeneraliseerd_2021.a09419d2-3f86-4abf-a2f0-965a90c78007</t>
  </si>
  <si>
    <t>BU04840604</t>
  </si>
  <si>
    <t>2021BU04840604</t>
  </si>
  <si>
    <t>Beerendrecht</t>
  </si>
  <si>
    <t>buurt_gegeneraliseerd_2021.80d84651-203c-44ce-a68f-f0e735bf9103</t>
  </si>
  <si>
    <t>BU04840605</t>
  </si>
  <si>
    <t>2021BU04840605</t>
  </si>
  <si>
    <t>De Bijlen</t>
  </si>
  <si>
    <t>buurt_gegeneraliseerd_2021.802739a8-4c87-4521-816f-7c4adfa60f5e</t>
  </si>
  <si>
    <t>BU04840701</t>
  </si>
  <si>
    <t>2021BU04840701</t>
  </si>
  <si>
    <t>Steekterbuurt</t>
  </si>
  <si>
    <t>buurt_gegeneraliseerd_2021.65e15e7f-3b1e-4a7e-98bc-d68f00086fbd</t>
  </si>
  <si>
    <t>BU04840702</t>
  </si>
  <si>
    <t>2021BU04840702</t>
  </si>
  <si>
    <t>Hoogendoornlaan</t>
  </si>
  <si>
    <t>buurt_gegeneraliseerd_2021.63daf5b9-f3c2-4e2a-bae0-dc43caa8ba15</t>
  </si>
  <si>
    <t>BU04840801</t>
  </si>
  <si>
    <t>2021BU04840801</t>
  </si>
  <si>
    <t>Bedrijventerrein Molenwetering</t>
  </si>
  <si>
    <t>buurt_gegeneraliseerd_2021.fd3411bb-a33d-4d05-85cb-61905a823e08</t>
  </si>
  <si>
    <t>BU04840802</t>
  </si>
  <si>
    <t>2021BU04840802</t>
  </si>
  <si>
    <t>Europaplein</t>
  </si>
  <si>
    <t>buurt_gegeneraliseerd_2021.c84ffd10-4d7c-4394-8ecf-675499a99983</t>
  </si>
  <si>
    <t>BU04840803</t>
  </si>
  <si>
    <t>2021BU04840803</t>
  </si>
  <si>
    <t>Evenaar-West</t>
  </si>
  <si>
    <t>buurt_gegeneraliseerd_2021.2cc938ba-14b1-4db0-b8d7-69de5f577fd5</t>
  </si>
  <si>
    <t>BU04840804</t>
  </si>
  <si>
    <t>2021BU04840804</t>
  </si>
  <si>
    <t>De Oude Wereld-West</t>
  </si>
  <si>
    <t>buurt_gegeneraliseerd_2021.236a69d7-7ae3-4fab-8d5c-cc557c5f589a</t>
  </si>
  <si>
    <t>BU04840805</t>
  </si>
  <si>
    <t>2021BU04840805</t>
  </si>
  <si>
    <t>De Oude Wereld-Oost</t>
  </si>
  <si>
    <t>buurt_gegeneraliseerd_2021.17414f84-bdcc-4f94-9eff-6dd277cd545f</t>
  </si>
  <si>
    <t>BU04840806</t>
  </si>
  <si>
    <t>2021BU04840806</t>
  </si>
  <si>
    <t>Evenaar-Oost</t>
  </si>
  <si>
    <t>buurt_gegeneraliseerd_2021.277c3e51-e50d-4bff-9762-59bd492ab460</t>
  </si>
  <si>
    <t>BU04840807</t>
  </si>
  <si>
    <t>2021BU04840807</t>
  </si>
  <si>
    <t>Zefierzijde</t>
  </si>
  <si>
    <t>buurt_gegeneraliseerd_2021.d547cbf8-14cd-46d9-9bbc-79e1100fa461</t>
  </si>
  <si>
    <t>BU04840808</t>
  </si>
  <si>
    <t>2021BU04840808</t>
  </si>
  <si>
    <t>Vroonhoevebuurt</t>
  </si>
  <si>
    <t>buurt_gegeneraliseerd_2021.c1ef7ed4-2b44-425c-9fe1-d05bf5cad92e</t>
  </si>
  <si>
    <t>BU04840809</t>
  </si>
  <si>
    <t>2021BU04840809</t>
  </si>
  <si>
    <t>Archeon</t>
  </si>
  <si>
    <t>buurt_gegeneraliseerd_2021.8fa3c5b3-0b72-4c57-9812-33039dd1e4e7</t>
  </si>
  <si>
    <t>BU04840810</t>
  </si>
  <si>
    <t>2021BU04840810</t>
  </si>
  <si>
    <t>Polderpeil-West</t>
  </si>
  <si>
    <t>buurt_gegeneraliseerd_2021.b5b832a4-206e-4aae-89a8-09121fd5c3b6</t>
  </si>
  <si>
    <t>BU04840811</t>
  </si>
  <si>
    <t>2021BU04840811</t>
  </si>
  <si>
    <t>Polderpeil-Oost</t>
  </si>
  <si>
    <t>buurt_gegeneraliseerd_2021.0b9e20cf-bd61-46e3-b831-e4a25e5fff93</t>
  </si>
  <si>
    <t>BU04840812</t>
  </si>
  <si>
    <t>2021BU04840812</t>
  </si>
  <si>
    <t>Bedrijventerrein De Schans II</t>
  </si>
  <si>
    <t>buurt_gegeneraliseerd_2021.ad259e62-506b-4b67-ad99-199822a0d138</t>
  </si>
  <si>
    <t>BU04840813</t>
  </si>
  <si>
    <t>2021BU04840813</t>
  </si>
  <si>
    <t>Wagenburg</t>
  </si>
  <si>
    <t>buurt_gegeneraliseerd_2021.46670124-e018-4bfe-8be8-35bac333b6bb</t>
  </si>
  <si>
    <t>BU04840901</t>
  </si>
  <si>
    <t>2021BU04840901</t>
  </si>
  <si>
    <t>Rietveldsepad</t>
  </si>
  <si>
    <t>buurt_gegeneraliseerd_2021.7ae0bc85-1941-4b34-8935-c504f2dcad8a</t>
  </si>
  <si>
    <t>BU04843101</t>
  </si>
  <si>
    <t>2021BU04843101</t>
  </si>
  <si>
    <t>Noordpolder</t>
  </si>
  <si>
    <t>buurt_gegeneraliseerd_2021.519120fe-ef54-4092-9ae9-58dfbf7c3e7e</t>
  </si>
  <si>
    <t>BU04843102</t>
  </si>
  <si>
    <t>2021BU04843102</t>
  </si>
  <si>
    <t>Benthuizen Dorp-West</t>
  </si>
  <si>
    <t>buurt_gegeneraliseerd_2021.ad16ad37-8b13-493b-9986-1c865645f847</t>
  </si>
  <si>
    <t>BU04843103</t>
  </si>
  <si>
    <t>2021BU04843103</t>
  </si>
  <si>
    <t>Benthuizen Dorp-Oost</t>
  </si>
  <si>
    <t>buurt_gegeneraliseerd_2021.bb7a7f43-dfa4-4f4a-80f2-648bd277a591</t>
  </si>
  <si>
    <t>BU04843104</t>
  </si>
  <si>
    <t>2021BU04843104</t>
  </si>
  <si>
    <t>Bentwoud</t>
  </si>
  <si>
    <t>buurt_gegeneraliseerd_2021.712bbbbb-ae9c-41b4-b032-d2d2a9c1e6cd</t>
  </si>
  <si>
    <t>BU04844501</t>
  </si>
  <si>
    <t>2021BU04844501</t>
  </si>
  <si>
    <t>buurt_gegeneraliseerd_2021.10b33e91-b660-4b14-9218-9fce2028a525</t>
  </si>
  <si>
    <t>BU04844502</t>
  </si>
  <si>
    <t>2021BU04844502</t>
  </si>
  <si>
    <t>buurt_gegeneraliseerd_2021.4f8728e8-be6a-4b7b-bf41-588c60a3c62a</t>
  </si>
  <si>
    <t>BU04844503</t>
  </si>
  <si>
    <t>2021BU04844503</t>
  </si>
  <si>
    <t>Aarlanderveen Dorp</t>
  </si>
  <si>
    <t>buurt_gegeneraliseerd_2021.4a8b52fb-2de5-48c9-b5cf-e718c75ee012</t>
  </si>
  <si>
    <t>BU04844504</t>
  </si>
  <si>
    <t>2021BU04844504</t>
  </si>
  <si>
    <t>buurt_gegeneraliseerd_2021.57b5639e-2ec3-4fe3-8622-2f23ad9ad0b5</t>
  </si>
  <si>
    <t>BU04847001</t>
  </si>
  <si>
    <t>2021BU04847001</t>
  </si>
  <si>
    <t>Nesse</t>
  </si>
  <si>
    <t>buurt_gegeneraliseerd_2021.4db3aa34-c15b-4395-b789-733264ad7bd5</t>
  </si>
  <si>
    <t>BU04847002</t>
  </si>
  <si>
    <t>2021BU04847002</t>
  </si>
  <si>
    <t>Rijneveld-Noord</t>
  </si>
  <si>
    <t>buurt_gegeneraliseerd_2021.ea55145e-f28a-4957-bbb9-2597857583b5</t>
  </si>
  <si>
    <t>BU04847003</t>
  </si>
  <si>
    <t>2021BU04847003</t>
  </si>
  <si>
    <t>Rijneveld-Zuid</t>
  </si>
  <si>
    <t>buurt_gegeneraliseerd_2021.605e5ac1-4bfa-46c5-a017-5175e3490106</t>
  </si>
  <si>
    <t>BU04847004</t>
  </si>
  <si>
    <t>2021BU04847004</t>
  </si>
  <si>
    <t>Laag Boskoop</t>
  </si>
  <si>
    <t>buurt_gegeneraliseerd_2021.6255f2c5-2790-428c-97d0-4cf680ebfae3</t>
  </si>
  <si>
    <t>BU04847005</t>
  </si>
  <si>
    <t>2021BU04847005</t>
  </si>
  <si>
    <t>Draaistok</t>
  </si>
  <si>
    <t>buurt_gegeneraliseerd_2021.4b849250-8a2d-430c-8bb2-5545e7a2e9b3</t>
  </si>
  <si>
    <t>BU04847006</t>
  </si>
  <si>
    <t>2021BU04847006</t>
  </si>
  <si>
    <t>Biezen-West</t>
  </si>
  <si>
    <t>buurt_gegeneraliseerd_2021.a002ab88-79f6-4c9a-b792-cce263517064</t>
  </si>
  <si>
    <t>BU04847007</t>
  </si>
  <si>
    <t>2021BU04847007</t>
  </si>
  <si>
    <t>Biezen-Oost</t>
  </si>
  <si>
    <t>buurt_gegeneraliseerd_2021.17e116a0-0eb1-40a7-8794-1ab3aae02715</t>
  </si>
  <si>
    <t>BU04847008</t>
  </si>
  <si>
    <t>2021BU04847008</t>
  </si>
  <si>
    <t>Zonnedauw</t>
  </si>
  <si>
    <t>buurt_gegeneraliseerd_2021.f1349486-b910-477b-a47a-5e4a5c1ff8b8</t>
  </si>
  <si>
    <t>BU04847009</t>
  </si>
  <si>
    <t>2021BU04847009</t>
  </si>
  <si>
    <t>Snijdelwijk</t>
  </si>
  <si>
    <t>buurt_gegeneraliseerd_2021.0fe37c87-bdf3-4bab-831b-c422dc35edd4</t>
  </si>
  <si>
    <t>BU04847010</t>
  </si>
  <si>
    <t>2021BU04847010</t>
  </si>
  <si>
    <t>buurt_gegeneraliseerd_2021.cb7a1802-03ca-4525-94de-e3f1edcf928e</t>
  </si>
  <si>
    <t>BU04847011</t>
  </si>
  <si>
    <t>2021BU04847011</t>
  </si>
  <si>
    <t>Voorofschebuurt</t>
  </si>
  <si>
    <t>buurt_gegeneraliseerd_2021.31075516-028c-4133-bc91-294adcd3b616</t>
  </si>
  <si>
    <t>BU04847012</t>
  </si>
  <si>
    <t>2021BU04847012</t>
  </si>
  <si>
    <t>Appelbuurt</t>
  </si>
  <si>
    <t>buurt_gegeneraliseerd_2021.a0f47cb8-3814-41d3-920f-54c9d65fcc48</t>
  </si>
  <si>
    <t>BU04847013</t>
  </si>
  <si>
    <t>2021BU04847013</t>
  </si>
  <si>
    <t>Botanicusbuurt</t>
  </si>
  <si>
    <t>buurt_gegeneraliseerd_2021.be37ed69-d12d-4a45-a6f8-4c6afbf60742</t>
  </si>
  <si>
    <t>BU04847014</t>
  </si>
  <si>
    <t>2021BU04847014</t>
  </si>
  <si>
    <t>Zuidwijk</t>
  </si>
  <si>
    <t>buurt_gegeneraliseerd_2021.7c1cb243-7fd1-4658-9521-c4110e74afb6</t>
  </si>
  <si>
    <t>BU04847015</t>
  </si>
  <si>
    <t>2021BU04847015</t>
  </si>
  <si>
    <t>Spoelwijk</t>
  </si>
  <si>
    <t>buurt_gegeneraliseerd_2021.8aeb4193-cc99-4bf8-b62a-2f70f580765c</t>
  </si>
  <si>
    <t>BU04847101</t>
  </si>
  <si>
    <t>2021BU04847101</t>
  </si>
  <si>
    <t>Zwammerdam Dorp</t>
  </si>
  <si>
    <t>buurt_gegeneraliseerd_2021.510c4f7b-10b3-4942-86ac-3fb0ac561c47</t>
  </si>
  <si>
    <t>BU04847102</t>
  </si>
  <si>
    <t>2021BU04847102</t>
  </si>
  <si>
    <t>Hooge Burch</t>
  </si>
  <si>
    <t>buurt_gegeneraliseerd_2021.6fa14d24-55a4-4ca4-9d31-1df2d380fdf4</t>
  </si>
  <si>
    <t>BU04847103</t>
  </si>
  <si>
    <t>2021BU04847103</t>
  </si>
  <si>
    <t>buurt_gegeneraliseerd_2021.3d822e56-eb63-46ad-9853-4a0597c5817d</t>
  </si>
  <si>
    <t>BU04849101</t>
  </si>
  <si>
    <t>2021BU04849101</t>
  </si>
  <si>
    <t>Buitengebied Hazerswoude-Dorp</t>
  </si>
  <si>
    <t>buurt_gegeneraliseerd_2021.f179b2e7-3b88-4e64-9bfd-c2a2ba29819e</t>
  </si>
  <si>
    <t>BU04849102</t>
  </si>
  <si>
    <t>2021BU04849102</t>
  </si>
  <si>
    <t>Rietveldse polder</t>
  </si>
  <si>
    <t>buurt_gegeneraliseerd_2021.533ba865-0d90-4eb2-be58-71283bba3022</t>
  </si>
  <si>
    <t>BU04849103</t>
  </si>
  <si>
    <t>2021BU04849103</t>
  </si>
  <si>
    <t>Hazerswoude-Dorp-West</t>
  </si>
  <si>
    <t>buurt_gegeneraliseerd_2021.5bb2ca1f-1d56-4c00-a0f6-c186b6f8ad39</t>
  </si>
  <si>
    <t>BU04849104</t>
  </si>
  <si>
    <t>2021BU04849104</t>
  </si>
  <si>
    <t>Hazerswoude-Dorp-Oost</t>
  </si>
  <si>
    <t>buurt_gegeneraliseerd_2021.3f7cf381-d5c1-4cda-b431-9d9993b671a2</t>
  </si>
  <si>
    <t>BU04849105</t>
  </si>
  <si>
    <t>2021BU04849105</t>
  </si>
  <si>
    <t>Voorweg</t>
  </si>
  <si>
    <t>buurt_gegeneraliseerd_2021.bc283799-6c0d-4e76-bcd5-326c1a30e134</t>
  </si>
  <si>
    <t>BU04849401</t>
  </si>
  <si>
    <t>2021BU04849401</t>
  </si>
  <si>
    <t>Rijndijk</t>
  </si>
  <si>
    <t>buurt_gegeneraliseerd_2021.4d8d796f-727b-40de-af6c-f1dba9d666d3</t>
  </si>
  <si>
    <t>BU04849402</t>
  </si>
  <si>
    <t>2021BU04849402</t>
  </si>
  <si>
    <t>Rhynenburch</t>
  </si>
  <si>
    <t>buurt_gegeneraliseerd_2021.8ab810cf-4b33-4063-ba8b-898623d60e16</t>
  </si>
  <si>
    <t>BU04849403</t>
  </si>
  <si>
    <t>2021BU04849403</t>
  </si>
  <si>
    <t>Zonneveld</t>
  </si>
  <si>
    <t>buurt_gegeneraliseerd_2021.760ee024-ea2d-4b29-b019-33fbaef6e432</t>
  </si>
  <si>
    <t>BU04849404</t>
  </si>
  <si>
    <t>2021BU04849404</t>
  </si>
  <si>
    <t>Buitengebied Hazerswoude-Rijndijk</t>
  </si>
  <si>
    <t>buurt_gegeneraliseerd_2021.38b110ea-029b-4152-8b16-b143dce50da7</t>
  </si>
  <si>
    <t>BU04849601</t>
  </si>
  <si>
    <t>2021BU04849601</t>
  </si>
  <si>
    <t>Buitengebied Koudekerk aan den Rijn</t>
  </si>
  <si>
    <t>buurt_gegeneraliseerd_2021.7df2122b-e778-4ac2-ae61-ed18106d06f4</t>
  </si>
  <si>
    <t>BU04849602</t>
  </si>
  <si>
    <t>2021BU04849602</t>
  </si>
  <si>
    <t>Koudekerk aan den Rijn-Noord</t>
  </si>
  <si>
    <t>buurt_gegeneraliseerd_2021.7e1ccf20-ff60-42d6-91dc-145f2c2011fc</t>
  </si>
  <si>
    <t>BU04849603</t>
  </si>
  <si>
    <t>2021BU04849603</t>
  </si>
  <si>
    <t>Koudekerk aan den Rijn-Zuid</t>
  </si>
  <si>
    <t>buurt_gegeneraliseerd_2021.bdf3a79f-001e-4455-bed3-0c2749de368a</t>
  </si>
  <si>
    <t>BU04849604</t>
  </si>
  <si>
    <t>2021BU04849604</t>
  </si>
  <si>
    <t>Bedrijventerrein Hoogewaard</t>
  </si>
  <si>
    <t>buurt_gegeneraliseerd_2021.3ac3df4a-9f6d-47e4-b278-67292fc39b70</t>
  </si>
  <si>
    <t>BU04891225</t>
  </si>
  <si>
    <t>2021BU04891225</t>
  </si>
  <si>
    <t>Smitshoek</t>
  </si>
  <si>
    <t>buurt_gegeneraliseerd_2021.22798f30-8246-4ffb-b550-d68ceaea93e2</t>
  </si>
  <si>
    <t>BU04891226</t>
  </si>
  <si>
    <t>2021BU04891226</t>
  </si>
  <si>
    <t>Smitshoek 1</t>
  </si>
  <si>
    <t>buurt_gegeneraliseerd_2021.16cc835e-219b-4ee4-bda9-394fb5b644d6</t>
  </si>
  <si>
    <t>BU04891227</t>
  </si>
  <si>
    <t>2021BU04891227</t>
  </si>
  <si>
    <t>Smitshoek 2</t>
  </si>
  <si>
    <t>buurt_gegeneraliseerd_2021.ae7d6020-f826-44cc-b144-b209ab0fb982</t>
  </si>
  <si>
    <t>BU04891328</t>
  </si>
  <si>
    <t>2021BU04891328</t>
  </si>
  <si>
    <t>Voordijk</t>
  </si>
  <si>
    <t>buurt_gegeneraliseerd_2021.4988eef1-aadf-4098-b282-c2cf6789e79e</t>
  </si>
  <si>
    <t>BU04891429</t>
  </si>
  <si>
    <t>2021BU04891429</t>
  </si>
  <si>
    <t>Meerwede Noordoost</t>
  </si>
  <si>
    <t>buurt_gegeneraliseerd_2021.60a7cc0b-403c-400c-9eb6-025dd082866b</t>
  </si>
  <si>
    <t>BU04891430</t>
  </si>
  <si>
    <t>2021BU04891430</t>
  </si>
  <si>
    <t>Meerwede Noordwest</t>
  </si>
  <si>
    <t>buurt_gegeneraliseerd_2021.949b1312-58ff-4ff5-b74e-bab0af9454c0</t>
  </si>
  <si>
    <t>BU04891431</t>
  </si>
  <si>
    <t>2021BU04891431</t>
  </si>
  <si>
    <t>Meerwede Zuidoost</t>
  </si>
  <si>
    <t>buurt_gegeneraliseerd_2021.2b4e8fd6-624c-4c6e-829a-5df17ff0f0ea</t>
  </si>
  <si>
    <t>BU04891432</t>
  </si>
  <si>
    <t>2021BU04891432</t>
  </si>
  <si>
    <t>Meerwede Zuidwest</t>
  </si>
  <si>
    <t>buurt_gegeneraliseerd_2021.6b749b98-726d-4e44-93a0-8b79f9e1ae8c</t>
  </si>
  <si>
    <t>BU04891533</t>
  </si>
  <si>
    <t>2021BU04891533</t>
  </si>
  <si>
    <t>Waterkant</t>
  </si>
  <si>
    <t>buurt_gegeneraliseerd_2021.97392234-5248-48c1-bf8f-5853be25e1fc</t>
  </si>
  <si>
    <t>BU04891634</t>
  </si>
  <si>
    <t>2021BU04891634</t>
  </si>
  <si>
    <t>buurt_gegeneraliseerd_2021.de31414b-7a2d-408e-a4d8-68ab32bc45b3</t>
  </si>
  <si>
    <t>BU04891735</t>
  </si>
  <si>
    <t>2021BU04891735</t>
  </si>
  <si>
    <t>Gaatkensoog</t>
  </si>
  <si>
    <t>buurt_gegeneraliseerd_2021.bcef76e6-66e4-43f4-8eb9-deda86fe6b1e</t>
  </si>
  <si>
    <t>BU04891836</t>
  </si>
  <si>
    <t>2021BU04891836</t>
  </si>
  <si>
    <t>Riederhoek</t>
  </si>
  <si>
    <t>buurt_gegeneraliseerd_2021.d5bec73d-b015-470c-a747-962b6173a5f6</t>
  </si>
  <si>
    <t>BU04891937</t>
  </si>
  <si>
    <t>2021BU04891937</t>
  </si>
  <si>
    <t>Vrijheidsakker</t>
  </si>
  <si>
    <t>buurt_gegeneraliseerd_2021.669ae9f5-7652-4a61-943b-58ca05ea502d</t>
  </si>
  <si>
    <t>BU04892039</t>
  </si>
  <si>
    <t>2021BU04892039</t>
  </si>
  <si>
    <t>Vrijenburg</t>
  </si>
  <si>
    <t>buurt_gegeneraliseerd_2021.93ad81e5-9aae-41b7-8ff2-5f5584e829f6</t>
  </si>
  <si>
    <t>BU04893050</t>
  </si>
  <si>
    <t>2021BU04893050</t>
  </si>
  <si>
    <t>Sportpark Smitshoek</t>
  </si>
  <si>
    <t>buurt_gegeneraliseerd_2021.9c40c68c-24ee-4741-8491-3d0081c29c1a</t>
  </si>
  <si>
    <t>BU04893051</t>
  </si>
  <si>
    <t>2021BU04893051</t>
  </si>
  <si>
    <t>Sint Clarabos</t>
  </si>
  <si>
    <t>buurt_gegeneraliseerd_2021.db7b881c-ab1b-4901-82cd-2cd08f4a9255</t>
  </si>
  <si>
    <t>BU04893052</t>
  </si>
  <si>
    <t>2021BU04893052</t>
  </si>
  <si>
    <t>Vrijenburgbos</t>
  </si>
  <si>
    <t>buurt_gegeneraliseerd_2021.99a5ada1-9caa-4e39-93c3-b673aa15c845</t>
  </si>
  <si>
    <t>BU04893160</t>
  </si>
  <si>
    <t>2021BU04893160</t>
  </si>
  <si>
    <t>Koedood</t>
  </si>
  <si>
    <t>buurt_gegeneraliseerd_2021.b8f53146-f9c9-402d-9806-86c8ba5ee63a</t>
  </si>
  <si>
    <t>BU04895078</t>
  </si>
  <si>
    <t>2021BU04895078</t>
  </si>
  <si>
    <t>BT Kilweg Noord</t>
  </si>
  <si>
    <t>buurt_gegeneraliseerd_2021.f348956b-d782-419e-b198-b85d5a101245</t>
  </si>
  <si>
    <t>BU04895081</t>
  </si>
  <si>
    <t>2021BU04895081</t>
  </si>
  <si>
    <t>BT Vaanpark 1</t>
  </si>
  <si>
    <t>buurt_gegeneraliseerd_2021.69e3846c-d35a-4f72-8701-0b8b9ce8100c</t>
  </si>
  <si>
    <t>BU04895082</t>
  </si>
  <si>
    <t>2021BU04895082</t>
  </si>
  <si>
    <t>BT Vaanpark 2</t>
  </si>
  <si>
    <t>buurt_gegeneraliseerd_2021.bbd535e3-867b-4e9d-a351-215c945b74e1</t>
  </si>
  <si>
    <t>BU04895083</t>
  </si>
  <si>
    <t>2021BU04895083</t>
  </si>
  <si>
    <t>BT Vaanpark 3</t>
  </si>
  <si>
    <t>buurt_gegeneraliseerd_2021.dac37299-a2c5-47e4-b8a4-b408d9f9a8b9</t>
  </si>
  <si>
    <t>BU04895084</t>
  </si>
  <si>
    <t>2021BU04895084</t>
  </si>
  <si>
    <t>BT Vaanpark 4</t>
  </si>
  <si>
    <t>buurt_gegeneraliseerd_2021.24f5e307-1383-407b-9ed5-a0c715eb2427</t>
  </si>
  <si>
    <t>BU05010000</t>
  </si>
  <si>
    <t>2021BU05010000</t>
  </si>
  <si>
    <t>Brielle</t>
  </si>
  <si>
    <t>GM0501</t>
  </si>
  <si>
    <t>buurt_gegeneraliseerd_2021.0c12e5b6-b63f-493d-9d77-a7b9028f4d1d</t>
  </si>
  <si>
    <t>BU05010001</t>
  </si>
  <si>
    <t>2021BU05010001</t>
  </si>
  <si>
    <t>Spuilaan en omgeving</t>
  </si>
  <si>
    <t>buurt_gegeneraliseerd_2021.3ca49e9c-3b8f-4f88-adc6-8299f79f682f</t>
  </si>
  <si>
    <t>BU05010002</t>
  </si>
  <si>
    <t>2021BU05010002</t>
  </si>
  <si>
    <t>De Kapel en omgeving</t>
  </si>
  <si>
    <t>buurt_gegeneraliseerd_2021.efbbc786-75b4-4db1-bd94-3316e68d0e8b</t>
  </si>
  <si>
    <t>BU05010003</t>
  </si>
  <si>
    <t>2021BU05010003</t>
  </si>
  <si>
    <t>Rugge</t>
  </si>
  <si>
    <t>buurt_gegeneraliseerd_2021.092a623d-1e03-4150-a36a-f94efbe68265</t>
  </si>
  <si>
    <t>BU05010004</t>
  </si>
  <si>
    <t>2021BU05010004</t>
  </si>
  <si>
    <t>Noord Meeuwenoord</t>
  </si>
  <si>
    <t>buurt_gegeneraliseerd_2021.de156b90-4402-43bf-9845-af1d14d0263f</t>
  </si>
  <si>
    <t>BU05010005</t>
  </si>
  <si>
    <t>2021BU05010005</t>
  </si>
  <si>
    <t>Kleine Goote</t>
  </si>
  <si>
    <t>buurt_gegeneraliseerd_2021.ad23871a-e6e7-4e2b-9911-24ce16b45773</t>
  </si>
  <si>
    <t>BU05010006</t>
  </si>
  <si>
    <t>2021BU05010006</t>
  </si>
  <si>
    <t>buurt_gegeneraliseerd_2021.3267e2f8-630d-4a9f-a50e-a49831fac153</t>
  </si>
  <si>
    <t>BU05010009</t>
  </si>
  <si>
    <t>2021BU05010009</t>
  </si>
  <si>
    <t>buurt_gegeneraliseerd_2021.9f60d1bf-455a-4826-966e-654ebdabe942</t>
  </si>
  <si>
    <t>BU05010100</t>
  </si>
  <si>
    <t>2021BU05010100</t>
  </si>
  <si>
    <t>Vierpolders</t>
  </si>
  <si>
    <t>buurt_gegeneraliseerd_2021.10e7c2be-6c54-4655-842c-3a9a06183fbc</t>
  </si>
  <si>
    <t>BU05010109</t>
  </si>
  <si>
    <t>2021BU05010109</t>
  </si>
  <si>
    <t>buurt_gegeneraliseerd_2021.8d8fb6cc-e9d8-47ba-a8c4-4a3f4ba21654</t>
  </si>
  <si>
    <t>BU05010200</t>
  </si>
  <si>
    <t>2021BU05010200</t>
  </si>
  <si>
    <t>Zwartewaal</t>
  </si>
  <si>
    <t>buurt_gegeneraliseerd_2021.9cff5580-cfae-440a-8afb-f9d018d338c3</t>
  </si>
  <si>
    <t>BU05010201</t>
  </si>
  <si>
    <t>2021BU05010201</t>
  </si>
  <si>
    <t>Tuindorp-Hofstede</t>
  </si>
  <si>
    <t>buurt_gegeneraliseerd_2021.3c945079-3c21-4f4d-b46a-ce0a024faad8</t>
  </si>
  <si>
    <t>BU05010202</t>
  </si>
  <si>
    <t>2021BU05010202</t>
  </si>
  <si>
    <t>Zalmlaan</t>
  </si>
  <si>
    <t>buurt_gegeneraliseerd_2021.2ee728bb-00c6-4ef7-9928-2a8dc9f69a50</t>
  </si>
  <si>
    <t>BU05010209</t>
  </si>
  <si>
    <t>2021BU05010209</t>
  </si>
  <si>
    <t>buurt_gegeneraliseerd_2021.c14d4f79-45a2-489d-a03f-0368f398da63</t>
  </si>
  <si>
    <t>BU05010300</t>
  </si>
  <si>
    <t>2021BU05010300</t>
  </si>
  <si>
    <t>Recreatiestrook Brielse Maas</t>
  </si>
  <si>
    <t>buurt_gegeneraliseerd_2021.a9f3ddad-fe37-421f-8bc6-ff4a3ca097ff</t>
  </si>
  <si>
    <t>BU05020116</t>
  </si>
  <si>
    <t>2021BU05020116</t>
  </si>
  <si>
    <t>Bizetbuurt</t>
  </si>
  <si>
    <t>buurt_gegeneraliseerd_2021.942183c4-e511-477b-b524-aa6d27247a5f</t>
  </si>
  <si>
    <t>BU05020117</t>
  </si>
  <si>
    <t>2021BU05020117</t>
  </si>
  <si>
    <t>Paganinibuurt</t>
  </si>
  <si>
    <t>buurt_gegeneraliseerd_2021.a60c05a0-e086-4bce-9b4f-5f1cfc9c0539</t>
  </si>
  <si>
    <t>BU05020223</t>
  </si>
  <si>
    <t>2021BU05020223</t>
  </si>
  <si>
    <t>Reviusbuurt</t>
  </si>
  <si>
    <t>buurt_gegeneraliseerd_2021.3f580593-2e6f-44c8-ae89-8d9b78f8cbfb</t>
  </si>
  <si>
    <t>BU05020224</t>
  </si>
  <si>
    <t>2021BU05020224</t>
  </si>
  <si>
    <t>buurt_gegeneraliseerd_2021.499b0ce1-f1fb-41ea-a43e-5320ab7b6546</t>
  </si>
  <si>
    <t>BU05020225</t>
  </si>
  <si>
    <t>2021BU05020225</t>
  </si>
  <si>
    <t>Merelbuurt</t>
  </si>
  <si>
    <t>buurt_gegeneraliseerd_2021.beb0d61a-e01f-4487-8991-95fb062792ef</t>
  </si>
  <si>
    <t>BU05020226</t>
  </si>
  <si>
    <t>2021BU05020226</t>
  </si>
  <si>
    <t>buurt_gegeneraliseerd_2021.d86d5a8c-6f79-40f3-a1b1-0a27e7941b24</t>
  </si>
  <si>
    <t>BU05020227</t>
  </si>
  <si>
    <t>2021BU05020227</t>
  </si>
  <si>
    <t>Valeriusbuurt</t>
  </si>
  <si>
    <t>buurt_gegeneraliseerd_2021.464f78a5-660b-4114-bed2-182889dab802</t>
  </si>
  <si>
    <t>BU05020228</t>
  </si>
  <si>
    <t>2021BU05020228</t>
  </si>
  <si>
    <t>Rozenburcht</t>
  </si>
  <si>
    <t>buurt_gegeneraliseerd_2021.0d6f8ab7-62a3-4267-87ab-3cef7e0ff761</t>
  </si>
  <si>
    <t>BU05020229</t>
  </si>
  <si>
    <t>2021BU05020229</t>
  </si>
  <si>
    <t>Oude Plaats</t>
  </si>
  <si>
    <t>buurt_gegeneraliseerd_2021.13055282-98b6-4c98-9e3e-2bdde5f33d05</t>
  </si>
  <si>
    <t>BU05020332</t>
  </si>
  <si>
    <t>2021BU05020332</t>
  </si>
  <si>
    <t>Hovenbuurt</t>
  </si>
  <si>
    <t>buurt_gegeneraliseerd_2021.a7c3c132-a552-411a-b4e2-57d59500e79e</t>
  </si>
  <si>
    <t>BU05020333</t>
  </si>
  <si>
    <t>2021BU05020333</t>
  </si>
  <si>
    <t>Koperwiek</t>
  </si>
  <si>
    <t>buurt_gegeneraliseerd_2021.41ae0be9-c572-4232-8fb6-a837055b6965</t>
  </si>
  <si>
    <t>BU05020334</t>
  </si>
  <si>
    <t>2021BU05020334</t>
  </si>
  <si>
    <t>buurt_gegeneraliseerd_2021.1f890d00-345b-4180-84b4-451eb5fe6489</t>
  </si>
  <si>
    <t>BU05020335</t>
  </si>
  <si>
    <t>2021BU05020335</t>
  </si>
  <si>
    <t>Alkenoord</t>
  </si>
  <si>
    <t>buurt_gegeneraliseerd_2021.4a85fa68-c7a2-4bc8-900f-c03cc65167bf</t>
  </si>
  <si>
    <t>BU05020336</t>
  </si>
  <si>
    <t>2021BU05020336</t>
  </si>
  <si>
    <t>Vuykterrein</t>
  </si>
  <si>
    <t>buurt_gegeneraliseerd_2021.7769e60e-fd24-4368-af6c-9bf24ecce5d8</t>
  </si>
  <si>
    <t>BU05020337</t>
  </si>
  <si>
    <t>2021BU05020337</t>
  </si>
  <si>
    <t>Oude Kern</t>
  </si>
  <si>
    <t>buurt_gegeneraliseerd_2021.6e70120b-029d-4086-9da6-7c79e792ca18</t>
  </si>
  <si>
    <t>BU05020338</t>
  </si>
  <si>
    <t>2021BU05020338</t>
  </si>
  <si>
    <t>Kievitlaan</t>
  </si>
  <si>
    <t>buurt_gegeneraliseerd_2021.8c6f2b93-3ea5-47c1-b8cd-ff54878fe0e4</t>
  </si>
  <si>
    <t>BU05020441</t>
  </si>
  <si>
    <t>2021BU05020441</t>
  </si>
  <si>
    <t>De Baronie</t>
  </si>
  <si>
    <t>buurt_gegeneraliseerd_2021.36f12ed6-857c-4e10-935a-42d70cb82239</t>
  </si>
  <si>
    <t>BU05020442</t>
  </si>
  <si>
    <t>2021BU05020442</t>
  </si>
  <si>
    <t>Diepenbuurt</t>
  </si>
  <si>
    <t>buurt_gegeneraliseerd_2021.854b4e33-d59e-4e83-bef0-d1349eac347f</t>
  </si>
  <si>
    <t>BU05020443</t>
  </si>
  <si>
    <t>2021BU05020443</t>
  </si>
  <si>
    <t>Dalenbuurt</t>
  </si>
  <si>
    <t>buurt_gegeneraliseerd_2021.9d34abfb-2055-4fbc-bc25-0b770d90b74c</t>
  </si>
  <si>
    <t>BU05020444</t>
  </si>
  <si>
    <t>2021BU05020444</t>
  </si>
  <si>
    <t>Couwenhoek</t>
  </si>
  <si>
    <t>buurt_gegeneraliseerd_2021.e697d917-a737-4572-84dc-767b8957e84a</t>
  </si>
  <si>
    <t>BU05020445</t>
  </si>
  <si>
    <t>2021BU05020445</t>
  </si>
  <si>
    <t>Eilandenbuurt</t>
  </si>
  <si>
    <t>buurt_gegeneraliseerd_2021.86c17098-596e-4c7b-91a4-b1683879cebe</t>
  </si>
  <si>
    <t>BU05020446</t>
  </si>
  <si>
    <t>2021BU05020446</t>
  </si>
  <si>
    <t>Waardenbuurt</t>
  </si>
  <si>
    <t>buurt_gegeneraliseerd_2021.bca1a04e-4eb7-4ff7-8954-f97ebba30eed</t>
  </si>
  <si>
    <t>BU05020447</t>
  </si>
  <si>
    <t>2021BU05020447</t>
  </si>
  <si>
    <t>AWZI Oostgaarde</t>
  </si>
  <si>
    <t>buurt_gegeneraliseerd_2021.33c986c0-b3d5-4e13-98a8-8c746e4ef499</t>
  </si>
  <si>
    <t>BU05020448</t>
  </si>
  <si>
    <t>2021BU05020448</t>
  </si>
  <si>
    <t>Baaienbuurt</t>
  </si>
  <si>
    <t>buurt_gegeneraliseerd_2021.22bc6fd3-6a03-4202-9192-50d16c3c9a89</t>
  </si>
  <si>
    <t>BU05020449</t>
  </si>
  <si>
    <t>2021BU05020449</t>
  </si>
  <si>
    <t>Paradijssel</t>
  </si>
  <si>
    <t>buurt_gegeneraliseerd_2021.0cb48bd7-bc27-4004-a12b-e900585f4790</t>
  </si>
  <si>
    <t>BU05020551</t>
  </si>
  <si>
    <t>2021BU05020551</t>
  </si>
  <si>
    <t>Beemster/Purmerhoek</t>
  </si>
  <si>
    <t>buurt_gegeneraliseerd_2021.16bef7a3-b2f0-45e5-878c-31061eeb39c2</t>
  </si>
  <si>
    <t>BU05020552</t>
  </si>
  <si>
    <t>2021BU05020552</t>
  </si>
  <si>
    <t>Schermerhoek</t>
  </si>
  <si>
    <t>buurt_gegeneraliseerd_2021.42354562-056c-40e7-89cb-4f22ae38bae3</t>
  </si>
  <si>
    <t>BU05020553</t>
  </si>
  <si>
    <t>2021BU05020553</t>
  </si>
  <si>
    <t>Wormerhoek</t>
  </si>
  <si>
    <t>buurt_gegeneraliseerd_2021.8f693ba2-dc4f-48d0-932a-5ee4d31e0e63</t>
  </si>
  <si>
    <t>BU05020554</t>
  </si>
  <si>
    <t>2021BU05020554</t>
  </si>
  <si>
    <t>Scandinavischebuurt</t>
  </si>
  <si>
    <t>buurt_gegeneraliseerd_2021.b832d38a-e1fc-40ce-8b89-fdd2c28b126d</t>
  </si>
  <si>
    <t>BU05020555</t>
  </si>
  <si>
    <t>2021BU05020555</t>
  </si>
  <si>
    <t>Amerikaansebuurt</t>
  </si>
  <si>
    <t>buurt_gegeneraliseerd_2021.de6e71f4-83c8-44b3-9517-f7d89ec196c2</t>
  </si>
  <si>
    <t>BU05020556</t>
  </si>
  <si>
    <t>2021BU05020556</t>
  </si>
  <si>
    <t>Bergenbuurt</t>
  </si>
  <si>
    <t>buurt_gegeneraliseerd_2021.9bd1210a-9d6c-470a-82fc-e5b8b7555b88</t>
  </si>
  <si>
    <t>BU05020557</t>
  </si>
  <si>
    <t>2021BU05020557</t>
  </si>
  <si>
    <t>buurt_gegeneraliseerd_2021.b7d6bb4a-4266-4978-8b8a-fc52b05a3f21</t>
  </si>
  <si>
    <t>BU05020621</t>
  </si>
  <si>
    <t>2021BU05020621</t>
  </si>
  <si>
    <t>'s-Gravenweg/Alexanderlaan</t>
  </si>
  <si>
    <t>buurt_gegeneraliseerd_2021.50a6bf3b-ce70-4790-a720-87c0d2a51818</t>
  </si>
  <si>
    <t>BU05020622</t>
  </si>
  <si>
    <t>2021BU05020622</t>
  </si>
  <si>
    <t>'s-Gravenpark</t>
  </si>
  <si>
    <t>buurt_gegeneraliseerd_2021.6211a7aa-00af-4888-a5ed-f4087b978a57</t>
  </si>
  <si>
    <t>BU05020631</t>
  </si>
  <si>
    <t>2021BU05020631</t>
  </si>
  <si>
    <t>buurt_gegeneraliseerd_2021.165d367b-82d5-4887-b980-ac4c50193330</t>
  </si>
  <si>
    <t>BU05020658</t>
  </si>
  <si>
    <t>2021BU05020658</t>
  </si>
  <si>
    <t>Klaverweide</t>
  </si>
  <si>
    <t>buurt_gegeneraliseerd_2021.b2a73c62-a2f3-4a35-86b3-60ccbf5dbe45</t>
  </si>
  <si>
    <t>BU05020659</t>
  </si>
  <si>
    <t>2021BU05020659</t>
  </si>
  <si>
    <t>Klinkert</t>
  </si>
  <si>
    <t>buurt_gegeneraliseerd_2021.82ac4265-6a6f-4ac7-bd86-b7c6ae48e398</t>
  </si>
  <si>
    <t>BU05020661</t>
  </si>
  <si>
    <t>2021BU05020661</t>
  </si>
  <si>
    <t>buurt_gegeneraliseerd_2021.53eb827c-4e50-42dd-93a5-2b58564f301e</t>
  </si>
  <si>
    <t>BU05020662</t>
  </si>
  <si>
    <t>2021BU05020662</t>
  </si>
  <si>
    <t>buurt_gegeneraliseerd_2021.aaf26fa1-5898-4542-8628-aba830141f23</t>
  </si>
  <si>
    <t>BU05020663</t>
  </si>
  <si>
    <t>2021BU05020663</t>
  </si>
  <si>
    <t>Bloemenbuurt-west</t>
  </si>
  <si>
    <t>buurt_gegeneraliseerd_2021.2c155729-cbd3-4013-bba8-43eed09b1a71</t>
  </si>
  <si>
    <t>BU05020664</t>
  </si>
  <si>
    <t>2021BU05020664</t>
  </si>
  <si>
    <t>Bloemenbuurt-oost</t>
  </si>
  <si>
    <t>buurt_gegeneraliseerd_2021.03ee9f3c-b5c1-4b27-bf93-c89195d48aef</t>
  </si>
  <si>
    <t>BU05020665</t>
  </si>
  <si>
    <t>2021BU05020665</t>
  </si>
  <si>
    <t>Akker/Haagwinde</t>
  </si>
  <si>
    <t>buurt_gegeneraliseerd_2021.ab395b7e-450d-4778-8f01-005ddb60dee3</t>
  </si>
  <si>
    <t>BU05020666</t>
  </si>
  <si>
    <t>2021BU05020666</t>
  </si>
  <si>
    <t>Sportpark Schenkel</t>
  </si>
  <si>
    <t>buurt_gegeneraliseerd_2021.bf1378d7-6275-4993-8fc8-29088a937958</t>
  </si>
  <si>
    <t>BU05020770</t>
  </si>
  <si>
    <t>2021BU05020770</t>
  </si>
  <si>
    <t>Dansenbuurt-noord</t>
  </si>
  <si>
    <t>buurt_gegeneraliseerd_2021.a0c56794-198f-4c0c-9cbd-cfcfe0344a81</t>
  </si>
  <si>
    <t>BU05020771</t>
  </si>
  <si>
    <t>2021BU05020771</t>
  </si>
  <si>
    <t>Burgenbuurt</t>
  </si>
  <si>
    <t>buurt_gegeneraliseerd_2021.22dcad1a-fca3-49aa-bcd8-a1c8947b27e6</t>
  </si>
  <si>
    <t>BU05020772</t>
  </si>
  <si>
    <t>2021BU05020772</t>
  </si>
  <si>
    <t>Dansenbuurt-zuid</t>
  </si>
  <si>
    <t>buurt_gegeneraliseerd_2021.ec794aea-4581-457f-b601-31dacd88a2fc</t>
  </si>
  <si>
    <t>BU05020773</t>
  </si>
  <si>
    <t>2021BU05020773</t>
  </si>
  <si>
    <t>Ervenbuurt</t>
  </si>
  <si>
    <t>buurt_gegeneraliseerd_2021.53c82a95-ea8e-4a30-9fd0-c17a69ae3f73</t>
  </si>
  <si>
    <t>BU05020774</t>
  </si>
  <si>
    <t>2021BU05020774</t>
  </si>
  <si>
    <t>Stadsdeelpark</t>
  </si>
  <si>
    <t>buurt_gegeneraliseerd_2021.d7a28f60-e737-49ff-b379-c6b255602a17</t>
  </si>
  <si>
    <t>BU05020775</t>
  </si>
  <si>
    <t>2021BU05020775</t>
  </si>
  <si>
    <t>Instrumentenbuurt</t>
  </si>
  <si>
    <t>buurt_gegeneraliseerd_2021.b0715a2e-6c13-4d00-b6ee-9cf1e83dec60</t>
  </si>
  <si>
    <t>BU05020776</t>
  </si>
  <si>
    <t>2021BU05020776</t>
  </si>
  <si>
    <t>Kunstenaarsbuurt</t>
  </si>
  <si>
    <t>buurt_gegeneraliseerd_2021.4679f6c7-347b-4400-815e-76914b5ea31e</t>
  </si>
  <si>
    <t>BU05020777</t>
  </si>
  <si>
    <t>2021BU05020777</t>
  </si>
  <si>
    <t>buurt_gegeneraliseerd_2021.d4130596-ebd6-4cc7-b5f2-193d4891f57c</t>
  </si>
  <si>
    <t>BU05020778</t>
  </si>
  <si>
    <t>2021BU05020778</t>
  </si>
  <si>
    <t>Gebouwenbuurt</t>
  </si>
  <si>
    <t>buurt_gegeneraliseerd_2021.f1a195c9-692c-47bc-b70c-2d5be4a89cd8</t>
  </si>
  <si>
    <t>BU05020779</t>
  </si>
  <si>
    <t>2021BU05020779</t>
  </si>
  <si>
    <t>Schildersvormenbuurt</t>
  </si>
  <si>
    <t>buurt_gegeneraliseerd_2021.a310f9f4-5a00-412f-adbc-0c5c6bb0f72a</t>
  </si>
  <si>
    <t>BU05020880</t>
  </si>
  <si>
    <t>2021BU05020880</t>
  </si>
  <si>
    <t>Hoofdweg sector E/F</t>
  </si>
  <si>
    <t>buurt_gegeneraliseerd_2021.76bfb0ab-f18e-4bb9-894e-240a8f3e4afc</t>
  </si>
  <si>
    <t>BU05020881</t>
  </si>
  <si>
    <t>2021BU05020881</t>
  </si>
  <si>
    <t>Hoofdweg sector A</t>
  </si>
  <si>
    <t>buurt_gegeneraliseerd_2021.02791979-e8dc-471f-8574-0ea2eb7a389c</t>
  </si>
  <si>
    <t>BU05020882</t>
  </si>
  <si>
    <t>2021BU05020882</t>
  </si>
  <si>
    <t>Hoofdweg sector B</t>
  </si>
  <si>
    <t>buurt_gegeneraliseerd_2021.abad2136-d971-4211-8f9d-2e1840ad1aa4</t>
  </si>
  <si>
    <t>BU05020883</t>
  </si>
  <si>
    <t>2021BU05020883</t>
  </si>
  <si>
    <t>Hoofdweg sector C</t>
  </si>
  <si>
    <t>buurt_gegeneraliseerd_2021.b654e43e-1357-46ff-b362-9e7c011734f3</t>
  </si>
  <si>
    <t>BU05020884</t>
  </si>
  <si>
    <t>2021BU05020884</t>
  </si>
  <si>
    <t>Hoofdweg sector D</t>
  </si>
  <si>
    <t>buurt_gegeneraliseerd_2021.a0e18c55-aee7-4fbb-b753-fb267f909693</t>
  </si>
  <si>
    <t>BU05020885</t>
  </si>
  <si>
    <t>2021BU05020885</t>
  </si>
  <si>
    <t>Hoofdweg sector G</t>
  </si>
  <si>
    <t>buurt_gegeneraliseerd_2021.c3542866-d133-4f8c-99e0-92b2b21565a3</t>
  </si>
  <si>
    <t>BU05020886</t>
  </si>
  <si>
    <t>2021BU05020886</t>
  </si>
  <si>
    <t>Sporenbuurt-west</t>
  </si>
  <si>
    <t>buurt_gegeneraliseerd_2021.5a1934f1-fa95-46e9-b35f-f7a0a5f0c18c</t>
  </si>
  <si>
    <t>BU05020887</t>
  </si>
  <si>
    <t>2021BU05020887</t>
  </si>
  <si>
    <t>Sporenbuurt-oost</t>
  </si>
  <si>
    <t>buurt_gegeneraliseerd_2021.e1ea2bc7-a8f0-4ff9-a323-b801eeca97d6</t>
  </si>
  <si>
    <t>BU05020888</t>
  </si>
  <si>
    <t>2021BU05020888</t>
  </si>
  <si>
    <t>Tuinenbuurt</t>
  </si>
  <si>
    <t>buurt_gegeneraliseerd_2021.dadcc365-9b1c-4095-9ace-8fe3ab1c8a20</t>
  </si>
  <si>
    <t>BU05020889</t>
  </si>
  <si>
    <t>2021BU05020889</t>
  </si>
  <si>
    <t>Kunstenaarsbuurt-noord</t>
  </si>
  <si>
    <t>buurt_gegeneraliseerd_2021.d7a8069b-a385-40da-9bee-6ce130f06c92</t>
  </si>
  <si>
    <t>BU05020993</t>
  </si>
  <si>
    <t>2021BU05020993</t>
  </si>
  <si>
    <t>Capelsebrug</t>
  </si>
  <si>
    <t>buurt_gegeneraliseerd_2021.b5b4015d-5237-4a9f-94d1-279fad047721</t>
  </si>
  <si>
    <t>BU05020994</t>
  </si>
  <si>
    <t>2021BU05020994</t>
  </si>
  <si>
    <t>Rijckevorselpark</t>
  </si>
  <si>
    <t>buurt_gegeneraliseerd_2021.f03896a3-e347-42a3-bbb6-400ef3678c08</t>
  </si>
  <si>
    <t>BU05031100</t>
  </si>
  <si>
    <t>2021BU05031100</t>
  </si>
  <si>
    <t>Bedrijventerrein Wateringseweg</t>
  </si>
  <si>
    <t>GM0503</t>
  </si>
  <si>
    <t>buurt_gegeneraliseerd_2021.28f90e15-62c0-45e4-9549-f8cfe380c81f</t>
  </si>
  <si>
    <t>BU05031101</t>
  </si>
  <si>
    <t>2021BU05031101</t>
  </si>
  <si>
    <t>buurt_gegeneraliseerd_2021.c8e66c9b-029f-4453-ae10-fcd9420b473f</t>
  </si>
  <si>
    <t>BU05031102</t>
  </si>
  <si>
    <t>2021BU05031102</t>
  </si>
  <si>
    <t>Centrum-West</t>
  </si>
  <si>
    <t>buurt_gegeneraliseerd_2021.dce2209f-930d-4ab5-8817-7d03e66067a0</t>
  </si>
  <si>
    <t>BU05031103</t>
  </si>
  <si>
    <t>2021BU05031103</t>
  </si>
  <si>
    <t>Centrum-Oost</t>
  </si>
  <si>
    <t>buurt_gegeneraliseerd_2021.ca06c14b-4539-4164-a6cd-9e4829bb3da5</t>
  </si>
  <si>
    <t>BU05031104</t>
  </si>
  <si>
    <t>2021BU05031104</t>
  </si>
  <si>
    <t>buurt_gegeneraliseerd_2021.bb629e65-3282-4d6d-adfa-718668e15d93</t>
  </si>
  <si>
    <t>BU05031105</t>
  </si>
  <si>
    <t>2021BU05031105</t>
  </si>
  <si>
    <t>buurt_gegeneraliseerd_2021.87adca81-6eb3-40ba-a4fa-2e384b576a6f</t>
  </si>
  <si>
    <t>BU05031106</t>
  </si>
  <si>
    <t>2021BU05031106</t>
  </si>
  <si>
    <t>Centrum-Zuidwest</t>
  </si>
  <si>
    <t>buurt_gegeneraliseerd_2021.0702abb8-de20-40b5-b8a6-8f186013cfe8</t>
  </si>
  <si>
    <t>BU05031107</t>
  </si>
  <si>
    <t>2021BU05031107</t>
  </si>
  <si>
    <t>In de Veste</t>
  </si>
  <si>
    <t>buurt_gegeneraliseerd_2021.6a8e6177-515e-42de-9201-bebec681da60</t>
  </si>
  <si>
    <t>BU05031108</t>
  </si>
  <si>
    <t>2021BU05031108</t>
  </si>
  <si>
    <t>Centrum-Zuidoost</t>
  </si>
  <si>
    <t>buurt_gegeneraliseerd_2021.37cf8d74-b803-43ba-8372-2f23f6964f9e</t>
  </si>
  <si>
    <t>BU05031109</t>
  </si>
  <si>
    <t>2021BU05031109</t>
  </si>
  <si>
    <t>Zuidpoort</t>
  </si>
  <si>
    <t>buurt_gegeneraliseerd_2021.86cc0a7b-d903-4723-bac3-b38469f5f511</t>
  </si>
  <si>
    <t>BU05031200</t>
  </si>
  <si>
    <t>2021BU05031200</t>
  </si>
  <si>
    <t>Bedrijventerrein Haagweg</t>
  </si>
  <si>
    <t>buurt_gegeneraliseerd_2021.4e492c78-167b-46c2-92de-167192fd5057</t>
  </si>
  <si>
    <t>BU05031201</t>
  </si>
  <si>
    <t>2021BU05031201</t>
  </si>
  <si>
    <t>buurt_gegeneraliseerd_2021.9c9234b3-ad42-4e96-8c3f-281e3e98d931</t>
  </si>
  <si>
    <t>BU05031202</t>
  </si>
  <si>
    <t>2021BU05031202</t>
  </si>
  <si>
    <t>buurt_gegeneraliseerd_2021.de62e61d-02dd-4d8a-bc1f-23dbe377265d</t>
  </si>
  <si>
    <t>BU05031203</t>
  </si>
  <si>
    <t>2021BU05031203</t>
  </si>
  <si>
    <t>Sint Joris</t>
  </si>
  <si>
    <t>buurt_gegeneraliseerd_2021.3ec41b65-17a1-41bb-af4c-860df742be72</t>
  </si>
  <si>
    <t>BU05031204</t>
  </si>
  <si>
    <t>2021BU05031204</t>
  </si>
  <si>
    <t>Koepoort</t>
  </si>
  <si>
    <t>buurt_gegeneraliseerd_2021.86b4a4b4-e75c-4c91-a662-c9c771105b28</t>
  </si>
  <si>
    <t>BU05031205</t>
  </si>
  <si>
    <t>2021BU05031205</t>
  </si>
  <si>
    <t>Bomenwijk</t>
  </si>
  <si>
    <t>buurt_gegeneraliseerd_2021.8825a46a-deae-49ec-9d09-776622cf1349</t>
  </si>
  <si>
    <t>BU05031206</t>
  </si>
  <si>
    <t>2021BU05031206</t>
  </si>
  <si>
    <t>Biesland</t>
  </si>
  <si>
    <t>buurt_gegeneraliseerd_2021.76dd1c47-e19a-40cc-833a-ee058d9ab916</t>
  </si>
  <si>
    <t>BU05031207</t>
  </si>
  <si>
    <t>2021BU05031207</t>
  </si>
  <si>
    <t>Heilige Land</t>
  </si>
  <si>
    <t>buurt_gegeneraliseerd_2021.17242ba5-4ff5-46a8-b9dc-c0dda25c2a15</t>
  </si>
  <si>
    <t>BU05031208</t>
  </si>
  <si>
    <t>2021BU05031208</t>
  </si>
  <si>
    <t>Bedrijventerrein Delftse Poort-West</t>
  </si>
  <si>
    <t>buurt_gegeneraliseerd_2021.d5a1e85f-cc8b-4407-8200-12c012916879</t>
  </si>
  <si>
    <t>BU05031300</t>
  </si>
  <si>
    <t>2021BU05031300</t>
  </si>
  <si>
    <t>Bedrijventerrein Altena</t>
  </si>
  <si>
    <t>buurt_gegeneraliseerd_2021.defe5468-fb86-4dbd-9f2d-909689f5a0e1</t>
  </si>
  <si>
    <t>BU05031301</t>
  </si>
  <si>
    <t>2021BU05031301</t>
  </si>
  <si>
    <t>Agnetaparkbuurt</t>
  </si>
  <si>
    <t>buurt_gegeneraliseerd_2021.6bb347e7-08f4-4ee3-818a-2781363a1c7f</t>
  </si>
  <si>
    <t>BU05031302</t>
  </si>
  <si>
    <t>2021BU05031302</t>
  </si>
  <si>
    <t>Ministersbuurt-West</t>
  </si>
  <si>
    <t>buurt_gegeneraliseerd_2021.2b43e665-d4fb-4ac5-a01e-51927c1c4db5</t>
  </si>
  <si>
    <t>BU05031303</t>
  </si>
  <si>
    <t>2021BU05031303</t>
  </si>
  <si>
    <t>Ministersbuurt-Oost</t>
  </si>
  <si>
    <t>buurt_gegeneraliseerd_2021.8c18ff83-6897-48fb-876f-5d8d3bfbf860</t>
  </si>
  <si>
    <t>BU05031304</t>
  </si>
  <si>
    <t>2021BU05031304</t>
  </si>
  <si>
    <t>Westeindebuurt</t>
  </si>
  <si>
    <t>buurt_gegeneraliseerd_2021.2bfbc054-cddb-4517-8e2a-bd082279df7f</t>
  </si>
  <si>
    <t>BU05031305</t>
  </si>
  <si>
    <t>2021BU05031305</t>
  </si>
  <si>
    <t>Olofsbuurt</t>
  </si>
  <si>
    <t>buurt_gegeneraliseerd_2021.fd750642-73ce-4d18-8de9-7742efca08a1</t>
  </si>
  <si>
    <t>BU05031306</t>
  </si>
  <si>
    <t>2021BU05031306</t>
  </si>
  <si>
    <t>Krakeelpolder</t>
  </si>
  <si>
    <t>buurt_gegeneraliseerd_2021.6ccf9e23-88c0-47f3-939a-cbb7809f6b47</t>
  </si>
  <si>
    <t>BU05031307</t>
  </si>
  <si>
    <t>2021BU05031307</t>
  </si>
  <si>
    <t>Westerkwartier</t>
  </si>
  <si>
    <t>buurt_gegeneraliseerd_2021.ae0e5b78-fe46-4093-86a2-d2f848701078</t>
  </si>
  <si>
    <t>BU05031400</t>
  </si>
  <si>
    <t>2021BU05031400</t>
  </si>
  <si>
    <t>Kuyperwijk-Noord</t>
  </si>
  <si>
    <t>buurt_gegeneraliseerd_2021.640d64a1-6891-4221-9a8d-7559dca59ad5</t>
  </si>
  <si>
    <t>BU05031401</t>
  </si>
  <si>
    <t>2021BU05031401</t>
  </si>
  <si>
    <t>Kuyperwijk-Zuid</t>
  </si>
  <si>
    <t>buurt_gegeneraliseerd_2021.ffa9b7e9-edd4-4f60-96fe-a4f5b7f77a6f</t>
  </si>
  <si>
    <t>BU05031402</t>
  </si>
  <si>
    <t>2021BU05031402</t>
  </si>
  <si>
    <t>Ecodus</t>
  </si>
  <si>
    <t>buurt_gegeneraliseerd_2021.a31d58b3-b4d3-4bc7-9af4-394df54c7754</t>
  </si>
  <si>
    <t>BU05031403</t>
  </si>
  <si>
    <t>2021BU05031403</t>
  </si>
  <si>
    <t>Marlot</t>
  </si>
  <si>
    <t>buurt_gegeneraliseerd_2021.a1fd82ac-481b-4629-bb6f-8e87a288f98c</t>
  </si>
  <si>
    <t>BU05031404</t>
  </si>
  <si>
    <t>2021BU05031404</t>
  </si>
  <si>
    <t>Westlandhof</t>
  </si>
  <si>
    <t>buurt_gegeneraliseerd_2021.8b1aa7ba-8f3d-41d8-8e0f-2f0978e8722e</t>
  </si>
  <si>
    <t>BU05031405</t>
  </si>
  <si>
    <t>2021BU05031405</t>
  </si>
  <si>
    <t>Hoornse Hof</t>
  </si>
  <si>
    <t>buurt_gegeneraliseerd_2021.241af1bd-3af5-43f4-ae4f-e966c89a8828</t>
  </si>
  <si>
    <t>BU05031406</t>
  </si>
  <si>
    <t>2021BU05031406</t>
  </si>
  <si>
    <t>buurt_gegeneraliseerd_2021.c7234c17-1191-4b97-a4ae-08636a4d397d</t>
  </si>
  <si>
    <t>BU05031407</t>
  </si>
  <si>
    <t>2021BU05031407</t>
  </si>
  <si>
    <t>buurt_gegeneraliseerd_2021.124b0356-624f-4768-9162-8692dc8741c0</t>
  </si>
  <si>
    <t>BU05031600</t>
  </si>
  <si>
    <t>2021BU05031600</t>
  </si>
  <si>
    <t>De Bras</t>
  </si>
  <si>
    <t>buurt_gegeneraliseerd_2021.34053ca3-b088-404c-94c4-824d0893bb7c</t>
  </si>
  <si>
    <t>BU05031601</t>
  </si>
  <si>
    <t>2021BU05031601</t>
  </si>
  <si>
    <t>Bedrijventerrein Ypenburgsepoort</t>
  </si>
  <si>
    <t>buurt_gegeneraliseerd_2021.662030bf-6c2d-4bf4-aa71-dbb636cd21ee</t>
  </si>
  <si>
    <t>BU05031602</t>
  </si>
  <si>
    <t>2021BU05031602</t>
  </si>
  <si>
    <t>De Grote Plas</t>
  </si>
  <si>
    <t>buurt_gegeneraliseerd_2021.04bcf891-a5f6-49b9-a0dd-8b20490938e6</t>
  </si>
  <si>
    <t>BU05031603</t>
  </si>
  <si>
    <t>2021BU05031603</t>
  </si>
  <si>
    <t>Bedrijventerrein Delftse Poort-Oost</t>
  </si>
  <si>
    <t>buurt_gegeneraliseerd_2021.c2a6e57b-d12b-4e1d-a0aa-5de990cd4d77</t>
  </si>
  <si>
    <t>BU05031604</t>
  </si>
  <si>
    <t>2021BU05031604</t>
  </si>
  <si>
    <t>Hoflaan</t>
  </si>
  <si>
    <t>buurt_gegeneraliseerd_2021.1d4a6e7a-d530-4f3f-864e-9437f2e5fd86</t>
  </si>
  <si>
    <t>BU05032200</t>
  </si>
  <si>
    <t>2021BU05032200</t>
  </si>
  <si>
    <t>Bedrijventerrein Tanthof-West</t>
  </si>
  <si>
    <t>buurt_gegeneraliseerd_2021.4151f2ee-5241-4390-ad72-075058542041</t>
  </si>
  <si>
    <t>BU05032201</t>
  </si>
  <si>
    <t>2021BU05032201</t>
  </si>
  <si>
    <t>Afrikabuurt-West</t>
  </si>
  <si>
    <t>buurt_gegeneraliseerd_2021.4a83bb76-2251-4dbb-a51b-be5dc20930eb</t>
  </si>
  <si>
    <t>BU05032202</t>
  </si>
  <si>
    <t>2021BU05032202</t>
  </si>
  <si>
    <t>Afrikabuurt-Oost</t>
  </si>
  <si>
    <t>buurt_gegeneraliseerd_2021.62d2bd5a-fe1a-469f-b728-f267119bb484</t>
  </si>
  <si>
    <t>BU05032203</t>
  </si>
  <si>
    <t>2021BU05032203</t>
  </si>
  <si>
    <t>Latijns Amerikabuurt</t>
  </si>
  <si>
    <t>buurt_gegeneraliseerd_2021.0f906097-4155-478b-b459-2e9f21c8792f</t>
  </si>
  <si>
    <t>BU05032204</t>
  </si>
  <si>
    <t>2021BU05032204</t>
  </si>
  <si>
    <t>Aziëbuurt</t>
  </si>
  <si>
    <t>buurt_gegeneraliseerd_2021.dbb352ab-29db-489f-8b95-b1761fc23b05</t>
  </si>
  <si>
    <t>BU05032205</t>
  </si>
  <si>
    <t>2021BU05032205</t>
  </si>
  <si>
    <t>Tanthofkadebuurt</t>
  </si>
  <si>
    <t>buurt_gegeneraliseerd_2021.84f6fe1a-1bb3-4849-abad-48df983a64af</t>
  </si>
  <si>
    <t>BU05032300</t>
  </si>
  <si>
    <t>2021BU05032300</t>
  </si>
  <si>
    <t>Bedrijventerrein Tanthof-Oost</t>
  </si>
  <si>
    <t>buurt_gegeneraliseerd_2021.a55a3f8d-b192-483f-853d-2ef7187b8539</t>
  </si>
  <si>
    <t>BU05032301</t>
  </si>
  <si>
    <t>2021BU05032301</t>
  </si>
  <si>
    <t>buurt_gegeneraliseerd_2021.324e0753-2390-4910-8aa1-a56d819c2194</t>
  </si>
  <si>
    <t>BU05032302</t>
  </si>
  <si>
    <t>2021BU05032302</t>
  </si>
  <si>
    <t>Dierenbuurt</t>
  </si>
  <si>
    <t>buurt_gegeneraliseerd_2021.760b8b57-2160-4fab-869e-53f1336df83a</t>
  </si>
  <si>
    <t>BU05032303</t>
  </si>
  <si>
    <t>2021BU05032303</t>
  </si>
  <si>
    <t>buurt_gegeneraliseerd_2021.1fcf6c4f-8cc2-4ff5-8644-3a53233b17e2</t>
  </si>
  <si>
    <t>BU05032304</t>
  </si>
  <si>
    <t>2021BU05032304</t>
  </si>
  <si>
    <t>buurt_gegeneraliseerd_2021.38070338-a8d5-4223-b6c0-79e46d682d73</t>
  </si>
  <si>
    <t>BU05032305</t>
  </si>
  <si>
    <t>2021BU05032305</t>
  </si>
  <si>
    <t>buurt_gegeneraliseerd_2021.1aecb227-03bb-4f5a-87ae-caa136053283</t>
  </si>
  <si>
    <t>BU05032400</t>
  </si>
  <si>
    <t>2021BU05032400</t>
  </si>
  <si>
    <t>Poptahof-Noord</t>
  </si>
  <si>
    <t>buurt_gegeneraliseerd_2021.d07c835a-a4c1-4501-abdc-7da1e0a7556f</t>
  </si>
  <si>
    <t>BU05032401</t>
  </si>
  <si>
    <t>2021BU05032401</t>
  </si>
  <si>
    <t>Poptahof-Zuid</t>
  </si>
  <si>
    <t>buurt_gegeneraliseerd_2021.1a7a4b0b-9011-4398-9cda-ca87a4e9c281</t>
  </si>
  <si>
    <t>BU05032402</t>
  </si>
  <si>
    <t>2021BU05032402</t>
  </si>
  <si>
    <t>Bedrijventerrein Voorhof</t>
  </si>
  <si>
    <t>buurt_gegeneraliseerd_2021.72411935-6e2d-4ccb-bd6e-00a1d07e9404</t>
  </si>
  <si>
    <t>BU05032403</t>
  </si>
  <si>
    <t>2021BU05032403</t>
  </si>
  <si>
    <t>Mythologiebuurt</t>
  </si>
  <si>
    <t>buurt_gegeneraliseerd_2021.560d0e8e-6abb-498c-a13a-be0369e46398</t>
  </si>
  <si>
    <t>BU05032404</t>
  </si>
  <si>
    <t>2021BU05032404</t>
  </si>
  <si>
    <t>Aart van der Leeuwbuurt</t>
  </si>
  <si>
    <t>buurt_gegeneraliseerd_2021.7db58270-0514-4a83-84dd-322507b7057d</t>
  </si>
  <si>
    <t>BU05032405</t>
  </si>
  <si>
    <t>2021BU05032405</t>
  </si>
  <si>
    <t>Roland Holstbuurt</t>
  </si>
  <si>
    <t>buurt_gegeneraliseerd_2021.51b6affe-f50d-483c-867e-2e9fc59f0702</t>
  </si>
  <si>
    <t>BU05032406</t>
  </si>
  <si>
    <t>2021BU05032406</t>
  </si>
  <si>
    <t>Voorhof-Hoogbouw</t>
  </si>
  <si>
    <t>buurt_gegeneraliseerd_2021.5709d53b-3d33-4a25-8555-017ff006ab1d</t>
  </si>
  <si>
    <t>BU05032407</t>
  </si>
  <si>
    <t>2021BU05032407</t>
  </si>
  <si>
    <t>Multatulibuurt</t>
  </si>
  <si>
    <t>buurt_gegeneraliseerd_2021.ed57a6ec-492a-4e8b-89b1-68b4caeebdc4</t>
  </si>
  <si>
    <t>BU05032408</t>
  </si>
  <si>
    <t>2021BU05032408</t>
  </si>
  <si>
    <t>Bedrijventerrein Vulcanusweg</t>
  </si>
  <si>
    <t>buurt_gegeneraliseerd_2021.4efc3086-ce68-4ae5-9a6c-ee0bf2f19617</t>
  </si>
  <si>
    <t>BU05032500</t>
  </si>
  <si>
    <t>2021BU05032500</t>
  </si>
  <si>
    <t>Reinier de Graafbuurt</t>
  </si>
  <si>
    <t>buurt_gegeneraliseerd_2021.4a094fd5-6572-4f76-8e89-787431de2915</t>
  </si>
  <si>
    <t>BU05032501</t>
  </si>
  <si>
    <t>2021BU05032501</t>
  </si>
  <si>
    <t>Buitenhof-Noord</t>
  </si>
  <si>
    <t>buurt_gegeneraliseerd_2021.2fa1f6e8-3cbc-41a1-a607-fcfd8c1b7ec2</t>
  </si>
  <si>
    <t>BU05032502</t>
  </si>
  <si>
    <t>2021BU05032502</t>
  </si>
  <si>
    <t>Juniusbuurt</t>
  </si>
  <si>
    <t>buurt_gegeneraliseerd_2021.ec05d1f1-18aa-4bb2-8e8b-932edca312c3</t>
  </si>
  <si>
    <t>BU05032503</t>
  </si>
  <si>
    <t>2021BU05032503</t>
  </si>
  <si>
    <t>Gillisbuurt</t>
  </si>
  <si>
    <t>buurt_gegeneraliseerd_2021.6210e0eb-02b4-4ec0-8f5d-4e92fbc48c89</t>
  </si>
  <si>
    <t>BU05032504</t>
  </si>
  <si>
    <t>2021BU05032504</t>
  </si>
  <si>
    <t>Fledderusbuurt</t>
  </si>
  <si>
    <t>buurt_gegeneraliseerd_2021.0432687a-1fd7-4c96-8397-fc920f73f298</t>
  </si>
  <si>
    <t>BU05032505</t>
  </si>
  <si>
    <t>2021BU05032505</t>
  </si>
  <si>
    <t>buurt_gegeneraliseerd_2021.dd6d9642-e871-4566-8324-c8eb7dbf2ddc</t>
  </si>
  <si>
    <t>BU05032506</t>
  </si>
  <si>
    <t>2021BU05032506</t>
  </si>
  <si>
    <t>Pijperring</t>
  </si>
  <si>
    <t>buurt_gegeneraliseerd_2021.173f10eb-d3ba-4de4-b5ef-1ed4ddbc52ad</t>
  </si>
  <si>
    <t>BU05032507</t>
  </si>
  <si>
    <t>2021BU05032507</t>
  </si>
  <si>
    <t>buurt_gegeneraliseerd_2021.e94ee683-d37c-40e3-a4a0-252d5149c2cd</t>
  </si>
  <si>
    <t>BU05032508</t>
  </si>
  <si>
    <t>2021BU05032508</t>
  </si>
  <si>
    <t>Vrijheidsbuurt</t>
  </si>
  <si>
    <t>buurt_gegeneraliseerd_2021.07fc22a9-7653-4228-9aef-d431b5ade9ad</t>
  </si>
  <si>
    <t>BU05032509</t>
  </si>
  <si>
    <t>2021BU05032509</t>
  </si>
  <si>
    <t>Buitenhof-Zuid</t>
  </si>
  <si>
    <t>buurt_gegeneraliseerd_2021.c7b0cd55-52cd-4d54-a7c1-df948dfcb482</t>
  </si>
  <si>
    <t>BU05032510</t>
  </si>
  <si>
    <t>2021BU05032510</t>
  </si>
  <si>
    <t>Kerkpolder</t>
  </si>
  <si>
    <t>buurt_gegeneraliseerd_2021.a48120fa-7253-4957-857d-3f6df45839cb</t>
  </si>
  <si>
    <t>BU05032600</t>
  </si>
  <si>
    <t>2021BU05032600</t>
  </si>
  <si>
    <t>Abtswoude</t>
  </si>
  <si>
    <t>buurt_gegeneraliseerd_2021.6f9a67d5-4c35-4fa3-8812-186312f9008b</t>
  </si>
  <si>
    <t>BU05032700</t>
  </si>
  <si>
    <t>2021BU05032700</t>
  </si>
  <si>
    <t>Delftzicht</t>
  </si>
  <si>
    <t>buurt_gegeneraliseerd_2021.771f3071-1c8b-4551-8e93-cbbbbc2cba05</t>
  </si>
  <si>
    <t>BU05032702</t>
  </si>
  <si>
    <t>2021BU05032702</t>
  </si>
  <si>
    <t>Bedrijventerrein Schieweg-Noord</t>
  </si>
  <si>
    <t>buurt_gegeneraliseerd_2021.cb202670-92be-4567-8dff-d33f8aeab7e7</t>
  </si>
  <si>
    <t>BU05032703</t>
  </si>
  <si>
    <t>2021BU05032703</t>
  </si>
  <si>
    <t>Bedrijventerrein Schieweg-Zuid</t>
  </si>
  <si>
    <t>buurt_gegeneraliseerd_2021.f04f75bb-8f65-41b4-b7e4-fd7c6e308226</t>
  </si>
  <si>
    <t>BU05032704</t>
  </si>
  <si>
    <t>2021BU05032704</t>
  </si>
  <si>
    <t>Schieweg-Polder</t>
  </si>
  <si>
    <t>buurt_gegeneraliseerd_2021.818115cf-193b-4980-9de5-7d076ab74087</t>
  </si>
  <si>
    <t>BU05032800</t>
  </si>
  <si>
    <t>2021BU05032800</t>
  </si>
  <si>
    <t>buurt_gegeneraliseerd_2021.cc7a060b-e4fd-4940-9af0-bf642e2c4eec</t>
  </si>
  <si>
    <t>BU05032801</t>
  </si>
  <si>
    <t>2021BU05032801</t>
  </si>
  <si>
    <t>TU-Noord</t>
  </si>
  <si>
    <t>buurt_gegeneraliseerd_2021.eebcd90e-f390-4068-9ba9-8a9306db5c86</t>
  </si>
  <si>
    <t>BU05032802</t>
  </si>
  <si>
    <t>2021BU05032802</t>
  </si>
  <si>
    <t>Wippolder-Noord</t>
  </si>
  <si>
    <t>buurt_gegeneraliseerd_2021.592a9c5b-10a3-473f-b8d3-fadbd40c1255</t>
  </si>
  <si>
    <t>BU05032803</t>
  </si>
  <si>
    <t>2021BU05032803</t>
  </si>
  <si>
    <t>Wippolder-Zuid</t>
  </si>
  <si>
    <t>buurt_gegeneraliseerd_2021.c1733095-2740-492e-b4eb-7422616ce9c1</t>
  </si>
  <si>
    <t>BU05032804</t>
  </si>
  <si>
    <t>2021BU05032804</t>
  </si>
  <si>
    <t>Bedrijventerrein Rotterdamseweg-Noord</t>
  </si>
  <si>
    <t>buurt_gegeneraliseerd_2021.f3aba8dd-7b07-4401-9036-86053052003f</t>
  </si>
  <si>
    <t>BU05032805</t>
  </si>
  <si>
    <t>2021BU05032805</t>
  </si>
  <si>
    <t>TU-Campus</t>
  </si>
  <si>
    <t>buurt_gegeneraliseerd_2021.6cde5b88-1d8a-47a8-b353-6fdeebfd6a62</t>
  </si>
  <si>
    <t>BU05032806</t>
  </si>
  <si>
    <t>2021BU05032806</t>
  </si>
  <si>
    <t>buurt_gegeneraliseerd_2021.b862a4d7-952c-4817-91fe-e67a8b864096</t>
  </si>
  <si>
    <t>BU05032807</t>
  </si>
  <si>
    <t>2021BU05032807</t>
  </si>
  <si>
    <t>Bedrijventerrein Delftech</t>
  </si>
  <si>
    <t>buurt_gegeneraliseerd_2021.8ce8e692-22b5-43ac-bd20-0ccc67d863f1</t>
  </si>
  <si>
    <t>BU05032808</t>
  </si>
  <si>
    <t>2021BU05032808</t>
  </si>
  <si>
    <t>Pauwmolen</t>
  </si>
  <si>
    <t>buurt_gegeneraliseerd_2021.2b97b6f8-1c94-4180-a9d8-88b493d029f1</t>
  </si>
  <si>
    <t>BU05032809</t>
  </si>
  <si>
    <t>2021BU05032809</t>
  </si>
  <si>
    <t>Koningsveldbuurt</t>
  </si>
  <si>
    <t>buurt_gegeneraliseerd_2021.316ee6f4-3ebb-45b4-b370-b6687a795691</t>
  </si>
  <si>
    <t>BU05032900</t>
  </si>
  <si>
    <t>2021BU05032900</t>
  </si>
  <si>
    <t>Bedrijventerrein Rotterdamseweg-Zuid</t>
  </si>
  <si>
    <t>buurt_gegeneraliseerd_2021.f39833ae-d159-415e-9d72-665e97130529</t>
  </si>
  <si>
    <t>BU05032901</t>
  </si>
  <si>
    <t>2021BU05032901</t>
  </si>
  <si>
    <t>Bedrijventerrein Technopolis</t>
  </si>
  <si>
    <t>buurt_gegeneraliseerd_2021.1bc4cb93-94b5-4c11-8c5c-7c0edef157c9</t>
  </si>
  <si>
    <t>BU05032902</t>
  </si>
  <si>
    <t>2021BU05032902</t>
  </si>
  <si>
    <t>Ackersdijk</t>
  </si>
  <si>
    <t>buurt_gegeneraliseerd_2021.eb2147d6-59ff-4994-97c6-669b69128379</t>
  </si>
  <si>
    <t>BU05120101</t>
  </si>
  <si>
    <t>2021BU05120101</t>
  </si>
  <si>
    <t>Bovenstad</t>
  </si>
  <si>
    <t>buurt_gegeneraliseerd_2021.45021904-0983-4282-b6c9-527b0f73f592</t>
  </si>
  <si>
    <t>BU05120102</t>
  </si>
  <si>
    <t>2021BU05120102</t>
  </si>
  <si>
    <t>buurt_gegeneraliseerd_2021.0f372860-2038-428a-a4bc-35636b76348a</t>
  </si>
  <si>
    <t>BU05120200</t>
  </si>
  <si>
    <t>2021BU05120200</t>
  </si>
  <si>
    <t>Wijdschild</t>
  </si>
  <si>
    <t>buurt_gegeneraliseerd_2021.8aac75fb-1508-4134-a528-43e7026b23ed</t>
  </si>
  <si>
    <t>BU05120300</t>
  </si>
  <si>
    <t>2021BU05120300</t>
  </si>
  <si>
    <t>Lingewijk</t>
  </si>
  <si>
    <t>buurt_gegeneraliseerd_2021.722a9b91-68c3-43e5-bfed-1c9e84fc2f7e</t>
  </si>
  <si>
    <t>BU05120403</t>
  </si>
  <si>
    <t>2021BU05120403</t>
  </si>
  <si>
    <t>Haarwijk West</t>
  </si>
  <si>
    <t>buurt_gegeneraliseerd_2021.211aee95-6ccb-46bf-b864-77bc9a783ed9</t>
  </si>
  <si>
    <t>BU05120404</t>
  </si>
  <si>
    <t>2021BU05120404</t>
  </si>
  <si>
    <t>Haarwijk Oost</t>
  </si>
  <si>
    <t>buurt_gegeneraliseerd_2021.d165c460-3ce2-4b5d-8f03-9c7538c53b0c</t>
  </si>
  <si>
    <t>BU05120500</t>
  </si>
  <si>
    <t>2021BU05120500</t>
  </si>
  <si>
    <t>Stalkaarsen</t>
  </si>
  <si>
    <t>buurt_gegeneraliseerd_2021.2dce0c3e-5817-492a-8940-1da33cbe7f29</t>
  </si>
  <si>
    <t>BU05120600</t>
  </si>
  <si>
    <t>2021BU05120600</t>
  </si>
  <si>
    <t>Gildenwijk</t>
  </si>
  <si>
    <t>buurt_gegeneraliseerd_2021.19d6979a-cdb5-45f5-afa4-4194296b4ab9</t>
  </si>
  <si>
    <t>BU05120700</t>
  </si>
  <si>
    <t>2021BU05120700</t>
  </si>
  <si>
    <t>Schelluinsestraat</t>
  </si>
  <si>
    <t>buurt_gegeneraliseerd_2021.a501ac1b-dfec-4320-98aa-494252952e61</t>
  </si>
  <si>
    <t>BU05120800</t>
  </si>
  <si>
    <t>2021BU05120800</t>
  </si>
  <si>
    <t>Avelingen Oost</t>
  </si>
  <si>
    <t>buurt_gegeneraliseerd_2021.0adf70e7-0d0e-4125-820b-efbc08365f71</t>
  </si>
  <si>
    <t>BU05121105</t>
  </si>
  <si>
    <t>2021BU05121105</t>
  </si>
  <si>
    <t>Laag Dalem I</t>
  </si>
  <si>
    <t>buurt_gegeneraliseerd_2021.0167b3d9-cd04-4873-b456-98929ff57e17</t>
  </si>
  <si>
    <t>BU05121106</t>
  </si>
  <si>
    <t>2021BU05121106</t>
  </si>
  <si>
    <t>Laag Dalem II</t>
  </si>
  <si>
    <t>buurt_gegeneraliseerd_2021.42e4b66f-567c-498a-8a16-f1501ece869c</t>
  </si>
  <si>
    <t>BU05121107</t>
  </si>
  <si>
    <t>2021BU05121107</t>
  </si>
  <si>
    <t>Laag Dalem Oost</t>
  </si>
  <si>
    <t>buurt_gegeneraliseerd_2021.7343e444-3dac-423f-b5fd-85dc405e7d40</t>
  </si>
  <si>
    <t>BU05121108</t>
  </si>
  <si>
    <t>2021BU05121108</t>
  </si>
  <si>
    <t>Laag Dalem Zuid</t>
  </si>
  <si>
    <t>buurt_gegeneraliseerd_2021.0bfb0e2c-ace4-44fc-a3f3-0143993a58e5</t>
  </si>
  <si>
    <t>BU05121200</t>
  </si>
  <si>
    <t>2021BU05121200</t>
  </si>
  <si>
    <t>Dalem</t>
  </si>
  <si>
    <t>buurt_gegeneraliseerd_2021.8266c1c5-2ba4-4a13-9f20-286007b6138c</t>
  </si>
  <si>
    <t>BU05121300</t>
  </si>
  <si>
    <t>2021BU05121300</t>
  </si>
  <si>
    <t>Hoog Dalem</t>
  </si>
  <si>
    <t>buurt_gegeneraliseerd_2021.7ffcbe39-2047-4705-928f-78da1fa9eba9</t>
  </si>
  <si>
    <t>BU05121409</t>
  </si>
  <si>
    <t>2021BU05121409</t>
  </si>
  <si>
    <t>Linge</t>
  </si>
  <si>
    <t>buurt_gegeneraliseerd_2021.cba2aacb-75fd-4731-b99f-db1b2268ab8e</t>
  </si>
  <si>
    <t>BU05121410</t>
  </si>
  <si>
    <t>2021BU05121410</t>
  </si>
  <si>
    <t>Oost I</t>
  </si>
  <si>
    <t>buurt_gegeneraliseerd_2021.ead1b2d7-5d10-4756-904a-44ecfafc1e98</t>
  </si>
  <si>
    <t>BU05121411</t>
  </si>
  <si>
    <t>2021BU05121411</t>
  </si>
  <si>
    <t>Oost II</t>
  </si>
  <si>
    <t>buurt_gegeneraliseerd_2021.4546cc1e-7273-458e-8747-336a1a80bf90</t>
  </si>
  <si>
    <t>BU05121500</t>
  </si>
  <si>
    <t>2021BU05121500</t>
  </si>
  <si>
    <t>Papland</t>
  </si>
  <si>
    <t>buurt_gegeneraliseerd_2021.dd3db5a2-239e-4073-bbe7-b93535b0771e</t>
  </si>
  <si>
    <t>BU05121600</t>
  </si>
  <si>
    <t>2021BU05121600</t>
  </si>
  <si>
    <t>Schotdeuren</t>
  </si>
  <si>
    <t>buurt_gegeneraliseerd_2021.a4bfa9ad-7092-492f-bfaf-9a2020f925ff</t>
  </si>
  <si>
    <t>BU05121700</t>
  </si>
  <si>
    <t>2021BU05121700</t>
  </si>
  <si>
    <t>buurt_gegeneraliseerd_2021.b2b42304-3649-4a07-9251-d88bc46596f8</t>
  </si>
  <si>
    <t>BU05121900</t>
  </si>
  <si>
    <t>2021BU05121900</t>
  </si>
  <si>
    <t>buurt_gegeneraliseerd_2021.20eedbe9-c868-49e6-a9fa-8e60f24fdff5</t>
  </si>
  <si>
    <t>BU05122000</t>
  </si>
  <si>
    <t>2021BU05122000</t>
  </si>
  <si>
    <t>Landelijk gebied Oost</t>
  </si>
  <si>
    <t>buurt_gegeneraliseerd_2021.f50be6b1-632a-477c-b53b-e15c5a773f93</t>
  </si>
  <si>
    <t>BU05122100</t>
  </si>
  <si>
    <t>2021BU05122100</t>
  </si>
  <si>
    <t>buurt_gegeneraliseerd_2021.96482ce7-1ec1-4fb3-b0da-8f26b9e812d5</t>
  </si>
  <si>
    <t>BU05130100</t>
  </si>
  <si>
    <t>2021BU05130100</t>
  </si>
  <si>
    <t>Nieuwe Markt e.o.</t>
  </si>
  <si>
    <t>GM0513</t>
  </si>
  <si>
    <t>buurt_gegeneraliseerd_2021.a8f13b4b-49f2-49ce-9432-5435ffc9810a</t>
  </si>
  <si>
    <t>BU05130101</t>
  </si>
  <si>
    <t>2021BU05130101</t>
  </si>
  <si>
    <t>De Baan e.o.</t>
  </si>
  <si>
    <t>buurt_gegeneraliseerd_2021.6a35123d-2c5b-4826-88cb-7705e4e465c2</t>
  </si>
  <si>
    <t>BU05130102</t>
  </si>
  <si>
    <t>2021BU05130102</t>
  </si>
  <si>
    <t>Turfmarkt e.o.</t>
  </si>
  <si>
    <t>buurt_gegeneraliseerd_2021.1bf15b39-07d3-486e-8ee2-75c129204b66</t>
  </si>
  <si>
    <t>BU05130103</t>
  </si>
  <si>
    <t>2021BU05130103</t>
  </si>
  <si>
    <t>Raam e.o.</t>
  </si>
  <si>
    <t>buurt_gegeneraliseerd_2021.fffd640b-3ca3-4d85-b4f5-b092452a9d9a</t>
  </si>
  <si>
    <t>BU05130104</t>
  </si>
  <si>
    <t>2021BU05130104</t>
  </si>
  <si>
    <t>Nieuwe Park Oost</t>
  </si>
  <si>
    <t>buurt_gegeneraliseerd_2021.d0a77f32-2ee3-4c72-a200-f07da4e1d2cb</t>
  </si>
  <si>
    <t>BU05130105</t>
  </si>
  <si>
    <t>2021BU05130105</t>
  </si>
  <si>
    <t>Nieuwe Park West</t>
  </si>
  <si>
    <t>buurt_gegeneraliseerd_2021.f9c65fc7-8676-464e-9cb3-68528ffeaca0</t>
  </si>
  <si>
    <t>BU05130200</t>
  </si>
  <si>
    <t>2021BU05130200</t>
  </si>
  <si>
    <t>De Korte Akkeren Oud</t>
  </si>
  <si>
    <t>buurt_gegeneraliseerd_2021.56cfb4a0-fc03-4b82-ac9f-f9efde219b0d</t>
  </si>
  <si>
    <t>BU05130201</t>
  </si>
  <si>
    <t>2021BU05130201</t>
  </si>
  <si>
    <t>De Korte Akkeren Nieuw</t>
  </si>
  <si>
    <t>buurt_gegeneraliseerd_2021.655c3db2-c269-433a-b449-1c98fdd4d609</t>
  </si>
  <si>
    <t>BU05130202</t>
  </si>
  <si>
    <t>2021BU05130202</t>
  </si>
  <si>
    <t>Industrieterrein Kromme Gouwe</t>
  </si>
  <si>
    <t>buurt_gegeneraliseerd_2021.77c83b57-467d-4963-b14d-0f055287c8c0</t>
  </si>
  <si>
    <t>BU05130203</t>
  </si>
  <si>
    <t>2021BU05130203</t>
  </si>
  <si>
    <t>Industrieterrein Hollandsche IJssel</t>
  </si>
  <si>
    <t>buurt_gegeneraliseerd_2021.ed61de5f-d525-4afc-aa61-d54302fcc242</t>
  </si>
  <si>
    <t>BU05130204</t>
  </si>
  <si>
    <t>2021BU05130204</t>
  </si>
  <si>
    <t>Weidebloemkwartier</t>
  </si>
  <si>
    <t>buurt_gegeneraliseerd_2021.d8c98905-ba77-4e08-8830-94a9c2e95d71</t>
  </si>
  <si>
    <t>BU05130300</t>
  </si>
  <si>
    <t>2021BU05130300</t>
  </si>
  <si>
    <t>Boerhaavekwartier</t>
  </si>
  <si>
    <t>buurt_gegeneraliseerd_2021.ae96be2d-4b30-44d6-8ee8-426c297e2dcf</t>
  </si>
  <si>
    <t>BU05130301</t>
  </si>
  <si>
    <t>2021BU05130301</t>
  </si>
  <si>
    <t>Windrooskwartier en Heesterbuurt</t>
  </si>
  <si>
    <t>buurt_gegeneraliseerd_2021.0aa13d82-efbc-413c-8fbb-ded536871c98</t>
  </si>
  <si>
    <t>BU05130302</t>
  </si>
  <si>
    <t>2021BU05130302</t>
  </si>
  <si>
    <t>Groenhovenkwartier</t>
  </si>
  <si>
    <t>buurt_gegeneraliseerd_2021.56a20701-ae65-40ff-a4b7-7009f4c1e71a</t>
  </si>
  <si>
    <t>BU05130303</t>
  </si>
  <si>
    <t>2021BU05130303</t>
  </si>
  <si>
    <t>Bloemendaalseweg</t>
  </si>
  <si>
    <t>buurt_gegeneraliseerd_2021.67284b7e-6a9b-4ec1-b7a0-4442718a191c</t>
  </si>
  <si>
    <t>BU05130304</t>
  </si>
  <si>
    <t>2021BU05130304</t>
  </si>
  <si>
    <t>De Goudse Poort</t>
  </si>
  <si>
    <t>buurt_gegeneraliseerd_2021.8c1aec0a-831f-4e17-b0a4-6ff2d00b0369</t>
  </si>
  <si>
    <t>BU05130305</t>
  </si>
  <si>
    <t>2021BU05130305</t>
  </si>
  <si>
    <t>Gaardenbuurt</t>
  </si>
  <si>
    <t>buurt_gegeneraliseerd_2021.64221e12-5857-4895-a9b8-69918b0d6bf7</t>
  </si>
  <si>
    <t>BU05130400</t>
  </si>
  <si>
    <t>2021BU05130400</t>
  </si>
  <si>
    <t>Hoef- en Veldbuurt</t>
  </si>
  <si>
    <t>buurt_gegeneraliseerd_2021.9e1c0a9d-0b76-4463-b938-9df747d20659</t>
  </si>
  <si>
    <t>BU05130401</t>
  </si>
  <si>
    <t>2021BU05130401</t>
  </si>
  <si>
    <t>Zomenbuurt</t>
  </si>
  <si>
    <t>buurt_gegeneraliseerd_2021.5f8d45f0-5a75-4321-acd9-23f06c18fa6a</t>
  </si>
  <si>
    <t>BU05130402</t>
  </si>
  <si>
    <t>2021BU05130402</t>
  </si>
  <si>
    <t>Hoevenbuurt</t>
  </si>
  <si>
    <t>buurt_gegeneraliseerd_2021.93c16aab-0686-46bb-bed3-8326ea12765d</t>
  </si>
  <si>
    <t>BU05130403</t>
  </si>
  <si>
    <t>2021BU05130403</t>
  </si>
  <si>
    <t>Lusten-, Burgen- en Steinenbuurt</t>
  </si>
  <si>
    <t>buurt_gegeneraliseerd_2021.fbec61ae-b32b-45cb-80d3-e6a17385e437</t>
  </si>
  <si>
    <t>BU05130404</t>
  </si>
  <si>
    <t>2021BU05130404</t>
  </si>
  <si>
    <t>Grassen- Waterbuurt</t>
  </si>
  <si>
    <t>buurt_gegeneraliseerd_2021.40962407-803f-4bfa-a5e3-93549b9fee5d</t>
  </si>
  <si>
    <t>BU05130405</t>
  </si>
  <si>
    <t>2021BU05130405</t>
  </si>
  <si>
    <t>Bodegraafsestraatweg</t>
  </si>
  <si>
    <t>buurt_gegeneraliseerd_2021.ae7d6d7b-21c6-46ce-a439-46685c6de59a</t>
  </si>
  <si>
    <t>BU05130406</t>
  </si>
  <si>
    <t>2021BU05130406</t>
  </si>
  <si>
    <t>De Mammoet</t>
  </si>
  <si>
    <t>buurt_gegeneraliseerd_2021.ab9e577d-d66a-44c3-bc2b-c8e489c1390c</t>
  </si>
  <si>
    <t>BU05130407</t>
  </si>
  <si>
    <t>2021BU05130407</t>
  </si>
  <si>
    <t>Wervenbuurt</t>
  </si>
  <si>
    <t>buurt_gegeneraliseerd_2021.5a635026-a2d9-40b0-8889-624ddd03c1be</t>
  </si>
  <si>
    <t>BU05130500</t>
  </si>
  <si>
    <t>2021BU05130500</t>
  </si>
  <si>
    <t>Ouwe Gouwe</t>
  </si>
  <si>
    <t>buurt_gegeneraliseerd_2021.b7710a16-f56f-4ede-9fee-9c91210a149c</t>
  </si>
  <si>
    <t>BU05130501</t>
  </si>
  <si>
    <t>2021BU05130501</t>
  </si>
  <si>
    <t>Statensingel</t>
  </si>
  <si>
    <t>buurt_gegeneraliseerd_2021.5152924c-f6fe-4e5f-b612-120ad4c36cf1</t>
  </si>
  <si>
    <t>BU05130502</t>
  </si>
  <si>
    <t>2021BU05130502</t>
  </si>
  <si>
    <t>Wethouder Venteweg</t>
  </si>
  <si>
    <t>buurt_gegeneraliseerd_2021.625ccb2f-373f-4163-93a4-55671e6c62fe</t>
  </si>
  <si>
    <t>BU05130503</t>
  </si>
  <si>
    <t>2021BU05130503</t>
  </si>
  <si>
    <t>Achterwillenseweg</t>
  </si>
  <si>
    <t>buurt_gegeneraliseerd_2021.417b04f7-6b85-4154-90f6-0f4a679d11c8</t>
  </si>
  <si>
    <t>BU05130504</t>
  </si>
  <si>
    <t>2021BU05130504</t>
  </si>
  <si>
    <t>Slagenbuurt</t>
  </si>
  <si>
    <t>buurt_gegeneraliseerd_2021.1057ade4-d09a-45d5-93bf-0c0d7d8d9c1c</t>
  </si>
  <si>
    <t>BU05130505</t>
  </si>
  <si>
    <t>2021BU05130505</t>
  </si>
  <si>
    <t>Middenwillens</t>
  </si>
  <si>
    <t>buurt_gegeneraliseerd_2021.2eb108b0-f292-4c8f-a1c6-a89a6da1557b</t>
  </si>
  <si>
    <t>BU05130509</t>
  </si>
  <si>
    <t>2021BU05130509</t>
  </si>
  <si>
    <t>De Goudse Hout</t>
  </si>
  <si>
    <t>buurt_gegeneraliseerd_2021.08e4efab-0935-4611-86ec-51debec9de7a</t>
  </si>
  <si>
    <t>BU05130600</t>
  </si>
  <si>
    <t>2021BU05130600</t>
  </si>
  <si>
    <t>Oosterwei</t>
  </si>
  <si>
    <t>buurt_gegeneraliseerd_2021.e5b7ecc5-bc3f-4f33-9e66-9336a56a3b4e</t>
  </si>
  <si>
    <t>BU05130601</t>
  </si>
  <si>
    <t>2021BU05130601</t>
  </si>
  <si>
    <t>buurt_gegeneraliseerd_2021.44706f18-faa0-4aa8-ad1e-162527394062</t>
  </si>
  <si>
    <t>BU05130602</t>
  </si>
  <si>
    <t>2021BU05130602</t>
  </si>
  <si>
    <t>Voorwillenseweg</t>
  </si>
  <si>
    <t>buurt_gegeneraliseerd_2021.7d5265af-6b38-4893-85df-ca7eebd07af2</t>
  </si>
  <si>
    <t>BU05130603</t>
  </si>
  <si>
    <t>2021BU05130603</t>
  </si>
  <si>
    <t>Kadenbuurt</t>
  </si>
  <si>
    <t>buurt_gegeneraliseerd_2021.b2e3508b-5356-40c6-81ca-4cd25b69d7dc</t>
  </si>
  <si>
    <t>BU05130604</t>
  </si>
  <si>
    <t>2021BU05130604</t>
  </si>
  <si>
    <t>Kort Haarlem</t>
  </si>
  <si>
    <t>buurt_gegeneraliseerd_2021.70d2864a-eb58-4837-b1e8-5dbc94395283</t>
  </si>
  <si>
    <t>BU05130700</t>
  </si>
  <si>
    <t>2021BU05130700</t>
  </si>
  <si>
    <t>Sportbuurt</t>
  </si>
  <si>
    <t>buurt_gegeneraliseerd_2021.1e471d3b-ecdf-446f-85c7-213989f27c47</t>
  </si>
  <si>
    <t>BU05130701</t>
  </si>
  <si>
    <t>2021BU05130701</t>
  </si>
  <si>
    <t>buurt_gegeneraliseerd_2021.84924b22-ddc7-4813-8777-a5498e35100a</t>
  </si>
  <si>
    <t>BU05130702</t>
  </si>
  <si>
    <t>2021BU05130702</t>
  </si>
  <si>
    <t>buurt_gegeneraliseerd_2021.b457ca91-f26b-4ba1-9cd3-9e04e031f93a</t>
  </si>
  <si>
    <t>BU05130703</t>
  </si>
  <si>
    <t>2021BU05130703</t>
  </si>
  <si>
    <t>buurt_gegeneraliseerd_2021.f37c9ed8-4b10-43bd-a82b-9a24c0fee383</t>
  </si>
  <si>
    <t>BU05130704</t>
  </si>
  <si>
    <t>2021BU05130704</t>
  </si>
  <si>
    <t>buurt_gegeneraliseerd_2021.4147b466-ab09-4d5e-9710-9e2dadc1e2de</t>
  </si>
  <si>
    <t>BU05130705</t>
  </si>
  <si>
    <t>2021BU05130705</t>
  </si>
  <si>
    <t>buurt_gegeneraliseerd_2021.f10f0b7a-4e39-4039-879c-73d86e9abfb5</t>
  </si>
  <si>
    <t>BU05130800</t>
  </si>
  <si>
    <t>2021BU05130800</t>
  </si>
  <si>
    <t>Stolwijkersluis Oost</t>
  </si>
  <si>
    <t>buurt_gegeneraliseerd_2021.1c141c90-3e1f-425b-a296-2646ae344023</t>
  </si>
  <si>
    <t>BU05130809</t>
  </si>
  <si>
    <t>2021BU05130809</t>
  </si>
  <si>
    <t>Stolwijkersluis West</t>
  </si>
  <si>
    <t>buurt_gegeneraliseerd_2021.b912f00e-aae5-4b4d-933b-0a1cf4ec4505</t>
  </si>
  <si>
    <t>BU05130900</t>
  </si>
  <si>
    <t>2021BU05130900</t>
  </si>
  <si>
    <t>Gouwestroom</t>
  </si>
  <si>
    <t>buurt_gegeneraliseerd_2021.facb273c-38d8-466d-a905-4f8806b37206</t>
  </si>
  <si>
    <t>BU05130901</t>
  </si>
  <si>
    <t>2021BU05130901</t>
  </si>
  <si>
    <t>Ringvaartbocht</t>
  </si>
  <si>
    <t>buurt_gegeneraliseerd_2021.ce5781eb-26c2-437c-9201-4f9661c0297e</t>
  </si>
  <si>
    <t>BU05130902</t>
  </si>
  <si>
    <t>2021BU05130902</t>
  </si>
  <si>
    <t>Oostpolder in Schieland</t>
  </si>
  <si>
    <t>buurt_gegeneraliseerd_2021.992e0107-c1ab-4512-a362-7fecd20087df</t>
  </si>
  <si>
    <t>BU05130903</t>
  </si>
  <si>
    <t>2021BU05130903</t>
  </si>
  <si>
    <t>buurt_gegeneraliseerd_2021.a0024f7e-b40e-4eaf-9f7e-f31c58d6d7e7</t>
  </si>
  <si>
    <t>BU05130904</t>
  </si>
  <si>
    <t>2021BU05130904</t>
  </si>
  <si>
    <t>buurt_gegeneraliseerd_2021.84b44c02-447c-479c-8652-d34b8884bcf7</t>
  </si>
  <si>
    <t>BU05130909</t>
  </si>
  <si>
    <t>2021BU05130909</t>
  </si>
  <si>
    <t>Westergouwe</t>
  </si>
  <si>
    <t>buurt_gegeneraliseerd_2021.c51c9249-cbe9-4557-8919-3fec68eee775</t>
  </si>
  <si>
    <t>BU05180170</t>
  </si>
  <si>
    <t>2021BU05180170</t>
  </si>
  <si>
    <t>Oostduinen</t>
  </si>
  <si>
    <t>GM0518</t>
  </si>
  <si>
    <t>buurt_gegeneraliseerd_2021.008146da-5b7a-4553-84b1-e44758be9f9c</t>
  </si>
  <si>
    <t>BU05180271</t>
  </si>
  <si>
    <t>2021BU05180271</t>
  </si>
  <si>
    <t>Belgisch Park</t>
  </si>
  <si>
    <t>buurt_gegeneraliseerd_2021.293781b2-7ac9-47f1-baf3-d15c367cefe8</t>
  </si>
  <si>
    <t>BU05180373</t>
  </si>
  <si>
    <t>2021BU05180373</t>
  </si>
  <si>
    <t>Westbroekpark</t>
  </si>
  <si>
    <t>buurt_gegeneraliseerd_2021.564fb3be-46ce-4f73-bb70-d36e69db088e</t>
  </si>
  <si>
    <t>BU05180374</t>
  </si>
  <si>
    <t>2021BU05180374</t>
  </si>
  <si>
    <t>Duttendel</t>
  </si>
  <si>
    <t>buurt_gegeneraliseerd_2021.ae6004da-bf9a-4207-b56d-6502df657dc7</t>
  </si>
  <si>
    <t>BU05180448</t>
  </si>
  <si>
    <t>2021BU05180448</t>
  </si>
  <si>
    <t>Nassaubuurt</t>
  </si>
  <si>
    <t>buurt_gegeneraliseerd_2021.116dc5ef-032a-4fbf-a442-47c22b94cd41</t>
  </si>
  <si>
    <t>BU05180475</t>
  </si>
  <si>
    <t>2021BU05180475</t>
  </si>
  <si>
    <t>Uilennest</t>
  </si>
  <si>
    <t>buurt_gegeneraliseerd_2021.878d2762-a13f-4095-b0b9-f9607a9b2247</t>
  </si>
  <si>
    <t>BU05180476</t>
  </si>
  <si>
    <t>2021BU05180476</t>
  </si>
  <si>
    <t>Duinzigt</t>
  </si>
  <si>
    <t>buurt_gegeneraliseerd_2021.43fbc78d-bb1a-4cf8-883f-0a623c36819a</t>
  </si>
  <si>
    <t>BU05180477</t>
  </si>
  <si>
    <t>2021BU05180477</t>
  </si>
  <si>
    <t>Waalsdorp</t>
  </si>
  <si>
    <t>buurt_gegeneraliseerd_2021.7374b65b-b61c-4bd1-8b4c-b51a38af2957</t>
  </si>
  <si>
    <t>BU05180478</t>
  </si>
  <si>
    <t>2021BU05180478</t>
  </si>
  <si>
    <t>Arendsdorp</t>
  </si>
  <si>
    <t>buurt_gegeneraliseerd_2021.8608b012-1bc9-43d7-b4ff-e2a192c460d2</t>
  </si>
  <si>
    <t>BU05180479</t>
  </si>
  <si>
    <t>2021BU05180479</t>
  </si>
  <si>
    <t>Van Hoytemastraat en omgeving</t>
  </si>
  <si>
    <t>buurt_gegeneraliseerd_2021.a39445eb-052e-46d0-8c07-009accc5c2a6</t>
  </si>
  <si>
    <t>BU05180546</t>
  </si>
  <si>
    <t>2021BU05180546</t>
  </si>
  <si>
    <t>Archipelbuurt</t>
  </si>
  <si>
    <t>buurt_gegeneraliseerd_2021.bd8ca3b2-732c-49dd-84a2-91ce639b7599</t>
  </si>
  <si>
    <t>BU05180605</t>
  </si>
  <si>
    <t>2021BU05180605</t>
  </si>
  <si>
    <t>Van Stolkpark en Scheveningse Bosjes</t>
  </si>
  <si>
    <t>buurt_gegeneraliseerd_2021.9668ad6b-7a1d-4773-93ba-53a00f2eae88</t>
  </si>
  <si>
    <t>BU05180701</t>
  </si>
  <si>
    <t>2021BU05180701</t>
  </si>
  <si>
    <t>Oud Scheveningen</t>
  </si>
  <si>
    <t>buurt_gegeneraliseerd_2021.289b7798-e2cc-4699-b24e-44d197b28912</t>
  </si>
  <si>
    <t>BU05180702</t>
  </si>
  <si>
    <t>2021BU05180702</t>
  </si>
  <si>
    <t>Vissershaven</t>
  </si>
  <si>
    <t>buurt_gegeneraliseerd_2021.4c879562-7ec9-4ae7-b638-93127f13a838</t>
  </si>
  <si>
    <t>BU05180703</t>
  </si>
  <si>
    <t>2021BU05180703</t>
  </si>
  <si>
    <t>Scheveningen Badplaats</t>
  </si>
  <si>
    <t>buurt_gegeneraliseerd_2021.5192fb8d-71fb-443c-9841-22dc4ee7f621</t>
  </si>
  <si>
    <t>BU05180704</t>
  </si>
  <si>
    <t>2021BU05180704</t>
  </si>
  <si>
    <t>Visserijbuurt</t>
  </si>
  <si>
    <t>buurt_gegeneraliseerd_2021.84a266ad-38a3-4d74-8f33-c3a8f8e38e57</t>
  </si>
  <si>
    <t>BU05180772</t>
  </si>
  <si>
    <t>2021BU05180772</t>
  </si>
  <si>
    <t>Rijslag</t>
  </si>
  <si>
    <t>buurt_gegeneraliseerd_2021.1e7afeda-12b5-45de-b2e5-b988ff186433</t>
  </si>
  <si>
    <t>BU05180800</t>
  </si>
  <si>
    <t>2021BU05180800</t>
  </si>
  <si>
    <t>Duindorp</t>
  </si>
  <si>
    <t>buurt_gegeneraliseerd_2021.879c1825-a7c7-4597-86ae-436d292bdb2c</t>
  </si>
  <si>
    <t>BU05180907</t>
  </si>
  <si>
    <t>2021BU05180907</t>
  </si>
  <si>
    <t>buurt_gegeneraliseerd_2021.afdf9dbc-9dfd-485e-b847-9a89396886b9</t>
  </si>
  <si>
    <t>BU05180908</t>
  </si>
  <si>
    <t>2021BU05180908</t>
  </si>
  <si>
    <t>Geuzenkwartier</t>
  </si>
  <si>
    <t>buurt_gegeneraliseerd_2021.1605330a-c964-4222-a3ca-92018a235f07</t>
  </si>
  <si>
    <t>BU05181041</t>
  </si>
  <si>
    <t>2021BU05181041</t>
  </si>
  <si>
    <t>Zorgvliet</t>
  </si>
  <si>
    <t>buurt_gegeneraliseerd_2021.b01982e5-b782-4649-9a73-0bfbdb12294b</t>
  </si>
  <si>
    <t>BU05181142</t>
  </si>
  <si>
    <t>2021BU05181142</t>
  </si>
  <si>
    <t>Stadhoudersplantsoen</t>
  </si>
  <si>
    <t>buurt_gegeneraliseerd_2021.35d05125-973a-429d-8c76-6ae511d9cf90</t>
  </si>
  <si>
    <t>BU05181143</t>
  </si>
  <si>
    <t>2021BU05181143</t>
  </si>
  <si>
    <t>Sweelinckplein en omgeving</t>
  </si>
  <si>
    <t>buurt_gegeneraliseerd_2021.927da26e-46c9-4850-92e6-a682a1abfb77</t>
  </si>
  <si>
    <t>BU05181250</t>
  </si>
  <si>
    <t>2021BU05181250</t>
  </si>
  <si>
    <t>Bloemenbuurt-West</t>
  </si>
  <si>
    <t>buurt_gegeneraliseerd_2021.fa4a5f25-6563-4f8b-b930-2b750cd27da2</t>
  </si>
  <si>
    <t>BU05181251</t>
  </si>
  <si>
    <t>2021BU05181251</t>
  </si>
  <si>
    <t>Bloemenbuurt-Oost</t>
  </si>
  <si>
    <t>buurt_gegeneraliseerd_2021.d333f4bd-d5ad-4fe7-9b23-2decdc68b141</t>
  </si>
  <si>
    <t>BU05181252</t>
  </si>
  <si>
    <t>2021BU05181252</t>
  </si>
  <si>
    <t>buurt_gegeneraliseerd_2021.f5266b9b-3a55-4df3-8b3e-298105f74102</t>
  </si>
  <si>
    <t>BU05181309</t>
  </si>
  <si>
    <t>2021BU05181309</t>
  </si>
  <si>
    <t>buurt_gegeneraliseerd_2021.7d2f3c2f-eaca-4738-87f1-472357327d17</t>
  </si>
  <si>
    <t>BU05181481</t>
  </si>
  <si>
    <t>2021BU05181481</t>
  </si>
  <si>
    <t>Bosjes van Pex</t>
  </si>
  <si>
    <t>buurt_gegeneraliseerd_2021.a31bdc2a-092a-400c-b016-fc3d0e7b6432</t>
  </si>
  <si>
    <t>BU05181492</t>
  </si>
  <si>
    <t>2021BU05181492</t>
  </si>
  <si>
    <t>Bohemen en Meer en Bos</t>
  </si>
  <si>
    <t>buurt_gegeneraliseerd_2021.0a209d48-8e34-4109-a547-bba59f1d4137</t>
  </si>
  <si>
    <t>BU05181590</t>
  </si>
  <si>
    <t>2021BU05181590</t>
  </si>
  <si>
    <t>Ockenburgh</t>
  </si>
  <si>
    <t>buurt_gegeneraliseerd_2021.00fc1a72-abf0-4e6b-845c-40fdda5bbc65</t>
  </si>
  <si>
    <t>BU05181591</t>
  </si>
  <si>
    <t>2021BU05181591</t>
  </si>
  <si>
    <t>Kijkduin</t>
  </si>
  <si>
    <t>buurt_gegeneraliseerd_2021.3a19fbee-a0bd-4cf7-a982-b97526e764f0</t>
  </si>
  <si>
    <t>BU05181697</t>
  </si>
  <si>
    <t>2021BU05181697</t>
  </si>
  <si>
    <t>Kraayenstein en Vroondaal</t>
  </si>
  <si>
    <t>buurt_gegeneraliseerd_2021.f8b55bd9-9abc-42d2-804b-96aa32700d7f</t>
  </si>
  <si>
    <t>BU05181785</t>
  </si>
  <si>
    <t>2021BU05181785</t>
  </si>
  <si>
    <t>Kerketuinen en Zichtenburg</t>
  </si>
  <si>
    <t>buurt_gegeneraliseerd_2021.4162c1f9-f64a-43ca-a883-6d41540fca30</t>
  </si>
  <si>
    <t>BU05181786</t>
  </si>
  <si>
    <t>2021BU05181786</t>
  </si>
  <si>
    <t>buurt_gegeneraliseerd_2021.ec4397cb-4932-4831-8ad9-72d839622e8a</t>
  </si>
  <si>
    <t>BU05181795</t>
  </si>
  <si>
    <t>2021BU05181795</t>
  </si>
  <si>
    <t>Kom Loosduinen</t>
  </si>
  <si>
    <t>buurt_gegeneraliseerd_2021.34a2f02e-65e6-48d1-9854-a860a902f9ec</t>
  </si>
  <si>
    <t>BU05181806</t>
  </si>
  <si>
    <t>2021BU05181806</t>
  </si>
  <si>
    <t>Waldeck-Zuid</t>
  </si>
  <si>
    <t>buurt_gegeneraliseerd_2021.03c10650-b031-4938-a79d-3ce15398cf6f</t>
  </si>
  <si>
    <t>BU05181840</t>
  </si>
  <si>
    <t>2021BU05181840</t>
  </si>
  <si>
    <t>Nieuw Waldeck</t>
  </si>
  <si>
    <t>buurt_gegeneraliseerd_2021.cef6d480-f2b7-49e8-8684-f4d6f9cf3f64</t>
  </si>
  <si>
    <t>BU05181882</t>
  </si>
  <si>
    <t>2021BU05181882</t>
  </si>
  <si>
    <t>Rosenburg</t>
  </si>
  <si>
    <t>buurt_gegeneraliseerd_2021.bd9b3840-5e4a-46b8-9a73-bb38a5df5d7c</t>
  </si>
  <si>
    <t>BU05181893</t>
  </si>
  <si>
    <t>2021BU05181893</t>
  </si>
  <si>
    <t>buurt_gegeneraliseerd_2021.268b6db3-6ef3-4dd1-8766-27800e153164</t>
  </si>
  <si>
    <t>BU05181894</t>
  </si>
  <si>
    <t>2021BU05181894</t>
  </si>
  <si>
    <t>Waldeck-Noord</t>
  </si>
  <si>
    <t>buurt_gegeneraliseerd_2021.bfb2eb83-74b4-4698-9f52-49bfd172bad1</t>
  </si>
  <si>
    <t>BU05181953</t>
  </si>
  <si>
    <t>2021BU05181953</t>
  </si>
  <si>
    <t>Vruchtenbuurt</t>
  </si>
  <si>
    <t>buurt_gegeneraliseerd_2021.ee7ffd79-8338-4eea-8d76-e38a021f2e2a</t>
  </si>
  <si>
    <t>BU05181983</t>
  </si>
  <si>
    <t>2021BU05181983</t>
  </si>
  <si>
    <t>Eykenduinen</t>
  </si>
  <si>
    <t>buurt_gegeneraliseerd_2021.685cd8d7-d569-4c95-9d20-1fd1b0577fda</t>
  </si>
  <si>
    <t>BU05182054</t>
  </si>
  <si>
    <t>2021BU05182054</t>
  </si>
  <si>
    <t>Heesterbuurt</t>
  </si>
  <si>
    <t>buurt_gegeneraliseerd_2021.2407e572-8f5f-49f6-88bd-11ecaf0debaf</t>
  </si>
  <si>
    <t>BU05182055</t>
  </si>
  <si>
    <t>2021BU05182055</t>
  </si>
  <si>
    <t>Valkenboskwartier</t>
  </si>
  <si>
    <t>buurt_gegeneraliseerd_2021.ba6a9d9e-def7-45d1-b375-18b80a5ecf1a</t>
  </si>
  <si>
    <t>BU05182110</t>
  </si>
  <si>
    <t>2021BU05182110</t>
  </si>
  <si>
    <t>Rond de Energiecentrale</t>
  </si>
  <si>
    <t>buurt_gegeneraliseerd_2021.95561a88-ca0f-4b24-b543-24c034c40702</t>
  </si>
  <si>
    <t>BU05182144</t>
  </si>
  <si>
    <t>2021BU05182144</t>
  </si>
  <si>
    <t>Koningsplein en omgeving</t>
  </si>
  <si>
    <t>buurt_gegeneraliseerd_2021.1a656761-7695-4912-a4ca-1407569165aa</t>
  </si>
  <si>
    <t>BU05182245</t>
  </si>
  <si>
    <t>2021BU05182245</t>
  </si>
  <si>
    <t>buurt_gegeneraliseerd_2021.03bade0a-642f-40eb-b063-5a27c92c3e18</t>
  </si>
  <si>
    <t>BU05182347</t>
  </si>
  <si>
    <t>2021BU05182347</t>
  </si>
  <si>
    <t>Willemspark</t>
  </si>
  <si>
    <t>buurt_gegeneraliseerd_2021.f5777421-458f-4234-8963-39f46c8f519d</t>
  </si>
  <si>
    <t>BU05182449</t>
  </si>
  <si>
    <t>2021BU05182449</t>
  </si>
  <si>
    <t>Haagse Bos</t>
  </si>
  <si>
    <t>buurt_gegeneraliseerd_2021.a3e2fd7b-91aa-4974-b6bb-b150db2263c8</t>
  </si>
  <si>
    <t>BU05182561</t>
  </si>
  <si>
    <t>2021BU05182561</t>
  </si>
  <si>
    <t>Landen</t>
  </si>
  <si>
    <t>buurt_gegeneraliseerd_2021.43993ae9-7636-4c5f-aa87-368371927ed5</t>
  </si>
  <si>
    <t>BU05182567</t>
  </si>
  <si>
    <t>2021BU05182567</t>
  </si>
  <si>
    <t>Kampen</t>
  </si>
  <si>
    <t>buurt_gegeneraliseerd_2021.d737a461-3f57-48bc-83db-bd8c5603fa8c</t>
  </si>
  <si>
    <t>BU05182568</t>
  </si>
  <si>
    <t>2021BU05182568</t>
  </si>
  <si>
    <t>buurt_gegeneraliseerd_2021.9f83c74f-ee2a-42c1-ba76-ec837697b099</t>
  </si>
  <si>
    <t>BU05182569</t>
  </si>
  <si>
    <t>2021BU05182569</t>
  </si>
  <si>
    <t>Burgen en Horsten</t>
  </si>
  <si>
    <t>buurt_gegeneraliseerd_2021.c91cb3bd-a180-410f-8976-74a1d2c01324</t>
  </si>
  <si>
    <t>BU05182664</t>
  </si>
  <si>
    <t>2021BU05182664</t>
  </si>
  <si>
    <t>Bezuidenhout-West</t>
  </si>
  <si>
    <t>buurt_gegeneraliseerd_2021.920dbf4c-0ec2-46bd-81ea-448f0fc71f31</t>
  </si>
  <si>
    <t>BU05182665</t>
  </si>
  <si>
    <t>2021BU05182665</t>
  </si>
  <si>
    <t>Bezuidenhout-Midden</t>
  </si>
  <si>
    <t>buurt_gegeneraliseerd_2021.0b2cd83c-308c-4a7a-abff-02c4a7ab5a0a</t>
  </si>
  <si>
    <t>BU05182666</t>
  </si>
  <si>
    <t>2021BU05182666</t>
  </si>
  <si>
    <t>Bezuidenhout-Oost</t>
  </si>
  <si>
    <t>buurt_gegeneraliseerd_2021.64743bcb-7163-47af-be9b-21a17b45097e</t>
  </si>
  <si>
    <t>BU05182718</t>
  </si>
  <si>
    <t>2021BU05182718</t>
  </si>
  <si>
    <t>Huygenspark</t>
  </si>
  <si>
    <t>buurt_gegeneraliseerd_2021.c3e0babf-12c6-4c51-ae85-9e8811a94e5e</t>
  </si>
  <si>
    <t>BU05182762</t>
  </si>
  <si>
    <t>2021BU05182762</t>
  </si>
  <si>
    <t>buurt_gegeneraliseerd_2021.a83a52e8-5812-432a-a29a-75d0839906b3</t>
  </si>
  <si>
    <t>BU05182763</t>
  </si>
  <si>
    <t>2021BU05182763</t>
  </si>
  <si>
    <t>buurt_gegeneraliseerd_2021.38301f9b-637d-4422-a41e-57c7d7b01130</t>
  </si>
  <si>
    <t>BU05182811</t>
  </si>
  <si>
    <t>2021BU05182811</t>
  </si>
  <si>
    <t>Kortenbos</t>
  </si>
  <si>
    <t>buurt_gegeneraliseerd_2021.7f54af8b-2a35-4b20-a130-38753bbf7500</t>
  </si>
  <si>
    <t>BU05182812</t>
  </si>
  <si>
    <t>2021BU05182812</t>
  </si>
  <si>
    <t>Voorhout</t>
  </si>
  <si>
    <t>buurt_gegeneraliseerd_2021.108dc57a-9df4-4da5-b42b-53a2b557ffba</t>
  </si>
  <si>
    <t>BU05182813</t>
  </si>
  <si>
    <t>2021BU05182813</t>
  </si>
  <si>
    <t>Uilebomen</t>
  </si>
  <si>
    <t>buurt_gegeneraliseerd_2021.b6ae1fa9-cb1c-4a52-9925-3f0f94eaacf3</t>
  </si>
  <si>
    <t>BU05182814</t>
  </si>
  <si>
    <t>2021BU05182814</t>
  </si>
  <si>
    <t>Zuidwal</t>
  </si>
  <si>
    <t>buurt_gegeneraliseerd_2021.c2992571-a740-4aa1-a8e0-20ddc9ba9ee8</t>
  </si>
  <si>
    <t>BU05182915</t>
  </si>
  <si>
    <t>2021BU05182915</t>
  </si>
  <si>
    <t>Schildersbuurt-West</t>
  </si>
  <si>
    <t>buurt_gegeneraliseerd_2021.68e1f26b-e0d0-49f1-b65b-a0e705d2abb1</t>
  </si>
  <si>
    <t>BU05182916</t>
  </si>
  <si>
    <t>2021BU05182916</t>
  </si>
  <si>
    <t>Schildersbuurt-Noord</t>
  </si>
  <si>
    <t>buurt_gegeneraliseerd_2021.262b26b6-fef8-4c2d-9a23-068f80711a26</t>
  </si>
  <si>
    <t>BU05182917</t>
  </si>
  <si>
    <t>2021BU05182917</t>
  </si>
  <si>
    <t>Schildersbuurt-Oost</t>
  </si>
  <si>
    <t>buurt_gegeneraliseerd_2021.a41bd06c-90c3-4572-b09c-e7593832291b</t>
  </si>
  <si>
    <t>BU05183032</t>
  </si>
  <si>
    <t>2021BU05183032</t>
  </si>
  <si>
    <t>Transvaalkwartier-Noord</t>
  </si>
  <si>
    <t>buurt_gegeneraliseerd_2021.1e12e000-415a-4df4-a269-a16338fcc880</t>
  </si>
  <si>
    <t>BU05183033</t>
  </si>
  <si>
    <t>2021BU05183033</t>
  </si>
  <si>
    <t>Transvaalkwartier-Midden</t>
  </si>
  <si>
    <t>buurt_gegeneraliseerd_2021.c3fd1698-3939-4250-abb1-4f2b7b6c6731</t>
  </si>
  <si>
    <t>BU05183034</t>
  </si>
  <si>
    <t>2021BU05183034</t>
  </si>
  <si>
    <t>Transvaalkwartier-Zuid</t>
  </si>
  <si>
    <t>buurt_gegeneraliseerd_2021.a9a1d5f9-371f-43c1-94dd-11425ff8e46e</t>
  </si>
  <si>
    <t>BU05183130</t>
  </si>
  <si>
    <t>2021BU05183130</t>
  </si>
  <si>
    <t>buurt_gegeneraliseerd_2021.be2ce9d3-a408-4f88-8555-269ee2f1d0a5</t>
  </si>
  <si>
    <t>BU05183131</t>
  </si>
  <si>
    <t>2021BU05183131</t>
  </si>
  <si>
    <t>Oostbroek-Noord</t>
  </si>
  <si>
    <t>buurt_gegeneraliseerd_2021.4fce4055-cdb2-498b-92d4-18429059bd2b</t>
  </si>
  <si>
    <t>BU05183135</t>
  </si>
  <si>
    <t>2021BU05183135</t>
  </si>
  <si>
    <t>Oostbroek-Zuid</t>
  </si>
  <si>
    <t>buurt_gegeneraliseerd_2021.21473d3d-aeaf-46fd-9ae5-6c9e49183ddf</t>
  </si>
  <si>
    <t>BU05183284</t>
  </si>
  <si>
    <t>2021BU05183284</t>
  </si>
  <si>
    <t>Leyenburg</t>
  </si>
  <si>
    <t>buurt_gegeneraliseerd_2021.a688eb0f-46f8-4252-ada2-91b0a3a1afab</t>
  </si>
  <si>
    <t>BU05183387</t>
  </si>
  <si>
    <t>2021BU05183387</t>
  </si>
  <si>
    <t>Venen, Oorden en Raden</t>
  </si>
  <si>
    <t>buurt_gegeneraliseerd_2021.1a93ecec-0c52-46b1-bbaa-17687e2ac108</t>
  </si>
  <si>
    <t>BU05183396</t>
  </si>
  <si>
    <t>2021BU05183396</t>
  </si>
  <si>
    <t>Zijden, Steden en Zichten</t>
  </si>
  <si>
    <t>buurt_gegeneraliseerd_2021.f2cfbe1a-42b2-4750-8507-ffd6ed40d8c0</t>
  </si>
  <si>
    <t>BU05183398</t>
  </si>
  <si>
    <t>2021BU05183398</t>
  </si>
  <si>
    <t>Dreven en Gaarden</t>
  </si>
  <si>
    <t>buurt_gegeneraliseerd_2021.6b755c07-7397-4aa0-9d79-0ddf28914ca6</t>
  </si>
  <si>
    <t>BU05183399</t>
  </si>
  <si>
    <t>2021BU05183399</t>
  </si>
  <si>
    <t>De Uithof</t>
  </si>
  <si>
    <t>buurt_gegeneraliseerd_2021.62cbb106-b467-4fd8-add7-1784aef8bde1</t>
  </si>
  <si>
    <t>BU05183480</t>
  </si>
  <si>
    <t>2021BU05183480</t>
  </si>
  <si>
    <t>Morgenstond-Zuid</t>
  </si>
  <si>
    <t>buurt_gegeneraliseerd_2021.655c25a5-78f5-4abe-bcf2-822f4e7125b7</t>
  </si>
  <si>
    <t>BU05183488</t>
  </si>
  <si>
    <t>2021BU05183488</t>
  </si>
  <si>
    <t>Morgenstond-West</t>
  </si>
  <si>
    <t>buurt_gegeneraliseerd_2021.e903576e-5066-4262-b695-a0b7b735fd93</t>
  </si>
  <si>
    <t>BU05183489</t>
  </si>
  <si>
    <t>2021BU05183489</t>
  </si>
  <si>
    <t>Morgenstond-Oost</t>
  </si>
  <si>
    <t>buurt_gegeneraliseerd_2021.f16ed958-8b71-445f-b107-d2a1924fd46e</t>
  </si>
  <si>
    <t>BU05183536</t>
  </si>
  <si>
    <t>2021BU05183536</t>
  </si>
  <si>
    <t>buurt_gegeneraliseerd_2021.82754086-affd-42f0-aa33-7a232612485e</t>
  </si>
  <si>
    <t>BU05183620</t>
  </si>
  <si>
    <t>2021BU05183620</t>
  </si>
  <si>
    <t>Moerwijk-Oost</t>
  </si>
  <si>
    <t>buurt_gegeneraliseerd_2021.f675960c-eb08-4c51-8195-acaf7b7d1c5b</t>
  </si>
  <si>
    <t>BU05183637</t>
  </si>
  <si>
    <t>2021BU05183637</t>
  </si>
  <si>
    <t>Moerwijk-West</t>
  </si>
  <si>
    <t>buurt_gegeneraliseerd_2021.ad569500-c80f-40bf-9847-aa6ea0e23e52</t>
  </si>
  <si>
    <t>BU05183638</t>
  </si>
  <si>
    <t>2021BU05183638</t>
  </si>
  <si>
    <t>Moerwijk-Noord</t>
  </si>
  <si>
    <t>buurt_gegeneraliseerd_2021.0380d10c-3ad1-4a4b-ba53-dc94573d537c</t>
  </si>
  <si>
    <t>BU05183639</t>
  </si>
  <si>
    <t>2021BU05183639</t>
  </si>
  <si>
    <t>Moerwijk-Zuid</t>
  </si>
  <si>
    <t>buurt_gegeneraliseerd_2021.e7dfa163-c322-431f-b0c0-4dfd7ec35662</t>
  </si>
  <si>
    <t>BU05183721</t>
  </si>
  <si>
    <t>2021BU05183721</t>
  </si>
  <si>
    <t>Groente- en Fruitmarkt</t>
  </si>
  <si>
    <t>buurt_gegeneraliseerd_2021.9d5f084f-6d38-43f0-abed-8e37555d3162</t>
  </si>
  <si>
    <t>BU05183819</t>
  </si>
  <si>
    <t>2021BU05183819</t>
  </si>
  <si>
    <t>Laakhaven-Oost</t>
  </si>
  <si>
    <t>buurt_gegeneraliseerd_2021.c7cf2737-8eba-49fa-a9d7-28dc3bde2f62</t>
  </si>
  <si>
    <t>BU05183822</t>
  </si>
  <si>
    <t>2021BU05183822</t>
  </si>
  <si>
    <t>Laakhaven-West</t>
  </si>
  <si>
    <t>buurt_gegeneraliseerd_2021.39302d99-212f-4489-be18-7dae9d6d0f38</t>
  </si>
  <si>
    <t>BU05183823</t>
  </si>
  <si>
    <t>2021BU05183823</t>
  </si>
  <si>
    <t>Spoorwijk</t>
  </si>
  <si>
    <t>buurt_gegeneraliseerd_2021.942dcbd0-afb9-4b9e-ba00-700bd63c7630</t>
  </si>
  <si>
    <t>BU05183824</t>
  </si>
  <si>
    <t>2021BU05183824</t>
  </si>
  <si>
    <t>Laakkwartier-West</t>
  </si>
  <si>
    <t>buurt_gegeneraliseerd_2021.cc9ff1d2-66e3-4983-a8af-4428e45a0cfb</t>
  </si>
  <si>
    <t>BU05183825</t>
  </si>
  <si>
    <t>2021BU05183825</t>
  </si>
  <si>
    <t>Laakkwartier-Oost</t>
  </si>
  <si>
    <t>buurt_gegeneraliseerd_2021.2345611d-f9cf-4d6f-b71d-4a1bf8bcd2bc</t>
  </si>
  <si>
    <t>BU05183826</t>
  </si>
  <si>
    <t>2021BU05183826</t>
  </si>
  <si>
    <t>Noordpolderbuurt</t>
  </si>
  <si>
    <t>buurt_gegeneraliseerd_2021.f2c7905e-7ed8-48e9-8ba7-c897189dbd6b</t>
  </si>
  <si>
    <t>BU05183960</t>
  </si>
  <si>
    <t>2021BU05183960</t>
  </si>
  <si>
    <t>Binckhorst</t>
  </si>
  <si>
    <t>buurt_gegeneraliseerd_2021.19a00a6a-5900-4fbe-81b1-d9bf48fb71a6</t>
  </si>
  <si>
    <t>BU05184001</t>
  </si>
  <si>
    <t>2021BU05184001</t>
  </si>
  <si>
    <t>Erasmus Veld</t>
  </si>
  <si>
    <t>buurt_gegeneraliseerd_2021.696f95c5-5260-4ca2-9e05-dcc63ada2eb3</t>
  </si>
  <si>
    <t>BU05184002</t>
  </si>
  <si>
    <t>2021BU05184002</t>
  </si>
  <si>
    <t>Hoge Veld</t>
  </si>
  <si>
    <t>buurt_gegeneraliseerd_2021.297ed58f-ece5-44dc-bc4b-191c00e38472</t>
  </si>
  <si>
    <t>BU05184003</t>
  </si>
  <si>
    <t>2021BU05184003</t>
  </si>
  <si>
    <t>Parkbuurt oosteinde</t>
  </si>
  <si>
    <t>buurt_gegeneraliseerd_2021.eb57125d-9242-469b-a58f-0a50039b5a96</t>
  </si>
  <si>
    <t>BU05184004</t>
  </si>
  <si>
    <t>2021BU05184004</t>
  </si>
  <si>
    <t>Lage Veld</t>
  </si>
  <si>
    <t>buurt_gegeneraliseerd_2021.59f16563-659e-441e-b75c-da322f7a4b08</t>
  </si>
  <si>
    <t>BU05184005</t>
  </si>
  <si>
    <t>2021BU05184005</t>
  </si>
  <si>
    <t>Zonne Veld</t>
  </si>
  <si>
    <t>buurt_gegeneraliseerd_2021.3bdff3d9-fe26-42f9-a676-7282c99d830c</t>
  </si>
  <si>
    <t>BU05184106</t>
  </si>
  <si>
    <t>2021BU05184106</t>
  </si>
  <si>
    <t>Vlietzoom-West</t>
  </si>
  <si>
    <t>buurt_gegeneraliseerd_2021.9f2427f9-b885-4325-b402-5dab7b771456</t>
  </si>
  <si>
    <t>BU05184107</t>
  </si>
  <si>
    <t>2021BU05184107</t>
  </si>
  <si>
    <t>Vliegeniersbuurt</t>
  </si>
  <si>
    <t>buurt_gegeneraliseerd_2021.d493cc99-40e9-416c-bbd6-17e73e606333</t>
  </si>
  <si>
    <t>BU05184110</t>
  </si>
  <si>
    <t>2021BU05184110</t>
  </si>
  <si>
    <t>De Reef</t>
  </si>
  <si>
    <t>buurt_gegeneraliseerd_2021.824595c1-6b62-4d2a-b305-b3c336e89993</t>
  </si>
  <si>
    <t>BU05184208</t>
  </si>
  <si>
    <t>2021BU05184208</t>
  </si>
  <si>
    <t>Bosweide</t>
  </si>
  <si>
    <t>buurt_gegeneraliseerd_2021.97a64360-01fa-48d3-9ed4-6e4d9fb0dcfc</t>
  </si>
  <si>
    <t>BU05184209</t>
  </si>
  <si>
    <t>2021BU05184209</t>
  </si>
  <si>
    <t>Tedingerbuurt</t>
  </si>
  <si>
    <t>buurt_gegeneraliseerd_2021.be543345-b5ba-4541-ad81-58aa2ce1498f</t>
  </si>
  <si>
    <t>BU05184211</t>
  </si>
  <si>
    <t>2021BU05184211</t>
  </si>
  <si>
    <t>buurt_gegeneraliseerd_2021.72a511a0-9aa2-4769-8c4a-20e236f4a9c0</t>
  </si>
  <si>
    <t>BU05184212</t>
  </si>
  <si>
    <t>2021BU05184212</t>
  </si>
  <si>
    <t>Morgenweide</t>
  </si>
  <si>
    <t>buurt_gegeneraliseerd_2021.8c61da21-036c-4784-a940-476be434cdfb</t>
  </si>
  <si>
    <t>BU05184213</t>
  </si>
  <si>
    <t>2021BU05184213</t>
  </si>
  <si>
    <t>Singels</t>
  </si>
  <si>
    <t>buurt_gegeneraliseerd_2021.01aaa559-85bb-4fe8-ad05-60e2b40e1468</t>
  </si>
  <si>
    <t>BU05184214</t>
  </si>
  <si>
    <t>2021BU05184214</t>
  </si>
  <si>
    <t>Waterbuurt</t>
  </si>
  <si>
    <t>buurt_gegeneraliseerd_2021.73151cdc-1260-4ad6-b80f-aec996f06b3a</t>
  </si>
  <si>
    <t>BU05184215</t>
  </si>
  <si>
    <t>2021BU05184215</t>
  </si>
  <si>
    <t>buurt_gegeneraliseerd_2021.09f9b6a5-f21d-4c7b-a58b-9d0e9c3144f9</t>
  </si>
  <si>
    <t>BU05184316</t>
  </si>
  <si>
    <t>2021BU05184316</t>
  </si>
  <si>
    <t>Vlietzoom-Oost</t>
  </si>
  <si>
    <t>buurt_gegeneraliseerd_2021.c8725c86-1fb5-4eeb-b02e-2d6455b75ce2</t>
  </si>
  <si>
    <t>BU05184317</t>
  </si>
  <si>
    <t>2021BU05184317</t>
  </si>
  <si>
    <t>buurt_gegeneraliseerd_2021.4f796157-e809-4525-8ed1-d11b67bfef98</t>
  </si>
  <si>
    <t>BU05184418</t>
  </si>
  <si>
    <t>2021BU05184418</t>
  </si>
  <si>
    <t>De Lanen</t>
  </si>
  <si>
    <t>buurt_gegeneraliseerd_2021.016f6bfa-e736-4799-9183-f1c3b024f86f</t>
  </si>
  <si>
    <t>BU05184419</t>
  </si>
  <si>
    <t>2021BU05184419</t>
  </si>
  <si>
    <t>De Velden</t>
  </si>
  <si>
    <t>buurt_gegeneraliseerd_2021.cf5e4d08-33eb-4621-a0b3-96a5230e0e4f</t>
  </si>
  <si>
    <t>BU05184420</t>
  </si>
  <si>
    <t>2021BU05184420</t>
  </si>
  <si>
    <t>De Vissen</t>
  </si>
  <si>
    <t>buurt_gegeneraliseerd_2021.1f0ad095-18ef-42aa-bd62-c621c5bf3e9e</t>
  </si>
  <si>
    <t>BU05184421</t>
  </si>
  <si>
    <t>2021BU05184421</t>
  </si>
  <si>
    <t>Rietbuurt</t>
  </si>
  <si>
    <t>buurt_gegeneraliseerd_2021.a11f3507-d6db-456f-8e80-954f5452ec6e</t>
  </si>
  <si>
    <t>BU05300000</t>
  </si>
  <si>
    <t>2021BU05300000</t>
  </si>
  <si>
    <t>De Vesting</t>
  </si>
  <si>
    <t>GM0530</t>
  </si>
  <si>
    <t>buurt_gegeneraliseerd_2021.90413057-56d8-467f-b7a0-24f7e0fed017</t>
  </si>
  <si>
    <t>BU05300001</t>
  </si>
  <si>
    <t>2021BU05300001</t>
  </si>
  <si>
    <t>Glaciswijk</t>
  </si>
  <si>
    <t>buurt_gegeneraliseerd_2021.c9d45549-c379-4785-9524-c4102a6fb6c9</t>
  </si>
  <si>
    <t>BU05300003</t>
  </si>
  <si>
    <t>2021BU05300003</t>
  </si>
  <si>
    <t>Groote Weergors</t>
  </si>
  <si>
    <t>buurt_gegeneraliseerd_2021.8d84d66d-8ad6-419b-8f3a-e772d4e25a68</t>
  </si>
  <si>
    <t>BU05300004</t>
  </si>
  <si>
    <t>2021BU05300004</t>
  </si>
  <si>
    <t>Marinebuurt</t>
  </si>
  <si>
    <t>buurt_gegeneraliseerd_2021.f9c61a4f-49dc-43e4-90e8-b358d8f51b51</t>
  </si>
  <si>
    <t>BU05300005</t>
  </si>
  <si>
    <t>2021BU05300005</t>
  </si>
  <si>
    <t>Dichters- en Schrijversbuurt</t>
  </si>
  <si>
    <t>buurt_gegeneraliseerd_2021.ebb36fe2-9570-446c-acfa-6cd40a3d47e8</t>
  </si>
  <si>
    <t>BU05300100</t>
  </si>
  <si>
    <t>2021BU05300100</t>
  </si>
  <si>
    <t>Nieuw-Helvoet</t>
  </si>
  <si>
    <t>buurt_gegeneraliseerd_2021.d4c10ced-2fb8-4aa3-83c1-33093dc36570</t>
  </si>
  <si>
    <t>BU05300101</t>
  </si>
  <si>
    <t>2021BU05300101</t>
  </si>
  <si>
    <t>Bloemen- en Plantenbuurt</t>
  </si>
  <si>
    <t>buurt_gegeneraliseerd_2021.1c3ab9d8-c349-4a44-92e8-9d23d19a4f5e</t>
  </si>
  <si>
    <t>BU05300102</t>
  </si>
  <si>
    <t>2021BU05300102</t>
  </si>
  <si>
    <t>Kulck-Noord</t>
  </si>
  <si>
    <t>buurt_gegeneraliseerd_2021.c6786146-57f0-412c-aa65-b85e35c061a1</t>
  </si>
  <si>
    <t>BU05300103</t>
  </si>
  <si>
    <t>2021BU05300103</t>
  </si>
  <si>
    <t>Kulck-Zuid</t>
  </si>
  <si>
    <t>buurt_gegeneraliseerd_2021.f9040683-2bc7-454d-a0d7-583e05372527</t>
  </si>
  <si>
    <t>BU05300104</t>
  </si>
  <si>
    <t>2021BU05300104</t>
  </si>
  <si>
    <t>Rijksstraatweg en omgeving</t>
  </si>
  <si>
    <t>buurt_gegeneraliseerd_2021.61a2bc44-dbc8-4ed6-9300-fa13ac0df15c</t>
  </si>
  <si>
    <t>BU05300105</t>
  </si>
  <si>
    <t>2021BU05300105</t>
  </si>
  <si>
    <t>Dorp en Hoonaart</t>
  </si>
  <si>
    <t>buurt_gegeneraliseerd_2021.11d39f19-6e6c-47d0-8a1c-36e96dd11f9b</t>
  </si>
  <si>
    <t>BU05300106</t>
  </si>
  <si>
    <t>2021BU05300106</t>
  </si>
  <si>
    <t>buurt_gegeneraliseerd_2021.2497f4c4-5291-4c8a-a0a5-1a6c259a5c0f</t>
  </si>
  <si>
    <t>BU05300107</t>
  </si>
  <si>
    <t>2021BU05300107</t>
  </si>
  <si>
    <t>Boomgaard</t>
  </si>
  <si>
    <t>buurt_gegeneraliseerd_2021.d97a3b4d-0787-4ffc-ad15-b76c74822cf0</t>
  </si>
  <si>
    <t>BU05300200</t>
  </si>
  <si>
    <t>2021BU05300200</t>
  </si>
  <si>
    <t>Nieuwenhoorn</t>
  </si>
  <si>
    <t>buurt_gegeneraliseerd_2021.3fcac599-25d0-4cc3-be1c-5c946c719ef4</t>
  </si>
  <si>
    <t>BU05300201</t>
  </si>
  <si>
    <t>2021BU05300201</t>
  </si>
  <si>
    <t>'t Lange Land</t>
  </si>
  <si>
    <t>buurt_gegeneraliseerd_2021.e013b5ed-b8a8-43be-a2b4-e23221a6392d</t>
  </si>
  <si>
    <t>BU05300300</t>
  </si>
  <si>
    <t>2021BU05300300</t>
  </si>
  <si>
    <t>Kanaalzicht</t>
  </si>
  <si>
    <t>buurt_gegeneraliseerd_2021.38498a21-3c3d-486f-bd7f-569ae73d12c8</t>
  </si>
  <si>
    <t>BU05300301</t>
  </si>
  <si>
    <t>2021BU05300301</t>
  </si>
  <si>
    <t>Wittens Hoeck</t>
  </si>
  <si>
    <t>buurt_gegeneraliseerd_2021.386e4d9a-e153-445d-bfdc-67c7e154ecb9</t>
  </si>
  <si>
    <t>BU05300302</t>
  </si>
  <si>
    <t>2021BU05300302</t>
  </si>
  <si>
    <t>Gorsingen Hoeck</t>
  </si>
  <si>
    <t>buurt_gegeneraliseerd_2021.faae95f0-7a44-462b-b0c8-ac4e80106b94</t>
  </si>
  <si>
    <t>BU05300303</t>
  </si>
  <si>
    <t>2021BU05300303</t>
  </si>
  <si>
    <t>Hooghen Hoeck</t>
  </si>
  <si>
    <t>buurt_gegeneraliseerd_2021.098dcf0b-934e-46a8-81e9-cae14c00408c</t>
  </si>
  <si>
    <t>BU05300400</t>
  </si>
  <si>
    <t>2021BU05300400</t>
  </si>
  <si>
    <t>Hout Hoeffe</t>
  </si>
  <si>
    <t>buurt_gegeneraliseerd_2021.0b535e57-8b6c-4bd6-bcbf-bd7520a0ca46</t>
  </si>
  <si>
    <t>BU05300401</t>
  </si>
  <si>
    <t>2021BU05300401</t>
  </si>
  <si>
    <t>Koele Nacht</t>
  </si>
  <si>
    <t>buurt_gegeneraliseerd_2021.3fc5ffa1-72a6-4d04-b1cf-4e8cdb726539</t>
  </si>
  <si>
    <t>BU05300402</t>
  </si>
  <si>
    <t>2021BU05300402</t>
  </si>
  <si>
    <t>Morgen Stont</t>
  </si>
  <si>
    <t>buurt_gegeneraliseerd_2021.f830b362-f3e6-4846-93d6-880d9c87992b</t>
  </si>
  <si>
    <t>BU05300404</t>
  </si>
  <si>
    <t>2021BU05300404</t>
  </si>
  <si>
    <t>Vlotbrug</t>
  </si>
  <si>
    <t>buurt_gegeneraliseerd_2021.df739de6-3875-4bcc-9740-5848bd72a079</t>
  </si>
  <si>
    <t>BU05300500</t>
  </si>
  <si>
    <t>2021BU05300500</t>
  </si>
  <si>
    <t>Tolhoeck</t>
  </si>
  <si>
    <t>buurt_gegeneraliseerd_2021.52954202-17ee-4c14-83d9-6cbe2ec3a074</t>
  </si>
  <si>
    <t>BU05300502</t>
  </si>
  <si>
    <t>2021BU05300502</t>
  </si>
  <si>
    <t>Out Jaar</t>
  </si>
  <si>
    <t>buurt_gegeneraliseerd_2021.a6bee587-ed7d-494c-9101-2b6fc3ac3fb2</t>
  </si>
  <si>
    <t>BU05300503</t>
  </si>
  <si>
    <t>2021BU05300503</t>
  </si>
  <si>
    <t>Logendal</t>
  </si>
  <si>
    <t>buurt_gegeneraliseerd_2021.a6252763-c818-4832-b738-f71b33f98210</t>
  </si>
  <si>
    <t>BU05300504</t>
  </si>
  <si>
    <t>2021BU05300504</t>
  </si>
  <si>
    <t>Kruis Hoeffe</t>
  </si>
  <si>
    <t>buurt_gegeneraliseerd_2021.75a1a7fc-4c78-4cc9-88a7-5ee66e71de56</t>
  </si>
  <si>
    <t>BU05300505</t>
  </si>
  <si>
    <t>2021BU05300505</t>
  </si>
  <si>
    <t>Salem</t>
  </si>
  <si>
    <t>buurt_gegeneraliseerd_2021.9c7acc92-9c38-484d-b4e1-0f685d360f3a</t>
  </si>
  <si>
    <t>BU05300600</t>
  </si>
  <si>
    <t>2021BU05300600</t>
  </si>
  <si>
    <t>Wagenzicht</t>
  </si>
  <si>
    <t>buurt_gegeneraliseerd_2021.ffd212e1-673c-4c37-aef5-47c8b5f53d1d</t>
  </si>
  <si>
    <t>BU05300601</t>
  </si>
  <si>
    <t>2021BU05300601</t>
  </si>
  <si>
    <t>Altena</t>
  </si>
  <si>
    <t>buurt_gegeneraliseerd_2021.1c7078b1-57e0-472e-a9da-b84cd6aa9858</t>
  </si>
  <si>
    <t>BU05300700</t>
  </si>
  <si>
    <t>2021BU05300700</t>
  </si>
  <si>
    <t>Centrumgebied-West</t>
  </si>
  <si>
    <t>buurt_gegeneraliseerd_2021.08455c17-1476-4562-9983-1e889d079381</t>
  </si>
  <si>
    <t>BU05300701</t>
  </si>
  <si>
    <t>2021BU05300701</t>
  </si>
  <si>
    <t>Centrumgebied-Oost</t>
  </si>
  <si>
    <t>buurt_gegeneraliseerd_2021.1120e7b6-4bb1-46b4-bf06-eb31905ff3cb</t>
  </si>
  <si>
    <t>BU05300800</t>
  </si>
  <si>
    <t>2021BU05300800</t>
  </si>
  <si>
    <t>Kickers Bloem</t>
  </si>
  <si>
    <t>buurt_gegeneraliseerd_2021.0db2f0d2-f9d1-4a6c-9d7a-63d0930b6b9c</t>
  </si>
  <si>
    <t>BU05300900</t>
  </si>
  <si>
    <t>2021BU05300900</t>
  </si>
  <si>
    <t>Duinhoeck</t>
  </si>
  <si>
    <t>buurt_gegeneraliseerd_2021.2986ca61-e4b3-4961-838f-908b58a29695</t>
  </si>
  <si>
    <t>BU05300901</t>
  </si>
  <si>
    <t>2021BU05300901</t>
  </si>
  <si>
    <t>buurt_gegeneraliseerd_2021.2900e50d-9319-4f16-816c-2b424fc1ea6c</t>
  </si>
  <si>
    <t>BU05300902</t>
  </si>
  <si>
    <t>2021BU05300902</t>
  </si>
  <si>
    <t>Heliushaven</t>
  </si>
  <si>
    <t>buurt_gegeneraliseerd_2021.f1d09ff0-fa77-497f-900e-8bad1ec2f90b</t>
  </si>
  <si>
    <t>BU05301001</t>
  </si>
  <si>
    <t>2021BU05301001</t>
  </si>
  <si>
    <t>Kern Oudenhoorn</t>
  </si>
  <si>
    <t>buurt_gegeneraliseerd_2021.2ca280bf-72a0-4f31-89d4-3c38e5f6bf4b</t>
  </si>
  <si>
    <t>BU05301002</t>
  </si>
  <si>
    <t>2021BU05301002</t>
  </si>
  <si>
    <t>Poldergebied Oudenhoorn</t>
  </si>
  <si>
    <t>buurt_gegeneraliseerd_2021.f35a79d7-7d82-48d0-8820-212806db1eae</t>
  </si>
  <si>
    <t>BU05301003</t>
  </si>
  <si>
    <t>2021BU05301003</t>
  </si>
  <si>
    <t>Poldergebied Nieuwenhoorn</t>
  </si>
  <si>
    <t>buurt_gegeneraliseerd_2021.36922bf5-0ec8-4c09-b118-dcfd269acbb0</t>
  </si>
  <si>
    <t>BU05340101</t>
  </si>
  <si>
    <t>2021BU05340101</t>
  </si>
  <si>
    <t>GM0534</t>
  </si>
  <si>
    <t>buurt_gegeneraliseerd_2021.26688264-b1db-4572-a2c4-0ecfb1d44577</t>
  </si>
  <si>
    <t>BU05340102</t>
  </si>
  <si>
    <t>2021BU05340102</t>
  </si>
  <si>
    <t>buurt_gegeneraliseerd_2021.b8c36198-ede4-46fe-8c9b-54f572fa5c26</t>
  </si>
  <si>
    <t>BU05340103</t>
  </si>
  <si>
    <t>2021BU05340103</t>
  </si>
  <si>
    <t>Vosselaankwartier</t>
  </si>
  <si>
    <t>buurt_gegeneraliseerd_2021.1f7572a8-1338-4386-ab7e-9af37c9447bf</t>
  </si>
  <si>
    <t>BU05340104</t>
  </si>
  <si>
    <t>2021BU05340104</t>
  </si>
  <si>
    <t>Hillegommerbeek</t>
  </si>
  <si>
    <t>buurt_gegeneraliseerd_2021.b41e24f6-53b2-4935-b910-23d8a5608dbf</t>
  </si>
  <si>
    <t>BU05340105</t>
  </si>
  <si>
    <t>2021BU05340105</t>
  </si>
  <si>
    <t>Brouwerlaankwartier</t>
  </si>
  <si>
    <t>buurt_gegeneraliseerd_2021.620109d5-14e4-40f7-ade3-3d3c411d3770</t>
  </si>
  <si>
    <t>BU05340201</t>
  </si>
  <si>
    <t>2021BU05340201</t>
  </si>
  <si>
    <t>buurt_gegeneraliseerd_2021.9d7c3678-971a-49e5-afb0-3e8ce2dc7ab8</t>
  </si>
  <si>
    <t>BU05340202</t>
  </si>
  <si>
    <t>2021BU05340202</t>
  </si>
  <si>
    <t>Horst ten Daal</t>
  </si>
  <si>
    <t>buurt_gegeneraliseerd_2021.64bd0a61-724d-463a-b035-9ffc2dac09c0</t>
  </si>
  <si>
    <t>BU05340203</t>
  </si>
  <si>
    <t>2021BU05340203</t>
  </si>
  <si>
    <t>Treslong</t>
  </si>
  <si>
    <t>buurt_gegeneraliseerd_2021.7b8cf4f7-ad52-4d95-be8c-70974df61493</t>
  </si>
  <si>
    <t>BU05340204</t>
  </si>
  <si>
    <t>2021BU05340204</t>
  </si>
  <si>
    <t>buurt_gegeneraliseerd_2021.313dfae3-8618-4cec-8bb8-24644dd8a235</t>
  </si>
  <si>
    <t>BU05340205</t>
  </si>
  <si>
    <t>2021BU05340205</t>
  </si>
  <si>
    <t>Vossepolder</t>
  </si>
  <si>
    <t>buurt_gegeneraliseerd_2021.8d803906-02a9-4347-8a0e-7fcea56788ae</t>
  </si>
  <si>
    <t>BU05340206</t>
  </si>
  <si>
    <t>2021BU05340206</t>
  </si>
  <si>
    <t>buurt_gegeneraliseerd_2021.c315c492-f9c2-4c46-9bc4-daacc0a1ccf3</t>
  </si>
  <si>
    <t>BU05340301</t>
  </si>
  <si>
    <t>2021BU05340301</t>
  </si>
  <si>
    <t>Leidsestraat</t>
  </si>
  <si>
    <t>buurt_gegeneraliseerd_2021.755e567a-e376-4f37-a274-e531d35f9399</t>
  </si>
  <si>
    <t>BU05340302</t>
  </si>
  <si>
    <t>2021BU05340302</t>
  </si>
  <si>
    <t>Olympiakwartier</t>
  </si>
  <si>
    <t>buurt_gegeneraliseerd_2021.ec4314ca-da94-428e-81ad-b97c47893e04</t>
  </si>
  <si>
    <t>BU05340303</t>
  </si>
  <si>
    <t>2021BU05340303</t>
  </si>
  <si>
    <t>buurt_gegeneraliseerd_2021.7b59e389-d27d-4faf-be5b-0f6014c019ae</t>
  </si>
  <si>
    <t>BU05340304</t>
  </si>
  <si>
    <t>2021BU05340304</t>
  </si>
  <si>
    <t>Wendes</t>
  </si>
  <si>
    <t>buurt_gegeneraliseerd_2021.0480d467-b100-4230-bbb1-3ffc0948ebee</t>
  </si>
  <si>
    <t>BU05340305</t>
  </si>
  <si>
    <t>2021BU05340305</t>
  </si>
  <si>
    <t>Hemen</t>
  </si>
  <si>
    <t>buurt_gegeneraliseerd_2021.14339556-60f7-46ea-bfca-1875936ef22c</t>
  </si>
  <si>
    <t>BU05340306</t>
  </si>
  <si>
    <t>2021BU05340306</t>
  </si>
  <si>
    <t>Ringoevers</t>
  </si>
  <si>
    <t>buurt_gegeneraliseerd_2021.2a713ada-7179-4b45-8a2f-588c0f4f4c84</t>
  </si>
  <si>
    <t>BU05340401</t>
  </si>
  <si>
    <t>2021BU05340401</t>
  </si>
  <si>
    <t>Om de Zanderij</t>
  </si>
  <si>
    <t>buurt_gegeneraliseerd_2021.115b1fe8-b35b-4852-955c-602f1db759a7</t>
  </si>
  <si>
    <t>BU05340402</t>
  </si>
  <si>
    <t>2021BU05340402</t>
  </si>
  <si>
    <t>Weerestein</t>
  </si>
  <si>
    <t>buurt_gegeneraliseerd_2021.d52f602c-c911-496f-af88-995be4a3cc45</t>
  </si>
  <si>
    <t>BU05340501</t>
  </si>
  <si>
    <t>2021BU05340501</t>
  </si>
  <si>
    <t>De Zanderij</t>
  </si>
  <si>
    <t>buurt_gegeneraliseerd_2021.0e632ba3-e03a-4ca3-9f92-598e90e5783b</t>
  </si>
  <si>
    <t>BU05340502</t>
  </si>
  <si>
    <t>2021BU05340502</t>
  </si>
  <si>
    <t>De Arnoud</t>
  </si>
  <si>
    <t>buurt_gegeneraliseerd_2021.5b460ff2-f176-4d8a-8e9e-d4e1d47ccf09</t>
  </si>
  <si>
    <t>BU05340503</t>
  </si>
  <si>
    <t>2021BU05340503</t>
  </si>
  <si>
    <t>buurt_gegeneraliseerd_2021.97547b37-cb1e-4185-9445-6d81626a2f2f</t>
  </si>
  <si>
    <t>BU05370101</t>
  </si>
  <si>
    <t>2021BU05370101</t>
  </si>
  <si>
    <t>Rijnsoever-West</t>
  </si>
  <si>
    <t>GM0537</t>
  </si>
  <si>
    <t>buurt_gegeneraliseerd_2021.e35d6d22-5076-4dd7-b0e6-f78b13fc5369</t>
  </si>
  <si>
    <t>BU05370102</t>
  </si>
  <si>
    <t>2021BU05370102</t>
  </si>
  <si>
    <t>Rijnsoever-Oost</t>
  </si>
  <si>
    <t>buurt_gegeneraliseerd_2021.cfd90b92-3779-4603-a72e-19825b27fe43</t>
  </si>
  <si>
    <t>BU05370103</t>
  </si>
  <si>
    <t>2021BU05370103</t>
  </si>
  <si>
    <t>Hoornes-West</t>
  </si>
  <si>
    <t>buurt_gegeneraliseerd_2021.a44c11a3-bf0d-48d9-9cca-7aec05d9eebc</t>
  </si>
  <si>
    <t>BU05370104</t>
  </si>
  <si>
    <t>2021BU05370104</t>
  </si>
  <si>
    <t>Hoornes-Oost</t>
  </si>
  <si>
    <t>buurt_gegeneraliseerd_2021.8f4a35c8-3670-406f-86aa-809bef531f74</t>
  </si>
  <si>
    <t>BU05370105</t>
  </si>
  <si>
    <t>2021BU05370105</t>
  </si>
  <si>
    <t>Rijnsoever-Noord</t>
  </si>
  <si>
    <t>buurt_gegeneraliseerd_2021.019df8f2-6818-4a6a-b9f4-949087b9d3d9</t>
  </si>
  <si>
    <t>BU05370106</t>
  </si>
  <si>
    <t>2021BU05370106</t>
  </si>
  <si>
    <t>Rijnsoever-Midden</t>
  </si>
  <si>
    <t>buurt_gegeneraliseerd_2021.9824f807-76be-43db-8157-3e6281ae86bb</t>
  </si>
  <si>
    <t>BU05370201</t>
  </si>
  <si>
    <t>2021BU05370201</t>
  </si>
  <si>
    <t>'t Heen-Zuid</t>
  </si>
  <si>
    <t>buurt_gegeneraliseerd_2021.3f58bad7-4e33-4b39-b110-15781d1c6d77</t>
  </si>
  <si>
    <t>BU05370202</t>
  </si>
  <si>
    <t>2021BU05370202</t>
  </si>
  <si>
    <t>'t Heen-Noord</t>
  </si>
  <si>
    <t>buurt_gegeneraliseerd_2021.5b964ce6-182c-4ec2-8f5d-3376bfe80186</t>
  </si>
  <si>
    <t>BU05370301</t>
  </si>
  <si>
    <t>2021BU05370301</t>
  </si>
  <si>
    <t>buurt_gegeneraliseerd_2021.6bd83705-6bd9-4fe5-9bfd-896a270a9581</t>
  </si>
  <si>
    <t>BU05370302</t>
  </si>
  <si>
    <t>2021BU05370302</t>
  </si>
  <si>
    <t>'t Sandt</t>
  </si>
  <si>
    <t>buurt_gegeneraliseerd_2021.e9dd1572-ac29-471f-95b3-9902c4b4227d</t>
  </si>
  <si>
    <t>BU05370303</t>
  </si>
  <si>
    <t>2021BU05370303</t>
  </si>
  <si>
    <t>buurt_gegeneraliseerd_2021.dbe9fe9d-3ffc-4c3c-8fff-bbd661c0ecaf</t>
  </si>
  <si>
    <t>BU05370304</t>
  </si>
  <si>
    <t>2021BU05370304</t>
  </si>
  <si>
    <t>Cleijn Duin</t>
  </si>
  <si>
    <t>buurt_gegeneraliseerd_2021.061c20b7-7b5f-43e4-b12c-35fa1ce26801</t>
  </si>
  <si>
    <t>BU05370305</t>
  </si>
  <si>
    <t>2021BU05370305</t>
  </si>
  <si>
    <t>Koestal</t>
  </si>
  <si>
    <t>buurt_gegeneraliseerd_2021.b318aea1-4a90-4731-935a-ce1e8cc987bd</t>
  </si>
  <si>
    <t>BU05370306</t>
  </si>
  <si>
    <t>2021BU05370306</t>
  </si>
  <si>
    <t>Zanderij</t>
  </si>
  <si>
    <t>buurt_gegeneraliseerd_2021.f2c4a0cd-1a83-457b-9f51-cbf45cdd72be</t>
  </si>
  <si>
    <t>BU05370501</t>
  </si>
  <si>
    <t>2021BU05370501</t>
  </si>
  <si>
    <t>Strand</t>
  </si>
  <si>
    <t>buurt_gegeneraliseerd_2021.b9705da4-7c59-41ba-b960-a83f01e1522e</t>
  </si>
  <si>
    <t>BU05370502</t>
  </si>
  <si>
    <t>2021BU05370502</t>
  </si>
  <si>
    <t>buurt_gegeneraliseerd_2021.22e1b950-6ff9-4eee-8131-c014ab74479e</t>
  </si>
  <si>
    <t>BU05370503</t>
  </si>
  <si>
    <t>2021BU05370503</t>
  </si>
  <si>
    <t>Noord-Oost</t>
  </si>
  <si>
    <t>buurt_gegeneraliseerd_2021.4710c5bd-124e-4f7f-ad3a-cffaccfd26c6</t>
  </si>
  <si>
    <t>BU05370504</t>
  </si>
  <si>
    <t>2021BU05370504</t>
  </si>
  <si>
    <t>buurt_gegeneraliseerd_2021.4f27752c-d9e5-4610-95d5-146cc2e71606</t>
  </si>
  <si>
    <t>BU05370505</t>
  </si>
  <si>
    <t>2021BU05370505</t>
  </si>
  <si>
    <t>buurt_gegeneraliseerd_2021.dce6fb0b-ea96-415c-9807-7c5a6955f943</t>
  </si>
  <si>
    <t>BU05370506</t>
  </si>
  <si>
    <t>2021BU05370506</t>
  </si>
  <si>
    <t>Zuid-West</t>
  </si>
  <si>
    <t>buurt_gegeneraliseerd_2021.c01cd192-605c-479c-85b0-c5a576ecc6f7</t>
  </si>
  <si>
    <t>BU05370507</t>
  </si>
  <si>
    <t>2021BU05370507</t>
  </si>
  <si>
    <t>buurt_gegeneraliseerd_2021.c7bee013-760c-4170-9604-5b00e26ffce6</t>
  </si>
  <si>
    <t>BU05370508</t>
  </si>
  <si>
    <t>2021BU05370508</t>
  </si>
  <si>
    <t>Zuid-Oost</t>
  </si>
  <si>
    <t>buurt_gegeneraliseerd_2021.3fc3869a-aef1-4188-80ca-baad81affc84</t>
  </si>
  <si>
    <t>BU05370509</t>
  </si>
  <si>
    <t>2021BU05370509</t>
  </si>
  <si>
    <t>Witte Hek</t>
  </si>
  <si>
    <t>buurt_gegeneraliseerd_2021.9b441c6e-0147-4881-89b4-5dd988c7a148</t>
  </si>
  <si>
    <t>BU05370510</t>
  </si>
  <si>
    <t>2021BU05370510</t>
  </si>
  <si>
    <t>Overduin</t>
  </si>
  <si>
    <t>buurt_gegeneraliseerd_2021.c42810c3-34b2-4178-90b7-5952df3bfca3</t>
  </si>
  <si>
    <t>BU05370601</t>
  </si>
  <si>
    <t>2021BU05370601</t>
  </si>
  <si>
    <t>Noordduinen</t>
  </si>
  <si>
    <t>buurt_gegeneraliseerd_2021.d4efb74f-ea8e-4142-b01e-cd3e86d282fb</t>
  </si>
  <si>
    <t>BU05370602</t>
  </si>
  <si>
    <t>2021BU05370602</t>
  </si>
  <si>
    <t>Zuidduinen</t>
  </si>
  <si>
    <t>buurt_gegeneraliseerd_2021.842f0006-0c81-4efc-bad4-341308b3deb8</t>
  </si>
  <si>
    <t>BU05370604</t>
  </si>
  <si>
    <t>2021BU05370604</t>
  </si>
  <si>
    <t>De Mient en Kooltuin</t>
  </si>
  <si>
    <t>buurt_gegeneraliseerd_2021.8f4fd5b4-a912-4bbb-8511-d355563f0a82</t>
  </si>
  <si>
    <t>BU05370700</t>
  </si>
  <si>
    <t>2021BU05370700</t>
  </si>
  <si>
    <t>buurt_gegeneraliseerd_2021.d50ee324-01f0-46e1-922b-166d06f09cdd</t>
  </si>
  <si>
    <t>BU05370701</t>
  </si>
  <si>
    <t>2021BU05370701</t>
  </si>
  <si>
    <t>Kleipetten</t>
  </si>
  <si>
    <t>buurt_gegeneraliseerd_2021.1e1c6f11-20c6-4e08-87b7-67c9d8d65041</t>
  </si>
  <si>
    <t>BU05370702</t>
  </si>
  <si>
    <t>2021BU05370702</t>
  </si>
  <si>
    <t>buurt_gegeneraliseerd_2021.be142a57-a9c8-46bd-b74c-a1d6fedaefc3</t>
  </si>
  <si>
    <t>BU05370703</t>
  </si>
  <si>
    <t>2021BU05370703</t>
  </si>
  <si>
    <t>Frederiksoord-Noord</t>
  </si>
  <si>
    <t>buurt_gegeneraliseerd_2021.aef12793-8970-4d85-b680-c7e1e3d96e81</t>
  </si>
  <si>
    <t>BU05370704</t>
  </si>
  <si>
    <t>2021BU05370704</t>
  </si>
  <si>
    <t>Frederiksoord-Zuid</t>
  </si>
  <si>
    <t>buurt_gegeneraliseerd_2021.3a00bcaf-f634-4485-bfc4-640a00ae43aa</t>
  </si>
  <si>
    <t>BU05370705</t>
  </si>
  <si>
    <t>2021BU05370705</t>
  </si>
  <si>
    <t>buurt_gegeneraliseerd_2021.7e2f039d-8bd1-40b4-bc32-bcb461207867</t>
  </si>
  <si>
    <t>BU05370706</t>
  </si>
  <si>
    <t>2021BU05370706</t>
  </si>
  <si>
    <t>De Hoek</t>
  </si>
  <si>
    <t>buurt_gegeneraliseerd_2021.59cb6640-ae57-4fc5-acd4-eb8d1c3ca24a</t>
  </si>
  <si>
    <t>BU05370707</t>
  </si>
  <si>
    <t>2021BU05370707</t>
  </si>
  <si>
    <t>Westerhaghe</t>
  </si>
  <si>
    <t>buurt_gegeneraliseerd_2021.258bd29e-9c29-470a-b3b4-042c74547867</t>
  </si>
  <si>
    <t>BU05370708</t>
  </si>
  <si>
    <t>2021BU05370708</t>
  </si>
  <si>
    <t>Kamphuizerpolder</t>
  </si>
  <si>
    <t>buurt_gegeneraliseerd_2021.e348cf3e-84c9-4699-aaae-1a4d38d44194</t>
  </si>
  <si>
    <t>BU05370709</t>
  </si>
  <si>
    <t>2021BU05370709</t>
  </si>
  <si>
    <t>Rijnsburg-Noord</t>
  </si>
  <si>
    <t>buurt_gegeneraliseerd_2021.feb4452d-ef69-4d25-9962-503444678946</t>
  </si>
  <si>
    <t>BU05370800</t>
  </si>
  <si>
    <t>2021BU05370800</t>
  </si>
  <si>
    <t>buurt_gegeneraliseerd_2021.d7878916-5db5-40be-ac5f-d688e27e681a</t>
  </si>
  <si>
    <t>BU05370801</t>
  </si>
  <si>
    <t>2021BU05370801</t>
  </si>
  <si>
    <t>'t Joght</t>
  </si>
  <si>
    <t>buurt_gegeneraliseerd_2021.2ac35219-25ff-448e-aae1-75dc69063497</t>
  </si>
  <si>
    <t>BU05370802</t>
  </si>
  <si>
    <t>2021BU05370802</t>
  </si>
  <si>
    <t>'t Duyfrak</t>
  </si>
  <si>
    <t>buurt_gegeneraliseerd_2021.92b70751-c96f-47f6-ba0d-ec2e42405dce</t>
  </si>
  <si>
    <t>BU05370808</t>
  </si>
  <si>
    <t>2021BU05370808</t>
  </si>
  <si>
    <t>Valkenburgse Meer</t>
  </si>
  <si>
    <t>buurt_gegeneraliseerd_2021.1ddcb011-c920-43d1-8865-ddbcc20ecac1</t>
  </si>
  <si>
    <t>BU05370809</t>
  </si>
  <si>
    <t>2021BU05370809</t>
  </si>
  <si>
    <t>Overige verspreide huizen Valkenburg</t>
  </si>
  <si>
    <t>buurt_gegeneraliseerd_2021.0c18e480-878e-43e0-b52d-97057be1ddf1</t>
  </si>
  <si>
    <t>BU05420003</t>
  </si>
  <si>
    <t>2021BU05420003</t>
  </si>
  <si>
    <t>Boveneind</t>
  </si>
  <si>
    <t>buurt_gegeneraliseerd_2021.bcd0781f-21d1-40fc-a046-0d711dae4eb1</t>
  </si>
  <si>
    <t>BU05460000</t>
  </si>
  <si>
    <t>2021BU05460000</t>
  </si>
  <si>
    <t>Pieterswijk</t>
  </si>
  <si>
    <t>GM0546</t>
  </si>
  <si>
    <t>buurt_gegeneraliseerd_2021.11442e38-716c-483b-9390-21ccfc21e140</t>
  </si>
  <si>
    <t>BU05460001</t>
  </si>
  <si>
    <t>2021BU05460001</t>
  </si>
  <si>
    <t>Academiewijk</t>
  </si>
  <si>
    <t>buurt_gegeneraliseerd_2021.16c6f173-3d81-4d6f-9f8b-c85c626469b2</t>
  </si>
  <si>
    <t>BU05460002</t>
  </si>
  <si>
    <t>2021BU05460002</t>
  </si>
  <si>
    <t>Levendaal-West</t>
  </si>
  <si>
    <t>buurt_gegeneraliseerd_2021.ea1dab69-8b21-4cb9-9d8a-17957bc52bc9</t>
  </si>
  <si>
    <t>BU05460003</t>
  </si>
  <si>
    <t>2021BU05460003</t>
  </si>
  <si>
    <t>Levendaal-Oost</t>
  </si>
  <si>
    <t>buurt_gegeneraliseerd_2021.32f5f8af-1434-4d0a-8d30-b576c7855264</t>
  </si>
  <si>
    <t>BU05460100</t>
  </si>
  <si>
    <t>2021BU05460100</t>
  </si>
  <si>
    <t>De Camp</t>
  </si>
  <si>
    <t>buurt_gegeneraliseerd_2021.0da1e5e1-4bfd-47ac-99b8-2c39b2aff490</t>
  </si>
  <si>
    <t>BU05460101</t>
  </si>
  <si>
    <t>2021BU05460101</t>
  </si>
  <si>
    <t>Marewijk</t>
  </si>
  <si>
    <t>buurt_gegeneraliseerd_2021.471af34e-3744-466b-80fb-de9bcaf79c13</t>
  </si>
  <si>
    <t>BU05460102</t>
  </si>
  <si>
    <t>2021BU05460102</t>
  </si>
  <si>
    <t>Pancras-West</t>
  </si>
  <si>
    <t>buurt_gegeneraliseerd_2021.66166c10-4c6b-4d61-b8b5-90adcb64d327</t>
  </si>
  <si>
    <t>BU05460103</t>
  </si>
  <si>
    <t>2021BU05460103</t>
  </si>
  <si>
    <t>Pancras-Oost</t>
  </si>
  <si>
    <t>buurt_gegeneraliseerd_2021.465bfc39-405e-4d04-a1c4-73678e0e5722</t>
  </si>
  <si>
    <t>BU05460104</t>
  </si>
  <si>
    <t>2021BU05460104</t>
  </si>
  <si>
    <t>d'Oude Morsch</t>
  </si>
  <si>
    <t>buurt_gegeneraliseerd_2021.a81e442f-ff89-4a85-a0cc-938ed283c8eb</t>
  </si>
  <si>
    <t>BU05460105</t>
  </si>
  <si>
    <t>2021BU05460105</t>
  </si>
  <si>
    <t>Noordvest</t>
  </si>
  <si>
    <t>buurt_gegeneraliseerd_2021.f30f4303-f6cd-49ce-8be4-9216699f7b58</t>
  </si>
  <si>
    <t>BU05460106</t>
  </si>
  <si>
    <t>2021BU05460106</t>
  </si>
  <si>
    <t>Havenwijk-Noord</t>
  </si>
  <si>
    <t>buurt_gegeneraliseerd_2021.b45590d6-37b2-4563-b3fe-501e2199e0cc</t>
  </si>
  <si>
    <t>BU05460107</t>
  </si>
  <si>
    <t>2021BU05460107</t>
  </si>
  <si>
    <t>Havenwijk-Zuid</t>
  </si>
  <si>
    <t>buurt_gegeneraliseerd_2021.d07a57f3-3f6a-43a1-9dcc-cee9651e1e67</t>
  </si>
  <si>
    <t>BU05460108</t>
  </si>
  <si>
    <t>2021BU05460108</t>
  </si>
  <si>
    <t>buurt_gegeneraliseerd_2021.cb37c4a8-2a3b-4191-985f-e8b07476b9df</t>
  </si>
  <si>
    <t>BU05460109</t>
  </si>
  <si>
    <t>2021BU05460109</t>
  </si>
  <si>
    <t>buurt_gegeneraliseerd_2021.ce13ba4e-4475-46c5-83bf-35c270f5f87a</t>
  </si>
  <si>
    <t>BU05460200</t>
  </si>
  <si>
    <t>2021BU05460200</t>
  </si>
  <si>
    <t>buurt_gegeneraliseerd_2021.da5cc8ce-c75c-4a0c-be61-12dab24481f8</t>
  </si>
  <si>
    <t>BU05460300</t>
  </si>
  <si>
    <t>2021BU05460300</t>
  </si>
  <si>
    <t>buurt_gegeneraliseerd_2021.8fd04b13-8408-4c24-b42f-7b3616d29b74</t>
  </si>
  <si>
    <t>BU05460301</t>
  </si>
  <si>
    <t>2021BU05460301</t>
  </si>
  <si>
    <t>buurt_gegeneraliseerd_2021.b78ed3e9-0c36-4159-88f6-da3f8a4c7748</t>
  </si>
  <si>
    <t>BU05460302</t>
  </si>
  <si>
    <t>2021BU05460302</t>
  </si>
  <si>
    <t>De Kooi</t>
  </si>
  <si>
    <t>buurt_gegeneraliseerd_2021.2be47c6e-285b-4956-ae76-c64e2403753e</t>
  </si>
  <si>
    <t>BU05460400</t>
  </si>
  <si>
    <t>2021BU05460400</t>
  </si>
  <si>
    <t>Meerburg</t>
  </si>
  <si>
    <t>buurt_gegeneraliseerd_2021.b055c18a-9b4e-430a-be9e-b051a497a0f9</t>
  </si>
  <si>
    <t>BU05460401</t>
  </si>
  <si>
    <t>2021BU05460401</t>
  </si>
  <si>
    <t>Rijndijkbuurt</t>
  </si>
  <si>
    <t>buurt_gegeneraliseerd_2021.35f3b9c9-0f53-437c-8738-3c734ead69a1</t>
  </si>
  <si>
    <t>BU05460402</t>
  </si>
  <si>
    <t>2021BU05460402</t>
  </si>
  <si>
    <t>Professorenwijk-Oost</t>
  </si>
  <si>
    <t>buurt_gegeneraliseerd_2021.f881a90a-90a4-401e-89ea-ad7b77e58b78</t>
  </si>
  <si>
    <t>BU05460403</t>
  </si>
  <si>
    <t>2021BU05460403</t>
  </si>
  <si>
    <t>buurt_gegeneraliseerd_2021.8352d1f3-ac8c-4cd0-a519-46bfe9ba5715</t>
  </si>
  <si>
    <t>BU05460404</t>
  </si>
  <si>
    <t>2021BU05460404</t>
  </si>
  <si>
    <t>Professorenwijk-West</t>
  </si>
  <si>
    <t>buurt_gegeneraliseerd_2021.62102d83-e7d4-4782-971a-c2ca84961afd</t>
  </si>
  <si>
    <t>BU05460405</t>
  </si>
  <si>
    <t>2021BU05460405</t>
  </si>
  <si>
    <t>Tuinstadwijk</t>
  </si>
  <si>
    <t>buurt_gegeneraliseerd_2021.c99b85bc-ffe3-40d6-a56c-8385fec4b4ff</t>
  </si>
  <si>
    <t>BU05460406</t>
  </si>
  <si>
    <t>2021BU05460406</t>
  </si>
  <si>
    <t>Cronestein</t>
  </si>
  <si>
    <t>buurt_gegeneraliseerd_2021.99beeca5-1e20-4a72-80ab-a4c2ac263216</t>
  </si>
  <si>
    <t>BU05460407</t>
  </si>
  <si>
    <t>2021BU05460407</t>
  </si>
  <si>
    <t>Klein Cronestein</t>
  </si>
  <si>
    <t>buurt_gegeneraliseerd_2021.14a5d557-ca44-469a-aa29-fdab8d1ff5c5</t>
  </si>
  <si>
    <t>BU05460408</t>
  </si>
  <si>
    <t>2021BU05460408</t>
  </si>
  <si>
    <t>Roomburg</t>
  </si>
  <si>
    <t>buurt_gegeneraliseerd_2021.cfd5ff1f-242e-4e59-a035-a8d7b40236c4</t>
  </si>
  <si>
    <t>BU05460409</t>
  </si>
  <si>
    <t>2021BU05460409</t>
  </si>
  <si>
    <t>Waardeiland</t>
  </si>
  <si>
    <t>buurt_gegeneraliseerd_2021.be6ddd07-2961-4d3a-becc-1a64f1d02819</t>
  </si>
  <si>
    <t>BU05460500</t>
  </si>
  <si>
    <t>2021BU05460500</t>
  </si>
  <si>
    <t>buurt_gegeneraliseerd_2021.680771f1-c77c-4373-af72-c3cdf2576c06</t>
  </si>
  <si>
    <t>BU05460501</t>
  </si>
  <si>
    <t>2021BU05460501</t>
  </si>
  <si>
    <t>Haagweg-Noord</t>
  </si>
  <si>
    <t>buurt_gegeneraliseerd_2021.a7145c94-15b8-4324-aae5-892ba1af557c</t>
  </si>
  <si>
    <t>BU05460502</t>
  </si>
  <si>
    <t>2021BU05460502</t>
  </si>
  <si>
    <t>Gasthuiswijk</t>
  </si>
  <si>
    <t>buurt_gegeneraliseerd_2021.4abcbe80-8a4d-4f4f-ab28-d781d5b24870</t>
  </si>
  <si>
    <t>BU05460503</t>
  </si>
  <si>
    <t>2021BU05460503</t>
  </si>
  <si>
    <t>Fortuinwijk-Noord</t>
  </si>
  <si>
    <t>buurt_gegeneraliseerd_2021.12f1ec07-2b2c-457f-a5f2-e43d258f947d</t>
  </si>
  <si>
    <t>BU05460504</t>
  </si>
  <si>
    <t>2021BU05460504</t>
  </si>
  <si>
    <t>Boshuizen</t>
  </si>
  <si>
    <t>buurt_gegeneraliseerd_2021.d5ce7252-e390-405f-9028-d5ff7228507d</t>
  </si>
  <si>
    <t>BU05460505</t>
  </si>
  <si>
    <t>2021BU05460505</t>
  </si>
  <si>
    <t>Oostvliet</t>
  </si>
  <si>
    <t>buurt_gegeneraliseerd_2021.0bb1e7c4-a9ae-4c03-be11-53ddd85a73a8</t>
  </si>
  <si>
    <t>BU05460506</t>
  </si>
  <si>
    <t>2021BU05460506</t>
  </si>
  <si>
    <t>Haagweg-Zuid</t>
  </si>
  <si>
    <t>buurt_gegeneraliseerd_2021.0866df67-0ae7-4b26-802b-ad74b6361ed9</t>
  </si>
  <si>
    <t>BU05460507</t>
  </si>
  <si>
    <t>2021BU05460507</t>
  </si>
  <si>
    <t>Fortuinwijk-Zuid</t>
  </si>
  <si>
    <t>buurt_gegeneraliseerd_2021.a679c612-f0f4-4e00-adca-3cd319b6bf32</t>
  </si>
  <si>
    <t>BU05460600</t>
  </si>
  <si>
    <t>2021BU05460600</t>
  </si>
  <si>
    <t>buurt_gegeneraliseerd_2021.f8b3f8c4-a776-4d07-91fe-0cf9533e39d4</t>
  </si>
  <si>
    <t>BU05460601</t>
  </si>
  <si>
    <t>2021BU05460601</t>
  </si>
  <si>
    <t>Lage Mors</t>
  </si>
  <si>
    <t>buurt_gegeneraliseerd_2021.726ab976-9f93-460f-8587-b77d5a9c5b34</t>
  </si>
  <si>
    <t>BU05460602</t>
  </si>
  <si>
    <t>2021BU05460602</t>
  </si>
  <si>
    <t>Hoge Mors</t>
  </si>
  <si>
    <t>buurt_gegeneraliseerd_2021.87c5a504-c8d9-45c4-8bbf-05a140b2ea51</t>
  </si>
  <si>
    <t>BU05460700</t>
  </si>
  <si>
    <t>2021BU05460700</t>
  </si>
  <si>
    <t>Pesthuiswijk</t>
  </si>
  <si>
    <t>buurt_gegeneraliseerd_2021.654fd2b4-f418-40a2-b801-4a4c04b70d7c</t>
  </si>
  <si>
    <t>BU05460701</t>
  </si>
  <si>
    <t>2021BU05460701</t>
  </si>
  <si>
    <t>Houtkwartier</t>
  </si>
  <si>
    <t>buurt_gegeneraliseerd_2021.1dc93518-83c6-43dc-b665-b6ecb02ba5c9</t>
  </si>
  <si>
    <t>BU05460702</t>
  </si>
  <si>
    <t>2021BU05460702</t>
  </si>
  <si>
    <t>Raadsherenbuurt</t>
  </si>
  <si>
    <t>buurt_gegeneraliseerd_2021.f64ee9d3-413b-49b7-952a-0e3e0f8d029e</t>
  </si>
  <si>
    <t>BU05460703</t>
  </si>
  <si>
    <t>2021BU05460703</t>
  </si>
  <si>
    <t>buurt_gegeneraliseerd_2021.8ca9aa5b-9c17-40ae-9572-c14ae1559219</t>
  </si>
  <si>
    <t>BU05460704</t>
  </si>
  <si>
    <t>2021BU05460704</t>
  </si>
  <si>
    <t>Leeuwenhoek</t>
  </si>
  <si>
    <t>buurt_gegeneraliseerd_2021.0d335382-f76b-4c0d-8b80-49ad2b59064e</t>
  </si>
  <si>
    <t>BU05460800</t>
  </si>
  <si>
    <t>2021BU05460800</t>
  </si>
  <si>
    <t>Slaaghwijk</t>
  </si>
  <si>
    <t>buurt_gegeneraliseerd_2021.6518700b-6e57-483d-bf74-a1c02253cbe9</t>
  </si>
  <si>
    <t>BU05460801</t>
  </si>
  <si>
    <t>2021BU05460801</t>
  </si>
  <si>
    <t>Zijlwijk-Zuid</t>
  </si>
  <si>
    <t>buurt_gegeneraliseerd_2021.05b401e7-cad9-43f1-b268-4363eceeca8c</t>
  </si>
  <si>
    <t>BU05460802</t>
  </si>
  <si>
    <t>2021BU05460802</t>
  </si>
  <si>
    <t>Zijlwijk-Noord</t>
  </si>
  <si>
    <t>buurt_gegeneraliseerd_2021.6746b687-f7ae-45f0-b47a-be6c87b2cc74</t>
  </si>
  <si>
    <t>BU05460803</t>
  </si>
  <si>
    <t>2021BU05460803</t>
  </si>
  <si>
    <t>Merenwijk-Centrum</t>
  </si>
  <si>
    <t>buurt_gegeneraliseerd_2021.f148ef66-56cc-4f7a-a682-908afd1f6384</t>
  </si>
  <si>
    <t>BU05460804</t>
  </si>
  <si>
    <t>2021BU05460804</t>
  </si>
  <si>
    <t>Leedewijk-Zuid</t>
  </si>
  <si>
    <t>buurt_gegeneraliseerd_2021.b8ef6dd6-10a2-4ff7-b7eb-cfbd08266bc4</t>
  </si>
  <si>
    <t>BU05460805</t>
  </si>
  <si>
    <t>2021BU05460805</t>
  </si>
  <si>
    <t>Leedewijk-Noord</t>
  </si>
  <si>
    <t>buurt_gegeneraliseerd_2021.c1b8dfaf-e40d-487c-a5f1-80204b1e70bd</t>
  </si>
  <si>
    <t>BU05460900</t>
  </si>
  <si>
    <t>2021BU05460900</t>
  </si>
  <si>
    <t>Schenkwijk</t>
  </si>
  <si>
    <t>buurt_gegeneraliseerd_2021.1bb33f67-d638-4fc2-a394-85a932deec80</t>
  </si>
  <si>
    <t>BU05460901</t>
  </si>
  <si>
    <t>2021BU05460901</t>
  </si>
  <si>
    <t>Kloosterhof</t>
  </si>
  <si>
    <t>buurt_gegeneraliseerd_2021.9bb4e9de-01bc-4797-be31-2f1088c09c37</t>
  </si>
  <si>
    <t>BU05460902</t>
  </si>
  <si>
    <t>2021BU05460902</t>
  </si>
  <si>
    <t>Dobbewijk-Noord</t>
  </si>
  <si>
    <t>buurt_gegeneraliseerd_2021.2fa45f15-b61e-4101-b97b-e5ec1eb39ae8</t>
  </si>
  <si>
    <t>BU05460903</t>
  </si>
  <si>
    <t>2021BU05460903</t>
  </si>
  <si>
    <t>Dobbewijk-Zuid</t>
  </si>
  <si>
    <t>buurt_gegeneraliseerd_2021.ad191fd1-468a-4452-9c74-4f92d6b2eadd</t>
  </si>
  <si>
    <t>BU05470000</t>
  </si>
  <si>
    <t>2021BU05470000</t>
  </si>
  <si>
    <t>GM0547</t>
  </si>
  <si>
    <t>buurt_gegeneraliseerd_2021.c17177ef-334a-4b84-9f63-3d239b40ef6e</t>
  </si>
  <si>
    <t>BU05470001</t>
  </si>
  <si>
    <t>2021BU05470001</t>
  </si>
  <si>
    <t>Ouderzorg inclusief De Houtkamp</t>
  </si>
  <si>
    <t>buurt_gegeneraliseerd_2021.3eb9156c-e5c6-4783-8065-65d12c172fc0</t>
  </si>
  <si>
    <t>BU05470002</t>
  </si>
  <si>
    <t>2021BU05470002</t>
  </si>
  <si>
    <t>Zijlkwartier</t>
  </si>
  <si>
    <t>buurt_gegeneraliseerd_2021.7ecb7789-5a02-4b5c-be52-b74238fbd22a</t>
  </si>
  <si>
    <t>BU05470003</t>
  </si>
  <si>
    <t>2021BU05470003</t>
  </si>
  <si>
    <t>De Vogelwijk</t>
  </si>
  <si>
    <t>buurt_gegeneraliseerd_2021.5850472a-155d-4706-a193-8eddb7088d11</t>
  </si>
  <si>
    <t>BU05470004</t>
  </si>
  <si>
    <t>2021BU05470004</t>
  </si>
  <si>
    <t>De Baanderij</t>
  </si>
  <si>
    <t>buurt_gegeneraliseerd_2021.5bd12d1c-fc3f-4b61-aa52-ce5fd3f10590</t>
  </si>
  <si>
    <t>BU05470005</t>
  </si>
  <si>
    <t>2021BU05470005</t>
  </si>
  <si>
    <t>De Schansen</t>
  </si>
  <si>
    <t>buurt_gegeneraliseerd_2021.f14970c6-4213-40f0-bdfc-435328229055</t>
  </si>
  <si>
    <t>BU05470006</t>
  </si>
  <si>
    <t>2021BU05470006</t>
  </si>
  <si>
    <t>Winkelhof</t>
  </si>
  <si>
    <t>buurt_gegeneraliseerd_2021.39938a32-f50e-480b-89e5-15eb7d5c922b</t>
  </si>
  <si>
    <t>BU05470007</t>
  </si>
  <si>
    <t>2021BU05470007</t>
  </si>
  <si>
    <t>Binnenhof</t>
  </si>
  <si>
    <t>buurt_gegeneraliseerd_2021.1a9ace8b-a4d7-4305-b02d-98eb17307fab</t>
  </si>
  <si>
    <t>BU05470008</t>
  </si>
  <si>
    <t>2021BU05470008</t>
  </si>
  <si>
    <t>Voorhof</t>
  </si>
  <si>
    <t>buurt_gegeneraliseerd_2021.8e808908-1ae4-43f0-9d40-359459d890bf</t>
  </si>
  <si>
    <t>BU05470009</t>
  </si>
  <si>
    <t>2021BU05470009</t>
  </si>
  <si>
    <t>Elizabethhof</t>
  </si>
  <si>
    <t>buurt_gegeneraliseerd_2021.fd1f2474-ea55-4509-aa00-c07cbaf85c64</t>
  </si>
  <si>
    <t>BU05470100</t>
  </si>
  <si>
    <t>2021BU05470100</t>
  </si>
  <si>
    <t>Oranjewijk</t>
  </si>
  <si>
    <t>buurt_gegeneraliseerd_2021.f62ca244-bfab-496a-be61-139ea7f7dc53</t>
  </si>
  <si>
    <t>BU05470101</t>
  </si>
  <si>
    <t>2021BU05470101</t>
  </si>
  <si>
    <t>Doeskwartier</t>
  </si>
  <si>
    <t>buurt_gegeneraliseerd_2021.73079451-d07d-4242-9397-612c0193449f</t>
  </si>
  <si>
    <t>BU05470109</t>
  </si>
  <si>
    <t>2021BU05470109</t>
  </si>
  <si>
    <t>buurt_gegeneraliseerd_2021.86bd1fc7-a331-4434-aaf0-ab30d71d1852</t>
  </si>
  <si>
    <t>BU05470200</t>
  </si>
  <si>
    <t>2021BU05470200</t>
  </si>
  <si>
    <t>Buitenhof-Oost-Zuid</t>
  </si>
  <si>
    <t>buurt_gegeneraliseerd_2021.2a9bc0d7-d701-4977-b08b-5981fbba8116</t>
  </si>
  <si>
    <t>BU05470201</t>
  </si>
  <si>
    <t>2021BU05470201</t>
  </si>
  <si>
    <t>Buitenhof-Midden-West</t>
  </si>
  <si>
    <t>buurt_gegeneraliseerd_2021.ef8ceb8b-dc51-469b-8c23-d2ada3c159b0</t>
  </si>
  <si>
    <t>BU05470202</t>
  </si>
  <si>
    <t>2021BU05470202</t>
  </si>
  <si>
    <t>Leyhof</t>
  </si>
  <si>
    <t>buurt_gegeneraliseerd_2021.1fe13dbb-a462-45bf-a8ad-56e3faf4875f</t>
  </si>
  <si>
    <t>BU05530101</t>
  </si>
  <si>
    <t>2021BU05530101</t>
  </si>
  <si>
    <t>Meer en Duin</t>
  </si>
  <si>
    <t>GM0553</t>
  </si>
  <si>
    <t>buurt_gegeneraliseerd_2021.2cc82af7-4d69-4d36-a54e-9652a43c483f</t>
  </si>
  <si>
    <t>BU05530102</t>
  </si>
  <si>
    <t>2021BU05530102</t>
  </si>
  <si>
    <t>Meerenburgh</t>
  </si>
  <si>
    <t>buurt_gegeneraliseerd_2021.c595fd03-6dec-43ec-94ed-f70602552303</t>
  </si>
  <si>
    <t>BU05530103</t>
  </si>
  <si>
    <t>2021BU05530103</t>
  </si>
  <si>
    <t>De Blinkerd</t>
  </si>
  <si>
    <t>buurt_gegeneraliseerd_2021.9fdd6462-5342-44d8-b959-ef15a60e4f38</t>
  </si>
  <si>
    <t>BU05530104</t>
  </si>
  <si>
    <t>2021BU05530104</t>
  </si>
  <si>
    <t>buurt_gegeneraliseerd_2021.31e2cd49-6e84-4e93-9724-12bf215a639a</t>
  </si>
  <si>
    <t>BU05530105</t>
  </si>
  <si>
    <t>2021BU05530105</t>
  </si>
  <si>
    <t>buurt_gegeneraliseerd_2021.fe1e1d2f-d5ab-42bb-bb0d-1d2945bbdb57</t>
  </si>
  <si>
    <t>BU05530201</t>
  </si>
  <si>
    <t>2021BU05530201</t>
  </si>
  <si>
    <t>Berkhout</t>
  </si>
  <si>
    <t>buurt_gegeneraliseerd_2021.5a94591e-c0eb-4b7f-966c-9f16e086d999</t>
  </si>
  <si>
    <t>BU05530202</t>
  </si>
  <si>
    <t>2021BU05530202</t>
  </si>
  <si>
    <t>Blokhuis</t>
  </si>
  <si>
    <t>buurt_gegeneraliseerd_2021.3a01ebb6-c549-46b8-b93a-2fbc640b8646</t>
  </si>
  <si>
    <t>BU05530203</t>
  </si>
  <si>
    <t>2021BU05530203</t>
  </si>
  <si>
    <t>Het Vierkant</t>
  </si>
  <si>
    <t>buurt_gegeneraliseerd_2021.c4f8b72c-896b-47e0-ab38-d3a9f7180e09</t>
  </si>
  <si>
    <t>BU05530204</t>
  </si>
  <si>
    <t>2021BU05530204</t>
  </si>
  <si>
    <t>Van Rijckevorsel</t>
  </si>
  <si>
    <t>buurt_gegeneraliseerd_2021.aee4bcbf-668a-43bb-96ce-a63a67e944eb</t>
  </si>
  <si>
    <t>BU05530205</t>
  </si>
  <si>
    <t>2021BU05530205</t>
  </si>
  <si>
    <t>buurt_gegeneraliseerd_2021.9bf2ab0a-2413-4a71-b708-e4514920af2f</t>
  </si>
  <si>
    <t>BU05530301</t>
  </si>
  <si>
    <t>2021BU05530301</t>
  </si>
  <si>
    <t>Dever</t>
  </si>
  <si>
    <t>buurt_gegeneraliseerd_2021.d67d1dbe-11ab-4c1b-908d-7c3d36c7764c</t>
  </si>
  <si>
    <t>BU05530302</t>
  </si>
  <si>
    <t>2021BU05530302</t>
  </si>
  <si>
    <t>buurt_gegeneraliseerd_2021.4700310a-f9a0-4e58-98ea-e2443efc0379</t>
  </si>
  <si>
    <t>BU05530303</t>
  </si>
  <si>
    <t>2021BU05530303</t>
  </si>
  <si>
    <t>buurt_gegeneraliseerd_2021.3c6254c2-a225-42b3-8f25-5b17ccf4dafe</t>
  </si>
  <si>
    <t>BU05530304</t>
  </si>
  <si>
    <t>2021BU05530304</t>
  </si>
  <si>
    <t>buurt_gegeneraliseerd_2021.321f868e-416b-48eb-af6a-4b5a7e586562</t>
  </si>
  <si>
    <t>BU05530305</t>
  </si>
  <si>
    <t>2021BU05530305</t>
  </si>
  <si>
    <t>Geestwater</t>
  </si>
  <si>
    <t>buurt_gegeneraliseerd_2021.273ab5a8-a1b8-4304-b812-950711d79e63</t>
  </si>
  <si>
    <t>BU05530306</t>
  </si>
  <si>
    <t>2021BU05530306</t>
  </si>
  <si>
    <t>Vrouwenpolder</t>
  </si>
  <si>
    <t>buurt_gegeneraliseerd_2021.2944882f-2916-4b08-a653-4a05d534df73</t>
  </si>
  <si>
    <t>BU05530307</t>
  </si>
  <si>
    <t>2021BU05530307</t>
  </si>
  <si>
    <t>Lisse Rond</t>
  </si>
  <si>
    <t>buurt_gegeneraliseerd_2021.36a64305-b3aa-4a6b-a235-abd7798fb5e5</t>
  </si>
  <si>
    <t>BU05530401</t>
  </si>
  <si>
    <t>2021BU05530401</t>
  </si>
  <si>
    <t>buurt_gegeneraliseerd_2021.352c4ba7-720e-4219-93ca-e1327f5ae442</t>
  </si>
  <si>
    <t>BU05530402</t>
  </si>
  <si>
    <t>2021BU05530402</t>
  </si>
  <si>
    <t>De Engel</t>
  </si>
  <si>
    <t>buurt_gegeneraliseerd_2021.21e8fedf-1a93-4b79-a819-3394c3b9832b</t>
  </si>
  <si>
    <t>BU05530403</t>
  </si>
  <si>
    <t>2021BU05530403</t>
  </si>
  <si>
    <t>Ter Beek</t>
  </si>
  <si>
    <t>buurt_gegeneraliseerd_2021.bc9b10ad-7827-4399-a968-2ee5c4f6ac52</t>
  </si>
  <si>
    <t>BU05530404</t>
  </si>
  <si>
    <t>2021BU05530404</t>
  </si>
  <si>
    <t>3e Poellaan</t>
  </si>
  <si>
    <t>buurt_gegeneraliseerd_2021.6e26d88f-3934-4291-81fe-b9cdf7ba2d2c</t>
  </si>
  <si>
    <t>BU05530405</t>
  </si>
  <si>
    <t>2021BU05530405</t>
  </si>
  <si>
    <t>buurt_gegeneraliseerd_2021.f818a850-6eff-413b-aca3-959aa037d611</t>
  </si>
  <si>
    <t>BU05560101</t>
  </si>
  <si>
    <t>2021BU05560101</t>
  </si>
  <si>
    <t>Taanschuurpolder</t>
  </si>
  <si>
    <t>GM0556</t>
  </si>
  <si>
    <t>buurt_gegeneraliseerd_2021.8caad8f1-34c3-4893-9172-2e3f89aac00f</t>
  </si>
  <si>
    <t>BU05560201</t>
  </si>
  <si>
    <t>2021BU05560201</t>
  </si>
  <si>
    <t>Vertobuurt</t>
  </si>
  <si>
    <t>buurt_gegeneraliseerd_2021.1b3edc35-e3f2-478b-b66d-4b92dc136f06</t>
  </si>
  <si>
    <t>BU05560202</t>
  </si>
  <si>
    <t>2021BU05560202</t>
  </si>
  <si>
    <t>buurt_gegeneraliseerd_2021.2de13f29-58a0-4634-b28f-fbc81cae4edc</t>
  </si>
  <si>
    <t>BU05560203</t>
  </si>
  <si>
    <t>2021BU05560203</t>
  </si>
  <si>
    <t>Bomendal</t>
  </si>
  <si>
    <t>buurt_gegeneraliseerd_2021.19b0d01d-e91d-4a16-a5e5-478dfce97157</t>
  </si>
  <si>
    <t>BU05560301</t>
  </si>
  <si>
    <t>2021BU05560301</t>
  </si>
  <si>
    <t>Sluispolder Oost</t>
  </si>
  <si>
    <t>buurt_gegeneraliseerd_2021.209b8d6d-e31c-43bb-826d-f5a989ac9227</t>
  </si>
  <si>
    <t>BU05560302</t>
  </si>
  <si>
    <t>2021BU05560302</t>
  </si>
  <si>
    <t>Sluispolder West</t>
  </si>
  <si>
    <t>buurt_gegeneraliseerd_2021.6269f15d-276f-4e95-9269-26a375845043</t>
  </si>
  <si>
    <t>BU05560303</t>
  </si>
  <si>
    <t>2021BU05560303</t>
  </si>
  <si>
    <t>buurt_gegeneraliseerd_2021.3090b4f3-b487-4ca5-adc8-724de6b8ef7b</t>
  </si>
  <si>
    <t>BU05560401</t>
  </si>
  <si>
    <t>2021BU05560401</t>
  </si>
  <si>
    <t>Kapelpolder</t>
  </si>
  <si>
    <t>buurt_gegeneraliseerd_2021.19cc640a-7431-4f14-acfd-15f3525e2f36</t>
  </si>
  <si>
    <t>BU05560402</t>
  </si>
  <si>
    <t>2021BU05560402</t>
  </si>
  <si>
    <t>buurt_gegeneraliseerd_2021.f335b704-8f93-4679-84c9-6562ab1e285e</t>
  </si>
  <si>
    <t>BU05560403</t>
  </si>
  <si>
    <t>2021BU05560403</t>
  </si>
  <si>
    <t>Koningshoek</t>
  </si>
  <si>
    <t>buurt_gegeneraliseerd_2021.3f75db5f-2aae-4f9c-8389-19a4b518f9e8</t>
  </si>
  <si>
    <t>BU05560404</t>
  </si>
  <si>
    <t>2021BU05560404</t>
  </si>
  <si>
    <t>Het Balkon</t>
  </si>
  <si>
    <t>buurt_gegeneraliseerd_2021.87400b9f-8857-4cfe-8b68-f6afddb3195f</t>
  </si>
  <si>
    <t>BU05560405</t>
  </si>
  <si>
    <t>2021BU05560405</t>
  </si>
  <si>
    <t>Nieuwe waterweg</t>
  </si>
  <si>
    <t>buurt_gegeneraliseerd_2021.76653144-b684-4511-a8c8-688750adcadb</t>
  </si>
  <si>
    <t>BU05560501</t>
  </si>
  <si>
    <t>2021BU05560501</t>
  </si>
  <si>
    <t>buurt_gegeneraliseerd_2021.627904fa-cf2b-4675-a8b7-96895d786df4</t>
  </si>
  <si>
    <t>BU05560502</t>
  </si>
  <si>
    <t>2021BU05560502</t>
  </si>
  <si>
    <t>buurt_gegeneraliseerd_2021.787f3874-2062-4911-9cf2-96da4c741682</t>
  </si>
  <si>
    <t>BU05560601</t>
  </si>
  <si>
    <t>2021BU05560601</t>
  </si>
  <si>
    <t>Steendijkpolder Noord</t>
  </si>
  <si>
    <t>buurt_gegeneraliseerd_2021.52fa5ce2-139b-46ce-b30a-0fb5f5d7ba07</t>
  </si>
  <si>
    <t>BU05560602</t>
  </si>
  <si>
    <t>2021BU05560602</t>
  </si>
  <si>
    <t>Steendijkpolder Zuid</t>
  </si>
  <si>
    <t>buurt_gegeneraliseerd_2021.bd63c7d2-6a03-46cb-a764-60559a9fa63e</t>
  </si>
  <si>
    <t>BU05560701</t>
  </si>
  <si>
    <t>2021BU05560701</t>
  </si>
  <si>
    <t>buurt_gegeneraliseerd_2021.08775cda-0a4f-4642-9102-c991c9194096</t>
  </si>
  <si>
    <t>BU05560702</t>
  </si>
  <si>
    <t>2021BU05560702</t>
  </si>
  <si>
    <t>De Dijk</t>
  </si>
  <si>
    <t>buurt_gegeneraliseerd_2021.acd3ad74-7676-4e82-b0c4-0ce3df57bf95</t>
  </si>
  <si>
    <t>BU05560801</t>
  </si>
  <si>
    <t>2021BU05560801</t>
  </si>
  <si>
    <t>Wilgenrijk</t>
  </si>
  <si>
    <t>buurt_gegeneraliseerd_2021.992a48aa-fe55-4038-afd9-9ec3193ed5d4</t>
  </si>
  <si>
    <t>BU05690000</t>
  </si>
  <si>
    <t>2021BU05690000</t>
  </si>
  <si>
    <t>Nieuwkoop</t>
  </si>
  <si>
    <t>GM0569</t>
  </si>
  <si>
    <t>buurt_gegeneraliseerd_2021.84bb2aec-e5b1-4ae9-9495-48b896cd0bf3</t>
  </si>
  <si>
    <t>BU05690001</t>
  </si>
  <si>
    <t>2021BU05690001</t>
  </si>
  <si>
    <t>Noorden (gedeeltelijk)</t>
  </si>
  <si>
    <t>buurt_gegeneraliseerd_2021.aec3eea5-23db-43db-9252-3c7bdadd99b5</t>
  </si>
  <si>
    <t>BU05690002</t>
  </si>
  <si>
    <t>2021BU05690002</t>
  </si>
  <si>
    <t>Nieuwveenseweg</t>
  </si>
  <si>
    <t>buurt_gegeneraliseerd_2021.3b793374-d593-46d7-8c1c-6e611e3dcd0a</t>
  </si>
  <si>
    <t>BU05690003</t>
  </si>
  <si>
    <t>2021BU05690003</t>
  </si>
  <si>
    <t>Uitbreiding dorpskern Nieuwkoop</t>
  </si>
  <si>
    <t>buurt_gegeneraliseerd_2021.fa74bc4a-f660-40da-8d04-428f47fdc193</t>
  </si>
  <si>
    <t>BU05690004</t>
  </si>
  <si>
    <t>2021BU05690004</t>
  </si>
  <si>
    <t>Achttienhoven</t>
  </si>
  <si>
    <t>buurt_gegeneraliseerd_2021.80fefb91-d204-44d4-8cde-280b842682d0</t>
  </si>
  <si>
    <t>BU05690005</t>
  </si>
  <si>
    <t>2021BU05690005</t>
  </si>
  <si>
    <t>Uitbreiding dorpskern Noorden</t>
  </si>
  <si>
    <t>buurt_gegeneraliseerd_2021.65cf8778-75e2-46c8-9d4b-f8783bc45a47</t>
  </si>
  <si>
    <t>BU05690006</t>
  </si>
  <si>
    <t>2021BU05690006</t>
  </si>
  <si>
    <t>Woerdense Verlaat</t>
  </si>
  <si>
    <t>buurt_gegeneraliseerd_2021.8bb9d030-4298-4899-9fa2-4191c85b6f94</t>
  </si>
  <si>
    <t>BU05690008</t>
  </si>
  <si>
    <t>2021BU05690008</t>
  </si>
  <si>
    <t>Verspreide huizen in het Noorden</t>
  </si>
  <si>
    <t>buurt_gegeneraliseerd_2021.dcb0eef6-271a-4918-9bc7-1db8799091fc</t>
  </si>
  <si>
    <t>BU05690009</t>
  </si>
  <si>
    <t>2021BU05690009</t>
  </si>
  <si>
    <t>Verspreide huizen en Nieuwkoop Plassengebied</t>
  </si>
  <si>
    <t>buurt_gegeneraliseerd_2021.e6ade4e9-f5a8-4a97-855a-c1836b0d9390</t>
  </si>
  <si>
    <t>BU05690100</t>
  </si>
  <si>
    <t>2021BU05690100</t>
  </si>
  <si>
    <t>Nieuwveen</t>
  </si>
  <si>
    <t>buurt_gegeneraliseerd_2021.633f7302-ebd9-4520-8beb-0952afb5efc2</t>
  </si>
  <si>
    <t>BU05690101</t>
  </si>
  <si>
    <t>2021BU05690101</t>
  </si>
  <si>
    <t>Schoterveld</t>
  </si>
  <si>
    <t>buurt_gegeneraliseerd_2021.86c6bd59-1ce9-440d-862a-37b23f72e89a</t>
  </si>
  <si>
    <t>BU05690104</t>
  </si>
  <si>
    <t>2021BU05690104</t>
  </si>
  <si>
    <t>Vrouwenakker</t>
  </si>
  <si>
    <t>buurt_gegeneraliseerd_2021.51825fa3-74d3-48e2-8fd5-b99d6c607e50</t>
  </si>
  <si>
    <t>BU05690108</t>
  </si>
  <si>
    <t>2021BU05690108</t>
  </si>
  <si>
    <t>Verspreide huizen in het Oosten en Zuiden</t>
  </si>
  <si>
    <t>buurt_gegeneraliseerd_2021.3e99af0b-be5b-4cef-b15b-d2f5ae7b5824</t>
  </si>
  <si>
    <t>BU05690109</t>
  </si>
  <si>
    <t>2021BU05690109</t>
  </si>
  <si>
    <t>buurt_gegeneraliseerd_2021.69c875f4-c5aa-47ea-b82d-bb540e351b16</t>
  </si>
  <si>
    <t>BU05690200</t>
  </si>
  <si>
    <t>2021BU05690200</t>
  </si>
  <si>
    <t>Zevenhoven</t>
  </si>
  <si>
    <t>buurt_gegeneraliseerd_2021.5f5a7a1f-34b3-4ce9-81c2-0bb78eb69347</t>
  </si>
  <si>
    <t>BU05690201</t>
  </si>
  <si>
    <t>2021BU05690201</t>
  </si>
  <si>
    <t>Noordse Dorp</t>
  </si>
  <si>
    <t>buurt_gegeneraliseerd_2021.7a8d2500-fe50-487b-89a0-dc99df00ff52</t>
  </si>
  <si>
    <t>BU05690202</t>
  </si>
  <si>
    <t>2021BU05690202</t>
  </si>
  <si>
    <t>Recreatiegebied</t>
  </si>
  <si>
    <t>buurt_gegeneraliseerd_2021.4cb9c02e-4c5c-49d5-9798-c8d3518f20d9</t>
  </si>
  <si>
    <t>BU05690203</t>
  </si>
  <si>
    <t>2021BU05690203</t>
  </si>
  <si>
    <t>Noordse Buurt</t>
  </si>
  <si>
    <t>buurt_gegeneraliseerd_2021.1d291b82-75c9-4b3e-9959-1127ffd6c8f1</t>
  </si>
  <si>
    <t>BU05690208</t>
  </si>
  <si>
    <t>2021BU05690208</t>
  </si>
  <si>
    <t>Verspreide huizen in het Westen</t>
  </si>
  <si>
    <t>buurt_gegeneraliseerd_2021.a10cd565-d1c7-4c7c-ac0e-216bc0f09373</t>
  </si>
  <si>
    <t>BU05690209</t>
  </si>
  <si>
    <t>2021BU05690209</t>
  </si>
  <si>
    <t>Verspreide huizen in het Oosten</t>
  </si>
  <si>
    <t>buurt_gegeneraliseerd_2021.c0baf7c0-352a-4db7-886a-3df9856b3b59</t>
  </si>
  <si>
    <t>BU05690300</t>
  </si>
  <si>
    <t>2021BU05690300</t>
  </si>
  <si>
    <t>Ter Aar (buitengebied)</t>
  </si>
  <si>
    <t>buurt_gegeneraliseerd_2021.19ac8b93-967c-49f3-8ecf-6f8468bedadb</t>
  </si>
  <si>
    <t>BU05690301</t>
  </si>
  <si>
    <t>2021BU05690301</t>
  </si>
  <si>
    <t>Langeraar</t>
  </si>
  <si>
    <t>buurt_gegeneraliseerd_2021.c41e1c1c-a155-4bc7-8df6-76f51c59d782</t>
  </si>
  <si>
    <t>BU05690302</t>
  </si>
  <si>
    <t>2021BU05690302</t>
  </si>
  <si>
    <t>Papenveer</t>
  </si>
  <si>
    <t>buurt_gegeneraliseerd_2021.1b556d68-a6f6-4f77-a0cb-3966f7f7b0c5</t>
  </si>
  <si>
    <t>BU05690303</t>
  </si>
  <si>
    <t>2021BU05690303</t>
  </si>
  <si>
    <t>Korteraar</t>
  </si>
  <si>
    <t>buurt_gegeneraliseerd_2021.77a203ca-97b8-4ce1-b71b-802430c61ff4</t>
  </si>
  <si>
    <t>BU05690305</t>
  </si>
  <si>
    <t>2021BU05690305</t>
  </si>
  <si>
    <t>Ter Aar-Centrum (voorheen Aardam)</t>
  </si>
  <si>
    <t>buurt_gegeneraliseerd_2021.fe6d0e7f-c189-430d-a5ac-70d9ba532a9d</t>
  </si>
  <si>
    <t>BU05690306</t>
  </si>
  <si>
    <t>2021BU05690306</t>
  </si>
  <si>
    <t>Langeraar-Nieuwbouw</t>
  </si>
  <si>
    <t>buurt_gegeneraliseerd_2021.2d48db0b-c274-4e2b-8813-2c9fc5159eed</t>
  </si>
  <si>
    <t>BU05690309</t>
  </si>
  <si>
    <t>2021BU05690309</t>
  </si>
  <si>
    <t>Verspreide huizen Ter Aar</t>
  </si>
  <si>
    <t>buurt_gegeneraliseerd_2021.2b0ffe28-2e2e-4eaf-a8e7-91782dd4aafb</t>
  </si>
  <si>
    <t>BU05790001</t>
  </si>
  <si>
    <t>2021BU05790001</t>
  </si>
  <si>
    <t>Rhijngeest</t>
  </si>
  <si>
    <t>GM0579</t>
  </si>
  <si>
    <t>buurt_gegeneraliseerd_2021.f6a9f12d-046d-4c6e-89d7-675a4c62e4d8</t>
  </si>
  <si>
    <t>BU05790002</t>
  </si>
  <si>
    <t>2021BU05790002</t>
  </si>
  <si>
    <t>Rijnfront</t>
  </si>
  <si>
    <t>buurt_gegeneraliseerd_2021.58624bec-e21c-440b-81e4-902445cc7488</t>
  </si>
  <si>
    <t>BU05790003</t>
  </si>
  <si>
    <t>2021BU05790003</t>
  </si>
  <si>
    <t>buurt_gegeneraliseerd_2021.1084f609-be63-46ad-986d-24c944615261</t>
  </si>
  <si>
    <t>BU05790011</t>
  </si>
  <si>
    <t>2021BU05790011</t>
  </si>
  <si>
    <t>Oranje Nassau</t>
  </si>
  <si>
    <t>buurt_gegeneraliseerd_2021.1f157d25-ceec-454b-8d8a-209351e4ddb7</t>
  </si>
  <si>
    <t>BU05790012</t>
  </si>
  <si>
    <t>2021BU05790012</t>
  </si>
  <si>
    <t>Oudenhof</t>
  </si>
  <si>
    <t>buurt_gegeneraliseerd_2021.f35ff191-c993-4303-b1b7-b72d8508f727</t>
  </si>
  <si>
    <t>BU05790013</t>
  </si>
  <si>
    <t>2021BU05790013</t>
  </si>
  <si>
    <t>buurt_gegeneraliseerd_2021.93047241-10da-4244-a34b-83f7aae8c13b</t>
  </si>
  <si>
    <t>BU05790014</t>
  </si>
  <si>
    <t>2021BU05790014</t>
  </si>
  <si>
    <t>Voscuyl</t>
  </si>
  <si>
    <t>buurt_gegeneraliseerd_2021.d1f58ae4-1956-48c3-bfbc-e306b45c5a70</t>
  </si>
  <si>
    <t>BU05790015</t>
  </si>
  <si>
    <t>2021BU05790015</t>
  </si>
  <si>
    <t>buurt_gegeneraliseerd_2021.6036c5a0-d36f-4dc8-8724-3b483f867a2e</t>
  </si>
  <si>
    <t>BU05790021</t>
  </si>
  <si>
    <t>2021BU05790021</t>
  </si>
  <si>
    <t>Haaswijk-West</t>
  </si>
  <si>
    <t>buurt_gegeneraliseerd_2021.1f87b8e4-4786-4b0f-9468-d10e2355012b</t>
  </si>
  <si>
    <t>BU05790022</t>
  </si>
  <si>
    <t>2021BU05790022</t>
  </si>
  <si>
    <t>Haaswijk-Oost</t>
  </si>
  <si>
    <t>buurt_gegeneraliseerd_2021.2b8056de-1f0b-451a-9ce4-e27b9190e8cf</t>
  </si>
  <si>
    <t>BU05790023</t>
  </si>
  <si>
    <t>2021BU05790023</t>
  </si>
  <si>
    <t>De Morsebel</t>
  </si>
  <si>
    <t>buurt_gegeneraliseerd_2021.2ec81d37-4c92-4e38-9803-b80da7c74cf1</t>
  </si>
  <si>
    <t>BU05790024</t>
  </si>
  <si>
    <t>2021BU05790024</t>
  </si>
  <si>
    <t>Poelgeest</t>
  </si>
  <si>
    <t>buurt_gegeneraliseerd_2021.21f5f922-099e-4f10-bfbd-211a2b7663e7</t>
  </si>
  <si>
    <t>BU05890101</t>
  </si>
  <si>
    <t>2021BU05890101</t>
  </si>
  <si>
    <t>Kern Hekendorp</t>
  </si>
  <si>
    <t>GM0589</t>
  </si>
  <si>
    <t>buurt_gegeneraliseerd_2021.859ba974-c5d3-4d80-91e5-5ce58adeb4a7</t>
  </si>
  <si>
    <t>BU05890102</t>
  </si>
  <si>
    <t>2021BU05890102</t>
  </si>
  <si>
    <t>Hekendorpse buurt</t>
  </si>
  <si>
    <t>buurt_gegeneraliseerd_2021.67d65a16-1d42-438e-a351-3a91c3de552a</t>
  </si>
  <si>
    <t>BU05890201</t>
  </si>
  <si>
    <t>2021BU05890201</t>
  </si>
  <si>
    <t>Kern Oudewater</t>
  </si>
  <si>
    <t>buurt_gegeneraliseerd_2021.bb03660c-2cce-4b3d-9d8c-87eeeaf45db0</t>
  </si>
  <si>
    <t>BU05890202</t>
  </si>
  <si>
    <t>2021BU05890202</t>
  </si>
  <si>
    <t>de Noort syde</t>
  </si>
  <si>
    <t>buurt_gegeneraliseerd_2021.41b0b50f-ae91-4769-90d6-d767af97a7f5</t>
  </si>
  <si>
    <t>BU05890203</t>
  </si>
  <si>
    <t>2021BU05890203</t>
  </si>
  <si>
    <t>Brede dijk</t>
  </si>
  <si>
    <t>buurt_gegeneraliseerd_2021.8259d2b4-ca20-418b-a38d-d653ba059c7a</t>
  </si>
  <si>
    <t>BU05890204</t>
  </si>
  <si>
    <t>2021BU05890204</t>
  </si>
  <si>
    <t>Klein Hekendorp</t>
  </si>
  <si>
    <t>buurt_gegeneraliseerd_2021.d36ff3bb-44bb-47c2-a12a-12d7a06d9c79</t>
  </si>
  <si>
    <t>BU05890205</t>
  </si>
  <si>
    <t>2021BU05890205</t>
  </si>
  <si>
    <t>Kern Hoenkoop</t>
  </si>
  <si>
    <t>buurt_gegeneraliseerd_2021.1221394b-2548-4c35-91ac-bfd0cbd40e9d</t>
  </si>
  <si>
    <t>BU05890206</t>
  </si>
  <si>
    <t>2021BU05890206</t>
  </si>
  <si>
    <t>Markveld</t>
  </si>
  <si>
    <t>buurt_gegeneraliseerd_2021.61ad9ab0-d193-41ce-876d-f5cb8e093aee</t>
  </si>
  <si>
    <t>BU05890207</t>
  </si>
  <si>
    <t>2021BU05890207</t>
  </si>
  <si>
    <t>Groenbuffer noord</t>
  </si>
  <si>
    <t>buurt_gegeneraliseerd_2021.9d63f21d-c244-4b32-ac00-9643b45971f7</t>
  </si>
  <si>
    <t>BU05890208</t>
  </si>
  <si>
    <t>2021BU05890208</t>
  </si>
  <si>
    <t>Tappersheul</t>
  </si>
  <si>
    <t>buurt_gegeneraliseerd_2021.35a01f20-66c3-4c7e-bbca-2c02a9afd838</t>
  </si>
  <si>
    <t>BU05890209</t>
  </si>
  <si>
    <t>2021BU05890209</t>
  </si>
  <si>
    <t>Klein Hekendorp buitengebied</t>
  </si>
  <si>
    <t>buurt_gegeneraliseerd_2021.a80ad82d-958f-4b11-bdac-6d6b30195f52</t>
  </si>
  <si>
    <t>BU05890210</t>
  </si>
  <si>
    <t>2021BU05890210</t>
  </si>
  <si>
    <t>buurt_gegeneraliseerd_2021.e975d25f-bf01-4f76-a1d7-389aaeb79f8a</t>
  </si>
  <si>
    <t>BU05890211</t>
  </si>
  <si>
    <t>2021BU05890211</t>
  </si>
  <si>
    <t>Hoenkoopse buurt</t>
  </si>
  <si>
    <t>buurt_gegeneraliseerd_2021.7f307d8b-c6ee-40a8-b0d6-5f65f69f4678</t>
  </si>
  <si>
    <t>BU05890212</t>
  </si>
  <si>
    <t>2021BU05890212</t>
  </si>
  <si>
    <t>buurt_gegeneraliseerd_2021.4877a6fe-3c52-4cc2-9eab-84da01683bd4</t>
  </si>
  <si>
    <t>BU05890213</t>
  </si>
  <si>
    <t>2021BU05890213</t>
  </si>
  <si>
    <t>Ruige weide</t>
  </si>
  <si>
    <t>buurt_gegeneraliseerd_2021.3626b9fe-ad86-4fa1-94ad-63725da96121</t>
  </si>
  <si>
    <t>BU05890301</t>
  </si>
  <si>
    <t>2021BU05890301</t>
  </si>
  <si>
    <t>Kern Papekop</t>
  </si>
  <si>
    <t>buurt_gegeneraliseerd_2021.7a155a0f-becf-405a-aee5-b077dfab8d2a</t>
  </si>
  <si>
    <t>BU05890302</t>
  </si>
  <si>
    <t>2021BU05890302</t>
  </si>
  <si>
    <t>Diemerbroek</t>
  </si>
  <si>
    <t>buurt_gegeneraliseerd_2021.eb487d9c-dc15-476e-84a2-f96247d17af6</t>
  </si>
  <si>
    <t>BU05890401</t>
  </si>
  <si>
    <t>2021BU05890401</t>
  </si>
  <si>
    <t>Snelrewaard</t>
  </si>
  <si>
    <t>buurt_gegeneraliseerd_2021.63b77fe4-ed13-4ce2-af19-aa426b8b5d9b</t>
  </si>
  <si>
    <t>BU06030111</t>
  </si>
  <si>
    <t>2021BU06030111</t>
  </si>
  <si>
    <t>Cromvliet</t>
  </si>
  <si>
    <t>GM0603</t>
  </si>
  <si>
    <t>buurt_gegeneraliseerd_2021.ac5a590a-a29e-4f14-a09c-ba1f37d9baa8</t>
  </si>
  <si>
    <t>BU06030112</t>
  </si>
  <si>
    <t>2021BU06030112</t>
  </si>
  <si>
    <t>Leeuwendaal</t>
  </si>
  <si>
    <t>buurt_gegeneraliseerd_2021.7ae536fb-2f4c-4a11-9f08-9b77b17a216e</t>
  </si>
  <si>
    <t>BU06030221</t>
  </si>
  <si>
    <t>2021BU06030221</t>
  </si>
  <si>
    <t>Oud-Rijswijk</t>
  </si>
  <si>
    <t>buurt_gegeneraliseerd_2021.c2678de5-40be-4cd7-b3fa-2d7836cbf139</t>
  </si>
  <si>
    <t>BU06030222</t>
  </si>
  <si>
    <t>2021BU06030222</t>
  </si>
  <si>
    <t>buurt_gegeneraliseerd_2021.b34e06d8-21b4-4344-afa2-a08c30e1680f</t>
  </si>
  <si>
    <t>BU06030223</t>
  </si>
  <si>
    <t>2021BU06030223</t>
  </si>
  <si>
    <t>buurt_gegeneraliseerd_2021.a95f0f55-1f84-4c37-806f-517f15488939</t>
  </si>
  <si>
    <t>BU06030224</t>
  </si>
  <si>
    <t>2021BU06030224</t>
  </si>
  <si>
    <t>Rembrandtkwartier</t>
  </si>
  <si>
    <t>buurt_gegeneraliseerd_2021.eb5f7db5-6a08-42d2-a8b4-4511bb147b24</t>
  </si>
  <si>
    <t>BU06030225</t>
  </si>
  <si>
    <t>2021BU06030225</t>
  </si>
  <si>
    <t>buurt_gegeneraliseerd_2021.c4131cee-d1ba-4818-bca9-d3275586517b</t>
  </si>
  <si>
    <t>BU06030391</t>
  </si>
  <si>
    <t>2021BU06030391</t>
  </si>
  <si>
    <t>Hoornwijck</t>
  </si>
  <si>
    <t>buurt_gegeneraliseerd_2021.45ece97f-5956-4811-8d29-dd774f8ffbc6</t>
  </si>
  <si>
    <t>BU06030392</t>
  </si>
  <si>
    <t>2021BU06030392</t>
  </si>
  <si>
    <t>Broekpolder</t>
  </si>
  <si>
    <t>buurt_gegeneraliseerd_2021.fb8a0260-da9d-4f1b-b756-0bca8dfcb41c</t>
  </si>
  <si>
    <t>BU06030431</t>
  </si>
  <si>
    <t>2021BU06030431</t>
  </si>
  <si>
    <t>buurt_gegeneraliseerd_2021.e0113028-f264-4270-8fbb-2fe64db7c5f4</t>
  </si>
  <si>
    <t>BU06030432</t>
  </si>
  <si>
    <t>2021BU06030432</t>
  </si>
  <si>
    <t>Huis te Lande</t>
  </si>
  <si>
    <t>buurt_gegeneraliseerd_2021.fe97a6d2-293b-4169-a28e-4b90d8684db6</t>
  </si>
  <si>
    <t>BU06030434</t>
  </si>
  <si>
    <t>2021BU06030434</t>
  </si>
  <si>
    <t>Te Werve</t>
  </si>
  <si>
    <t>buurt_gegeneraliseerd_2021.953420ed-326e-423f-878a-6e4057bf5d7c</t>
  </si>
  <si>
    <t>BU06030581</t>
  </si>
  <si>
    <t>2021BU06030581</t>
  </si>
  <si>
    <t>Plaspoelpolder</t>
  </si>
  <si>
    <t>buurt_gegeneraliseerd_2021.7c004986-2180-4dc1-b89c-ca0936a94df5</t>
  </si>
  <si>
    <t>BU06030633</t>
  </si>
  <si>
    <t>2021BU06030633</t>
  </si>
  <si>
    <t>buurt_gegeneraliseerd_2021.1513422f-8258-48ab-8ff7-81d22975a024</t>
  </si>
  <si>
    <t>BU06030641</t>
  </si>
  <si>
    <t>2021BU06030641</t>
  </si>
  <si>
    <t>buurt_gegeneraliseerd_2021.fdeeb2b4-702d-4cfb-8f9c-f26b75e5224b</t>
  </si>
  <si>
    <t>BU06030642</t>
  </si>
  <si>
    <t>2021BU06030642</t>
  </si>
  <si>
    <t>Kleurenbuurt</t>
  </si>
  <si>
    <t>buurt_gegeneraliseerd_2021.5acc4d70-690f-4a5e-a92d-fd7346644b52</t>
  </si>
  <si>
    <t>BU06030643</t>
  </si>
  <si>
    <t>2021BU06030643</t>
  </si>
  <si>
    <t>Artiestenbuurt</t>
  </si>
  <si>
    <t>buurt_gegeneraliseerd_2021.045b014e-d9db-454c-b065-f0ecf996fc1c</t>
  </si>
  <si>
    <t>BU06030771</t>
  </si>
  <si>
    <t>2021BU06030771</t>
  </si>
  <si>
    <t>buurt_gegeneraliseerd_2021.21c1a378-c780-4da5-b13e-610b4aed3eaf</t>
  </si>
  <si>
    <t>BU06030772</t>
  </si>
  <si>
    <t>2021BU06030772</t>
  </si>
  <si>
    <t>buurt_gegeneraliseerd_2021.769e6874-886d-4538-93ed-f5b3ac73ed29</t>
  </si>
  <si>
    <t>BU06030851</t>
  </si>
  <si>
    <t>2021BU06030851</t>
  </si>
  <si>
    <t>Overvoorde</t>
  </si>
  <si>
    <t>buurt_gegeneraliseerd_2021.f6828872-6959-483e-805d-8a29c1c7364c</t>
  </si>
  <si>
    <t>BU06030852</t>
  </si>
  <si>
    <t>2021BU06030852</t>
  </si>
  <si>
    <t>Strijp</t>
  </si>
  <si>
    <t>buurt_gegeneraliseerd_2021.ea2d9cc2-96a5-41c6-a3d0-1c66939db5eb</t>
  </si>
  <si>
    <t>BU06030853</t>
  </si>
  <si>
    <t>2021BU06030853</t>
  </si>
  <si>
    <t>Presidentenbuurt</t>
  </si>
  <si>
    <t>buurt_gegeneraliseerd_2021.b93b15b9-46e2-4183-b457-de484c329123</t>
  </si>
  <si>
    <t>BU06030854</t>
  </si>
  <si>
    <t>2021BU06030854</t>
  </si>
  <si>
    <t>Ministerbuurt</t>
  </si>
  <si>
    <t>buurt_gegeneraliseerd_2021.39502903-d72c-4010-ae76-6ae31fe8daa4</t>
  </si>
  <si>
    <t>BU06030961</t>
  </si>
  <si>
    <t>2021BU06030961</t>
  </si>
  <si>
    <t>Stervoorde</t>
  </si>
  <si>
    <t>buurt_gegeneraliseerd_2021.59481b4f-eddc-463c-be9b-1f8fa4af45da</t>
  </si>
  <si>
    <t>BU06030962</t>
  </si>
  <si>
    <t>2021BU06030962</t>
  </si>
  <si>
    <t>Eikelenburg</t>
  </si>
  <si>
    <t>buurt_gegeneraliseerd_2021.61f36a03-1b64-4862-8aed-712ea6aa968b</t>
  </si>
  <si>
    <t>BU06030963</t>
  </si>
  <si>
    <t>2021BU06030963</t>
  </si>
  <si>
    <t>Hoekpolder</t>
  </si>
  <si>
    <t>buurt_gegeneraliseerd_2021.7bbdd945-2d9f-4b53-81c1-52b4d71246fe</t>
  </si>
  <si>
    <t>BU06031064</t>
  </si>
  <si>
    <t>2021BU06031064</t>
  </si>
  <si>
    <t>Sion</t>
  </si>
  <si>
    <t>buurt_gegeneraliseerd_2021.f917a874-cddb-4868-816d-11014bd7ec6c</t>
  </si>
  <si>
    <t>BU06031082</t>
  </si>
  <si>
    <t>2021BU06031082</t>
  </si>
  <si>
    <t>Elsenburg</t>
  </si>
  <si>
    <t>buurt_gegeneraliseerd_2021.f70985d0-f81e-44a1-b6c5-e9842ffc523d</t>
  </si>
  <si>
    <t>BU06031083</t>
  </si>
  <si>
    <t>2021BU06031083</t>
  </si>
  <si>
    <t>Pasgeld</t>
  </si>
  <si>
    <t>buurt_gegeneraliseerd_2021.c198f8ef-6886-4cd5-83e4-08718e9612bd</t>
  </si>
  <si>
    <t>BU06031084</t>
  </si>
  <si>
    <t>2021BU06031084</t>
  </si>
  <si>
    <t>Haantje</t>
  </si>
  <si>
    <t>buurt_gegeneraliseerd_2021.d29db48c-e42d-4639-9195-a77058505397</t>
  </si>
  <si>
    <t>BU06031193</t>
  </si>
  <si>
    <t>2021BU06031193</t>
  </si>
  <si>
    <t>Kraayenburg</t>
  </si>
  <si>
    <t>buurt_gegeneraliseerd_2021.c5c567c3-9e03-43bb-823d-069d2e98b6e7</t>
  </si>
  <si>
    <t>BU06031194</t>
  </si>
  <si>
    <t>2021BU06031194</t>
  </si>
  <si>
    <t>Vrijenban</t>
  </si>
  <si>
    <t>buurt_gegeneraliseerd_2021.aee143f7-6403-47c0-a61a-6c7178641851</t>
  </si>
  <si>
    <t>BU06060000</t>
  </si>
  <si>
    <t>2021BU06060000</t>
  </si>
  <si>
    <t>Buurt 00</t>
  </si>
  <si>
    <t>GM0606</t>
  </si>
  <si>
    <t>buurt_gegeneraliseerd_2021.527b4cbb-7aa6-42e2-b5a3-9f66e04f2186</t>
  </si>
  <si>
    <t>BU06060101</t>
  </si>
  <si>
    <t>2021BU06060101</t>
  </si>
  <si>
    <t>Stadserf</t>
  </si>
  <si>
    <t>buurt_gegeneraliseerd_2021.86c3e970-ca52-4331-8e8d-55a4b07ed48b</t>
  </si>
  <si>
    <t>BU06060102</t>
  </si>
  <si>
    <t>2021BU06060102</t>
  </si>
  <si>
    <t>buurt_gegeneraliseerd_2021.1ba6917f-594c-4926-8598-552df3833a8d</t>
  </si>
  <si>
    <t>BU06060103</t>
  </si>
  <si>
    <t>2021BU06060103</t>
  </si>
  <si>
    <t>Singelkwartier</t>
  </si>
  <si>
    <t>buurt_gegeneraliseerd_2021.c58da876-bc08-4d9b-8744-60cd5c30c565</t>
  </si>
  <si>
    <t>BU06060104</t>
  </si>
  <si>
    <t>2021BU06060104</t>
  </si>
  <si>
    <t>buurt_gegeneraliseerd_2021.e5a376f6-a88f-4fd5-93e7-412ac536927e</t>
  </si>
  <si>
    <t>BU06060105</t>
  </si>
  <si>
    <t>2021BU06060105</t>
  </si>
  <si>
    <t>Wetenschappersbuurt</t>
  </si>
  <si>
    <t>buurt_gegeneraliseerd_2021.3155c04e-6f02-4ea4-8ccf-61469eb83e0e</t>
  </si>
  <si>
    <t>BU06060106</t>
  </si>
  <si>
    <t>2021BU06060106</t>
  </si>
  <si>
    <t>Newtonbuurt</t>
  </si>
  <si>
    <t>buurt_gegeneraliseerd_2021.db1f73f1-006c-4ca7-86c0-c529f55b9f4e</t>
  </si>
  <si>
    <t>BU06060107</t>
  </si>
  <si>
    <t>2021BU06060107</t>
  </si>
  <si>
    <t>Rotterdamsedijk</t>
  </si>
  <si>
    <t>buurt_gegeneraliseerd_2021.2a61ffae-44c4-4b9f-907f-89962c523d6b</t>
  </si>
  <si>
    <t>BU06060201</t>
  </si>
  <si>
    <t>2021BU06060201</t>
  </si>
  <si>
    <t>Brandersbuurt</t>
  </si>
  <si>
    <t>buurt_gegeneraliseerd_2021.c1c9f5d3-9154-4ae3-b3c9-fb7079c2718a</t>
  </si>
  <si>
    <t>BU06060202</t>
  </si>
  <si>
    <t>2021BU06060202</t>
  </si>
  <si>
    <t>buurt_gegeneraliseerd_2021.45789a6d-6b21-41db-afdc-3897ec4b5d20</t>
  </si>
  <si>
    <t>BU06060203</t>
  </si>
  <si>
    <t>2021BU06060203</t>
  </si>
  <si>
    <t>De Plantage</t>
  </si>
  <si>
    <t>buurt_gegeneraliseerd_2021.110b51ce-b2f8-445e-b899-e0072b29f890</t>
  </si>
  <si>
    <t>BU06060301</t>
  </si>
  <si>
    <t>2021BU06060301</t>
  </si>
  <si>
    <t>buurt_gegeneraliseerd_2021.f07b7d6a-be06-4834-82b5-b8bfba039019</t>
  </si>
  <si>
    <t>BU06060302</t>
  </si>
  <si>
    <t>2021BU06060302</t>
  </si>
  <si>
    <t>buurt_gegeneraliseerd_2021.1dedf05b-c2ec-4183-b019-5edf587529da</t>
  </si>
  <si>
    <t>BU06060303</t>
  </si>
  <si>
    <t>2021BU06060303</t>
  </si>
  <si>
    <t>Fabribuurt</t>
  </si>
  <si>
    <t>buurt_gegeneraliseerd_2021.e3ad4ca9-c74e-43a1-a55e-97968459cfe7</t>
  </si>
  <si>
    <t>BU06060304</t>
  </si>
  <si>
    <t>2021BU06060304</t>
  </si>
  <si>
    <t>Frankenland</t>
  </si>
  <si>
    <t>buurt_gegeneraliseerd_2021.daa7035d-7ce3-42bb-b2b7-0e7795c27af3</t>
  </si>
  <si>
    <t>BU06060305</t>
  </si>
  <si>
    <t>2021BU06060305</t>
  </si>
  <si>
    <t>Liduinabuurt</t>
  </si>
  <si>
    <t>buurt_gegeneraliseerd_2021.8c7058ca-f270-4c4a-b7a5-8d4cb36797f2</t>
  </si>
  <si>
    <t>BU06060306</t>
  </si>
  <si>
    <t>2021BU06060306</t>
  </si>
  <si>
    <t>buurt_gegeneraliseerd_2021.537de364-68ab-45e8-8488-887372736dfa</t>
  </si>
  <si>
    <t>BU06060307</t>
  </si>
  <si>
    <t>2021BU06060307</t>
  </si>
  <si>
    <t>buurt_gegeneraliseerd_2021.e95b2ec8-8c7a-4749-8020-2d3e4fd756ad</t>
  </si>
  <si>
    <t>BU06060308</t>
  </si>
  <si>
    <t>2021BU06060308</t>
  </si>
  <si>
    <t>Haverschmidtkwartier</t>
  </si>
  <si>
    <t>buurt_gegeneraliseerd_2021.85388dc3-69d7-43c5-9d53-8e665e1eefcc</t>
  </si>
  <si>
    <t>BU06060309</t>
  </si>
  <si>
    <t>2021BU06060309</t>
  </si>
  <si>
    <t>Distillateursbuurt</t>
  </si>
  <si>
    <t>buurt_gegeneraliseerd_2021.fb71c387-1856-4a01-b9df-1bc5b5f460bf</t>
  </si>
  <si>
    <t>BU06060401</t>
  </si>
  <si>
    <t>2021BU06060401</t>
  </si>
  <si>
    <t>Noletbuurt</t>
  </si>
  <si>
    <t>buurt_gegeneraliseerd_2021.1fe985c2-ede5-420c-a5ff-0cbbff9c24c9</t>
  </si>
  <si>
    <t>BU06060402</t>
  </si>
  <si>
    <t>2021BU06060402</t>
  </si>
  <si>
    <t>buurt_gegeneraliseerd_2021.2749059d-14f4-4381-8119-d673bdb53049</t>
  </si>
  <si>
    <t>BU06060403</t>
  </si>
  <si>
    <t>2021BU06060403</t>
  </si>
  <si>
    <t>Piet Sandersbuurt</t>
  </si>
  <si>
    <t>buurt_gegeneraliseerd_2021.689432af-db31-4804-881c-f3e5b9f59d7d</t>
  </si>
  <si>
    <t>BU06060404</t>
  </si>
  <si>
    <t>2021BU06060404</t>
  </si>
  <si>
    <t>Maasboulevard</t>
  </si>
  <si>
    <t>buurt_gegeneraliseerd_2021.9ed81993-e104-43b3-b513-f90fb51d2ee1</t>
  </si>
  <si>
    <t>BU06060405</t>
  </si>
  <si>
    <t>2021BU06060405</t>
  </si>
  <si>
    <t>buurt_gegeneraliseerd_2021.fc3de3a4-03d5-4a51-b277-7cf86ebbb6bf</t>
  </si>
  <si>
    <t>BU06060500</t>
  </si>
  <si>
    <t>2021BU06060500</t>
  </si>
  <si>
    <t>Nieuw-Mathenesse</t>
  </si>
  <si>
    <t>buurt_gegeneraliseerd_2021.d2bbc78e-141c-416e-ab9c-3a068bf1043a</t>
  </si>
  <si>
    <t>BU06060602</t>
  </si>
  <si>
    <t>2021BU06060602</t>
  </si>
  <si>
    <t>Spieringshoek</t>
  </si>
  <si>
    <t>buurt_gegeneraliseerd_2021.b5ad0007-3f09-444e-be7b-6ecd1fd02a95</t>
  </si>
  <si>
    <t>BU06060603</t>
  </si>
  <si>
    <t>2021BU06060603</t>
  </si>
  <si>
    <t>buurt_gegeneraliseerd_2021.d9d61765-d9df-4a6c-9996-e195df032fe3</t>
  </si>
  <si>
    <t>BU06060604</t>
  </si>
  <si>
    <t>2021BU06060604</t>
  </si>
  <si>
    <t>Vakbondsliedenbuurt</t>
  </si>
  <si>
    <t>buurt_gegeneraliseerd_2021.7272fb20-0dbc-48a4-91ad-203e2973002c</t>
  </si>
  <si>
    <t>BU06060605</t>
  </si>
  <si>
    <t>2021BU06060605</t>
  </si>
  <si>
    <t>Hollandiabuurt</t>
  </si>
  <si>
    <t>buurt_gegeneraliseerd_2021.bb59b0a2-0a73-4cf7-96a2-be76196fb039</t>
  </si>
  <si>
    <t>BU06060606</t>
  </si>
  <si>
    <t>2021BU06060606</t>
  </si>
  <si>
    <t>Schiehart</t>
  </si>
  <si>
    <t>buurt_gegeneraliseerd_2021.dfd164b0-b521-4f40-988b-b953b3757004</t>
  </si>
  <si>
    <t>BU06060607</t>
  </si>
  <si>
    <t>2021BU06060607</t>
  </si>
  <si>
    <t>Nolensbuurt</t>
  </si>
  <si>
    <t>buurt_gegeneraliseerd_2021.cdcdb699-ed03-4d50-8fed-7d13ae630d48</t>
  </si>
  <si>
    <t>BU06060608</t>
  </si>
  <si>
    <t>2021BU06060608</t>
  </si>
  <si>
    <t>Wibautbuurt</t>
  </si>
  <si>
    <t>buurt_gegeneraliseerd_2021.9fbb0adf-0c15-4ce7-8641-3cc6d20b2db2</t>
  </si>
  <si>
    <t>BU06060701</t>
  </si>
  <si>
    <t>2021BU06060701</t>
  </si>
  <si>
    <t>Parkenbuurt/Bijdorp</t>
  </si>
  <si>
    <t>buurt_gegeneraliseerd_2021.9c80b3a7-5eec-41d8-bb1d-8a97f3bd36ed</t>
  </si>
  <si>
    <t>BU06060702</t>
  </si>
  <si>
    <t>2021BU06060702</t>
  </si>
  <si>
    <t>Groenoord-Zuid</t>
  </si>
  <si>
    <t>buurt_gegeneraliseerd_2021.971cd86c-15b1-4453-b1c6-90354897c055</t>
  </si>
  <si>
    <t>BU06060703</t>
  </si>
  <si>
    <t>2021BU06060703</t>
  </si>
  <si>
    <t>Groenoord-Midden</t>
  </si>
  <si>
    <t>buurt_gegeneraliseerd_2021.4057331f-128e-42aa-8b5a-075be4988133</t>
  </si>
  <si>
    <t>BU06060704</t>
  </si>
  <si>
    <t>2021BU06060704</t>
  </si>
  <si>
    <t>Groenoord-Noord</t>
  </si>
  <si>
    <t>buurt_gegeneraliseerd_2021.e87566ae-4053-461a-9ecd-061ccaaf4548</t>
  </si>
  <si>
    <t>BU06060705</t>
  </si>
  <si>
    <t>2021BU06060705</t>
  </si>
  <si>
    <t>Kethel-dorp</t>
  </si>
  <si>
    <t>buurt_gegeneraliseerd_2021.11d4443a-bf36-4e07-a86f-201e495cce74</t>
  </si>
  <si>
    <t>BU06060706</t>
  </si>
  <si>
    <t>2021BU06060706</t>
  </si>
  <si>
    <t>buurt_gegeneraliseerd_2021.58bfad9b-55c6-4c97-bbee-ab2217b26a34</t>
  </si>
  <si>
    <t>BU06060707</t>
  </si>
  <si>
    <t>2021BU06060707</t>
  </si>
  <si>
    <t>buurt_gegeneraliseerd_2021.ebe79d14-8bc6-414a-bcec-209f59715b12</t>
  </si>
  <si>
    <t>BU06060801</t>
  </si>
  <si>
    <t>2021BU06060801</t>
  </si>
  <si>
    <t>Spaanse Polder</t>
  </si>
  <si>
    <t>buurt_gegeneraliseerd_2021.9dac22f0-8f67-464d-8b71-d181c6ae225f</t>
  </si>
  <si>
    <t>BU06060802</t>
  </si>
  <si>
    <t>2021BU06060802</t>
  </si>
  <si>
    <t>'s-Gravelandsepolder</t>
  </si>
  <si>
    <t>buurt_gegeneraliseerd_2021.589f5c1f-9fae-4521-83d8-39273892186b</t>
  </si>
  <si>
    <t>BU06060803</t>
  </si>
  <si>
    <t>2021BU06060803</t>
  </si>
  <si>
    <t>Polderwetering</t>
  </si>
  <si>
    <t>buurt_gegeneraliseerd_2021.2833fc31-7ea8-4ca5-ad6e-a0876cb9a443</t>
  </si>
  <si>
    <t>BU06060901</t>
  </si>
  <si>
    <t>2021BU06060901</t>
  </si>
  <si>
    <t>Toneelspelersbuurt</t>
  </si>
  <si>
    <t>buurt_gegeneraliseerd_2021.003f2f44-cf94-4369-a7f8-859c032546ce</t>
  </si>
  <si>
    <t>BU06060902</t>
  </si>
  <si>
    <t>2021BU06060902</t>
  </si>
  <si>
    <t>Ambachtenbuurt</t>
  </si>
  <si>
    <t>buurt_gegeneraliseerd_2021.0447bdf4-6cdb-41c0-a7ea-5339700fc49c</t>
  </si>
  <si>
    <t>BU06060903</t>
  </si>
  <si>
    <t>2021BU06060903</t>
  </si>
  <si>
    <t>buurt_gegeneraliseerd_2021.17cf5c6e-19e1-440a-9660-e312aee8417c</t>
  </si>
  <si>
    <t>BU06060904</t>
  </si>
  <si>
    <t>2021BU06060904</t>
  </si>
  <si>
    <t>Botenbuurt</t>
  </si>
  <si>
    <t>buurt_gegeneraliseerd_2021.d91b3a41-4716-4fb6-b31e-c797f022576d</t>
  </si>
  <si>
    <t>BU06060905</t>
  </si>
  <si>
    <t>2021BU06060905</t>
  </si>
  <si>
    <t>De Gaarden/Sveafors</t>
  </si>
  <si>
    <t>buurt_gegeneraliseerd_2021.8b222e68-efdf-4bfe-9726-5de0cfd7fe15</t>
  </si>
  <si>
    <t>BU06060906</t>
  </si>
  <si>
    <t>2021BU06060906</t>
  </si>
  <si>
    <t>De Vlinderhoven/Sveaholm</t>
  </si>
  <si>
    <t>buurt_gegeneraliseerd_2021.719c2178-99c3-4994-9ecd-fd4fb755edac</t>
  </si>
  <si>
    <t>BU06060907</t>
  </si>
  <si>
    <t>2021BU06060907</t>
  </si>
  <si>
    <t>De Akkers en De Velden</t>
  </si>
  <si>
    <t>buurt_gegeneraliseerd_2021.08ba8800-9f37-4e1c-88ce-5552d677a14c</t>
  </si>
  <si>
    <t>BU06060908</t>
  </si>
  <si>
    <t>2021BU06060908</t>
  </si>
  <si>
    <t>Sveaborg en -Dal</t>
  </si>
  <si>
    <t>buurt_gegeneraliseerd_2021.7148a3c9-4f5b-4f40-b1a0-fffa3aa3b75b</t>
  </si>
  <si>
    <t>BU06060909</t>
  </si>
  <si>
    <t>2021BU06060909</t>
  </si>
  <si>
    <t>Noordkethelpolder</t>
  </si>
  <si>
    <t>buurt_gegeneraliseerd_2021.dd7e7964-0b54-4477-bc51-45325bd85f59</t>
  </si>
  <si>
    <t>BU06130101</t>
  </si>
  <si>
    <t>2021BU06130101</t>
  </si>
  <si>
    <t>Valckesteyn</t>
  </si>
  <si>
    <t>GM0613</t>
  </si>
  <si>
    <t>buurt_gegeneraliseerd_2021.05b43158-9cc0-4edd-a7c9-be9364f8d13e</t>
  </si>
  <si>
    <t>BU06130102</t>
  </si>
  <si>
    <t>2021BU06130102</t>
  </si>
  <si>
    <t>Zwaardijk-Kruisdijk</t>
  </si>
  <si>
    <t>buurt_gegeneraliseerd_2021.55142f85-1a1e-4ea8-8f79-4e30593d3247</t>
  </si>
  <si>
    <t>BU06130103</t>
  </si>
  <si>
    <t>2021BU06130103</t>
  </si>
  <si>
    <t>Poortugaal</t>
  </si>
  <si>
    <t>buurt_gegeneraliseerd_2021.6725813e-a5f2-4e4a-884f-ce3fd3f1a525</t>
  </si>
  <si>
    <t>BU06130104</t>
  </si>
  <si>
    <t>2021BU06130104</t>
  </si>
  <si>
    <t>Buitengebied Poortugaal</t>
  </si>
  <si>
    <t>buurt_gegeneraliseerd_2021.cfc9ad28-4719-4994-82e2-8f43a7b282de</t>
  </si>
  <si>
    <t>BU06130205</t>
  </si>
  <si>
    <t>2021BU06130205</t>
  </si>
  <si>
    <t>Rhoon Noord</t>
  </si>
  <si>
    <t>buurt_gegeneraliseerd_2021.7161fb87-45f1-48e3-8136-c8286f59d001</t>
  </si>
  <si>
    <t>BU06130207</t>
  </si>
  <si>
    <t>2021BU06130207</t>
  </si>
  <si>
    <t>Buitengebied Rhoon-Noord</t>
  </si>
  <si>
    <t>buurt_gegeneraliseerd_2021.4ee70ee3-72c6-4234-acfb-c73cf314e912</t>
  </si>
  <si>
    <t>BU06130308</t>
  </si>
  <si>
    <t>2021BU06130308</t>
  </si>
  <si>
    <t>Beatrixstraat</t>
  </si>
  <si>
    <t>buurt_gegeneraliseerd_2021.ff9fdf07-ced0-4043-b1d5-4ea34b51ac68</t>
  </si>
  <si>
    <t>BU06130309</t>
  </si>
  <si>
    <t>2021BU06130309</t>
  </si>
  <si>
    <t>buurt_gegeneraliseerd_2021.4153826b-b144-42af-b05c-0b8749f65987</t>
  </si>
  <si>
    <t>BU06130310</t>
  </si>
  <si>
    <t>2021BU06130310</t>
  </si>
  <si>
    <t>Poortugaal-Centrum</t>
  </si>
  <si>
    <t>buurt_gegeneraliseerd_2021.964f64ba-202a-4394-9ad1-62d215a7be0c</t>
  </si>
  <si>
    <t>BU06130311</t>
  </si>
  <si>
    <t>2021BU06130311</t>
  </si>
  <si>
    <t>Poortugaal Zuid</t>
  </si>
  <si>
    <t>buurt_gegeneraliseerd_2021.b2b4e662-654e-4ca7-8ae5-def290e30d12</t>
  </si>
  <si>
    <t>BU06130312</t>
  </si>
  <si>
    <t>2021BU06130312</t>
  </si>
  <si>
    <t>Polder Albrandswaard</t>
  </si>
  <si>
    <t>buurt_gegeneraliseerd_2021.340ec0c7-267c-475c-b28a-ad8dc3a457a0</t>
  </si>
  <si>
    <t>BU06130313</t>
  </si>
  <si>
    <t>2021BU06130313</t>
  </si>
  <si>
    <t>Kijvelanden</t>
  </si>
  <si>
    <t>buurt_gegeneraliseerd_2021.dc2660ee-0767-498d-82b6-130780e767b0</t>
  </si>
  <si>
    <t>BU06130414</t>
  </si>
  <si>
    <t>2021BU06130414</t>
  </si>
  <si>
    <t>Rhoon-Centrum</t>
  </si>
  <si>
    <t>buurt_gegeneraliseerd_2021.6910948d-fd28-41c2-906d-d2ad788a48a0</t>
  </si>
  <si>
    <t>BU06130415</t>
  </si>
  <si>
    <t>2021BU06130415</t>
  </si>
  <si>
    <t>Ghijseland</t>
  </si>
  <si>
    <t>buurt_gegeneraliseerd_2021.ec4fc0a9-c3e8-488a-86a3-4bebd6a61a20</t>
  </si>
  <si>
    <t>BU06130416</t>
  </si>
  <si>
    <t>2021BU06130416</t>
  </si>
  <si>
    <t>Overhoeken</t>
  </si>
  <si>
    <t>buurt_gegeneraliseerd_2021.b9862989-1147-4685-a4b1-30485a478b21</t>
  </si>
  <si>
    <t>BU06130417</t>
  </si>
  <si>
    <t>2021BU06130417</t>
  </si>
  <si>
    <t>Park Rhoon</t>
  </si>
  <si>
    <t>buurt_gegeneraliseerd_2021.6e579a80-5144-46d7-8f30-5884ac169355</t>
  </si>
  <si>
    <t>BU06130418</t>
  </si>
  <si>
    <t>2021BU06130418</t>
  </si>
  <si>
    <t>Rhoon-Zuidoost</t>
  </si>
  <si>
    <t>buurt_gegeneraliseerd_2021.b950f751-f92c-4fd9-9c12-00feea8a78cc</t>
  </si>
  <si>
    <t>BU06130419</t>
  </si>
  <si>
    <t>2021BU06130419</t>
  </si>
  <si>
    <t>Tijsjesdijk</t>
  </si>
  <si>
    <t>buurt_gegeneraliseerd_2021.cf27ccb7-3fcc-43d8-9c4a-fe33e8b8ec10</t>
  </si>
  <si>
    <t>BU06130420</t>
  </si>
  <si>
    <t>2021BU06130420</t>
  </si>
  <si>
    <t>Buitengebied Rhoon-Zuid</t>
  </si>
  <si>
    <t>buurt_gegeneraliseerd_2021.a2ccfb9c-f8b4-497c-bfd3-a42542d094ba</t>
  </si>
  <si>
    <t>BU06130521</t>
  </si>
  <si>
    <t>2021BU06130521</t>
  </si>
  <si>
    <t>Portland-Koedoodzone</t>
  </si>
  <si>
    <t>buurt_gegeneraliseerd_2021.f67ff9fa-4cee-4236-915b-4883a29bf44f</t>
  </si>
  <si>
    <t>BU06130522</t>
  </si>
  <si>
    <t>2021BU06130522</t>
  </si>
  <si>
    <t>buurt_gegeneraliseerd_2021.582d596f-5705-4dfa-8b16-16f2d3ca537b</t>
  </si>
  <si>
    <t>BU06130623</t>
  </si>
  <si>
    <t>2021BU06130623</t>
  </si>
  <si>
    <t>Driehoek</t>
  </si>
  <si>
    <t>buurt_gegeneraliseerd_2021.801b4656-65d5-40a8-9687-d73152816ee8</t>
  </si>
  <si>
    <t>BU06130624</t>
  </si>
  <si>
    <t>2021BU06130624</t>
  </si>
  <si>
    <t>Portland-Centrum</t>
  </si>
  <si>
    <t>buurt_gegeneraliseerd_2021.29bca5bc-ea73-48dd-8476-ef0a593d1a78</t>
  </si>
  <si>
    <t>BU06130625</t>
  </si>
  <si>
    <t>2021BU06130625</t>
  </si>
  <si>
    <t>Wijkpark Portland</t>
  </si>
  <si>
    <t>buurt_gegeneraliseerd_2021.fe238124-3626-4af5-9b00-a813f5efcc9d</t>
  </si>
  <si>
    <t>BU06130626</t>
  </si>
  <si>
    <t>2021BU06130626</t>
  </si>
  <si>
    <t>buurt_gegeneraliseerd_2021.a7a79fc1-9d0a-46d6-9c1c-1fef392c8884</t>
  </si>
  <si>
    <t>BU06130706</t>
  </si>
  <si>
    <t>2021BU06130706</t>
  </si>
  <si>
    <t>Distripark</t>
  </si>
  <si>
    <t>buurt_gegeneraliseerd_2021.ece22dfc-7f43-428e-830a-0c9aaede1918</t>
  </si>
  <si>
    <t>BU06140000</t>
  </si>
  <si>
    <t>2021BU06140000</t>
  </si>
  <si>
    <t>Rockanje</t>
  </si>
  <si>
    <t>GM0614</t>
  </si>
  <si>
    <t>buurt_gegeneraliseerd_2021.1aa50136-ba21-40ee-85ed-cfd224f0617e</t>
  </si>
  <si>
    <t>BU06140001</t>
  </si>
  <si>
    <t>2021BU06140001</t>
  </si>
  <si>
    <t>Helhoek</t>
  </si>
  <si>
    <t>buurt_gegeneraliseerd_2021.7cc51161-cad0-43be-8a39-fa88454805bd</t>
  </si>
  <si>
    <t>BU06140002</t>
  </si>
  <si>
    <t>2021BU06140002</t>
  </si>
  <si>
    <t>Strijpe</t>
  </si>
  <si>
    <t>buurt_gegeneraliseerd_2021.97333ff7-6455-46b2-b346-27950d4df286</t>
  </si>
  <si>
    <t>BU06140003</t>
  </si>
  <si>
    <t>2021BU06140003</t>
  </si>
  <si>
    <t>Stuifakker</t>
  </si>
  <si>
    <t>buurt_gegeneraliseerd_2021.5543e0f1-6a26-4dee-870b-433f1f477f00</t>
  </si>
  <si>
    <t>BU06140004</t>
  </si>
  <si>
    <t>2021BU06140004</t>
  </si>
  <si>
    <t>Zuidhoek</t>
  </si>
  <si>
    <t>buurt_gegeneraliseerd_2021.f82bb49e-6356-4a18-b780-26dca78a888b</t>
  </si>
  <si>
    <t>BU06140005</t>
  </si>
  <si>
    <t>2021BU06140005</t>
  </si>
  <si>
    <t>Nieuw gebied</t>
  </si>
  <si>
    <t>buurt_gegeneraliseerd_2021.be3620e8-916b-498c-9089-f1d6dccc464e</t>
  </si>
  <si>
    <t>BU06140009</t>
  </si>
  <si>
    <t>2021BU06140009</t>
  </si>
  <si>
    <t>buurt_gegeneraliseerd_2021.102342b1-6c1a-44ed-9665-dc5428ba866b</t>
  </si>
  <si>
    <t>BU06140100</t>
  </si>
  <si>
    <t>2021BU06140100</t>
  </si>
  <si>
    <t>Oostvoorne</t>
  </si>
  <si>
    <t>buurt_gegeneraliseerd_2021.8a0d7a59-21cc-462a-9277-245effbe159e</t>
  </si>
  <si>
    <t>BU06140101</t>
  </si>
  <si>
    <t>2021BU06140101</t>
  </si>
  <si>
    <t>De Waranda</t>
  </si>
  <si>
    <t>buurt_gegeneraliseerd_2021.61717658-fb9c-40b3-9cb1-890f65c62436</t>
  </si>
  <si>
    <t>BU06140102</t>
  </si>
  <si>
    <t>2021BU06140102</t>
  </si>
  <si>
    <t>Kruiningergors</t>
  </si>
  <si>
    <t>buurt_gegeneraliseerd_2021.97ac6117-a01d-4edc-93b1-7a5479c63de6</t>
  </si>
  <si>
    <t>BU06140103</t>
  </si>
  <si>
    <t>2021BU06140103</t>
  </si>
  <si>
    <t>Tinte</t>
  </si>
  <si>
    <t>buurt_gegeneraliseerd_2021.b284e616-403f-4291-bf12-dbde5fc52579</t>
  </si>
  <si>
    <t>BU06140104</t>
  </si>
  <si>
    <t>2021BU06140104</t>
  </si>
  <si>
    <t>Goudhoek</t>
  </si>
  <si>
    <t>buurt_gegeneraliseerd_2021.08ca8c42-7883-423c-855a-9336275b86b0</t>
  </si>
  <si>
    <t>BU06140105</t>
  </si>
  <si>
    <t>2021BU06140105</t>
  </si>
  <si>
    <t>buurt_gegeneraliseerd_2021.2c247193-13a0-482a-aa5c-bb14f7baf412</t>
  </si>
  <si>
    <t>BU06140106</t>
  </si>
  <si>
    <t>2021BU06140106</t>
  </si>
  <si>
    <t>Duinoord</t>
  </si>
  <si>
    <t>buurt_gegeneraliseerd_2021.64b1fbf1-358e-4470-a506-e43517332525</t>
  </si>
  <si>
    <t>BU06140108</t>
  </si>
  <si>
    <t>2021BU06140108</t>
  </si>
  <si>
    <t>buurt_gegeneraliseerd_2021.eb0b5e9c-6093-4f16-b7b0-a7d18cfaf013</t>
  </si>
  <si>
    <t>BU06140109</t>
  </si>
  <si>
    <t>2021BU06140109</t>
  </si>
  <si>
    <t>buurt_gegeneraliseerd_2021.0b91ae20-f719-41cb-ada2-4b8d49bf58bd</t>
  </si>
  <si>
    <t>BU06220101</t>
  </si>
  <si>
    <t>2021BU06220101</t>
  </si>
  <si>
    <t>Indische Buurt</t>
  </si>
  <si>
    <t>GM0622</t>
  </si>
  <si>
    <t>buurt_gegeneraliseerd_2021.7e9e40a1-6d87-4f84-a4b8-91478c188202</t>
  </si>
  <si>
    <t>BU06220102</t>
  </si>
  <si>
    <t>2021BU06220102</t>
  </si>
  <si>
    <t>Vettenoordse Polder Oost</t>
  </si>
  <si>
    <t>buurt_gegeneraliseerd_2021.e2b748f6-6836-48fc-a56a-af2650640f87</t>
  </si>
  <si>
    <t>BU06220103</t>
  </si>
  <si>
    <t>2021BU06220103</t>
  </si>
  <si>
    <t>buurt_gegeneraliseerd_2021.4cdcf240-f103-4f55-afae-746d9ce5835f</t>
  </si>
  <si>
    <t>BU06220104</t>
  </si>
  <si>
    <t>2021BU06220104</t>
  </si>
  <si>
    <t>Hoogstad</t>
  </si>
  <si>
    <t>buurt_gegeneraliseerd_2021.a93a619a-aee3-4d6a-8f41-1ee21f659c50</t>
  </si>
  <si>
    <t>BU06220201</t>
  </si>
  <si>
    <t>2021BU06220201</t>
  </si>
  <si>
    <t>Hoogkamer</t>
  </si>
  <si>
    <t>buurt_gegeneraliseerd_2021.4076e1fc-e9cd-4137-bd88-308f02b82f7d</t>
  </si>
  <si>
    <t>BU06220202</t>
  </si>
  <si>
    <t>2021BU06220202</t>
  </si>
  <si>
    <t>buurt_gegeneraliseerd_2021.57435186-ec99-4703-9dbb-754cfacd0ade</t>
  </si>
  <si>
    <t>BU06220203</t>
  </si>
  <si>
    <t>2021BU06220203</t>
  </si>
  <si>
    <t>Wetering</t>
  </si>
  <si>
    <t>buurt_gegeneraliseerd_2021.75c53da0-0d41-45e4-a517-93af5f242319</t>
  </si>
  <si>
    <t>BU06220204</t>
  </si>
  <si>
    <t>2021BU06220204</t>
  </si>
  <si>
    <t>Lage Weide</t>
  </si>
  <si>
    <t>buurt_gegeneraliseerd_2021.4629108b-bc26-4f5b-9468-62df2b801b48</t>
  </si>
  <si>
    <t>BU06220205</t>
  </si>
  <si>
    <t>2021BU06220205</t>
  </si>
  <si>
    <t>Buitengebied Zuidbuurt</t>
  </si>
  <si>
    <t>buurt_gegeneraliseerd_2021.91ad2bb4-b04e-495e-a218-0520f216e2d4</t>
  </si>
  <si>
    <t>BU06220301</t>
  </si>
  <si>
    <t>2021BU06220301</t>
  </si>
  <si>
    <t>De Vergulde Hand</t>
  </si>
  <si>
    <t>buurt_gegeneraliseerd_2021.934aecd6-e8dc-436f-ad0f-de8f07411a16</t>
  </si>
  <si>
    <t>BU06220302</t>
  </si>
  <si>
    <t>2021BU06220302</t>
  </si>
  <si>
    <t>Lickebaert</t>
  </si>
  <si>
    <t>buurt_gegeneraliseerd_2021.5013ca42-4882-4e81-b39c-29dfdf2b3638</t>
  </si>
  <si>
    <t>BU06220303</t>
  </si>
  <si>
    <t>2021BU06220303</t>
  </si>
  <si>
    <t>'t Scheur</t>
  </si>
  <si>
    <t>buurt_gegeneraliseerd_2021.f69f1df0-1870-417b-90ed-f481219b7022</t>
  </si>
  <si>
    <t>BU06220304</t>
  </si>
  <si>
    <t>2021BU06220304</t>
  </si>
  <si>
    <t>Deltagebied</t>
  </si>
  <si>
    <t>buurt_gegeneraliseerd_2021.8142a8c6-8d5f-4c60-b749-cc973c55072d</t>
  </si>
  <si>
    <t>BU06220305</t>
  </si>
  <si>
    <t>2021BU06220305</t>
  </si>
  <si>
    <t>Park Zuidbuurt</t>
  </si>
  <si>
    <t>buurt_gegeneraliseerd_2021.7c9ca7c8-7a7c-4f3e-8256-a5846095826e</t>
  </si>
  <si>
    <t>BU06220306</t>
  </si>
  <si>
    <t>2021BU06220306</t>
  </si>
  <si>
    <t>Vettenoordse Polder West</t>
  </si>
  <si>
    <t>buurt_gegeneraliseerd_2021.a0d24282-a3eb-46c5-8a23-94d37b39ceb6</t>
  </si>
  <si>
    <t>BU06220307</t>
  </si>
  <si>
    <t>2021BU06220307</t>
  </si>
  <si>
    <t>buurt_gegeneraliseerd_2021.a7dfc04a-cfbf-44b2-bf52-dee0fbca1964</t>
  </si>
  <si>
    <t>BU06220401</t>
  </si>
  <si>
    <t>2021BU06220401</t>
  </si>
  <si>
    <t>Hofbuurt</t>
  </si>
  <si>
    <t>buurt_gegeneraliseerd_2021.2babfee1-c04a-49de-a502-fd02a1e71b00</t>
  </si>
  <si>
    <t>BU06220402</t>
  </si>
  <si>
    <t>2021BU06220402</t>
  </si>
  <si>
    <t>Oostbuurt</t>
  </si>
  <si>
    <t>buurt_gegeneraliseerd_2021.b8f06e36-64b7-4960-b913-6fbf97c73aef</t>
  </si>
  <si>
    <t>BU06220403</t>
  </si>
  <si>
    <t>2021BU06220403</t>
  </si>
  <si>
    <t>Havengebied Oost</t>
  </si>
  <si>
    <t>buurt_gegeneraliseerd_2021.7cb435ea-572a-42eb-9cce-13bbf45f4724</t>
  </si>
  <si>
    <t>BU06220404</t>
  </si>
  <si>
    <t>2021BU06220404</t>
  </si>
  <si>
    <t>Vijfsluizen</t>
  </si>
  <si>
    <t>buurt_gegeneraliseerd_2021.9fa1f815-23b8-4fd6-a7fd-ee93a9f8cc91</t>
  </si>
  <si>
    <t>BU06220501</t>
  </si>
  <si>
    <t>2021BU06220501</t>
  </si>
  <si>
    <t>Babberspolder Noord</t>
  </si>
  <si>
    <t>buurt_gegeneraliseerd_2021.4fe8e8ca-087d-4b60-806c-e1043bc4583b</t>
  </si>
  <si>
    <t>BU06220502</t>
  </si>
  <si>
    <t>2021BU06220502</t>
  </si>
  <si>
    <t>buurt_gegeneraliseerd_2021.37d82d1c-8db0-4fc6-a241-4d57d4fe7ac8</t>
  </si>
  <si>
    <t>BU06220503</t>
  </si>
  <si>
    <t>2021BU06220503</t>
  </si>
  <si>
    <t>Babberspolder West</t>
  </si>
  <si>
    <t>buurt_gegeneraliseerd_2021.5d57a2be-c036-4e83-a3c9-ab5e646e1e7c</t>
  </si>
  <si>
    <t>BU06220504</t>
  </si>
  <si>
    <t>2021BU06220504</t>
  </si>
  <si>
    <t>Babberspolder Oost</t>
  </si>
  <si>
    <t>buurt_gegeneraliseerd_2021.d79c25be-d079-4fc1-85b0-a439af7b05b6</t>
  </si>
  <si>
    <t>BU06220505</t>
  </si>
  <si>
    <t>2021BU06220505</t>
  </si>
  <si>
    <t>'t Nieuwe Lant</t>
  </si>
  <si>
    <t>buurt_gegeneraliseerd_2021.154a3bb9-c27e-424f-99ff-e03a2965a4a8</t>
  </si>
  <si>
    <t>BU06220601</t>
  </si>
  <si>
    <t>2021BU06220601</t>
  </si>
  <si>
    <t>Vaart Zuid</t>
  </si>
  <si>
    <t>buurt_gegeneraliseerd_2021.dfef17d6-bde2-449d-a9c6-f2d0325f87c9</t>
  </si>
  <si>
    <t>BU06220602</t>
  </si>
  <si>
    <t>2021BU06220602</t>
  </si>
  <si>
    <t>Statenbuurt</t>
  </si>
  <si>
    <t>buurt_gegeneraliseerd_2021.2ab6ca14-c31a-44c9-9659-8cbc5e43da02</t>
  </si>
  <si>
    <t>BU06220603</t>
  </si>
  <si>
    <t>2021BU06220603</t>
  </si>
  <si>
    <t>Loper Zuid</t>
  </si>
  <si>
    <t>buurt_gegeneraliseerd_2021.784b83ea-3da5-44f4-a92a-db8452dff853</t>
  </si>
  <si>
    <t>BU06220604</t>
  </si>
  <si>
    <t>2021BU06220604</t>
  </si>
  <si>
    <t>buurt_gegeneraliseerd_2021.af527637-d8bd-4fe4-8d08-4d1cc6d2c669</t>
  </si>
  <si>
    <t>BU06220605</t>
  </si>
  <si>
    <t>2021BU06220605</t>
  </si>
  <si>
    <t>Sportpark Holy</t>
  </si>
  <si>
    <t>buurt_gegeneraliseerd_2021.45b2b5d7-653d-4452-98f1-c1afffdd3104</t>
  </si>
  <si>
    <t>BU06220606</t>
  </si>
  <si>
    <t>2021BU06220606</t>
  </si>
  <si>
    <t>buurt_gegeneraliseerd_2021.4578ecd6-8760-4b87-b871-6ca861e9750f</t>
  </si>
  <si>
    <t>BU06220701</t>
  </si>
  <si>
    <t>2021BU06220701</t>
  </si>
  <si>
    <t>Drevenbuurt</t>
  </si>
  <si>
    <t>buurt_gegeneraliseerd_2021.235970b4-d17e-44fc-afa1-977efb529efa</t>
  </si>
  <si>
    <t>BU06220702</t>
  </si>
  <si>
    <t>2021BU06220702</t>
  </si>
  <si>
    <t>buurt_gegeneraliseerd_2021.2018c245-b0b5-440e-9d46-1647340163ed</t>
  </si>
  <si>
    <t>BU06220703</t>
  </si>
  <si>
    <t>2021BU06220703</t>
  </si>
  <si>
    <t>Loper Noord</t>
  </si>
  <si>
    <t>buurt_gegeneraliseerd_2021.a1c97179-c657-431a-b8a1-7e2a9c200864</t>
  </si>
  <si>
    <t>BU06220704</t>
  </si>
  <si>
    <t>2021BU06220704</t>
  </si>
  <si>
    <t>Hoofdstedenbuurt</t>
  </si>
  <si>
    <t>buurt_gegeneraliseerd_2021.37cb44a5-8022-48ca-ab91-6652bd7f506a</t>
  </si>
  <si>
    <t>BU06220705</t>
  </si>
  <si>
    <t>2021BU06220705</t>
  </si>
  <si>
    <t>Park Holy Noord</t>
  </si>
  <si>
    <t>buurt_gegeneraliseerd_2021.a2527a54-0fe6-4b37-89f5-31308e3a56ed</t>
  </si>
  <si>
    <t>BU06220706</t>
  </si>
  <si>
    <t>2021BU06220706</t>
  </si>
  <si>
    <t>buurt_gegeneraliseerd_2021.d0a516d5-62b0-44e4-947f-9a8f5ecf4cb4</t>
  </si>
  <si>
    <t>BU06220707</t>
  </si>
  <si>
    <t>2021BU06220707</t>
  </si>
  <si>
    <t>Holierhoekse Polder</t>
  </si>
  <si>
    <t>buurt_gegeneraliseerd_2021.f32dade2-39db-4000-b0a4-afad4a7f3447</t>
  </si>
  <si>
    <t>BU06220708</t>
  </si>
  <si>
    <t>2021BU06220708</t>
  </si>
  <si>
    <t>Vaart Noord</t>
  </si>
  <si>
    <t>buurt_gegeneraliseerd_2021.9a0b4241-f1b6-476c-b793-f2811c4dcaa4</t>
  </si>
  <si>
    <t>BU06220801</t>
  </si>
  <si>
    <t>2021BU06220801</t>
  </si>
  <si>
    <t>Broekpolder gebied</t>
  </si>
  <si>
    <t>buurt_gegeneraliseerd_2021.51094fd3-fbe1-41fa-a9fe-4c12d10a3ff7</t>
  </si>
  <si>
    <t>BU06260001</t>
  </si>
  <si>
    <t>2021BU06260001</t>
  </si>
  <si>
    <t>Noord-Hofland</t>
  </si>
  <si>
    <t>GM0626</t>
  </si>
  <si>
    <t>buurt_gegeneraliseerd_2021.fdfe6c94-a332-4dfd-a759-315f71bbe18b</t>
  </si>
  <si>
    <t>BU06260002</t>
  </si>
  <si>
    <t>2021BU06260002</t>
  </si>
  <si>
    <t>Adegeest</t>
  </si>
  <si>
    <t>buurt_gegeneraliseerd_2021.5a3fdcf0-7e08-4d93-8cd3-d5c28b299367</t>
  </si>
  <si>
    <t>BU06260004</t>
  </si>
  <si>
    <t>2021BU06260004</t>
  </si>
  <si>
    <t>Boschgeest</t>
  </si>
  <si>
    <t>buurt_gegeneraliseerd_2021.9267a119-e5d3-4b9a-904d-51d2a102e59f</t>
  </si>
  <si>
    <t>BU06260006</t>
  </si>
  <si>
    <t>2021BU06260006</t>
  </si>
  <si>
    <t>buurt_gegeneraliseerd_2021.7bd167f7-68bc-4e39-8702-e9bb1cdfed4d</t>
  </si>
  <si>
    <t>BU06260007</t>
  </si>
  <si>
    <t>2021BU06260007</t>
  </si>
  <si>
    <t>Vlietwijk</t>
  </si>
  <si>
    <t>buurt_gegeneraliseerd_2021.1f8328c5-87cc-42b8-9727-391933f6df35</t>
  </si>
  <si>
    <t>BU06260008</t>
  </si>
  <si>
    <t>2021BU06260008</t>
  </si>
  <si>
    <t>Starrenburg</t>
  </si>
  <si>
    <t>buurt_gegeneraliseerd_2021.b51e3d4e-2173-4154-bc46-cc973c098cbc</t>
  </si>
  <si>
    <t>BU06260009</t>
  </si>
  <si>
    <t>2021BU06260009</t>
  </si>
  <si>
    <t>Dobbewijk</t>
  </si>
  <si>
    <t>buurt_gegeneraliseerd_2021.bb59b0c9-1473-4c73-956f-037a061570df</t>
  </si>
  <si>
    <t>BU06260010</t>
  </si>
  <si>
    <t>2021BU06260010</t>
  </si>
  <si>
    <t>Krimwijk</t>
  </si>
  <si>
    <t>buurt_gegeneraliseerd_2021.3e696eb6-0a7d-43a6-8d71-7053d5505028</t>
  </si>
  <si>
    <t>BU06260011</t>
  </si>
  <si>
    <t>2021BU06260011</t>
  </si>
  <si>
    <t>buurt_gegeneraliseerd_2021.d7a9d338-b2f4-432f-a554-ad9ab341367e</t>
  </si>
  <si>
    <t>BU06260012</t>
  </si>
  <si>
    <t>2021BU06260012</t>
  </si>
  <si>
    <t>Nassauwijk</t>
  </si>
  <si>
    <t>buurt_gegeneraliseerd_2021.8faae73a-1870-4608-87d4-a7525d4cb925</t>
  </si>
  <si>
    <t>BU06260013</t>
  </si>
  <si>
    <t>2021BU06260013</t>
  </si>
  <si>
    <t>Bloemenwijk</t>
  </si>
  <si>
    <t>buurt_gegeneraliseerd_2021.049854c7-df31-4b92-9052-9d63f74ce3e8</t>
  </si>
  <si>
    <t>BU06260014</t>
  </si>
  <si>
    <t>2021BU06260014</t>
  </si>
  <si>
    <t>buurt_gegeneraliseerd_2021.11ee3a70-3aed-42ed-9d1b-717ed4f493a2</t>
  </si>
  <si>
    <t>BU06270101</t>
  </si>
  <si>
    <t>2021BU06270101</t>
  </si>
  <si>
    <t>Groenswaard 1</t>
  </si>
  <si>
    <t>GM0627</t>
  </si>
  <si>
    <t>buurt_gegeneraliseerd_2021.639d64a4-2b01-49ca-8b81-1a2aa13c5ce5</t>
  </si>
  <si>
    <t>BU06270102</t>
  </si>
  <si>
    <t>2021BU06270102</t>
  </si>
  <si>
    <t>Groenswaard 2</t>
  </si>
  <si>
    <t>buurt_gegeneraliseerd_2021.3d61426a-0d6e-45ed-8bb0-44874c8a7ebe</t>
  </si>
  <si>
    <t>BU06270103</t>
  </si>
  <si>
    <t>2021BU06270103</t>
  </si>
  <si>
    <t>Groenswaard 3</t>
  </si>
  <si>
    <t>buurt_gegeneraliseerd_2021.6ffc5891-e986-4422-a6c7-0d56c3033423</t>
  </si>
  <si>
    <t>BU06270104</t>
  </si>
  <si>
    <t>2021BU06270104</t>
  </si>
  <si>
    <t>Peter Zuidlaan en Horstenbuurt</t>
  </si>
  <si>
    <t>buurt_gegeneraliseerd_2021.1e59362d-70c8-46c7-9a49-6d137e455c32</t>
  </si>
  <si>
    <t>BU06270105</t>
  </si>
  <si>
    <t>2021BU06270105</t>
  </si>
  <si>
    <t>West 1</t>
  </si>
  <si>
    <t>buurt_gegeneraliseerd_2021.e94dae7c-1bc6-4754-a717-375615568e5a</t>
  </si>
  <si>
    <t>BU06270106</t>
  </si>
  <si>
    <t>2021BU06270106</t>
  </si>
  <si>
    <t>buurt_gegeneraliseerd_2021.83443339-6573-41ba-822c-8afcac0b82b2</t>
  </si>
  <si>
    <t>BU06270202</t>
  </si>
  <si>
    <t>2021BU06270202</t>
  </si>
  <si>
    <t>Zuidplas 80</t>
  </si>
  <si>
    <t>buurt_gegeneraliseerd_2021.c1f1f4b8-4a3d-4462-9986-35a94460ae64</t>
  </si>
  <si>
    <t>BU06270203</t>
  </si>
  <si>
    <t>2021BU06270203</t>
  </si>
  <si>
    <t>Zuidplas 90</t>
  </si>
  <si>
    <t>buurt_gegeneraliseerd_2021.594caee1-bf9d-4ea9-9b86-0f0d67ccb955</t>
  </si>
  <si>
    <t>BU06270204</t>
  </si>
  <si>
    <t>2021BU06270204</t>
  </si>
  <si>
    <t>Triangel</t>
  </si>
  <si>
    <t>buurt_gegeneraliseerd_2021.bdd7a631-6ac9-4065-8cdd-07490fd78f6a</t>
  </si>
  <si>
    <t>BU06270205</t>
  </si>
  <si>
    <t>2021BU06270205</t>
  </si>
  <si>
    <t>West 2</t>
  </si>
  <si>
    <t>buurt_gegeneraliseerd_2021.2196026d-386c-492e-a753-ab4954ebd4ae</t>
  </si>
  <si>
    <t>BU06270301</t>
  </si>
  <si>
    <t>2021BU06270301</t>
  </si>
  <si>
    <t>Oranjewijk Zuid</t>
  </si>
  <si>
    <t>buurt_gegeneraliseerd_2021.c346e8d3-14cd-4014-8720-39a30f333e66</t>
  </si>
  <si>
    <t>BU06270302</t>
  </si>
  <si>
    <t>2021BU06270302</t>
  </si>
  <si>
    <t>Oranjewijk Noord</t>
  </si>
  <si>
    <t>buurt_gegeneraliseerd_2021.d99f5d13-c720-4a62-8581-34eeb86d4a64</t>
  </si>
  <si>
    <t>BU06270303</t>
  </si>
  <si>
    <t>2021BU06270303</t>
  </si>
  <si>
    <t>Vondelwijk</t>
  </si>
  <si>
    <t>buurt_gegeneraliseerd_2021.db88a6b4-b564-4a58-a2f1-05f39af7ee61</t>
  </si>
  <si>
    <t>BU06270304</t>
  </si>
  <si>
    <t>2021BU06270304</t>
  </si>
  <si>
    <t>Noordkade</t>
  </si>
  <si>
    <t>buurt_gegeneraliseerd_2021.d6a695e3-6d2e-49a5-835f-bf3faf20db85</t>
  </si>
  <si>
    <t>BU06270401</t>
  </si>
  <si>
    <t>2021BU06270401</t>
  </si>
  <si>
    <t>buurt_gegeneraliseerd_2021.8c4534f5-bd7f-4635-ab61-5d6ffd571990</t>
  </si>
  <si>
    <t>BU06270402</t>
  </si>
  <si>
    <t>2021BU06270402</t>
  </si>
  <si>
    <t>Oostpolderwijk</t>
  </si>
  <si>
    <t>buurt_gegeneraliseerd_2021.e19c0ec8-009b-4b11-9316-f8e33485afaf</t>
  </si>
  <si>
    <t>BU06270403</t>
  </si>
  <si>
    <t>2021BU06270403</t>
  </si>
  <si>
    <t>Bedrijventerrein Mercuriusweg</t>
  </si>
  <si>
    <t>buurt_gegeneraliseerd_2021.76647034-6b3e-42d8-b306-36c11199aab9</t>
  </si>
  <si>
    <t>BU06270404</t>
  </si>
  <si>
    <t>2021BU06270404</t>
  </si>
  <si>
    <t>buurt_gegeneraliseerd_2021.7214fc55-f50a-4e36-9115-506c49459c02</t>
  </si>
  <si>
    <t>BU06270405</t>
  </si>
  <si>
    <t>2021BU06270405</t>
  </si>
  <si>
    <t>Coenecoop</t>
  </si>
  <si>
    <t>buurt_gegeneraliseerd_2021.6934be0c-ee61-48e6-a360-98911265f4f8</t>
  </si>
  <si>
    <t>BU06270406</t>
  </si>
  <si>
    <t>2021BU06270406</t>
  </si>
  <si>
    <t>'t Weegje</t>
  </si>
  <si>
    <t>buurt_gegeneraliseerd_2021.281df3a7-acdf-42ef-be98-bea71076f073</t>
  </si>
  <si>
    <t>BU06270407</t>
  </si>
  <si>
    <t>2021BU06270407</t>
  </si>
  <si>
    <t>buurt_gegeneraliseerd_2021.25ad2d52-8fd2-4906-8521-5d8d0066dabe</t>
  </si>
  <si>
    <t>BU06270408</t>
  </si>
  <si>
    <t>2021BU06270408</t>
  </si>
  <si>
    <t>buurt_gegeneraliseerd_2021.7a63f862-6c39-40e6-9915-93577439db9d</t>
  </si>
  <si>
    <t>BU06290000</t>
  </si>
  <si>
    <t>2021BU06290000</t>
  </si>
  <si>
    <t>Drie Papegaaien</t>
  </si>
  <si>
    <t>GM0629</t>
  </si>
  <si>
    <t>buurt_gegeneraliseerd_2021.8147e476-d912-4376-9f15-c2fcdc1db6af</t>
  </si>
  <si>
    <t>BU06290001</t>
  </si>
  <si>
    <t>2021BU06290001</t>
  </si>
  <si>
    <t>Oud-Wassenaar</t>
  </si>
  <si>
    <t>buurt_gegeneraliseerd_2021.23b6acf8-121d-41e4-9b82-63b3f1ade3aa</t>
  </si>
  <si>
    <t>BU06290002</t>
  </si>
  <si>
    <t>2021BU06290002</t>
  </si>
  <si>
    <t>Nieuw-Wassenaar</t>
  </si>
  <si>
    <t>buurt_gegeneraliseerd_2021.2edef247-fa58-4401-9037-4cb8d0f09861</t>
  </si>
  <si>
    <t>BU06290003</t>
  </si>
  <si>
    <t>2021BU06290003</t>
  </si>
  <si>
    <t>Duindigt met Groenendaal</t>
  </si>
  <si>
    <t>buurt_gegeneraliseerd_2021.5d4ce229-53fc-453e-aca1-17baf9788dec</t>
  </si>
  <si>
    <t>BU06290004</t>
  </si>
  <si>
    <t>2021BU06290004</t>
  </si>
  <si>
    <t>Oud-Clingendaal</t>
  </si>
  <si>
    <t>buurt_gegeneraliseerd_2021.60e15028-49e0-480f-95bc-fe032e55f8d7</t>
  </si>
  <si>
    <t>BU06290005</t>
  </si>
  <si>
    <t>2021BU06290005</t>
  </si>
  <si>
    <t>De Kieviet</t>
  </si>
  <si>
    <t>buurt_gegeneraliseerd_2021.d8d6e2cf-2ee7-4a32-bf47-d02830965081</t>
  </si>
  <si>
    <t>BU06290006</t>
  </si>
  <si>
    <t>2021BU06290006</t>
  </si>
  <si>
    <t>Kerkehout</t>
  </si>
  <si>
    <t>buurt_gegeneraliseerd_2021.dadc3570-a06e-4a28-a8de-c0509d6cc9c1</t>
  </si>
  <si>
    <t>BU06290007</t>
  </si>
  <si>
    <t>2021BU06290007</t>
  </si>
  <si>
    <t>Klingenbosch</t>
  </si>
  <si>
    <t>buurt_gegeneraliseerd_2021.5a3c7821-d0b1-4877-ac04-e9b0241ae4f6</t>
  </si>
  <si>
    <t>BU06290008</t>
  </si>
  <si>
    <t>2021BU06290008</t>
  </si>
  <si>
    <t>Verspreide huizen Eikenhorst</t>
  </si>
  <si>
    <t>buurt_gegeneraliseerd_2021.c3d643c1-00f3-4da9-a361-5f32c78b6631</t>
  </si>
  <si>
    <t>BU06290009</t>
  </si>
  <si>
    <t>2021BU06290009</t>
  </si>
  <si>
    <t>Verspreide huizen Meijendel</t>
  </si>
  <si>
    <t>buurt_gegeneraliseerd_2021.261029d0-b530-4637-868a-0d0eb29dfb37</t>
  </si>
  <si>
    <t>BU06290100</t>
  </si>
  <si>
    <t>2021BU06290100</t>
  </si>
  <si>
    <t>De Paauw</t>
  </si>
  <si>
    <t>buurt_gegeneraliseerd_2021.f3648d5b-3a82-40cd-9dfc-98646b8288e2</t>
  </si>
  <si>
    <t>BU06290101</t>
  </si>
  <si>
    <t>2021BU06290101</t>
  </si>
  <si>
    <t>Dorp Wassenaar</t>
  </si>
  <si>
    <t>buurt_gegeneraliseerd_2021.2aac8a3c-89ef-4e8b-aee6-a897706ce144</t>
  </si>
  <si>
    <t>BU06290102</t>
  </si>
  <si>
    <t>2021BU06290102</t>
  </si>
  <si>
    <t>Oostdorp</t>
  </si>
  <si>
    <t>buurt_gegeneraliseerd_2021.7a4bd6a2-291e-4124-97d2-d5eb8a47afb6</t>
  </si>
  <si>
    <t>BU06290103</t>
  </si>
  <si>
    <t>2021BU06290103</t>
  </si>
  <si>
    <t>Zijlwatering en haven</t>
  </si>
  <si>
    <t>buurt_gegeneraliseerd_2021.6774605c-b432-4d6f-b2a9-845c70a0a0f2</t>
  </si>
  <si>
    <t>BU06290104</t>
  </si>
  <si>
    <t>2021BU06290104</t>
  </si>
  <si>
    <t>De Deijl</t>
  </si>
  <si>
    <t>buurt_gegeneraliseerd_2021.94b453b4-474f-4033-8b87-ca7727aab676</t>
  </si>
  <si>
    <t>BU06290105</t>
  </si>
  <si>
    <t>2021BU06290105</t>
  </si>
  <si>
    <t>Groot Deijleroord en Ter Weer</t>
  </si>
  <si>
    <t>buurt_gegeneraliseerd_2021.0d41b49b-838b-43ac-8c43-826d8b10fb6b</t>
  </si>
  <si>
    <t>BU06290106</t>
  </si>
  <si>
    <t>2021BU06290106</t>
  </si>
  <si>
    <t>Rijksdorp met De Pan</t>
  </si>
  <si>
    <t>buurt_gegeneraliseerd_2021.cdd37319-572e-446b-af59-3c652cecc4ce</t>
  </si>
  <si>
    <t>BU06290107</t>
  </si>
  <si>
    <t>2021BU06290107</t>
  </si>
  <si>
    <t>Maaldrift</t>
  </si>
  <si>
    <t>buurt_gegeneraliseerd_2021.153266e2-adf1-4492-bbd9-932a11fbf67c</t>
  </si>
  <si>
    <t>BU06290108</t>
  </si>
  <si>
    <t>2021BU06290108</t>
  </si>
  <si>
    <t>Verspreide huizen Raaphorst en in poldergebied</t>
  </si>
  <si>
    <t>buurt_gegeneraliseerd_2021.691e96fe-2ab4-4f31-8561-a42ab1f9fadd</t>
  </si>
  <si>
    <t>BU06290109</t>
  </si>
  <si>
    <t>2021BU06290109</t>
  </si>
  <si>
    <t>Verspreide huizen Duinrell Wassenaarse Slag</t>
  </si>
  <si>
    <t>buurt_gegeneraliseerd_2021.c597cd36-ee5f-443e-92b5-4b699291201b</t>
  </si>
  <si>
    <t>BU06290110</t>
  </si>
  <si>
    <t>2021BU06290110</t>
  </si>
  <si>
    <t>buurt_gegeneraliseerd_2021.120cd791-4933-441e-96af-622a34e0b9ac</t>
  </si>
  <si>
    <t>BU06320101</t>
  </si>
  <si>
    <t>2021BU06320101</t>
  </si>
  <si>
    <t>GM0632</t>
  </si>
  <si>
    <t>buurt_gegeneraliseerd_2021.e2eca35b-e63c-4f29-bd97-0ae67b31ccd0</t>
  </si>
  <si>
    <t>BU06320102</t>
  </si>
  <si>
    <t>2021BU06320102</t>
  </si>
  <si>
    <t>Bloemen- en Bomenkwartier</t>
  </si>
  <si>
    <t>buurt_gegeneraliseerd_2021.77ce5d1b-d876-46dc-a677-947071464d0f</t>
  </si>
  <si>
    <t>BU06320103</t>
  </si>
  <si>
    <t>2021BU06320103</t>
  </si>
  <si>
    <t>Bedrijventerrein Honthorst</t>
  </si>
  <si>
    <t>buurt_gegeneraliseerd_2021.6e7d8f98-bd4d-4e75-9dc0-f9c51b69dabb</t>
  </si>
  <si>
    <t>BU06320104</t>
  </si>
  <si>
    <t>2021BU06320104</t>
  </si>
  <si>
    <t>buurt_gegeneraliseerd_2021.4fbadaa0-06d6-403b-a347-dd5e491f790c</t>
  </si>
  <si>
    <t>BU06320105</t>
  </si>
  <si>
    <t>2021BU06320105</t>
  </si>
  <si>
    <t>buurt_gegeneraliseerd_2021.5fa61917-4923-49a6-8f7c-efbd2559e318</t>
  </si>
  <si>
    <t>BU06320106</t>
  </si>
  <si>
    <t>2021BU06320106</t>
  </si>
  <si>
    <t>buurt_gegeneraliseerd_2021.513f5b77-11c4-4ec9-a72d-96d17a01fe18</t>
  </si>
  <si>
    <t>BU06320201</t>
  </si>
  <si>
    <t>2021BU06320201</t>
  </si>
  <si>
    <t>Bedrijventerrein Barwoutswaarder</t>
  </si>
  <si>
    <t>buurt_gegeneraliseerd_2021.36f6bfda-1337-49e8-8a31-c41587909adf</t>
  </si>
  <si>
    <t>BU06320202</t>
  </si>
  <si>
    <t>2021BU06320202</t>
  </si>
  <si>
    <t>Molenvliet-West</t>
  </si>
  <si>
    <t>buurt_gegeneraliseerd_2021.717cf2eb-fedc-4f09-b6c6-f91c06642ce4</t>
  </si>
  <si>
    <t>BU06320203</t>
  </si>
  <si>
    <t>2021BU06320203</t>
  </si>
  <si>
    <t>Molenvliet-Oost</t>
  </si>
  <si>
    <t>buurt_gegeneraliseerd_2021.1c4d243d-bbd1-4cc5-8e80-5d19d25e0276</t>
  </si>
  <si>
    <t>BU06320204</t>
  </si>
  <si>
    <t>2021BU06320204</t>
  </si>
  <si>
    <t>Kromwijk</t>
  </si>
  <si>
    <t>buurt_gegeneraliseerd_2021.80b1759c-6df5-4541-b01c-38f736f2f42e</t>
  </si>
  <si>
    <t>BU06320301</t>
  </si>
  <si>
    <t>2021BU06320301</t>
  </si>
  <si>
    <t>Middelland-Noord</t>
  </si>
  <si>
    <t>buurt_gegeneraliseerd_2021.a22d512d-972a-49a2-9d7c-f356932326c5</t>
  </si>
  <si>
    <t>BU06320302</t>
  </si>
  <si>
    <t>2021BU06320302</t>
  </si>
  <si>
    <t>Middelland-Zuid</t>
  </si>
  <si>
    <t>buurt_gegeneraliseerd_2021.c77f4c69-26a9-428e-8068-789a4b1d555a</t>
  </si>
  <si>
    <t>BU06320303</t>
  </si>
  <si>
    <t>2021BU06320303</t>
  </si>
  <si>
    <t>Snel en Polanen</t>
  </si>
  <si>
    <t>buurt_gegeneraliseerd_2021.91b883af-04ad-4181-bfb8-ea354ef29c8a</t>
  </si>
  <si>
    <t>BU06320304</t>
  </si>
  <si>
    <t>2021BU06320304</t>
  </si>
  <si>
    <t>Bedrijventerrein Polanen</t>
  </si>
  <si>
    <t>buurt_gegeneraliseerd_2021.e62d6e99-d36f-48dd-811a-42a39a1f937e</t>
  </si>
  <si>
    <t>BU06320305</t>
  </si>
  <si>
    <t>2021BU06320305</t>
  </si>
  <si>
    <t>buurt_gegeneraliseerd_2021.72f7868d-1006-46d8-af63-868f7f2ac457</t>
  </si>
  <si>
    <t>BU06320401</t>
  </si>
  <si>
    <t>2021BU06320401</t>
  </si>
  <si>
    <t>Rietveld</t>
  </si>
  <si>
    <t>buurt_gegeneraliseerd_2021.f4ee58a4-46fa-4bb6-b41e-d534447f5f78</t>
  </si>
  <si>
    <t>BU06320402</t>
  </si>
  <si>
    <t>2021BU06320402</t>
  </si>
  <si>
    <t>Barwoutswaarder</t>
  </si>
  <si>
    <t>buurt_gegeneraliseerd_2021.31126175-b5c9-4baa-b5f3-7bf0a832c620</t>
  </si>
  <si>
    <t>BU06320501</t>
  </si>
  <si>
    <t>2021BU06320501</t>
  </si>
  <si>
    <t>Geestdorp</t>
  </si>
  <si>
    <t>buurt_gegeneraliseerd_2021.573cce14-5ad0-4b58-bf62-56e554e8378b</t>
  </si>
  <si>
    <t>BU06320502</t>
  </si>
  <si>
    <t>2021BU06320502</t>
  </si>
  <si>
    <t>Breeveld</t>
  </si>
  <si>
    <t>buurt_gegeneraliseerd_2021.e7bfa9e6-3cb4-4ae3-a6e2-6372622a951f</t>
  </si>
  <si>
    <t>BU06320503</t>
  </si>
  <si>
    <t>2021BU06320503</t>
  </si>
  <si>
    <t>buurt_gegeneraliseerd_2021.cc39fa01-d118-4217-8ba0-8e177c728948</t>
  </si>
  <si>
    <t>BU06320601</t>
  </si>
  <si>
    <t>2021BU06320601</t>
  </si>
  <si>
    <t>Harmelen-Noord (dorp)</t>
  </si>
  <si>
    <t>buurt_gegeneraliseerd_2021.e871326e-c9dd-49d3-bb48-7b597882d52e</t>
  </si>
  <si>
    <t>BU06320602</t>
  </si>
  <si>
    <t>2021BU06320602</t>
  </si>
  <si>
    <t>Harmelen-Zuid (dorp)</t>
  </si>
  <si>
    <t>buurt_gegeneraliseerd_2021.3272a925-f4f8-4673-8c94-34585b85f961</t>
  </si>
  <si>
    <t>BU06320603</t>
  </si>
  <si>
    <t>2021BU06320603</t>
  </si>
  <si>
    <t>Putkop</t>
  </si>
  <si>
    <t>buurt_gegeneraliseerd_2021.f3bc18ef-b554-4c5c-9f92-a4ae897d869a</t>
  </si>
  <si>
    <t>BU06320604</t>
  </si>
  <si>
    <t>2021BU06320604</t>
  </si>
  <si>
    <t>Buitengebied Harmelen</t>
  </si>
  <si>
    <t>buurt_gegeneraliseerd_2021.fe00e75b-7b86-44bc-9099-78677c4efddd</t>
  </si>
  <si>
    <t>BU06320605</t>
  </si>
  <si>
    <t>2021BU06320605</t>
  </si>
  <si>
    <t>Reijerscop</t>
  </si>
  <si>
    <t>buurt_gegeneraliseerd_2021.9ee1d248-7aa5-4ef7-b588-b58364baa1ee</t>
  </si>
  <si>
    <t>BU06320606</t>
  </si>
  <si>
    <t>2021BU06320606</t>
  </si>
  <si>
    <t>Gerverscop</t>
  </si>
  <si>
    <t>buurt_gegeneraliseerd_2021.2b51638d-7a53-49d1-ae02-78c8aa6f7843</t>
  </si>
  <si>
    <t>BU06320701</t>
  </si>
  <si>
    <t>2021BU06320701</t>
  </si>
  <si>
    <t>Kamerik (dorp)</t>
  </si>
  <si>
    <t>buurt_gegeneraliseerd_2021.54a6f264-24e2-42ba-a0a0-1b87a717955f</t>
  </si>
  <si>
    <t>BU06320702</t>
  </si>
  <si>
    <t>2021BU06320702</t>
  </si>
  <si>
    <t>Kanis</t>
  </si>
  <si>
    <t>buurt_gegeneraliseerd_2021.b3a2d37a-cdaf-44d5-a7f2-449c6a607a4f</t>
  </si>
  <si>
    <t>BU06320703</t>
  </si>
  <si>
    <t>2021BU06320703</t>
  </si>
  <si>
    <t>Buitengebied Kamerik</t>
  </si>
  <si>
    <t>buurt_gegeneraliseerd_2021.5a26483a-ca54-401b-b0f2-b0ca2112841e</t>
  </si>
  <si>
    <t>BU06320801</t>
  </si>
  <si>
    <t>2021BU06320801</t>
  </si>
  <si>
    <t>Zegveld (dorp)</t>
  </si>
  <si>
    <t>buurt_gegeneraliseerd_2021.79cfa0be-7b73-4281-9fc7-1b7b0d83a5b6</t>
  </si>
  <si>
    <t>BU06320802</t>
  </si>
  <si>
    <t>2021BU06320802</t>
  </si>
  <si>
    <t>Buitengebied Zegveld</t>
  </si>
  <si>
    <t>buurt_gegeneraliseerd_2021.212b6416-ffae-4694-a4ce-6e1107fd5d91</t>
  </si>
  <si>
    <t>BU06370001</t>
  </si>
  <si>
    <t>2021BU06370001</t>
  </si>
  <si>
    <t>GM0637</t>
  </si>
  <si>
    <t>buurt_gegeneraliseerd_2021.ac688af5-f507-4d0f-a5f6-559038ae84ed</t>
  </si>
  <si>
    <t>BU06370002</t>
  </si>
  <si>
    <t>2021BU06370002</t>
  </si>
  <si>
    <t>buurt_gegeneraliseerd_2021.3e342218-3bab-446c-9c4a-0a1ca1513718</t>
  </si>
  <si>
    <t>BU06370003</t>
  </si>
  <si>
    <t>2021BU06370003</t>
  </si>
  <si>
    <t>Palenstein</t>
  </si>
  <si>
    <t>buurt_gegeneraliseerd_2021.8c8663e6-1a60-47f7-aa21-934e75023ce7</t>
  </si>
  <si>
    <t>BU06370004</t>
  </si>
  <si>
    <t>2021BU06370004</t>
  </si>
  <si>
    <t>Driemanspolder</t>
  </si>
  <si>
    <t>buurt_gegeneraliseerd_2021.49fcb656-15f4-4d80-9d9f-b9331f4e198f</t>
  </si>
  <si>
    <t>BU06370100</t>
  </si>
  <si>
    <t>2021BU06370100</t>
  </si>
  <si>
    <t>Meerzicht-West</t>
  </si>
  <si>
    <t>buurt_gegeneraliseerd_2021.7a2612c7-34c0-4183-8412-03e789db30e8</t>
  </si>
  <si>
    <t>BU06370101</t>
  </si>
  <si>
    <t>2021BU06370101</t>
  </si>
  <si>
    <t>Meerzicht-Oost</t>
  </si>
  <si>
    <t>buurt_gegeneraliseerd_2021.b5da7822-0199-4eae-a5fe-db10aa2a43bd</t>
  </si>
  <si>
    <t>BU06370200</t>
  </si>
  <si>
    <t>2021BU06370200</t>
  </si>
  <si>
    <t>Buytenwegh</t>
  </si>
  <si>
    <t>buurt_gegeneraliseerd_2021.37221c95-5251-4e3e-8e84-015a030633b3</t>
  </si>
  <si>
    <t>BU06370201</t>
  </si>
  <si>
    <t>2021BU06370201</t>
  </si>
  <si>
    <t>De Leyens</t>
  </si>
  <si>
    <t>buurt_gegeneraliseerd_2021.1e722552-3d58-4c3d-9f97-fbcd1498d172</t>
  </si>
  <si>
    <t>BU06370300</t>
  </si>
  <si>
    <t>2021BU06370300</t>
  </si>
  <si>
    <t>Seghwaert-Zuid-West</t>
  </si>
  <si>
    <t>buurt_gegeneraliseerd_2021.8c51c12b-6cdb-4f3c-bf87-9491e0652ac0</t>
  </si>
  <si>
    <t>BU06370301</t>
  </si>
  <si>
    <t>2021BU06370301</t>
  </si>
  <si>
    <t>Seghwaert-Noord-Oost</t>
  </si>
  <si>
    <t>buurt_gegeneraliseerd_2021.e8276022-9ff5-4081-9e6f-7da5c17aead9</t>
  </si>
  <si>
    <t>BU06370400</t>
  </si>
  <si>
    <t>2021BU06370400</t>
  </si>
  <si>
    <t>Noordhove-West</t>
  </si>
  <si>
    <t>buurt_gegeneraliseerd_2021.36510bae-855d-4905-9d73-1a92bfdbe627</t>
  </si>
  <si>
    <t>BU06370401</t>
  </si>
  <si>
    <t>2021BU06370401</t>
  </si>
  <si>
    <t>Noordhove-Oost</t>
  </si>
  <si>
    <t>buurt_gegeneraliseerd_2021.8a7dfb21-4e2e-4e70-b63a-b1a24aef58d3</t>
  </si>
  <si>
    <t>BU06370500</t>
  </si>
  <si>
    <t>2021BU06370500</t>
  </si>
  <si>
    <t>Rokkeveen-West</t>
  </si>
  <si>
    <t>buurt_gegeneraliseerd_2021.49eff02c-b018-4ba4-a2ea-a3bc1c8cefa8</t>
  </si>
  <si>
    <t>BU06370501</t>
  </si>
  <si>
    <t>2021BU06370501</t>
  </si>
  <si>
    <t>Rokkeveen-Oost</t>
  </si>
  <si>
    <t>buurt_gegeneraliseerd_2021.35389699-4b1b-49d3-882c-8a709e736e71</t>
  </si>
  <si>
    <t>BU06370600</t>
  </si>
  <si>
    <t>2021BU06370600</t>
  </si>
  <si>
    <t>Oosterheem-Zuid-West</t>
  </si>
  <si>
    <t>buurt_gegeneraliseerd_2021.a1f196a1-a4a5-4ec4-acfe-4981fd9927cc</t>
  </si>
  <si>
    <t>BU06370601</t>
  </si>
  <si>
    <t>2021BU06370601</t>
  </si>
  <si>
    <t>Oosterheem-Noord-Oost</t>
  </si>
  <si>
    <t>buurt_gegeneraliseerd_2021.71c16daf-4669-4f6b-9d74-c66e2f3741e2</t>
  </si>
  <si>
    <t>BU06370800</t>
  </si>
  <si>
    <t>2021BU06370800</t>
  </si>
  <si>
    <t>Rokkehage c.a.</t>
  </si>
  <si>
    <t>buurt_gegeneraliseerd_2021.cd3f6101-5988-4d3d-a2a7-cb6490946249</t>
  </si>
  <si>
    <t>BU06370801</t>
  </si>
  <si>
    <t>2021BU06370801</t>
  </si>
  <si>
    <t>Lansinghage c.a.</t>
  </si>
  <si>
    <t>buurt_gegeneraliseerd_2021.5639c9f2-20e8-4966-8509-9f8290e98413</t>
  </si>
  <si>
    <t>BU06370802</t>
  </si>
  <si>
    <t>2021BU06370802</t>
  </si>
  <si>
    <t>Zoeterhage c.a.</t>
  </si>
  <si>
    <t>buurt_gegeneraliseerd_2021.1fbb380a-826b-48b3-904e-8a62badbfdd6</t>
  </si>
  <si>
    <t>BU06370803</t>
  </si>
  <si>
    <t>2021BU06370803</t>
  </si>
  <si>
    <t>Hoornerhage c.a.</t>
  </si>
  <si>
    <t>buurt_gegeneraliseerd_2021.4f07fef9-aef1-4482-9a85-afa7e710553d</t>
  </si>
  <si>
    <t>BU06370902</t>
  </si>
  <si>
    <t>2021BU06370902</t>
  </si>
  <si>
    <t>Balijbos</t>
  </si>
  <si>
    <t>buurt_gegeneraliseerd_2021.cff4fed5-c208-4373-9d58-7c27b8bb711d</t>
  </si>
  <si>
    <t>BU06370903</t>
  </si>
  <si>
    <t>2021BU06370903</t>
  </si>
  <si>
    <t>Westerpark c.a.</t>
  </si>
  <si>
    <t>buurt_gegeneraliseerd_2021.b32b3f25-d20c-45e3-947d-fbd071a32a29</t>
  </si>
  <si>
    <t>BU06370904</t>
  </si>
  <si>
    <t>2021BU06370904</t>
  </si>
  <si>
    <t>Buitengebied-West</t>
  </si>
  <si>
    <t>buurt_gegeneraliseerd_2021.22508df4-c5cc-4cfd-a663-951a1d7b5ca5</t>
  </si>
  <si>
    <t>BU06370905</t>
  </si>
  <si>
    <t>2021BU06370905</t>
  </si>
  <si>
    <t>Meerpolder</t>
  </si>
  <si>
    <t>buurt_gegeneraliseerd_2021.6ca6ea03-154e-4dfc-9bb7-13965cd4f95a</t>
  </si>
  <si>
    <t>BU06370906</t>
  </si>
  <si>
    <t>2021BU06370906</t>
  </si>
  <si>
    <t>Scheidingszone</t>
  </si>
  <si>
    <t>buurt_gegeneraliseerd_2021.9ab7da0d-f237-4d70-afdc-e77085c389ad</t>
  </si>
  <si>
    <t>BU06370907</t>
  </si>
  <si>
    <t>2021BU06370907</t>
  </si>
  <si>
    <t>Van Tuyllpark</t>
  </si>
  <si>
    <t>buurt_gegeneraliseerd_2021.2a29571c-63e4-4757-aeaa-b68724520707</t>
  </si>
  <si>
    <t>BU06380001</t>
  </si>
  <si>
    <t>2021BU06380001</t>
  </si>
  <si>
    <t>Westwout</t>
  </si>
  <si>
    <t>GM0638</t>
  </si>
  <si>
    <t>buurt_gegeneraliseerd_2021.eff5a5e0-6433-422b-a52f-e4fa4bfcd41e</t>
  </si>
  <si>
    <t>BU06380002</t>
  </si>
  <si>
    <t>2021BU06380002</t>
  </si>
  <si>
    <t>buurt_gegeneraliseerd_2021.b9d64d00-9fb9-4915-aa77-2a6ba848cb05</t>
  </si>
  <si>
    <t>BU06380003</t>
  </si>
  <si>
    <t>2021BU06380003</t>
  </si>
  <si>
    <t>Bloemenweide</t>
  </si>
  <si>
    <t>buurt_gegeneraliseerd_2021.2df2e47b-f67f-4486-8536-1c797b068ae9</t>
  </si>
  <si>
    <t>BU06380004</t>
  </si>
  <si>
    <t>2021BU06380004</t>
  </si>
  <si>
    <t>Blankaartpark</t>
  </si>
  <si>
    <t>buurt_gegeneraliseerd_2021.4a4df0c1-da37-4c99-b2f7-fdda4101bb74</t>
  </si>
  <si>
    <t>BU06380005</t>
  </si>
  <si>
    <t>2021BU06380005</t>
  </si>
  <si>
    <t>Dorp Zuid</t>
  </si>
  <si>
    <t>buurt_gegeneraliseerd_2021.6539c4ae-ea97-4604-9cef-7ae31672796a</t>
  </si>
  <si>
    <t>BU06380006</t>
  </si>
  <si>
    <t>2021BU06380006</t>
  </si>
  <si>
    <t>Dorpskern</t>
  </si>
  <si>
    <t>buurt_gegeneraliseerd_2021.2bcf3159-b6da-454f-a096-b438bf16cc9b</t>
  </si>
  <si>
    <t>BU06380007</t>
  </si>
  <si>
    <t>2021BU06380007</t>
  </si>
  <si>
    <t>Dorp Noord</t>
  </si>
  <si>
    <t>buurt_gegeneraliseerd_2021.5f453e6c-43ad-4ca3-9a9e-5272d247864c</t>
  </si>
  <si>
    <t>BU06380101</t>
  </si>
  <si>
    <t>2021BU06380101</t>
  </si>
  <si>
    <t>Westeinde</t>
  </si>
  <si>
    <t>buurt_gegeneraliseerd_2021.5efe268f-7f48-40a1-a597-9d3aa7576168</t>
  </si>
  <si>
    <t>BU06380202</t>
  </si>
  <si>
    <t>2021BU06380202</t>
  </si>
  <si>
    <t>buurt_gegeneraliseerd_2021.964e74de-cb54-4a96-87ed-2429c635f553</t>
  </si>
  <si>
    <t>BU06380303</t>
  </si>
  <si>
    <t>2021BU06380303</t>
  </si>
  <si>
    <t>Weipoort</t>
  </si>
  <si>
    <t>buurt_gegeneraliseerd_2021.09d39f13-545c-489f-a3ae-66f63276c71a</t>
  </si>
  <si>
    <t>BU06380404</t>
  </si>
  <si>
    <t>2021BU06380404</t>
  </si>
  <si>
    <t>Gelderswoude</t>
  </si>
  <si>
    <t>buurt_gegeneraliseerd_2021.d231e706-d265-4993-82a5-3456d5ee5fa3</t>
  </si>
  <si>
    <t>BU06380909</t>
  </si>
  <si>
    <t>2021BU06380909</t>
  </si>
  <si>
    <t>buurt_gegeneraliseerd_2021.15007b77-7aad-4e40-89ec-1012e03ce6b1</t>
  </si>
  <si>
    <t>BU06381004</t>
  </si>
  <si>
    <t>2021BU06381004</t>
  </si>
  <si>
    <t>Rijnegom</t>
  </si>
  <si>
    <t>buurt_gegeneraliseerd_2021.875893ff-0437-4457-bed2-f3dced97ac8a</t>
  </si>
  <si>
    <t>BU06381005</t>
  </si>
  <si>
    <t>2021BU06381005</t>
  </si>
  <si>
    <t>Oosthoek</t>
  </si>
  <si>
    <t>buurt_gegeneraliseerd_2021.b42e319c-384a-4b5a-b95a-63316865d579</t>
  </si>
  <si>
    <t>BU06381006</t>
  </si>
  <si>
    <t>2021BU06381006</t>
  </si>
  <si>
    <t>buurt_gegeneraliseerd_2021.7ac882ba-10f9-4979-b8da-9cce809bb1aa</t>
  </si>
  <si>
    <t>BU06381007</t>
  </si>
  <si>
    <t>2021BU06381007</t>
  </si>
  <si>
    <t>De Goede Herder</t>
  </si>
  <si>
    <t>buurt_gegeneraliseerd_2021.b9324b1a-ac53-4549-ba48-dcb01ad75d30</t>
  </si>
  <si>
    <t>BU06381010</t>
  </si>
  <si>
    <t>2021BU06381010</t>
  </si>
  <si>
    <t>Industriegebied Grote Polder</t>
  </si>
  <si>
    <t>buurt_gegeneraliseerd_2021.fc285c29-2621-42ce-b127-e47b31965e42</t>
  </si>
  <si>
    <t>BU06381011</t>
  </si>
  <si>
    <t>2021BU06381011</t>
  </si>
  <si>
    <t>Industriegebied Barrepolder</t>
  </si>
  <si>
    <t>buurt_gegeneraliseerd_2021.d6cdba38-6990-4ecf-b061-11d08407c9e6</t>
  </si>
  <si>
    <t>BU06381012</t>
  </si>
  <si>
    <t>2021BU06381012</t>
  </si>
  <si>
    <t>Hoge Rijndijk Noord</t>
  </si>
  <si>
    <t>buurt_gegeneraliseerd_2021.d65647ba-16d3-4396-ae2b-b763772d2c6d</t>
  </si>
  <si>
    <t>BU06381013</t>
  </si>
  <si>
    <t>2021BU06381013</t>
  </si>
  <si>
    <t>Hoge Rijndijk Oost</t>
  </si>
  <si>
    <t>buurt_gegeneraliseerd_2021.5d61460c-7f7f-42b0-8a0f-bc85b28ec2ad</t>
  </si>
  <si>
    <t>BU06640101</t>
  </si>
  <si>
    <t>2021BU06640101</t>
  </si>
  <si>
    <t>Goes-Centrum</t>
  </si>
  <si>
    <t>GM0664</t>
  </si>
  <si>
    <t>buurt_gegeneraliseerd_2021.ef4c3808-601e-40ac-8a93-33c161ca4bed</t>
  </si>
  <si>
    <t>BU06640102</t>
  </si>
  <si>
    <t>2021BU06640102</t>
  </si>
  <si>
    <t>Goes-Oost</t>
  </si>
  <si>
    <t>buurt_gegeneraliseerd_2021.d69b8748-722c-4667-9bdd-ca16aa0194dd</t>
  </si>
  <si>
    <t>BU06640103</t>
  </si>
  <si>
    <t>2021BU06640103</t>
  </si>
  <si>
    <t>Goes-Zuid</t>
  </si>
  <si>
    <t>buurt_gegeneraliseerd_2021.8d27e12f-d4a2-460e-a4e7-9c0402ae3591</t>
  </si>
  <si>
    <t>BU06640104</t>
  </si>
  <si>
    <t>2021BU06640104</t>
  </si>
  <si>
    <t>Goes-West</t>
  </si>
  <si>
    <t>buurt_gegeneraliseerd_2021.99bd4448-08d5-44f0-8693-2469680413f7</t>
  </si>
  <si>
    <t>BU06640105</t>
  </si>
  <si>
    <t>2021BU06640105</t>
  </si>
  <si>
    <t>Goes-Noordwest</t>
  </si>
  <si>
    <t>buurt_gegeneraliseerd_2021.25403cf0-90d2-4897-b541-aed335e743ff</t>
  </si>
  <si>
    <t>BU06640106</t>
  </si>
  <si>
    <t>2021BU06640106</t>
  </si>
  <si>
    <t>Goes-Noordoost</t>
  </si>
  <si>
    <t>buurt_gegeneraliseerd_2021.f9bf9dfa-14d2-425c-8d0b-f8d5248a091a</t>
  </si>
  <si>
    <t>BU06640107</t>
  </si>
  <si>
    <t>2021BU06640107</t>
  </si>
  <si>
    <t>Industrieterrein De Poel</t>
  </si>
  <si>
    <t>buurt_gegeneraliseerd_2021.80cf4ff5-4535-4e63-8800-f6e7fe74f480</t>
  </si>
  <si>
    <t>BU06640108</t>
  </si>
  <si>
    <t>2021BU06640108</t>
  </si>
  <si>
    <t>Industrieterrein Haven</t>
  </si>
  <si>
    <t>buurt_gegeneraliseerd_2021.1ed1116c-e103-4996-8729-7eba85e89974</t>
  </si>
  <si>
    <t>BU06640109</t>
  </si>
  <si>
    <t>2021BU06640109</t>
  </si>
  <si>
    <t>Goese Meer</t>
  </si>
  <si>
    <t>buurt_gegeneraliseerd_2021.be34b033-e2be-4586-946e-03d5ee499142</t>
  </si>
  <si>
    <t>BU06640110</t>
  </si>
  <si>
    <t>2021BU06640110</t>
  </si>
  <si>
    <t>Overzuid</t>
  </si>
  <si>
    <t>buurt_gegeneraliseerd_2021.e9eaa5a4-7e64-4107-91fe-4bd13d6e52a5</t>
  </si>
  <si>
    <t>BU06640111</t>
  </si>
  <si>
    <t>2021BU06640111</t>
  </si>
  <si>
    <t>Mannee</t>
  </si>
  <si>
    <t>buurt_gegeneraliseerd_2021.7b493985-db2c-4aa0-b46e-ccbd1374e3e4</t>
  </si>
  <si>
    <t>BU06640220</t>
  </si>
  <si>
    <t>2021BU06640220</t>
  </si>
  <si>
    <t>Wilhelminadorp</t>
  </si>
  <si>
    <t>buurt_gegeneraliseerd_2021.946c63c9-6b3d-40d5-a449-d9dec9c9556f</t>
  </si>
  <si>
    <t>BU06640229</t>
  </si>
  <si>
    <t>2021BU06640229</t>
  </si>
  <si>
    <t>Verspreide huizen Wilhelminadorp</t>
  </si>
  <si>
    <t>buurt_gegeneraliseerd_2021.2e1a1faa-c805-44a5-9c7c-e34bccaebbbb</t>
  </si>
  <si>
    <t>BU06640330</t>
  </si>
  <si>
    <t>2021BU06640330</t>
  </si>
  <si>
    <t>Kloetinge</t>
  </si>
  <si>
    <t>buurt_gegeneraliseerd_2021.16a7db35-fa24-4061-93e9-25eb3e62762d</t>
  </si>
  <si>
    <t>BU06640331</t>
  </si>
  <si>
    <t>2021BU06640331</t>
  </si>
  <si>
    <t>Oostmolenpark</t>
  </si>
  <si>
    <t>buurt_gegeneraliseerd_2021.ea8fea77-cfe4-4ad1-b5a8-080f9e3a0366</t>
  </si>
  <si>
    <t>BU06640338</t>
  </si>
  <si>
    <t>2021BU06640338</t>
  </si>
  <si>
    <t>buurt_gegeneraliseerd_2021.0365ee7b-9ced-4409-ac42-ad77b1e6b476</t>
  </si>
  <si>
    <t>BU06640339</t>
  </si>
  <si>
    <t>2021BU06640339</t>
  </si>
  <si>
    <t>Verspreide huizen in het Zuiden</t>
  </si>
  <si>
    <t>buurt_gegeneraliseerd_2021.6969a87a-7dc0-462b-bec4-d25eac15fd92</t>
  </si>
  <si>
    <t>BU06640440</t>
  </si>
  <si>
    <t>2021BU06640440</t>
  </si>
  <si>
    <t>Kattendijke</t>
  </si>
  <si>
    <t>buurt_gegeneraliseerd_2021.f6c94e2e-5298-401e-9d44-cab2781d0d12</t>
  </si>
  <si>
    <t>BU06640449</t>
  </si>
  <si>
    <t>2021BU06640449</t>
  </si>
  <si>
    <t>Verspreide huizen Kattendijke</t>
  </si>
  <si>
    <t>buurt_gegeneraliseerd_2021.f020dfa0-6cd8-4789-aeb5-7ea90f5f7dfc</t>
  </si>
  <si>
    <t>BU06640550</t>
  </si>
  <si>
    <t>2021BU06640550</t>
  </si>
  <si>
    <t>'s-Heer-Arendskerke</t>
  </si>
  <si>
    <t>buurt_gegeneraliseerd_2021.2e9bff38-c25e-49d9-976c-86ac760639de</t>
  </si>
  <si>
    <t>BU06640551</t>
  </si>
  <si>
    <t>2021BU06640551</t>
  </si>
  <si>
    <t>De Schenge</t>
  </si>
  <si>
    <t>buurt_gegeneraliseerd_2021.58a59123-9ef5-4f63-92e6-72ea363cb005</t>
  </si>
  <si>
    <t>BU06640559</t>
  </si>
  <si>
    <t>2021BU06640559</t>
  </si>
  <si>
    <t>buurt_gegeneraliseerd_2021.1a2876c4-fe35-43f2-ae7b-03a23f67b343</t>
  </si>
  <si>
    <t>BU06640660</t>
  </si>
  <si>
    <t>2021BU06640660</t>
  </si>
  <si>
    <t>Eindewege</t>
  </si>
  <si>
    <t>buurt_gegeneraliseerd_2021.c5ef3bfd-5180-4f62-9f8a-8cf97ea21e30</t>
  </si>
  <si>
    <t>BU06640770</t>
  </si>
  <si>
    <t>2021BU06640770</t>
  </si>
  <si>
    <t>'s-Heer-Hendrikskinderen</t>
  </si>
  <si>
    <t>buurt_gegeneraliseerd_2021.3c632c90-097b-4dc3-84ab-1944b0dcffde</t>
  </si>
  <si>
    <t>BU06640778</t>
  </si>
  <si>
    <t>2021BU06640778</t>
  </si>
  <si>
    <t>Verspreide huizen ten noorden van 's-Heer-Hendrikskinderen</t>
  </si>
  <si>
    <t>buurt_gegeneraliseerd_2021.5e34ea08-33d6-4bc0-9289-cfac1c48627a</t>
  </si>
  <si>
    <t>BU06640779</t>
  </si>
  <si>
    <t>2021BU06640779</t>
  </si>
  <si>
    <t>Verspreide huizen ten zuiden van 's-Heer-Hendrikskinderen</t>
  </si>
  <si>
    <t>buurt_gegeneraliseerd_2021.07231e77-5aed-49c8-a0c9-3da6fc687e05</t>
  </si>
  <si>
    <t>BU06640880</t>
  </si>
  <si>
    <t>2021BU06640880</t>
  </si>
  <si>
    <t>Wolphaartsdijk</t>
  </si>
  <si>
    <t>buurt_gegeneraliseerd_2021.0ed441a1-2a00-402d-9308-9cf833213e3d</t>
  </si>
  <si>
    <t>BU06640889</t>
  </si>
  <si>
    <t>2021BU06640889</t>
  </si>
  <si>
    <t>Verspreide huizen Wolphaartsdijk</t>
  </si>
  <si>
    <t>buurt_gegeneraliseerd_2021.2fb1a5d8-a473-4eb1-9ed1-09c072f00180</t>
  </si>
  <si>
    <t>BU06640990</t>
  </si>
  <si>
    <t>2021BU06640990</t>
  </si>
  <si>
    <t>Oud-Sabbinge</t>
  </si>
  <si>
    <t>buurt_gegeneraliseerd_2021.e70c91e6-e0ac-47ce-a74b-c5c5cbc72311</t>
  </si>
  <si>
    <t>BU06680100</t>
  </si>
  <si>
    <t>2021BU06680100</t>
  </si>
  <si>
    <t>Kern Alphen</t>
  </si>
  <si>
    <t>GM0668</t>
  </si>
  <si>
    <t>buurt_gegeneraliseerd_2021.33cde902-74f1-4b8a-b645-3c34fc12d4bd</t>
  </si>
  <si>
    <t>BU06680101</t>
  </si>
  <si>
    <t>2021BU06680101</t>
  </si>
  <si>
    <t>Buitengebied Alphen</t>
  </si>
  <si>
    <t>buurt_gegeneraliseerd_2021.7bdf278e-a138-484c-b210-0e52aea9b29d</t>
  </si>
  <si>
    <t>BU06680200</t>
  </si>
  <si>
    <t>2021BU06680200</t>
  </si>
  <si>
    <t>Kern Altforst</t>
  </si>
  <si>
    <t>buurt_gegeneraliseerd_2021.591759a7-7a58-4f98-ae43-18f3c07fa19d</t>
  </si>
  <si>
    <t>BU06680201</t>
  </si>
  <si>
    <t>2021BU06680201</t>
  </si>
  <si>
    <t>Buitengebied Altforst</t>
  </si>
  <si>
    <t>buurt_gegeneraliseerd_2021.f0eff9b6-6f97-4efb-ac34-4e8e946fd187</t>
  </si>
  <si>
    <t>BU06680300</t>
  </si>
  <si>
    <t>2021BU06680300</t>
  </si>
  <si>
    <t>Kern Appeltern</t>
  </si>
  <si>
    <t>buurt_gegeneraliseerd_2021.041a1103-fbfb-4e1a-8f64-23042566711c</t>
  </si>
  <si>
    <t>BU06680301</t>
  </si>
  <si>
    <t>2021BU06680301</t>
  </si>
  <si>
    <t>Buitengebied Appeltern</t>
  </si>
  <si>
    <t>buurt_gegeneraliseerd_2021.1c764ce2-a51c-45a1-b380-e15915ab0a11</t>
  </si>
  <si>
    <t>BU06680400</t>
  </si>
  <si>
    <t>2021BU06680400</t>
  </si>
  <si>
    <t>Kern Beneden-Leeuwen</t>
  </si>
  <si>
    <t>buurt_gegeneraliseerd_2021.72fa018b-cd11-4eb4-b37b-e520717ec876</t>
  </si>
  <si>
    <t>BU06680401</t>
  </si>
  <si>
    <t>2021BU06680401</t>
  </si>
  <si>
    <t>Buitengebied Beneden-Leeuwen</t>
  </si>
  <si>
    <t>buurt_gegeneraliseerd_2021.aa46249f-5fb4-4bb0-9a09-d8ab8c481d0d</t>
  </si>
  <si>
    <t>BU06680500</t>
  </si>
  <si>
    <t>2021BU06680500</t>
  </si>
  <si>
    <t>Kern Boven-Leeuwen</t>
  </si>
  <si>
    <t>buurt_gegeneraliseerd_2021.37ae91ef-883f-4538-b876-5bfd0ac5f499</t>
  </si>
  <si>
    <t>BU06680501</t>
  </si>
  <si>
    <t>2021BU06680501</t>
  </si>
  <si>
    <t>Buitengebied Boven-Leeuwen</t>
  </si>
  <si>
    <t>buurt_gegeneraliseerd_2021.db812cb9-9e58-4539-9c48-cf5cf397401f</t>
  </si>
  <si>
    <t>BU06680600</t>
  </si>
  <si>
    <t>2021BU06680600</t>
  </si>
  <si>
    <t>Kern Dreumel</t>
  </si>
  <si>
    <t>buurt_gegeneraliseerd_2021.ce2fc3e4-aaeb-4828-a79c-90ba3465888b</t>
  </si>
  <si>
    <t>BU06680601</t>
  </si>
  <si>
    <t>2021BU06680601</t>
  </si>
  <si>
    <t>Buitengebied Dreumel</t>
  </si>
  <si>
    <t>buurt_gegeneraliseerd_2021.347a5120-646a-4b01-8295-7cee53c9732b</t>
  </si>
  <si>
    <t>BU06680700</t>
  </si>
  <si>
    <t>2021BU06680700</t>
  </si>
  <si>
    <t>Kern Maasbommel</t>
  </si>
  <si>
    <t>buurt_gegeneraliseerd_2021.4a67b1bc-74af-4d44-b0b6-31ebd956aa38</t>
  </si>
  <si>
    <t>BU06680701</t>
  </si>
  <si>
    <t>2021BU06680701</t>
  </si>
  <si>
    <t>Buitengebied Maasbommel</t>
  </si>
  <si>
    <t>buurt_gegeneraliseerd_2021.06ae63b0-98f4-4428-8ef2-978cd6682bf5</t>
  </si>
  <si>
    <t>BU06680800</t>
  </si>
  <si>
    <t>2021BU06680800</t>
  </si>
  <si>
    <t>Kern Wamel</t>
  </si>
  <si>
    <t>buurt_gegeneraliseerd_2021.85b73b1e-8ae2-41ee-8cd1-e7efd75817af</t>
  </si>
  <si>
    <t>BU06680801</t>
  </si>
  <si>
    <t>2021BU06680801</t>
  </si>
  <si>
    <t>Buitengebied Wamel</t>
  </si>
  <si>
    <t>buurt_gegeneraliseerd_2021.2ba4ffbb-c28c-4658-bb1b-094440398785</t>
  </si>
  <si>
    <t>BU06770101</t>
  </si>
  <si>
    <t>2021BU06770101</t>
  </si>
  <si>
    <t>GM0677</t>
  </si>
  <si>
    <t>buurt_gegeneraliseerd_2021.497b0ad5-ac77-4b39-991a-c93d3b5c6fff</t>
  </si>
  <si>
    <t>BU06770102</t>
  </si>
  <si>
    <t>2021BU06770102</t>
  </si>
  <si>
    <t>Carmel</t>
  </si>
  <si>
    <t>buurt_gegeneraliseerd_2021.cdb75086-982a-4bce-95c5-16f3015b492b</t>
  </si>
  <si>
    <t>BU06770103</t>
  </si>
  <si>
    <t>2021BU06770103</t>
  </si>
  <si>
    <t>Linie</t>
  </si>
  <si>
    <t>buurt_gegeneraliseerd_2021.b2f7bbc6-e951-4d64-b992-936ed7e40e04</t>
  </si>
  <si>
    <t>BU06770104</t>
  </si>
  <si>
    <t>2021BU06770104</t>
  </si>
  <si>
    <t>Dullaert</t>
  </si>
  <si>
    <t>buurt_gegeneraliseerd_2021.9e4de182-bf93-4911-8c20-0b4689556632</t>
  </si>
  <si>
    <t>BU06770105</t>
  </si>
  <si>
    <t>2021BU06770105</t>
  </si>
  <si>
    <t>Puienput</t>
  </si>
  <si>
    <t>buurt_gegeneraliseerd_2021.18366eba-9f2d-4446-9aec-349982977fdc</t>
  </si>
  <si>
    <t>BU06770106</t>
  </si>
  <si>
    <t>2021BU06770106</t>
  </si>
  <si>
    <t>Nassau</t>
  </si>
  <si>
    <t>buurt_gegeneraliseerd_2021.d6bd4b67-4342-4dbb-aee9-c08c7834fba4</t>
  </si>
  <si>
    <t>BU06770107</t>
  </si>
  <si>
    <t>2021BU06770107</t>
  </si>
  <si>
    <t>Groote Kreek</t>
  </si>
  <si>
    <t>buurt_gegeneraliseerd_2021.7853363a-7681-495c-8866-7637c33fed90</t>
  </si>
  <si>
    <t>BU06770108</t>
  </si>
  <si>
    <t>2021BU06770108</t>
  </si>
  <si>
    <t>Zoetevaart</t>
  </si>
  <si>
    <t>buurt_gegeneraliseerd_2021.1f895f67-9958-4cd3-97e6-52dea28368f4</t>
  </si>
  <si>
    <t>BU06770109</t>
  </si>
  <si>
    <t>2021BU06770109</t>
  </si>
  <si>
    <t>Absdaalseweg</t>
  </si>
  <si>
    <t>buurt_gegeneraliseerd_2021.28f4beb0-37d6-4171-a153-014b05126739</t>
  </si>
  <si>
    <t>BU06770110</t>
  </si>
  <si>
    <t>2021BU06770110</t>
  </si>
  <si>
    <t>Hogeweg</t>
  </si>
  <si>
    <t>buurt_gegeneraliseerd_2021.c2b5745f-94a0-4aa4-9fc9-b841ea92d134</t>
  </si>
  <si>
    <t>BU06770111</t>
  </si>
  <si>
    <t>2021BU06770111</t>
  </si>
  <si>
    <t>Buitengebied Hulst</t>
  </si>
  <si>
    <t>buurt_gegeneraliseerd_2021.b1f56b88-8ab8-4d1c-abd1-9f9d3f8e8aad</t>
  </si>
  <si>
    <t>BU06770201</t>
  </si>
  <si>
    <t>2021BU06770201</t>
  </si>
  <si>
    <t>Polderken</t>
  </si>
  <si>
    <t>buurt_gegeneraliseerd_2021.4c787f60-6e67-4313-8e19-8929262ab9e3</t>
  </si>
  <si>
    <t>BU06770202</t>
  </si>
  <si>
    <t>2021BU06770202</t>
  </si>
  <si>
    <t>Walhoek</t>
  </si>
  <si>
    <t>buurt_gegeneraliseerd_2021.058a6982-944e-4b33-8da0-618f3d36fb40</t>
  </si>
  <si>
    <t>BU06770203</t>
  </si>
  <si>
    <t>2021BU06770203</t>
  </si>
  <si>
    <t>Gedelfte</t>
  </si>
  <si>
    <t>buurt_gegeneraliseerd_2021.5de2d975-a1a9-4e1b-a7ff-a597533c796f</t>
  </si>
  <si>
    <t>BU06770204</t>
  </si>
  <si>
    <t>2021BU06770204</t>
  </si>
  <si>
    <t>Buitengebied Sint Jansteen</t>
  </si>
  <si>
    <t>buurt_gegeneraliseerd_2021.d84ab1ee-c482-4c12-94b3-967932c5f74e</t>
  </si>
  <si>
    <t>BU06770301</t>
  </si>
  <si>
    <t>2021BU06770301</t>
  </si>
  <si>
    <t>Goukensberg</t>
  </si>
  <si>
    <t>buurt_gegeneraliseerd_2021.bce260a4-af58-40b2-a2ff-5e218abf9dee</t>
  </si>
  <si>
    <t>BU06770302</t>
  </si>
  <si>
    <t>2021BU06770302</t>
  </si>
  <si>
    <t>Durpe</t>
  </si>
  <si>
    <t>buurt_gegeneraliseerd_2021.df6274c2-a821-4710-bc4f-47de4ab2855c</t>
  </si>
  <si>
    <t>BU06770303</t>
  </si>
  <si>
    <t>2021BU06770303</t>
  </si>
  <si>
    <t>Buitengebied Clinge</t>
  </si>
  <si>
    <t>buurt_gegeneraliseerd_2021.e3e4dec5-03e8-45ad-9b05-c4d3d8192017</t>
  </si>
  <si>
    <t>BU06770401</t>
  </si>
  <si>
    <t>2021BU06770401</t>
  </si>
  <si>
    <t>Kern Graauw</t>
  </si>
  <si>
    <t>buurt_gegeneraliseerd_2021.abb90328-f717-416a-8009-672888356207</t>
  </si>
  <si>
    <t>BU06770402</t>
  </si>
  <si>
    <t>2021BU06770402</t>
  </si>
  <si>
    <t>Paal</t>
  </si>
  <si>
    <t>buurt_gegeneraliseerd_2021.7001b591-78b4-4444-9102-dec68a29eaa0</t>
  </si>
  <si>
    <t>BU06770403</t>
  </si>
  <si>
    <t>2021BU06770403</t>
  </si>
  <si>
    <t>Buitengebied Graauw</t>
  </si>
  <si>
    <t>buurt_gegeneraliseerd_2021.57345d65-d3b3-4a17-839f-435cff31e4d1</t>
  </si>
  <si>
    <t>BU06770501</t>
  </si>
  <si>
    <t>2021BU06770501</t>
  </si>
  <si>
    <t>Kern Heikant</t>
  </si>
  <si>
    <t>buurt_gegeneraliseerd_2021.9eabb561-66dc-48a2-80b5-d1143deb92f7</t>
  </si>
  <si>
    <t>BU06770502</t>
  </si>
  <si>
    <t>2021BU06770502</t>
  </si>
  <si>
    <t>Buitengebied Heikant</t>
  </si>
  <si>
    <t>buurt_gegeneraliseerd_2021.ca29803a-25c6-49a5-80ad-8801ef6867c9</t>
  </si>
  <si>
    <t>BU06770601</t>
  </si>
  <si>
    <t>2021BU06770601</t>
  </si>
  <si>
    <t>Kern Nieuw Namen</t>
  </si>
  <si>
    <t>buurt_gegeneraliseerd_2021.079dc707-0c44-48b4-bb53-89d87a04bef4</t>
  </si>
  <si>
    <t>BU06770602</t>
  </si>
  <si>
    <t>2021BU06770602</t>
  </si>
  <si>
    <t>Buitengebied Nieuw Namen</t>
  </si>
  <si>
    <t>buurt_gegeneraliseerd_2021.705fd7d4-b796-47d0-b6c0-7f0855c47a58</t>
  </si>
  <si>
    <t>BU06770701</t>
  </si>
  <si>
    <t>2021BU06770701</t>
  </si>
  <si>
    <t>Kern Kapellebrug</t>
  </si>
  <si>
    <t>buurt_gegeneraliseerd_2021.bb13fb25-29d6-4f4a-9b93-b5350024b5a4</t>
  </si>
  <si>
    <t>BU06770702</t>
  </si>
  <si>
    <t>2021BU06770702</t>
  </si>
  <si>
    <t>Buitengebied Kapellebrug</t>
  </si>
  <si>
    <t>buurt_gegeneraliseerd_2021.10128d0a-4fcb-43e3-adbf-a081c976b144</t>
  </si>
  <si>
    <t>BU06770801</t>
  </si>
  <si>
    <t>2021BU06770801</t>
  </si>
  <si>
    <t>Groenendijk</t>
  </si>
  <si>
    <t>buurt_gegeneraliseerd_2021.64ae5f10-dbe2-4a9c-b34a-8332f43cf9c7</t>
  </si>
  <si>
    <t>BU06770802</t>
  </si>
  <si>
    <t>2021BU06770802</t>
  </si>
  <si>
    <t>Zandewijk</t>
  </si>
  <si>
    <t>buurt_gegeneraliseerd_2021.6b24d5e9-c483-415e-b6d4-a7025361a175</t>
  </si>
  <si>
    <t>BU06770803</t>
  </si>
  <si>
    <t>2021BU06770803</t>
  </si>
  <si>
    <t>Molenstraat</t>
  </si>
  <si>
    <t>buurt_gegeneraliseerd_2021.06b677eb-6ad8-445b-915e-3f1985420e4e</t>
  </si>
  <si>
    <t>BU06770804</t>
  </si>
  <si>
    <t>2021BU06770804</t>
  </si>
  <si>
    <t>Hoek en Bosch</t>
  </si>
  <si>
    <t>buurt_gegeneraliseerd_2021.088ddb9a-62c1-405d-9110-a29f3349aef4</t>
  </si>
  <si>
    <t>BU06770805</t>
  </si>
  <si>
    <t>2021BU06770805</t>
  </si>
  <si>
    <t>Buitengebied Kloosterzande</t>
  </si>
  <si>
    <t>buurt_gegeneraliseerd_2021.d2f471e5-8d14-41fc-b42b-d3d96bf6f0c1</t>
  </si>
  <si>
    <t>BU06770901</t>
  </si>
  <si>
    <t>2021BU06770901</t>
  </si>
  <si>
    <t>Kern Lamswaarde</t>
  </si>
  <si>
    <t>buurt_gegeneraliseerd_2021.fd8c2e96-ad24-49a9-8e8f-d5a531672117</t>
  </si>
  <si>
    <t>BU06770902</t>
  </si>
  <si>
    <t>2021BU06770902</t>
  </si>
  <si>
    <t>Buitengebied Lamswaarde</t>
  </si>
  <si>
    <t>buurt_gegeneraliseerd_2021.34373c9e-963c-4376-b639-f25e56eb58e9</t>
  </si>
  <si>
    <t>BU06771001</t>
  </si>
  <si>
    <t>2021BU06771001</t>
  </si>
  <si>
    <t>Kern Terhole</t>
  </si>
  <si>
    <t>buurt_gegeneraliseerd_2021.c5ac253c-5092-441c-b746-ed7fa1518ca3</t>
  </si>
  <si>
    <t>BU06771002</t>
  </si>
  <si>
    <t>2021BU06771002</t>
  </si>
  <si>
    <t>Buitengebied Terhole</t>
  </si>
  <si>
    <t>buurt_gegeneraliseerd_2021.b5b6bf4e-2935-48a8-b83b-95c848bd063a</t>
  </si>
  <si>
    <t>BU06771101</t>
  </si>
  <si>
    <t>2021BU06771101</t>
  </si>
  <si>
    <t>Stoppeldijk</t>
  </si>
  <si>
    <t>buurt_gegeneraliseerd_2021.d8c742f8-87b3-43e9-b9cc-dbac51d30433</t>
  </si>
  <si>
    <t>BU06771102</t>
  </si>
  <si>
    <t>2021BU06771102</t>
  </si>
  <si>
    <t>Boschkapelle</t>
  </si>
  <si>
    <t>buurt_gegeneraliseerd_2021.034064e9-d53c-42b2-ac07-6153c95e073c</t>
  </si>
  <si>
    <t>BU06771103</t>
  </si>
  <si>
    <t>2021BU06771103</t>
  </si>
  <si>
    <t>Buitengebied Vogelwaarde</t>
  </si>
  <si>
    <t>buurt_gegeneraliseerd_2021.b29627e4-09e6-4618-92fc-5f9e2ea0248f</t>
  </si>
  <si>
    <t>BU06771201</t>
  </si>
  <si>
    <t>2021BU06771201</t>
  </si>
  <si>
    <t>Kern Hengstdijk</t>
  </si>
  <si>
    <t>buurt_gegeneraliseerd_2021.2511b7a5-cfa8-4dc0-896d-b5be7a277e1b</t>
  </si>
  <si>
    <t>BU06771202</t>
  </si>
  <si>
    <t>2021BU06771202</t>
  </si>
  <si>
    <t>Buitengebied Hengstdijk</t>
  </si>
  <si>
    <t>buurt_gegeneraliseerd_2021.9fe90bdb-b55d-4088-90c8-66ac8915c07e</t>
  </si>
  <si>
    <t>BU06771301</t>
  </si>
  <si>
    <t>2021BU06771301</t>
  </si>
  <si>
    <t>Kern Ossenisse</t>
  </si>
  <si>
    <t>buurt_gegeneraliseerd_2021.ebbd16d5-4632-4f74-979d-a8c92a9cc2e6</t>
  </si>
  <si>
    <t>BU06771302</t>
  </si>
  <si>
    <t>2021BU06771302</t>
  </si>
  <si>
    <t>Buitengebied Ossenisse</t>
  </si>
  <si>
    <t>buurt_gegeneraliseerd_2021.6dff4236-09e5-48e9-8921-716e32d792b0</t>
  </si>
  <si>
    <t>BU06771401</t>
  </si>
  <si>
    <t>2021BU06771401</t>
  </si>
  <si>
    <t>Kern Kuitaart</t>
  </si>
  <si>
    <t>buurt_gegeneraliseerd_2021.78ec74a0-e8ea-476f-a0b6-b7eee868518c</t>
  </si>
  <si>
    <t>BU06771402</t>
  </si>
  <si>
    <t>2021BU06771402</t>
  </si>
  <si>
    <t>Buitengebied Kuitaart</t>
  </si>
  <si>
    <t>buurt_gegeneraliseerd_2021.49a9c50c-c695-40c5-91a4-4f712f36e6fb</t>
  </si>
  <si>
    <t>BU06771501</t>
  </si>
  <si>
    <t>2021BU06771501</t>
  </si>
  <si>
    <t>Kern Walsoorden</t>
  </si>
  <si>
    <t>buurt_gegeneraliseerd_2021.708b32e0-92a7-47a5-b8c8-4df7d49df2c6</t>
  </si>
  <si>
    <t>BU06771502</t>
  </si>
  <si>
    <t>2021BU06771502</t>
  </si>
  <si>
    <t>Perkpolder</t>
  </si>
  <si>
    <t>buurt_gegeneraliseerd_2021.dabbdf98-be27-4161-b8aa-ed9e1e52c88b</t>
  </si>
  <si>
    <t>BU06771503</t>
  </si>
  <si>
    <t>2021BU06771503</t>
  </si>
  <si>
    <t>Buitengebied Walsoorden</t>
  </si>
  <si>
    <t>buurt_gegeneraliseerd_2021.6e99e584-0ac4-40f4-9b0b-473cb0dd050c</t>
  </si>
  <si>
    <t>BU06780000</t>
  </si>
  <si>
    <t>2021BU06780000</t>
  </si>
  <si>
    <t>Kapelle</t>
  </si>
  <si>
    <t>GM0678</t>
  </si>
  <si>
    <t>buurt_gegeneraliseerd_2021.6aaa5dc4-0766-46ff-b4f0-c270badb983f</t>
  </si>
  <si>
    <t>BU06780009</t>
  </si>
  <si>
    <t>2021BU06780009</t>
  </si>
  <si>
    <t>Verspreide huizen Kapelle</t>
  </si>
  <si>
    <t>buurt_gegeneraliseerd_2021.2569bd68-f335-4f47-97ee-0f37d6c1be4e</t>
  </si>
  <si>
    <t>BU06780100</t>
  </si>
  <si>
    <t>2021BU06780100</t>
  </si>
  <si>
    <t>Wemeldinge</t>
  </si>
  <si>
    <t>buurt_gegeneraliseerd_2021.35dea09e-7a7f-4595-b9ae-bc962f3ce231</t>
  </si>
  <si>
    <t>BU06780109</t>
  </si>
  <si>
    <t>2021BU06780109</t>
  </si>
  <si>
    <t>Verspreide huizen Wemeldinge</t>
  </si>
  <si>
    <t>buurt_gegeneraliseerd_2021.f3d35c4e-a2d3-4a94-b86e-b11845091815</t>
  </si>
  <si>
    <t>BU06780200</t>
  </si>
  <si>
    <t>2021BU06780200</t>
  </si>
  <si>
    <t>Schore</t>
  </si>
  <si>
    <t>buurt_gegeneraliseerd_2021.47a77928-e1b5-48b7-b32d-9e995fd8033f</t>
  </si>
  <si>
    <t>BU06780209</t>
  </si>
  <si>
    <t>2021BU06780209</t>
  </si>
  <si>
    <t>Verspreide huizen Schore</t>
  </si>
  <si>
    <t>buurt_gegeneraliseerd_2021.3af83c1f-4e70-485c-8bd9-b37f7bfa2bc6</t>
  </si>
  <si>
    <t>BU07030000</t>
  </si>
  <si>
    <t>2021BU07030000</t>
  </si>
  <si>
    <t>Yerseke - Kern</t>
  </si>
  <si>
    <t>GM0703</t>
  </si>
  <si>
    <t>buurt_gegeneraliseerd_2021.5804bf02-aa52-433a-b6a1-8387c1414377</t>
  </si>
  <si>
    <t>BU07030001</t>
  </si>
  <si>
    <t>2021BU07030001</t>
  </si>
  <si>
    <t>Yerseke - West</t>
  </si>
  <si>
    <t>buurt_gegeneraliseerd_2021.57af68b0-78fb-422b-a2d7-9626e69adfbc</t>
  </si>
  <si>
    <t>BU07030002</t>
  </si>
  <si>
    <t>2021BU07030002</t>
  </si>
  <si>
    <t>Yerseke - Steehof</t>
  </si>
  <si>
    <t>buurt_gegeneraliseerd_2021.ad2714f7-c835-4617-a1f4-fab82d658bef</t>
  </si>
  <si>
    <t>BU07030006</t>
  </si>
  <si>
    <t>2021BU07030006</t>
  </si>
  <si>
    <t>Yerseke - Molenpolder/Olzendepolder</t>
  </si>
  <si>
    <t>buurt_gegeneraliseerd_2021.f8903172-6b8f-4628-be80-f7b6777c97bd</t>
  </si>
  <si>
    <t>BU07030009</t>
  </si>
  <si>
    <t>2021BU07030009</t>
  </si>
  <si>
    <t>Verspreide huizen Yerseke</t>
  </si>
  <si>
    <t>buurt_gegeneraliseerd_2021.c587cf57-8d60-4bc1-b335-fe03abb02875</t>
  </si>
  <si>
    <t>BU07030100</t>
  </si>
  <si>
    <t>2021BU07030100</t>
  </si>
  <si>
    <t>Kruiningen - Kern</t>
  </si>
  <si>
    <t>buurt_gegeneraliseerd_2021.b8e11d58-2733-4880-ba11-3ad6bd27523a</t>
  </si>
  <si>
    <t>BU07030101</t>
  </si>
  <si>
    <t>2021BU07030101</t>
  </si>
  <si>
    <t>Kruiningen - Zandweg</t>
  </si>
  <si>
    <t>buurt_gegeneraliseerd_2021.eebbd459-2b85-4272-97b6-31d8a4c60211</t>
  </si>
  <si>
    <t>BU07030102</t>
  </si>
  <si>
    <t>2021BU07030102</t>
  </si>
  <si>
    <t>Kruiningen - Kruseveer</t>
  </si>
  <si>
    <t>buurt_gegeneraliseerd_2021.50a48450-213e-4786-9ee9-77ac280345c5</t>
  </si>
  <si>
    <t>BU07030106</t>
  </si>
  <si>
    <t>2021BU07030106</t>
  </si>
  <si>
    <t>Kruiningen - Nishoek</t>
  </si>
  <si>
    <t>buurt_gegeneraliseerd_2021.f9021582-54d4-46c6-8e28-8506a810ca8b</t>
  </si>
  <si>
    <t>BU07030109</t>
  </si>
  <si>
    <t>2021BU07030109</t>
  </si>
  <si>
    <t>Verspreide huizen Kruiningen</t>
  </si>
  <si>
    <t>buurt_gegeneraliseerd_2021.2da71368-d361-4329-b2ce-acf01161cfeb</t>
  </si>
  <si>
    <t>BU07030200</t>
  </si>
  <si>
    <t>2021BU07030200</t>
  </si>
  <si>
    <t>Krabbendijke - Kern</t>
  </si>
  <si>
    <t>buurt_gegeneraliseerd_2021.c23e3894-760f-4a05-9464-b9a64f807b23</t>
  </si>
  <si>
    <t>BU07030201</t>
  </si>
  <si>
    <t>2021BU07030201</t>
  </si>
  <si>
    <t>Krabbendijke - Oostpolder</t>
  </si>
  <si>
    <t>buurt_gegeneraliseerd_2021.a69053c1-3739-4bb2-984d-a6fd86d0512c</t>
  </si>
  <si>
    <t>BU07030202</t>
  </si>
  <si>
    <t>2021BU07030202</t>
  </si>
  <si>
    <t>Krabbendijke - Rozeboom</t>
  </si>
  <si>
    <t>buurt_gegeneraliseerd_2021.ebbccd0f-0e53-4b8a-b850-83f6e6c7be79</t>
  </si>
  <si>
    <t>BU07030206</t>
  </si>
  <si>
    <t>2021BU07030206</t>
  </si>
  <si>
    <t>Krabbendijke - Zuidweg</t>
  </si>
  <si>
    <t>buurt_gegeneraliseerd_2021.e5f9ba7b-82dd-4e4d-aef5-eeda730c9c02</t>
  </si>
  <si>
    <t>BU07030209</t>
  </si>
  <si>
    <t>2021BU07030209</t>
  </si>
  <si>
    <t>Verspreide huizen Krabbendijke</t>
  </si>
  <si>
    <t>buurt_gegeneraliseerd_2021.e3bd4e91-cb6d-464c-9556-36d276effc59</t>
  </si>
  <si>
    <t>BU07030300</t>
  </si>
  <si>
    <t>2021BU07030300</t>
  </si>
  <si>
    <t>Waarde</t>
  </si>
  <si>
    <t>buurt_gegeneraliseerd_2021.ab2f7e1f-f35a-44a7-94b1-a85396275cba</t>
  </si>
  <si>
    <t>BU07030309</t>
  </si>
  <si>
    <t>2021BU07030309</t>
  </si>
  <si>
    <t>Verspreide huizen Waarde</t>
  </si>
  <si>
    <t>buurt_gegeneraliseerd_2021.f716d382-b415-4bdc-b920-057a88ddb1dd</t>
  </si>
  <si>
    <t>BU07030400</t>
  </si>
  <si>
    <t>2021BU07030400</t>
  </si>
  <si>
    <t>Rilland - Kern</t>
  </si>
  <si>
    <t>buurt_gegeneraliseerd_2021.5c09bc70-d8de-4c64-8680-4595d2848839</t>
  </si>
  <si>
    <t>BU07030401</t>
  </si>
  <si>
    <t>2021BU07030401</t>
  </si>
  <si>
    <t>Rilland- Stationsbuurt</t>
  </si>
  <si>
    <t>buurt_gegeneraliseerd_2021.89883758-ea80-4a12-8a7b-9b9e57bf38b3</t>
  </si>
  <si>
    <t>BU07030402</t>
  </si>
  <si>
    <t>2021BU07030402</t>
  </si>
  <si>
    <t>Rilland - Bath</t>
  </si>
  <si>
    <t>buurt_gegeneraliseerd_2021.6d2a362e-95e5-4d01-947f-862bab247993</t>
  </si>
  <si>
    <t>BU07030403</t>
  </si>
  <si>
    <t>2021BU07030403</t>
  </si>
  <si>
    <t>Rilland - Werfkampen</t>
  </si>
  <si>
    <t>buurt_gegeneraliseerd_2021.c908ad6d-da2b-4140-a7e8-430140916ad4</t>
  </si>
  <si>
    <t>BU07030406</t>
  </si>
  <si>
    <t>2021BU07030406</t>
  </si>
  <si>
    <t>Rilland - De Poort</t>
  </si>
  <si>
    <t>buurt_gegeneraliseerd_2021.70d4bfd3-aa77-44f3-a41e-b911cc243a29</t>
  </si>
  <si>
    <t>BU07030409</t>
  </si>
  <si>
    <t>2021BU07030409</t>
  </si>
  <si>
    <t>Verspreide huizen Rilland</t>
  </si>
  <si>
    <t>buurt_gegeneraliseerd_2021.13e9717b-6cb8-4b8e-96fa-600318c66d3f</t>
  </si>
  <si>
    <t>BU07030500</t>
  </si>
  <si>
    <t>2021BU07030500</t>
  </si>
  <si>
    <t>Hansweert - Kern</t>
  </si>
  <si>
    <t>buurt_gegeneraliseerd_2021.e3eeb32e-d98f-40a9-8524-2b57affa93a9</t>
  </si>
  <si>
    <t>BU07030501</t>
  </si>
  <si>
    <t>2021BU07030501</t>
  </si>
  <si>
    <t>Hansweert - Tramper</t>
  </si>
  <si>
    <t>buurt_gegeneraliseerd_2021.729f4d8c-2fc7-4179-bd7f-6710ac3bcace</t>
  </si>
  <si>
    <t>BU07030509</t>
  </si>
  <si>
    <t>2021BU07030509</t>
  </si>
  <si>
    <t>Verspreide huizen Hansweert</t>
  </si>
  <si>
    <t>buurt_gegeneraliseerd_2021.7ae71c5e-e91f-4623-97c4-6015798b2531</t>
  </si>
  <si>
    <t>BU07030600</t>
  </si>
  <si>
    <t>2021BU07030600</t>
  </si>
  <si>
    <t>Oostdijk</t>
  </si>
  <si>
    <t>buurt_gegeneraliseerd_2021.9dec191d-3016-46e7-96df-1087cf3697b2</t>
  </si>
  <si>
    <t>BU07030609</t>
  </si>
  <si>
    <t>2021BU07030609</t>
  </si>
  <si>
    <t>Verspreide huizen Oostdijk</t>
  </si>
  <si>
    <t>buurt_gegeneraliseerd_2021.6da7d32c-5ca7-484f-8f3f-4369cb021a7f</t>
  </si>
  <si>
    <t>BU07160000</t>
  </si>
  <si>
    <t>2021BU07160000</t>
  </si>
  <si>
    <t>Tholen</t>
  </si>
  <si>
    <t>GM0716</t>
  </si>
  <si>
    <t>buurt_gegeneraliseerd_2021.430688f4-9270-4f90-873d-bff49c270fdb</t>
  </si>
  <si>
    <t>BU07160009</t>
  </si>
  <si>
    <t>2021BU07160009</t>
  </si>
  <si>
    <t>Verspreide huizen Tholen</t>
  </si>
  <si>
    <t>buurt_gegeneraliseerd_2021.c3b6a6b2-2164-4bad-9aa1-697b92c93492</t>
  </si>
  <si>
    <t>BU07160100</t>
  </si>
  <si>
    <t>2021BU07160100</t>
  </si>
  <si>
    <t>Poortvliet</t>
  </si>
  <si>
    <t>buurt_gegeneraliseerd_2021.0b44005f-50ca-4836-8fe3-bdc52cc6713d</t>
  </si>
  <si>
    <t>BU07160109</t>
  </si>
  <si>
    <t>2021BU07160109</t>
  </si>
  <si>
    <t>Verspreide huizen Poortvliet</t>
  </si>
  <si>
    <t>buurt_gegeneraliseerd_2021.59397b3c-ccf8-41cf-9910-95f7a1760e13</t>
  </si>
  <si>
    <t>BU07160200</t>
  </si>
  <si>
    <t>2021BU07160200</t>
  </si>
  <si>
    <t>Scherpenisse</t>
  </si>
  <si>
    <t>buurt_gegeneraliseerd_2021.ab2deeff-4016-4d37-b372-f788854d2277</t>
  </si>
  <si>
    <t>BU07160209</t>
  </si>
  <si>
    <t>2021BU07160209</t>
  </si>
  <si>
    <t>Verspreide huizen Scherpenisse</t>
  </si>
  <si>
    <t>buurt_gegeneraliseerd_2021.fcbf16d1-85a1-46c8-a530-31c327929e1a</t>
  </si>
  <si>
    <t>BU07160300</t>
  </si>
  <si>
    <t>2021BU07160300</t>
  </si>
  <si>
    <t>Sint-Maartensdijk</t>
  </si>
  <si>
    <t>buurt_gegeneraliseerd_2021.36415290-6de8-4940-ba0f-7345c521a671</t>
  </si>
  <si>
    <t>BU07160309</t>
  </si>
  <si>
    <t>2021BU07160309</t>
  </si>
  <si>
    <t>Verspreide huizen Sint-Maartensdijk</t>
  </si>
  <si>
    <t>buurt_gegeneraliseerd_2021.5afc5b93-5565-437b-a91e-5e5e7cc845a5</t>
  </si>
  <si>
    <t>BU07160400</t>
  </si>
  <si>
    <t>2021BU07160400</t>
  </si>
  <si>
    <t>Stavenisse</t>
  </si>
  <si>
    <t>buurt_gegeneraliseerd_2021.42b975aa-44b1-403a-a220-da76b26f78fa</t>
  </si>
  <si>
    <t>BU07160409</t>
  </si>
  <si>
    <t>2021BU07160409</t>
  </si>
  <si>
    <t>Verspreide huizen Stavenisse</t>
  </si>
  <si>
    <t>buurt_gegeneraliseerd_2021.cc090f02-c456-4b14-9bfc-4f6ca9e9d0df</t>
  </si>
  <si>
    <t>BU07160500</t>
  </si>
  <si>
    <t>2021BU07160500</t>
  </si>
  <si>
    <t>Sint-Annaland</t>
  </si>
  <si>
    <t>buurt_gegeneraliseerd_2021.99387023-9686-4e3f-8bfa-620a88ed008f</t>
  </si>
  <si>
    <t>BU07160509</t>
  </si>
  <si>
    <t>2021BU07160509</t>
  </si>
  <si>
    <t>Verspreide huizen Sint-Annaland</t>
  </si>
  <si>
    <t>buurt_gegeneraliseerd_2021.d05bb83b-1001-414f-840e-fd8131292f53</t>
  </si>
  <si>
    <t>BU07160600</t>
  </si>
  <si>
    <t>2021BU07160600</t>
  </si>
  <si>
    <t>Oud-Vossemeer</t>
  </si>
  <si>
    <t>buurt_gegeneraliseerd_2021.2e1b34f5-96bf-460f-809a-13f48456de46</t>
  </si>
  <si>
    <t>BU07160609</t>
  </si>
  <si>
    <t>2021BU07160609</t>
  </si>
  <si>
    <t>Verspreide huizen Oud-Vossemeer</t>
  </si>
  <si>
    <t>buurt_gegeneraliseerd_2021.d86380f3-ac91-4f3e-9537-e6329e888277</t>
  </si>
  <si>
    <t>BU07160700</t>
  </si>
  <si>
    <t>2021BU07160700</t>
  </si>
  <si>
    <t>Sint Philipsland</t>
  </si>
  <si>
    <t>buurt_gegeneraliseerd_2021.0604c961-462c-43dd-8270-6121003e1720</t>
  </si>
  <si>
    <t>BU07160709</t>
  </si>
  <si>
    <t>2021BU07160709</t>
  </si>
  <si>
    <t>Verspreide huizen Sint Philipsland</t>
  </si>
  <si>
    <t>buurt_gegeneraliseerd_2021.eaabccbe-bd76-4548-9db2-990a344d55a8</t>
  </si>
  <si>
    <t>BU07160710</t>
  </si>
  <si>
    <t>2021BU07160710</t>
  </si>
  <si>
    <t>Anna Jacobapolder</t>
  </si>
  <si>
    <t>buurt_gegeneraliseerd_2021.16c3c500-52fe-42b4-96d0-86d5db19b93a</t>
  </si>
  <si>
    <t>BU07170000</t>
  </si>
  <si>
    <t>2021BU07170000</t>
  </si>
  <si>
    <t>Veere</t>
  </si>
  <si>
    <t>GM0717</t>
  </si>
  <si>
    <t>buurt_gegeneraliseerd_2021.cc776fa9-3215-4e68-a884-dfd19b5f5290</t>
  </si>
  <si>
    <t>BU07170001</t>
  </si>
  <si>
    <t>2021BU07170001</t>
  </si>
  <si>
    <t>Zanddijk</t>
  </si>
  <si>
    <t>buurt_gegeneraliseerd_2021.5fc3a276-c053-495e-86d1-7139d0964de4</t>
  </si>
  <si>
    <t>BU07170002</t>
  </si>
  <si>
    <t>2021BU07170002</t>
  </si>
  <si>
    <t>Buiten de Veste</t>
  </si>
  <si>
    <t>buurt_gegeneraliseerd_2021.c833f424-030c-4ecb-ba70-6e5c4686d0d4</t>
  </si>
  <si>
    <t>BU07170009</t>
  </si>
  <si>
    <t>2021BU07170009</t>
  </si>
  <si>
    <t>Verspreide huizen Veere</t>
  </si>
  <si>
    <t>buurt_gegeneraliseerd_2021.25b146cd-0c99-4b64-93e7-7718226596cb</t>
  </si>
  <si>
    <t>BU07170100</t>
  </si>
  <si>
    <t>2021BU07170100</t>
  </si>
  <si>
    <t>Gapinge</t>
  </si>
  <si>
    <t>buurt_gegeneraliseerd_2021.e3a78aaa-91bf-4a29-a905-0a8ab715f2cd</t>
  </si>
  <si>
    <t>BU07170109</t>
  </si>
  <si>
    <t>2021BU07170109</t>
  </si>
  <si>
    <t>Verspreide huizen Gapinge</t>
  </si>
  <si>
    <t>buurt_gegeneraliseerd_2021.e8f425f9-ad66-4eb8-8509-957253a1486e</t>
  </si>
  <si>
    <t>BU07170200</t>
  </si>
  <si>
    <t>2021BU07170200</t>
  </si>
  <si>
    <t>buurt_gegeneraliseerd_2021.cfd6247a-f7ad-4db5-a7fd-05cefef0fcad</t>
  </si>
  <si>
    <t>BU07170201</t>
  </si>
  <si>
    <t>2021BU07170201</t>
  </si>
  <si>
    <t>Breezand</t>
  </si>
  <si>
    <t>buurt_gegeneraliseerd_2021.048b15f6-2680-43f6-91d5-b6bd8ee8cb5c</t>
  </si>
  <si>
    <t>BU07170209</t>
  </si>
  <si>
    <t>2021BU07170209</t>
  </si>
  <si>
    <t>Verspreide huizen Vrouwenpolder</t>
  </si>
  <si>
    <t>buurt_gegeneraliseerd_2021.83ef2ee7-d7bf-4bfd-a868-58fcb4f00f31</t>
  </si>
  <si>
    <t>BU07170300</t>
  </si>
  <si>
    <t>2021BU07170300</t>
  </si>
  <si>
    <t>Serooskerke</t>
  </si>
  <si>
    <t>buurt_gegeneraliseerd_2021.ba6e17a6-a8d5-48c2-a7ee-0f3a6aa75961</t>
  </si>
  <si>
    <t>BU07170309</t>
  </si>
  <si>
    <t>2021BU07170309</t>
  </si>
  <si>
    <t>Verspreide huizen Serooskerke</t>
  </si>
  <si>
    <t>buurt_gegeneraliseerd_2021.62f5dce3-f330-4460-a6d1-0daf6886c500</t>
  </si>
  <si>
    <t>BU07170400</t>
  </si>
  <si>
    <t>2021BU07170400</t>
  </si>
  <si>
    <t>Domburg</t>
  </si>
  <si>
    <t>buurt_gegeneraliseerd_2021.c5bde6c5-ba21-4f4f-9ac6-f21876a1201f</t>
  </si>
  <si>
    <t>BU07170409</t>
  </si>
  <si>
    <t>2021BU07170409</t>
  </si>
  <si>
    <t>Verspreide huizen Domburg</t>
  </si>
  <si>
    <t>buurt_gegeneraliseerd_2021.83aaf115-d7ef-4f82-886d-ff1dd9adc32e</t>
  </si>
  <si>
    <t>BU07170500</t>
  </si>
  <si>
    <t>2021BU07170500</t>
  </si>
  <si>
    <t>Oostkapelle</t>
  </si>
  <si>
    <t>buurt_gegeneraliseerd_2021.408474b7-dc20-4405-a06f-fe955fc42de6</t>
  </si>
  <si>
    <t>BU07170501</t>
  </si>
  <si>
    <t>2021BU07170501</t>
  </si>
  <si>
    <t>Randduin</t>
  </si>
  <si>
    <t>buurt_gegeneraliseerd_2021.4657e35b-f22a-4d7c-aa04-bb6de56f5a39</t>
  </si>
  <si>
    <t>BU07170502</t>
  </si>
  <si>
    <t>2021BU07170502</t>
  </si>
  <si>
    <t>Duno</t>
  </si>
  <si>
    <t>buurt_gegeneraliseerd_2021.c4d860a9-593e-4266-aa66-6da209721717</t>
  </si>
  <si>
    <t>BU07170508</t>
  </si>
  <si>
    <t>2021BU07170508</t>
  </si>
  <si>
    <t>buurt_gegeneraliseerd_2021.f0409caf-9b17-43c7-829f-2f82dc6e53db</t>
  </si>
  <si>
    <t>BU07170509</t>
  </si>
  <si>
    <t>2021BU07170509</t>
  </si>
  <si>
    <t>buurt_gegeneraliseerd_2021.141264b8-5c54-4feb-84ac-5b4dd26c9657</t>
  </si>
  <si>
    <t>BU07170600</t>
  </si>
  <si>
    <t>2021BU07170600</t>
  </si>
  <si>
    <t>Aagtekerke</t>
  </si>
  <si>
    <t>buurt_gegeneraliseerd_2021.20673372-e072-4082-b4a6-99c78656d64a</t>
  </si>
  <si>
    <t>BU07170609</t>
  </si>
  <si>
    <t>2021BU07170609</t>
  </si>
  <si>
    <t>Verspreide huizen Aagtekerke</t>
  </si>
  <si>
    <t>buurt_gegeneraliseerd_2021.e906b7a4-90ed-4b25-83e2-f4e45c2159e4</t>
  </si>
  <si>
    <t>BU07170700</t>
  </si>
  <si>
    <t>2021BU07170700</t>
  </si>
  <si>
    <t>Grijpskerke</t>
  </si>
  <si>
    <t>buurt_gegeneraliseerd_2021.8133307c-2e02-4af3-87b4-40553315ba9f</t>
  </si>
  <si>
    <t>BU07170709</t>
  </si>
  <si>
    <t>2021BU07170709</t>
  </si>
  <si>
    <t>Verspreide huizen Grijpskerke</t>
  </si>
  <si>
    <t>buurt_gegeneraliseerd_2021.1aa179dc-d0b0-4b8e-9d3b-1b7fd3582302</t>
  </si>
  <si>
    <t>BU07170800</t>
  </si>
  <si>
    <t>2021BU07170800</t>
  </si>
  <si>
    <t>Meliskerke</t>
  </si>
  <si>
    <t>buurt_gegeneraliseerd_2021.8b134be2-74bf-4314-a47d-85aa2fef107e</t>
  </si>
  <si>
    <t>BU07170809</t>
  </si>
  <si>
    <t>2021BU07170809</t>
  </si>
  <si>
    <t>Verspreide huizen Meliskerke</t>
  </si>
  <si>
    <t>buurt_gegeneraliseerd_2021.20d34e76-6b30-4e60-b9fa-bb4cbf0ce2f6</t>
  </si>
  <si>
    <t>BU07170900</t>
  </si>
  <si>
    <t>2021BU07170900</t>
  </si>
  <si>
    <t>Koudekerke</t>
  </si>
  <si>
    <t>buurt_gegeneraliseerd_2021.7af0b311-fdda-493c-a6cd-7ea0f94a1a23</t>
  </si>
  <si>
    <t>BU07170901</t>
  </si>
  <si>
    <t>2021BU07170901</t>
  </si>
  <si>
    <t>Dishoek</t>
  </si>
  <si>
    <t>buurt_gegeneraliseerd_2021.11ab8308-1c7e-465e-a2e9-6e39ed1b2ef2</t>
  </si>
  <si>
    <t>BU07170908</t>
  </si>
  <si>
    <t>2021BU07170908</t>
  </si>
  <si>
    <t>Verspreide huizen recreatiegebied van Koudekerke</t>
  </si>
  <si>
    <t>buurt_gegeneraliseerd_2021.680cedb1-e2aa-448c-ad7a-819887a0136c</t>
  </si>
  <si>
    <t>BU07170909</t>
  </si>
  <si>
    <t>2021BU07170909</t>
  </si>
  <si>
    <t>Verspreide huizen buiten recreatiegebied Koudekerke</t>
  </si>
  <si>
    <t>buurt_gegeneraliseerd_2021.7e670a30-b77b-43e2-9bc1-cbd9e3b01ac7</t>
  </si>
  <si>
    <t>BU07171000</t>
  </si>
  <si>
    <t>2021BU07171000</t>
  </si>
  <si>
    <t>Biggekerke</t>
  </si>
  <si>
    <t>buurt_gegeneraliseerd_2021.b939409c-4a11-475d-bebd-ff81d4c59da5</t>
  </si>
  <si>
    <t>BU07171001</t>
  </si>
  <si>
    <t>2021BU07171001</t>
  </si>
  <si>
    <t>De Ruiser</t>
  </si>
  <si>
    <t>buurt_gegeneraliseerd_2021.e33f1564-8313-48a6-a193-2d6cc5021af9</t>
  </si>
  <si>
    <t>BU07171008</t>
  </si>
  <si>
    <t>2021BU07171008</t>
  </si>
  <si>
    <t>Verspreide huizen in recreatiegebied van Biggekerke</t>
  </si>
  <si>
    <t>buurt_gegeneraliseerd_2021.d414d8f6-5e8e-4aac-b5bb-72de03a1b1ab</t>
  </si>
  <si>
    <t>BU07171009</t>
  </si>
  <si>
    <t>2021BU07171009</t>
  </si>
  <si>
    <t>Verspreide huizen buiten recreatiegebied Biggekerke</t>
  </si>
  <si>
    <t>buurt_gegeneraliseerd_2021.08ede6b3-5faf-43c3-bf2b-75475eeba06b</t>
  </si>
  <si>
    <t>BU07171100</t>
  </si>
  <si>
    <t>2021BU07171100</t>
  </si>
  <si>
    <t>Zoutelande</t>
  </si>
  <si>
    <t>buurt_gegeneraliseerd_2021.0e2571d5-96e5-444b-95e7-85c95c63d6ff</t>
  </si>
  <si>
    <t>BU07171101</t>
  </si>
  <si>
    <t>2021BU07171101</t>
  </si>
  <si>
    <t>Kustlicht</t>
  </si>
  <si>
    <t>buurt_gegeneraliseerd_2021.4bbed611-106c-40eb-80ae-1912cf24b722</t>
  </si>
  <si>
    <t>BU07171109</t>
  </si>
  <si>
    <t>2021BU07171109</t>
  </si>
  <si>
    <t>Verspreide huizen Zoutelande</t>
  </si>
  <si>
    <t>buurt_gegeneraliseerd_2021.31e21f71-3d0d-4ca7-95fe-bf98df993c56</t>
  </si>
  <si>
    <t>BU07171200</t>
  </si>
  <si>
    <t>2021BU07171200</t>
  </si>
  <si>
    <t>Westkapelle</t>
  </si>
  <si>
    <t>buurt_gegeneraliseerd_2021.b4a3b307-f9f6-4c87-89bf-3b5b303912b7</t>
  </si>
  <si>
    <t>BU07171201</t>
  </si>
  <si>
    <t>2021BU07171201</t>
  </si>
  <si>
    <t>Joossesweg</t>
  </si>
  <si>
    <t>buurt_gegeneraliseerd_2021.50ef21de-19d2-4160-88cf-742f7bfaa123</t>
  </si>
  <si>
    <t>BU07171209</t>
  </si>
  <si>
    <t>2021BU07171209</t>
  </si>
  <si>
    <t>Verspreide huizen Westkapelle</t>
  </si>
  <si>
    <t>buurt_gegeneraliseerd_2021.013ff401-987d-4533-8d07-0ba48f81cb28</t>
  </si>
  <si>
    <t>BU07180100</t>
  </si>
  <si>
    <t>2021BU07180100</t>
  </si>
  <si>
    <t>Oude Binnenstad</t>
  </si>
  <si>
    <t>GM0718</t>
  </si>
  <si>
    <t>buurt_gegeneraliseerd_2021.12848b40-ff83-4b6b-b9d1-b40f0d4273a7</t>
  </si>
  <si>
    <t>BU07180101</t>
  </si>
  <si>
    <t>2021BU07180101</t>
  </si>
  <si>
    <t>Scheldestraat e.o.</t>
  </si>
  <si>
    <t>buurt_gegeneraliseerd_2021.cf632e16-5874-4654-ac27-16e5b3ddc06e</t>
  </si>
  <si>
    <t>BU07180102</t>
  </si>
  <si>
    <t>2021BU07180102</t>
  </si>
  <si>
    <t>Stadhuisplein e.o.</t>
  </si>
  <si>
    <t>buurt_gegeneraliseerd_2021.19e8939f-0539-47e4-a6e8-730828172c0c</t>
  </si>
  <si>
    <t>BU07180103</t>
  </si>
  <si>
    <t>2021BU07180103</t>
  </si>
  <si>
    <t>Scheldekwartier</t>
  </si>
  <si>
    <t>buurt_gegeneraliseerd_2021.61d46418-24cf-4ccd-a630-25bfa5a0f68c</t>
  </si>
  <si>
    <t>BU07180200</t>
  </si>
  <si>
    <t>2021BU07180200</t>
  </si>
  <si>
    <t>Vredehof Zuid</t>
  </si>
  <si>
    <t>buurt_gegeneraliseerd_2021.53deb30a-5143-43e6-bc2b-4d6bfabc8957</t>
  </si>
  <si>
    <t>BU07180201</t>
  </si>
  <si>
    <t>2021BU07180201</t>
  </si>
  <si>
    <t>Bonedijkestraat e.o.</t>
  </si>
  <si>
    <t>buurt_gegeneraliseerd_2021.c08b6530-945f-4b4f-9190-d4685100caf4</t>
  </si>
  <si>
    <t>BU07180202</t>
  </si>
  <si>
    <t>2021BU07180202</t>
  </si>
  <si>
    <t>Bloemenlaan e.o. Oost</t>
  </si>
  <si>
    <t>buurt_gegeneraliseerd_2021.97c10fd6-aa86-4c55-8f66-87320f37e364</t>
  </si>
  <si>
    <t>BU07180203</t>
  </si>
  <si>
    <t>2021BU07180203</t>
  </si>
  <si>
    <t>Baskensburg Zuid</t>
  </si>
  <si>
    <t>buurt_gegeneraliseerd_2021.a693c7d7-efcc-47f1-82cd-0dd570bc4483</t>
  </si>
  <si>
    <t>BU07180204</t>
  </si>
  <si>
    <t>2021BU07180204</t>
  </si>
  <si>
    <t>Vredehof Noord</t>
  </si>
  <si>
    <t>buurt_gegeneraliseerd_2021.7c31aa16-ac87-4583-8bb3-4ff86989f9f0</t>
  </si>
  <si>
    <t>BU07180205</t>
  </si>
  <si>
    <t>2021BU07180205</t>
  </si>
  <si>
    <t>Het Fort e.o.</t>
  </si>
  <si>
    <t>buurt_gegeneraliseerd_2021.24b20df1-8b56-4639-8a8a-b96ed6e5528e</t>
  </si>
  <si>
    <t>BU07180206</t>
  </si>
  <si>
    <t>2021BU07180206</t>
  </si>
  <si>
    <t>Hercules Segherslaan e.o.</t>
  </si>
  <si>
    <t>buurt_gegeneraliseerd_2021.ef11d284-8052-4e1d-94d1-2c77ea2bbcaa</t>
  </si>
  <si>
    <t>BU07180207</t>
  </si>
  <si>
    <t>2021BU07180207</t>
  </si>
  <si>
    <t>Baskensburg Noord</t>
  </si>
  <si>
    <t>buurt_gegeneraliseerd_2021.7db618f7-96ed-4365-93ce-5020c97fc7d4</t>
  </si>
  <si>
    <t>BU07180208</t>
  </si>
  <si>
    <t>2021BU07180208</t>
  </si>
  <si>
    <t>Boulevards Bankert en Evertsen</t>
  </si>
  <si>
    <t>buurt_gegeneraliseerd_2021.7790d9dc-1a61-4dfe-8bb8-061c7bc1546e</t>
  </si>
  <si>
    <t>BU07180209</t>
  </si>
  <si>
    <t>2021BU07180209</t>
  </si>
  <si>
    <t>Bloemenlaan e.o. West</t>
  </si>
  <si>
    <t>buurt_gegeneraliseerd_2021.027951ea-a268-4729-b36e-86afe3d1e8bd</t>
  </si>
  <si>
    <t>BU07180300</t>
  </si>
  <si>
    <t>2021BU07180300</t>
  </si>
  <si>
    <t>Paauwenburg Zuidoost</t>
  </si>
  <si>
    <t>buurt_gegeneraliseerd_2021.e9f9a452-0b5a-4252-b764-f082dc75ad5e</t>
  </si>
  <si>
    <t>BU07180301</t>
  </si>
  <si>
    <t>2021BU07180301</t>
  </si>
  <si>
    <t>Paauwenburg West</t>
  </si>
  <si>
    <t>buurt_gegeneraliseerd_2021.f0c636ca-eb9d-4cc9-ab5b-94d918c40c55</t>
  </si>
  <si>
    <t>BU07180302</t>
  </si>
  <si>
    <t>2021BU07180302</t>
  </si>
  <si>
    <t>Westduin</t>
  </si>
  <si>
    <t>buurt_gegeneraliseerd_2021.161a03cd-d7e0-4f40-b7dc-d1f861f2f72c</t>
  </si>
  <si>
    <t>BU07180303</t>
  </si>
  <si>
    <t>2021BU07180303</t>
  </si>
  <si>
    <t>Paauwenburg Noordoost</t>
  </si>
  <si>
    <t>buurt_gegeneraliseerd_2021.06fdfa35-0d05-42e4-802f-6b0b8768a8e9</t>
  </si>
  <si>
    <t>BU07180400</t>
  </si>
  <si>
    <t>2021BU07180400</t>
  </si>
  <si>
    <t>buurt_gegeneraliseerd_2021.a64f1466-e638-4402-b560-dd4a4c4cbe54</t>
  </si>
  <si>
    <t>BU07180401</t>
  </si>
  <si>
    <t>2021BU07180401</t>
  </si>
  <si>
    <t>Bossenburgh - Weyevliet</t>
  </si>
  <si>
    <t>buurt_gegeneraliseerd_2021.b7c7330c-0f3f-42dc-856b-5e53fdb8d03f</t>
  </si>
  <si>
    <t>BU07180402</t>
  </si>
  <si>
    <t>2021BU07180402</t>
  </si>
  <si>
    <t>Westerzicht</t>
  </si>
  <si>
    <t>buurt_gegeneraliseerd_2021.303b22c7-b024-4089-8a16-66d9acebf9a2</t>
  </si>
  <si>
    <t>BU07180403</t>
  </si>
  <si>
    <t>2021BU07180403</t>
  </si>
  <si>
    <t>Lammerenburg</t>
  </si>
  <si>
    <t>buurt_gegeneraliseerd_2021.e79a8afd-2003-4e38-95ac-b1b08e756b03</t>
  </si>
  <si>
    <t>BU07180405</t>
  </si>
  <si>
    <t>2021BU07180405</t>
  </si>
  <si>
    <t>Papegaaienburg - Hofwijk</t>
  </si>
  <si>
    <t>buurt_gegeneraliseerd_2021.c9bc1060-912c-4810-9055-56c09150efaf</t>
  </si>
  <si>
    <t>BU07180406</t>
  </si>
  <si>
    <t>2021BU07180406</t>
  </si>
  <si>
    <t>West-Souburg</t>
  </si>
  <si>
    <t>buurt_gegeneraliseerd_2021.08281ef3-c554-4585-8982-a304e0dbad47</t>
  </si>
  <si>
    <t>BU07180407</t>
  </si>
  <si>
    <t>2021BU07180407</t>
  </si>
  <si>
    <t>Landelijk gebied Lammerenburg</t>
  </si>
  <si>
    <t>buurt_gegeneraliseerd_2021.99f34de4-7f94-4997-8f56-4c19dd405c6c</t>
  </si>
  <si>
    <t>BU07180408</t>
  </si>
  <si>
    <t>2021BU07180408</t>
  </si>
  <si>
    <t>buurt_gegeneraliseerd_2021.7dd86146-1179-4e45-9129-2453a3103f9c</t>
  </si>
  <si>
    <t>BU07180500</t>
  </si>
  <si>
    <t>2021BU07180500</t>
  </si>
  <si>
    <t>Kern Oost-Souburg West</t>
  </si>
  <si>
    <t>buurt_gegeneraliseerd_2021.58a56425-2fa2-4fa0-a98b-5b9e808c0d11</t>
  </si>
  <si>
    <t>BU07180501</t>
  </si>
  <si>
    <t>2021BU07180501</t>
  </si>
  <si>
    <t>Zeewijksingel</t>
  </si>
  <si>
    <t>buurt_gegeneraliseerd_2021.0d2b59fc-dcac-4eb4-9586-cc4962d831f3</t>
  </si>
  <si>
    <t>BU07180502</t>
  </si>
  <si>
    <t>2021BU07180502</t>
  </si>
  <si>
    <t>Schoonenburg - Groot Abeele</t>
  </si>
  <si>
    <t>buurt_gegeneraliseerd_2021.3fbefc26-1d0a-4b4a-8f04-a7a3a57282a7</t>
  </si>
  <si>
    <t>BU07180503</t>
  </si>
  <si>
    <t>2021BU07180503</t>
  </si>
  <si>
    <t>Molenweg e.o.</t>
  </si>
  <si>
    <t>buurt_gegeneraliseerd_2021.a405264d-6ad7-4d34-b885-d972e1af5bde</t>
  </si>
  <si>
    <t>BU07180504</t>
  </si>
  <si>
    <t>2021BU07180504</t>
  </si>
  <si>
    <t>Landelijk gebied Oost-Souburg</t>
  </si>
  <si>
    <t>buurt_gegeneraliseerd_2021.39c868ac-1321-4731-ba42-5558a4f1d562</t>
  </si>
  <si>
    <t>BU07180505</t>
  </si>
  <si>
    <t>2021BU07180505</t>
  </si>
  <si>
    <t>Kern Oost-Souburg Oost</t>
  </si>
  <si>
    <t>buurt_gegeneraliseerd_2021.d54bcd59-61d5-4941-8acf-bef509b171c4</t>
  </si>
  <si>
    <t>BU07180506</t>
  </si>
  <si>
    <t>2021BU07180506</t>
  </si>
  <si>
    <t>Schoonenburg</t>
  </si>
  <si>
    <t>buurt_gegeneraliseerd_2021.b6affc81-eb75-4b12-9348-1a185b67c270</t>
  </si>
  <si>
    <t>BU07180507</t>
  </si>
  <si>
    <t>2021BU07180507</t>
  </si>
  <si>
    <t>Souburg-Noord</t>
  </si>
  <si>
    <t>buurt_gegeneraliseerd_2021.62070d1d-3050-4e91-be04-6f2c3ed36a22</t>
  </si>
  <si>
    <t>BU07180600</t>
  </si>
  <si>
    <t>2021BU07180600</t>
  </si>
  <si>
    <t>Ritthem</t>
  </si>
  <si>
    <t>buurt_gegeneraliseerd_2021.287e2bec-f42a-4815-ac75-5a32d7201679</t>
  </si>
  <si>
    <t>BU07180601</t>
  </si>
  <si>
    <t>2021BU07180601</t>
  </si>
  <si>
    <t>Rammekens</t>
  </si>
  <si>
    <t>buurt_gegeneraliseerd_2021.dffb445b-8d00-4e32-9f8d-c7f9cdc00e2d</t>
  </si>
  <si>
    <t>BU07180602</t>
  </si>
  <si>
    <t>2021BU07180602</t>
  </si>
  <si>
    <t>Welzinge</t>
  </si>
  <si>
    <t>buurt_gegeneraliseerd_2021.913a8118-e630-4c6f-ae4c-0f9bcfff3a14</t>
  </si>
  <si>
    <t>BU07180603</t>
  </si>
  <si>
    <t>2021BU07180603</t>
  </si>
  <si>
    <t>Bedrijventerrein Oost-Souburg Oost</t>
  </si>
  <si>
    <t>buurt_gegeneraliseerd_2021.cfed5908-d7d7-4279-8e37-8ade595a2c70</t>
  </si>
  <si>
    <t>BU07180700</t>
  </si>
  <si>
    <t>2021BU07180700</t>
  </si>
  <si>
    <t>Kennishaven</t>
  </si>
  <si>
    <t>buurt_gegeneraliseerd_2021.483064eb-28f0-45cc-a7de-c1ce6742c899</t>
  </si>
  <si>
    <t>BU07180701</t>
  </si>
  <si>
    <t>2021BU07180701</t>
  </si>
  <si>
    <t>Buitenhaven</t>
  </si>
  <si>
    <t>buurt_gegeneraliseerd_2021.8140ffd3-c5f6-4562-a913-7ac95dbca393</t>
  </si>
  <si>
    <t>BU07180702</t>
  </si>
  <si>
    <t>2021BU07180702</t>
  </si>
  <si>
    <t>Bedrijventerrein Oost-Souburg West</t>
  </si>
  <si>
    <t>buurt_gegeneraliseerd_2021.fc678d9c-41f9-48f8-a714-e21c7a360618</t>
  </si>
  <si>
    <t>BU07180800</t>
  </si>
  <si>
    <t>2021BU07180800</t>
  </si>
  <si>
    <t>Sloegebied</t>
  </si>
  <si>
    <t>buurt_gegeneraliseerd_2021.6f09ce4c-3a4c-4b60-9930-30b4194aa148</t>
  </si>
  <si>
    <t>BU07360101</t>
  </si>
  <si>
    <t>2021BU07360101</t>
  </si>
  <si>
    <t>Mijdrecht Dorp</t>
  </si>
  <si>
    <t>GM0736</t>
  </si>
  <si>
    <t>buurt_gegeneraliseerd_2021.c72ea20b-7206-46ef-a2e1-2abcf671f46f</t>
  </si>
  <si>
    <t>BU07360102</t>
  </si>
  <si>
    <t>2021BU07360102</t>
  </si>
  <si>
    <t>Hofland</t>
  </si>
  <si>
    <t>buurt_gegeneraliseerd_2021.2f96c157-813c-4d9c-8092-24a39c1210ea</t>
  </si>
  <si>
    <t>BU07360103</t>
  </si>
  <si>
    <t>2021BU07360103</t>
  </si>
  <si>
    <t>Molenland</t>
  </si>
  <si>
    <t>buurt_gegeneraliseerd_2021.87505a3d-6b4f-4e9a-90af-56a76a7cd54d</t>
  </si>
  <si>
    <t>BU07360104</t>
  </si>
  <si>
    <t>2021BU07360104</t>
  </si>
  <si>
    <t>Proostdijland</t>
  </si>
  <si>
    <t>buurt_gegeneraliseerd_2021.2f4b5058-2218-4582-b910-3fdca4d00daa</t>
  </si>
  <si>
    <t>BU07360105</t>
  </si>
  <si>
    <t>2021BU07360105</t>
  </si>
  <si>
    <t>Twistvlied-Wickelhof</t>
  </si>
  <si>
    <t>buurt_gegeneraliseerd_2021.0bcd1ad7-5362-4773-9ea8-00b81db0f69a</t>
  </si>
  <si>
    <t>BU07360106</t>
  </si>
  <si>
    <t>2021BU07360106</t>
  </si>
  <si>
    <t>Sportpark Mijdrecht</t>
  </si>
  <si>
    <t>buurt_gegeneraliseerd_2021.7b464662-5d6d-454a-bef6-44e680b39fe3</t>
  </si>
  <si>
    <t>BU07360107</t>
  </si>
  <si>
    <t>2021BU07360107</t>
  </si>
  <si>
    <t>Bedrijventerrein Mijdrecht</t>
  </si>
  <si>
    <t>buurt_gegeneraliseerd_2021.344d068f-1ea1-43e0-9ad6-56fa842fe998</t>
  </si>
  <si>
    <t>BU07360108</t>
  </si>
  <si>
    <t>2021BU07360108</t>
  </si>
  <si>
    <t>Mijdrecht Buitengebied</t>
  </si>
  <si>
    <t>buurt_gegeneraliseerd_2021.298ab5c0-f32e-4182-903c-6bd0ee9bf8c2</t>
  </si>
  <si>
    <t>BU07360201</t>
  </si>
  <si>
    <t>2021BU07360201</t>
  </si>
  <si>
    <t>de Hoef</t>
  </si>
  <si>
    <t>buurt_gegeneraliseerd_2021.1f0c1a01-7047-40a2-833c-ba175f724e56</t>
  </si>
  <si>
    <t>BU07360202</t>
  </si>
  <si>
    <t>2021BU07360202</t>
  </si>
  <si>
    <t>de Hoef Buitengebied</t>
  </si>
  <si>
    <t>buurt_gegeneraliseerd_2021.440397a2-12a0-4009-a47e-ca984e77abb4</t>
  </si>
  <si>
    <t>BU07360301</t>
  </si>
  <si>
    <t>2021BU07360301</t>
  </si>
  <si>
    <t>Amstelhoek</t>
  </si>
  <si>
    <t>buurt_gegeneraliseerd_2021.5e2008ff-0021-4384-bddd-2e14b6b155a1</t>
  </si>
  <si>
    <t>BU07360401</t>
  </si>
  <si>
    <t>2021BU07360401</t>
  </si>
  <si>
    <t>Vinkeveen Dorp</t>
  </si>
  <si>
    <t>buurt_gegeneraliseerd_2021.e7d48ad1-6823-4cee-a8ed-6385ca9c4974</t>
  </si>
  <si>
    <t>BU07360402</t>
  </si>
  <si>
    <t>2021BU07360402</t>
  </si>
  <si>
    <t>Zuiderwaard-Westerheul</t>
  </si>
  <si>
    <t>buurt_gegeneraliseerd_2021.7dc0ebf4-a92e-4f52-8516-8aa49a8b7fe3</t>
  </si>
  <si>
    <t>BU07360403</t>
  </si>
  <si>
    <t>2021BU07360403</t>
  </si>
  <si>
    <t>Vinkeveen Plassengebied</t>
  </si>
  <si>
    <t>buurt_gegeneraliseerd_2021.aa683928-3db0-457b-967c-3470be7ccba8</t>
  </si>
  <si>
    <t>BU07360404</t>
  </si>
  <si>
    <t>2021BU07360404</t>
  </si>
  <si>
    <t>Vinkeveen Buitengebied</t>
  </si>
  <si>
    <t>buurt_gegeneraliseerd_2021.d1d98392-a7ee-4b88-a3ba-58bfd37d14de</t>
  </si>
  <si>
    <t>BU07360501</t>
  </si>
  <si>
    <t>2021BU07360501</t>
  </si>
  <si>
    <t>Waverveen</t>
  </si>
  <si>
    <t>buurt_gegeneraliseerd_2021.ab290f76-8091-425e-9cae-afcee73e1dc3</t>
  </si>
  <si>
    <t>BU07360502</t>
  </si>
  <si>
    <t>2021BU07360502</t>
  </si>
  <si>
    <t>Waverveen Buitengebied</t>
  </si>
  <si>
    <t>buurt_gegeneraliseerd_2021.2cac8c63-1c4c-42fb-9340-4faa38e2c78d</t>
  </si>
  <si>
    <t>BU07360601</t>
  </si>
  <si>
    <t>2021BU07360601</t>
  </si>
  <si>
    <t>Wilnis Dorp</t>
  </si>
  <si>
    <t>buurt_gegeneraliseerd_2021.1a434dc2-c7fd-4bc0-ab1e-43a7cd800f31</t>
  </si>
  <si>
    <t>BU07360602</t>
  </si>
  <si>
    <t>2021BU07360602</t>
  </si>
  <si>
    <t>de Maricken-Veenzijde</t>
  </si>
  <si>
    <t>buurt_gegeneraliseerd_2021.8655fba9-83e7-48c2-ab04-49be863355aa</t>
  </si>
  <si>
    <t>BU07360603</t>
  </si>
  <si>
    <t>2021BU07360603</t>
  </si>
  <si>
    <t>Wilnis Buitengebied</t>
  </si>
  <si>
    <t>buurt_gegeneraliseerd_2021.a9acf7ec-4250-41e8-9f0e-b8d605189785</t>
  </si>
  <si>
    <t>BU07360701</t>
  </si>
  <si>
    <t>2021BU07360701</t>
  </si>
  <si>
    <t>Abcoude-Noordoost</t>
  </si>
  <si>
    <t>buurt_gegeneraliseerd_2021.10bd40f7-b453-4a4b-917a-5b510a42110e</t>
  </si>
  <si>
    <t>BU07360702</t>
  </si>
  <si>
    <t>2021BU07360702</t>
  </si>
  <si>
    <t>Abcoude-Zuidwest</t>
  </si>
  <si>
    <t>buurt_gegeneraliseerd_2021.f6e93b3d-e06d-4c6f-a2b9-bdbd4149caaf</t>
  </si>
  <si>
    <t>BU07360703</t>
  </si>
  <si>
    <t>2021BU07360703</t>
  </si>
  <si>
    <t>Abcoude Buitengebied</t>
  </si>
  <si>
    <t>buurt_gegeneraliseerd_2021.b31af97e-0872-4c70-817f-0fb7747f6fde</t>
  </si>
  <si>
    <t>BU07360801</t>
  </si>
  <si>
    <t>2021BU07360801</t>
  </si>
  <si>
    <t>Baambrugge Dorp</t>
  </si>
  <si>
    <t>buurt_gegeneraliseerd_2021.9d5e0115-9204-4fa1-bbce-605232e12b82</t>
  </si>
  <si>
    <t>BU07360802</t>
  </si>
  <si>
    <t>2021BU07360802</t>
  </si>
  <si>
    <t>Baambrugge Buitengebied</t>
  </si>
  <si>
    <t>buurt_gegeneraliseerd_2021.77c2f72d-eb96-493f-8ac1-177bee6eaf64</t>
  </si>
  <si>
    <t>BU07370000</t>
  </si>
  <si>
    <t>2021BU07370000</t>
  </si>
  <si>
    <t>Burgum</t>
  </si>
  <si>
    <t>GM0737</t>
  </si>
  <si>
    <t>buurt_gegeneraliseerd_2021.7977389d-1ef9-4616-83fd-aad6c6319ed3</t>
  </si>
  <si>
    <t>BU07370009</t>
  </si>
  <si>
    <t>2021BU07370009</t>
  </si>
  <si>
    <t>Verspreide huizen Burgum</t>
  </si>
  <si>
    <t>buurt_gegeneraliseerd_2021.ca7c7e66-1228-454c-b7c1-1cf2939a6b50</t>
  </si>
  <si>
    <t>BU07370100</t>
  </si>
  <si>
    <t>2021BU07370100</t>
  </si>
  <si>
    <t>Aldtsjerk</t>
  </si>
  <si>
    <t>buurt_gegeneraliseerd_2021.40630f29-c9b7-44c6-a264-ae4f071a75cc</t>
  </si>
  <si>
    <t>BU07370101</t>
  </si>
  <si>
    <t>2021BU07370101</t>
  </si>
  <si>
    <t>Oentsjerk</t>
  </si>
  <si>
    <t>buurt_gegeneraliseerd_2021.42d5f113-f6a3-4686-8606-3e691844968d</t>
  </si>
  <si>
    <t>BU07370102</t>
  </si>
  <si>
    <t>2021BU07370102</t>
  </si>
  <si>
    <t>Verspreide huizen Wyns</t>
  </si>
  <si>
    <t>buurt_gegeneraliseerd_2021.28e49546-0b2b-4305-afa9-a40e954d4c10</t>
  </si>
  <si>
    <t>BU07370108</t>
  </si>
  <si>
    <t>2021BU07370108</t>
  </si>
  <si>
    <t>Verspreide huizen Aldtsjerk</t>
  </si>
  <si>
    <t>buurt_gegeneraliseerd_2021.d2ec590f-c513-49a2-9398-424f38946c0b</t>
  </si>
  <si>
    <t>BU07370109</t>
  </si>
  <si>
    <t>2021BU07370109</t>
  </si>
  <si>
    <t>Verspreide huizen Oentsjerk</t>
  </si>
  <si>
    <t>buurt_gegeneraliseerd_2021.74f28534-4d6d-4264-83c4-8a812b0194a2</t>
  </si>
  <si>
    <t>BU07370200</t>
  </si>
  <si>
    <t>2021BU07370200</t>
  </si>
  <si>
    <t>Mûnein</t>
  </si>
  <si>
    <t>buurt_gegeneraliseerd_2021.96f55b47-92cb-4788-ae1b-931c2b48ecac</t>
  </si>
  <si>
    <t>BU07370201</t>
  </si>
  <si>
    <t>2021BU07370201</t>
  </si>
  <si>
    <t>Gytsjerk</t>
  </si>
  <si>
    <t>buurt_gegeneraliseerd_2021.f731a9ad-6082-4ea1-ac76-f232d103d3f1</t>
  </si>
  <si>
    <t>BU07370208</t>
  </si>
  <si>
    <t>2021BU07370208</t>
  </si>
  <si>
    <t>Verspreide huizen Mûnein</t>
  </si>
  <si>
    <t>buurt_gegeneraliseerd_2021.a6622ccd-6e16-4b6f-927c-4db4d3eaa339</t>
  </si>
  <si>
    <t>BU07370209</t>
  </si>
  <si>
    <t>2021BU07370209</t>
  </si>
  <si>
    <t>Verspreide huizen Gytsjerk</t>
  </si>
  <si>
    <t>buurt_gegeneraliseerd_2021.7d5a4ae5-d166-4256-a4cd-67db7f47c638</t>
  </si>
  <si>
    <t>BU07370300</t>
  </si>
  <si>
    <t>2021BU07370300</t>
  </si>
  <si>
    <t>Ryptsjerk</t>
  </si>
  <si>
    <t>buurt_gegeneraliseerd_2021.82f2df6e-9c54-4fae-9fc4-3ba6f8256381</t>
  </si>
  <si>
    <t>BU07370309</t>
  </si>
  <si>
    <t>2021BU07370309</t>
  </si>
  <si>
    <t>Verspreide huizen Ryptsjerk</t>
  </si>
  <si>
    <t>buurt_gegeneraliseerd_2021.7fd205e3-c511-44a4-af44-5f2de429c549</t>
  </si>
  <si>
    <t>BU07370400</t>
  </si>
  <si>
    <t>2021BU07370400</t>
  </si>
  <si>
    <t>Tytsjerk</t>
  </si>
  <si>
    <t>buurt_gegeneraliseerd_2021.3a6a0d60-f4c0-4de2-a730-430b6e691942</t>
  </si>
  <si>
    <t>BU07370401</t>
  </si>
  <si>
    <t>2021BU07370401</t>
  </si>
  <si>
    <t>Suwâld</t>
  </si>
  <si>
    <t>buurt_gegeneraliseerd_2021.bfe613ae-e943-4109-8560-a0d1fb6a8d25</t>
  </si>
  <si>
    <t>BU07370408</t>
  </si>
  <si>
    <t>2021BU07370408</t>
  </si>
  <si>
    <t>Verspreide huizen Tytsjerk</t>
  </si>
  <si>
    <t>buurt_gegeneraliseerd_2021.03d9752d-7c9b-4b86-b68c-d7bc1526c1c1</t>
  </si>
  <si>
    <t>BU07370409</t>
  </si>
  <si>
    <t>2021BU07370409</t>
  </si>
  <si>
    <t>Verspreide huizen Suwâld</t>
  </si>
  <si>
    <t>buurt_gegeneraliseerd_2021.e93bd690-9101-4a93-b5f5-3aefa53fdf5a</t>
  </si>
  <si>
    <t>BU07370500</t>
  </si>
  <si>
    <t>2021BU07370500</t>
  </si>
  <si>
    <t>Earnewâld</t>
  </si>
  <si>
    <t>buurt_gegeneraliseerd_2021.c7d545c9-1bbf-4300-aabd-b8eddb74694a</t>
  </si>
  <si>
    <t>BU07370501</t>
  </si>
  <si>
    <t>2021BU07370501</t>
  </si>
  <si>
    <t>Garyp</t>
  </si>
  <si>
    <t>buurt_gegeneraliseerd_2021.bcf9de13-e612-4655-9505-c31b6de3a2d7</t>
  </si>
  <si>
    <t>BU07370508</t>
  </si>
  <si>
    <t>2021BU07370508</t>
  </si>
  <si>
    <t>Verspreide huizen Earnewâld</t>
  </si>
  <si>
    <t>buurt_gegeneraliseerd_2021.121772f5-f1c1-42c1-9b78-bdb9aee1d6f1</t>
  </si>
  <si>
    <t>BU07370509</t>
  </si>
  <si>
    <t>2021BU07370509</t>
  </si>
  <si>
    <t>Verspreide huizen Garyp</t>
  </si>
  <si>
    <t>buurt_gegeneraliseerd_2021.6944035d-a51d-4071-952f-40ea0d627913</t>
  </si>
  <si>
    <t>BU07370600</t>
  </si>
  <si>
    <t>2021BU07370600</t>
  </si>
  <si>
    <t>Sumar</t>
  </si>
  <si>
    <t>buurt_gegeneraliseerd_2021.4a0165fa-dc2f-4405-8925-fe57b86ce503</t>
  </si>
  <si>
    <t>BU07370609</t>
  </si>
  <si>
    <t>2021BU07370609</t>
  </si>
  <si>
    <t>Verspreide huizen Sumar</t>
  </si>
  <si>
    <t>buurt_gegeneraliseerd_2021.842119e2-a17f-4585-b4b4-e7c33f07cb8d</t>
  </si>
  <si>
    <t>BU07370700</t>
  </si>
  <si>
    <t>2021BU07370700</t>
  </si>
  <si>
    <t>Eastermar</t>
  </si>
  <si>
    <t>buurt_gegeneraliseerd_2021.f20c0887-1155-4f74-b343-956023cd3bd6</t>
  </si>
  <si>
    <t>BU07370701</t>
  </si>
  <si>
    <t>2021BU07370701</t>
  </si>
  <si>
    <t>Jistrum</t>
  </si>
  <si>
    <t>buurt_gegeneraliseerd_2021.dc31c373-0e8f-4cfe-8966-87250304d761</t>
  </si>
  <si>
    <t>BU07370708</t>
  </si>
  <si>
    <t>2021BU07370708</t>
  </si>
  <si>
    <t>Verspreide huizen Eastermar</t>
  </si>
  <si>
    <t>buurt_gegeneraliseerd_2021.926a04ef-1b32-4314-95c3-fd6973a39e2f</t>
  </si>
  <si>
    <t>BU07370709</t>
  </si>
  <si>
    <t>2021BU07370709</t>
  </si>
  <si>
    <t>Verspreide huizen Jistrum</t>
  </si>
  <si>
    <t>buurt_gegeneraliseerd_2021.3e2b3ddd-b072-422f-bd88-8e4a8eb99e86</t>
  </si>
  <si>
    <t>BU07370800</t>
  </si>
  <si>
    <t>2021BU07370800</t>
  </si>
  <si>
    <t>Noordburgum</t>
  </si>
  <si>
    <t>buurt_gegeneraliseerd_2021.6147915a-b820-418f-b983-580f1827564b</t>
  </si>
  <si>
    <t>BU07370809</t>
  </si>
  <si>
    <t>2021BU07370809</t>
  </si>
  <si>
    <t>Verspreide huizen Noordburgum</t>
  </si>
  <si>
    <t>buurt_gegeneraliseerd_2021.04afd515-dee5-422b-82c7-d510588102aa</t>
  </si>
  <si>
    <t>BU07370900</t>
  </si>
  <si>
    <t>2021BU07370900</t>
  </si>
  <si>
    <t>Hurdegaryp</t>
  </si>
  <si>
    <t>buurt_gegeneraliseerd_2021.1b9d5981-09dc-474b-949f-97df33de87d0</t>
  </si>
  <si>
    <t>BU07370909</t>
  </si>
  <si>
    <t>2021BU07370909</t>
  </si>
  <si>
    <t>Verspreide huizen Hurdegaryp</t>
  </si>
  <si>
    <t>buurt_gegeneraliseerd_2021.9ba3c484-8b1e-4d23-bc56-4df0798d6cda</t>
  </si>
  <si>
    <t>BU07480000</t>
  </si>
  <si>
    <t>2021BU07480000</t>
  </si>
  <si>
    <t>GM0748</t>
  </si>
  <si>
    <t>buurt_gegeneraliseerd_2021.c7204028-239d-4a9d-827a-d4a64dacb09a</t>
  </si>
  <si>
    <t>BU07480001</t>
  </si>
  <si>
    <t>2021BU07480001</t>
  </si>
  <si>
    <t>buurt_gegeneraliseerd_2021.fad26630-bb18-45fd-898c-d6eba8a3acd6</t>
  </si>
  <si>
    <t>BU07480002</t>
  </si>
  <si>
    <t>2021BU07480002</t>
  </si>
  <si>
    <t>Vestinggronden-Noord</t>
  </si>
  <si>
    <t>buurt_gegeneraliseerd_2021.d3912882-1288-428b-838c-6e99d347cd19</t>
  </si>
  <si>
    <t>BU07480003</t>
  </si>
  <si>
    <t>2021BU07480003</t>
  </si>
  <si>
    <t>Vestinggronden-Zuid</t>
  </si>
  <si>
    <t>buurt_gegeneraliseerd_2021.057f7506-5398-4ffb-8533-b24ba1f73d7c</t>
  </si>
  <si>
    <t>BU07480004</t>
  </si>
  <si>
    <t>2021BU07480004</t>
  </si>
  <si>
    <t>Het Fort</t>
  </si>
  <si>
    <t>buurt_gegeneraliseerd_2021.0f4c7353-8c8c-4359-9872-06cf99d9a365</t>
  </si>
  <si>
    <t>BU07480005</t>
  </si>
  <si>
    <t>2021BU07480005</t>
  </si>
  <si>
    <t>Zeekant</t>
  </si>
  <si>
    <t>buurt_gegeneraliseerd_2021.8514a5c2-1260-435f-85b9-8bfa70de7f33</t>
  </si>
  <si>
    <t>BU07480006</t>
  </si>
  <si>
    <t>2021BU07480006</t>
  </si>
  <si>
    <t>Het Glacis</t>
  </si>
  <si>
    <t>buurt_gegeneraliseerd_2021.a0d514e3-7502-4b48-ad9c-040e8fd99556</t>
  </si>
  <si>
    <t>BU07480100</t>
  </si>
  <si>
    <t>2021BU07480100</t>
  </si>
  <si>
    <t>Meilust Zuid</t>
  </si>
  <si>
    <t>buurt_gegeneraliseerd_2021.2827b336-a784-4fda-af93-8a3a6a8a6a37</t>
  </si>
  <si>
    <t>BU07480101</t>
  </si>
  <si>
    <t>2021BU07480101</t>
  </si>
  <si>
    <t>Meilust Noord</t>
  </si>
  <si>
    <t>buurt_gegeneraliseerd_2021.cd99fd38-9f0c-4981-84f0-8cb898314949</t>
  </si>
  <si>
    <t>BU07480102</t>
  </si>
  <si>
    <t>2021BU07480102</t>
  </si>
  <si>
    <t>Tuinwijk</t>
  </si>
  <si>
    <t>buurt_gegeneraliseerd_2021.7fe5e522-5581-496c-abe4-56dc4f2abbd5</t>
  </si>
  <si>
    <t>BU07480103</t>
  </si>
  <si>
    <t>2021BU07480103</t>
  </si>
  <si>
    <t>Noordgeest</t>
  </si>
  <si>
    <t>buurt_gegeneraliseerd_2021.6fee317a-f800-43fe-b0d5-55a1245cdd1c</t>
  </si>
  <si>
    <t>BU07480200</t>
  </si>
  <si>
    <t>2021BU07480200</t>
  </si>
  <si>
    <t>Gageldonk-West</t>
  </si>
  <si>
    <t>buurt_gegeneraliseerd_2021.e49b72e0-3218-41a8-8b26-8693c41bcb22</t>
  </si>
  <si>
    <t>BU07480201</t>
  </si>
  <si>
    <t>2021BU07480201</t>
  </si>
  <si>
    <t>Warande-West</t>
  </si>
  <si>
    <t>buurt_gegeneraliseerd_2021.f41b9d4c-85c1-482a-a9d4-947eb6c73cdd</t>
  </si>
  <si>
    <t>BU07480202</t>
  </si>
  <si>
    <t>2021BU07480202</t>
  </si>
  <si>
    <t>Gageldonk-Oost</t>
  </si>
  <si>
    <t>buurt_gegeneraliseerd_2021.d00f0aaf-9dc7-4102-97f2-677fc6468115</t>
  </si>
  <si>
    <t>BU07480203</t>
  </si>
  <si>
    <t>2021BU07480203</t>
  </si>
  <si>
    <t>Warande-Oost</t>
  </si>
  <si>
    <t>buurt_gegeneraliseerd_2021.938cf6cb-af01-4724-89e7-1debf7db5669</t>
  </si>
  <si>
    <t>BU07480204</t>
  </si>
  <si>
    <t>2021BU07480204</t>
  </si>
  <si>
    <t>Nieuw Borgvliet</t>
  </si>
  <si>
    <t>buurt_gegeneraliseerd_2021.4ca6e398-e58e-46c6-b6a8-e6d4436d4d26</t>
  </si>
  <si>
    <t>BU07480205</t>
  </si>
  <si>
    <t>2021BU07480205</t>
  </si>
  <si>
    <t>Langeweg</t>
  </si>
  <si>
    <t>buurt_gegeneraliseerd_2021.d9d448c7-eced-491c-b382-0272c9f6bebe</t>
  </si>
  <si>
    <t>BU07480206</t>
  </si>
  <si>
    <t>2021BU07480206</t>
  </si>
  <si>
    <t>Lage Meren</t>
  </si>
  <si>
    <t>buurt_gegeneraliseerd_2021.08458cec-1f87-47cb-b4f9-1b4004bd8bb0</t>
  </si>
  <si>
    <t>BU07480208</t>
  </si>
  <si>
    <t>2021BU07480208</t>
  </si>
  <si>
    <t>Verspreide huizen Heimolen</t>
  </si>
  <si>
    <t>buurt_gegeneraliseerd_2021.1f18049a-9596-4e0f-a24a-77c123bf4443</t>
  </si>
  <si>
    <t>BU07480209</t>
  </si>
  <si>
    <t>2021BU07480209</t>
  </si>
  <si>
    <t>Buitengebied-Oost</t>
  </si>
  <si>
    <t>buurt_gegeneraliseerd_2021.843de50a-14cb-440a-a201-518fa35740a2</t>
  </si>
  <si>
    <t>BU07480300</t>
  </si>
  <si>
    <t>2021BU07480300</t>
  </si>
  <si>
    <t>Bergse Plaat</t>
  </si>
  <si>
    <t>buurt_gegeneraliseerd_2021.57f6c9e6-432f-405d-9885-2b7350e78cc3</t>
  </si>
  <si>
    <t>BU07480301</t>
  </si>
  <si>
    <t>2021BU07480301</t>
  </si>
  <si>
    <t>De Markiezaten</t>
  </si>
  <si>
    <t>buurt_gegeneraliseerd_2021.a3ec8cfe-936e-4f39-974e-38fae7302f68</t>
  </si>
  <si>
    <t>BU07480302</t>
  </si>
  <si>
    <t>2021BU07480302</t>
  </si>
  <si>
    <t>Schelde Vesting</t>
  </si>
  <si>
    <t>buurt_gegeneraliseerd_2021.eaf237ff-9173-4eeb-8ab5-6d95ea145bab</t>
  </si>
  <si>
    <t>BU07480306</t>
  </si>
  <si>
    <t>2021BU07480306</t>
  </si>
  <si>
    <t>Waterfront-Industriegebied</t>
  </si>
  <si>
    <t>buurt_gegeneraliseerd_2021.76bf9616-182f-42b3-b3cd-4dda3e799158</t>
  </si>
  <si>
    <t>BU07480308</t>
  </si>
  <si>
    <t>2021BU07480308</t>
  </si>
  <si>
    <t>Augustapolder</t>
  </si>
  <si>
    <t>buurt_gegeneraliseerd_2021.d010b357-4806-42b8-b604-3712752636ed</t>
  </si>
  <si>
    <t>BU07480309</t>
  </si>
  <si>
    <t>2021BU07480309</t>
  </si>
  <si>
    <t>buurt_gegeneraliseerd_2021.5152b7e3-b7cb-44ea-acfc-dde1063f31cb</t>
  </si>
  <si>
    <t>BU07480400</t>
  </si>
  <si>
    <t>2021BU07480400</t>
  </si>
  <si>
    <t>Halsteren-Centrum</t>
  </si>
  <si>
    <t>buurt_gegeneraliseerd_2021.2badcc1c-4881-47fa-923e-dd803a388caa</t>
  </si>
  <si>
    <t>BU07480401</t>
  </si>
  <si>
    <t>2021BU07480401</t>
  </si>
  <si>
    <t>De Beek</t>
  </si>
  <si>
    <t>buurt_gegeneraliseerd_2021.99927038-57dc-4bb5-9287-283b7bb63178</t>
  </si>
  <si>
    <t>BU07480402</t>
  </si>
  <si>
    <t>2021BU07480402</t>
  </si>
  <si>
    <t>Nieuwe Molen</t>
  </si>
  <si>
    <t>buurt_gegeneraliseerd_2021.d50ad9c0-7f99-4ff9-ba60-57c5f036d8c8</t>
  </si>
  <si>
    <t>BU07480403</t>
  </si>
  <si>
    <t>2021BU07480403</t>
  </si>
  <si>
    <t>Jankenberg</t>
  </si>
  <si>
    <t>buurt_gegeneraliseerd_2021.32fba63f-810a-40bf-89a7-a6ca161979bd</t>
  </si>
  <si>
    <t>BU07480404</t>
  </si>
  <si>
    <t>2021BU07480404</t>
  </si>
  <si>
    <t>Rode Schouw</t>
  </si>
  <si>
    <t>buurt_gegeneraliseerd_2021.2fcd811c-bd9d-483a-860a-6f2d60dbe3c0</t>
  </si>
  <si>
    <t>BU07480405</t>
  </si>
  <si>
    <t>2021BU07480405</t>
  </si>
  <si>
    <t>De Schans en Oude Molen</t>
  </si>
  <si>
    <t>buurt_gegeneraliseerd_2021.65471251-22d0-432f-84d8-db6a417d55b2</t>
  </si>
  <si>
    <t>BU07480408</t>
  </si>
  <si>
    <t>2021BU07480408</t>
  </si>
  <si>
    <t>Verspreide huizen Vrederust</t>
  </si>
  <si>
    <t>buurt_gegeneraliseerd_2021.8fe47174-f733-49f9-944b-70b48aee7453</t>
  </si>
  <si>
    <t>BU07480409</t>
  </si>
  <si>
    <t>2021BU07480409</t>
  </si>
  <si>
    <t>Verspreide huizen Halsterse Polders</t>
  </si>
  <si>
    <t>buurt_gegeneraliseerd_2021.bdba686b-e363-4b8b-969f-efd5c6306862</t>
  </si>
  <si>
    <t>BU07480500</t>
  </si>
  <si>
    <t>2021BU07480500</t>
  </si>
  <si>
    <t>Lepelstraat</t>
  </si>
  <si>
    <t>buurt_gegeneraliseerd_2021.a0b84eb9-9395-42aa-ac65-da4703f75947</t>
  </si>
  <si>
    <t>BU07480507</t>
  </si>
  <si>
    <t>2021BU07480507</t>
  </si>
  <si>
    <t>Verspreide huizen Kladde</t>
  </si>
  <si>
    <t>buurt_gegeneraliseerd_2021.5935d1ab-f8f8-4345-af8d-4e6acb023daf</t>
  </si>
  <si>
    <t>BU07480508</t>
  </si>
  <si>
    <t>2021BU07480508</t>
  </si>
  <si>
    <t>Verspreide huizen Klutsdorp</t>
  </si>
  <si>
    <t>buurt_gegeneraliseerd_2021.c2193e57-3ddc-4396-80b8-2dce3a32cbab</t>
  </si>
  <si>
    <t>BU07480509</t>
  </si>
  <si>
    <t>2021BU07480509</t>
  </si>
  <si>
    <t>Verspreide huizen Oud Glymespolder</t>
  </si>
  <si>
    <t>buurt_gegeneraliseerd_2021.dd0f3f49-6ad0-4099-a14d-f387c4282363</t>
  </si>
  <si>
    <t>BU07550000</t>
  </si>
  <si>
    <t>2021BU07550000</t>
  </si>
  <si>
    <t>Boekel</t>
  </si>
  <si>
    <t>GM0755</t>
  </si>
  <si>
    <t>buurt_gegeneraliseerd_2021.bb01ed1b-56ad-4789-997e-6eecf157414d</t>
  </si>
  <si>
    <t>BU07550005</t>
  </si>
  <si>
    <t>2021BU07550005</t>
  </si>
  <si>
    <t>Verspreide huizen Logt en Berkhoek</t>
  </si>
  <si>
    <t>buurt_gegeneraliseerd_2021.be7c2aa5-fede-4173-bc54-8d005695452d</t>
  </si>
  <si>
    <t>BU07550006</t>
  </si>
  <si>
    <t>2021BU07550006</t>
  </si>
  <si>
    <t>Verspreide huizen Arendnest-Zijp</t>
  </si>
  <si>
    <t>buurt_gegeneraliseerd_2021.53eb2e39-6278-4f9e-b8bf-2fc0317b3af2</t>
  </si>
  <si>
    <t>BU07550007</t>
  </si>
  <si>
    <t>2021BU07550007</t>
  </si>
  <si>
    <t>Verspreide huizen Zandhoek en Peelstraat</t>
  </si>
  <si>
    <t>buurt_gegeneraliseerd_2021.7b2ebf4f-61b3-4ba7-b873-9b7f2f8e2717</t>
  </si>
  <si>
    <t>BU07550008</t>
  </si>
  <si>
    <t>2021BU07550008</t>
  </si>
  <si>
    <t>Verspreide huizen Molenwijk, Elzen en Neerbroek</t>
  </si>
  <si>
    <t>buurt_gegeneraliseerd_2021.6c22ff2e-020a-4c43-9c7c-0767caa418a2</t>
  </si>
  <si>
    <t>BU07550009</t>
  </si>
  <si>
    <t>2021BU07550009</t>
  </si>
  <si>
    <t>Verspreide huizen Bovenstehuis en Peelsehuis</t>
  </si>
  <si>
    <t>buurt_gegeneraliseerd_2021.771cb6a9-8dd1-41bf-8813-b652f3d37863</t>
  </si>
  <si>
    <t>BU07550100</t>
  </si>
  <si>
    <t>2021BU07550100</t>
  </si>
  <si>
    <t>Venhorst</t>
  </si>
  <si>
    <t>buurt_gegeneraliseerd_2021.fc751b4d-1630-40b2-ac9d-63f65b567c5e</t>
  </si>
  <si>
    <t>BU07550109</t>
  </si>
  <si>
    <t>2021BU07550109</t>
  </si>
  <si>
    <t>Verspreide huizen Venhorst</t>
  </si>
  <si>
    <t>buurt_gegeneraliseerd_2021.15e2e43f-44ba-4865-9063-0116843fe459</t>
  </si>
  <si>
    <t>BU07560000</t>
  </si>
  <si>
    <t>2021BU07560000</t>
  </si>
  <si>
    <t>Boxmeer Centrum</t>
  </si>
  <si>
    <t>GM0756</t>
  </si>
  <si>
    <t>buurt_gegeneraliseerd_2021.f4891bb0-85ce-4a1a-b721-6a453ba108fc</t>
  </si>
  <si>
    <t>BU07560001</t>
  </si>
  <si>
    <t>2021BU07560001</t>
  </si>
  <si>
    <t>Bakelgeert-Noord</t>
  </si>
  <si>
    <t>buurt_gegeneraliseerd_2021.48bcaa5c-c4ac-483b-b6c6-d3aaff259f99</t>
  </si>
  <si>
    <t>BU07560002</t>
  </si>
  <si>
    <t>2021BU07560002</t>
  </si>
  <si>
    <t>Bakelgeert-Zuid</t>
  </si>
  <si>
    <t>buurt_gegeneraliseerd_2021.76516cda-6ed3-4c62-b7ae-7b4d8a2a4e88</t>
  </si>
  <si>
    <t>BU07560003</t>
  </si>
  <si>
    <t>2021BU07560003</t>
  </si>
  <si>
    <t>De Elzen</t>
  </si>
  <si>
    <t>buurt_gegeneraliseerd_2021.14f07d84-ddb1-49ed-b2c1-c147a5a3c4e3</t>
  </si>
  <si>
    <t>BU07560004</t>
  </si>
  <si>
    <t>2021BU07560004</t>
  </si>
  <si>
    <t>Villapark 't Zand</t>
  </si>
  <si>
    <t>buurt_gegeneraliseerd_2021.ca9f2939-8d68-4607-a363-e37429814d86</t>
  </si>
  <si>
    <t>BU07560005</t>
  </si>
  <si>
    <t>2021BU07560005</t>
  </si>
  <si>
    <t>Luneven</t>
  </si>
  <si>
    <t>buurt_gegeneraliseerd_2021.99f56a1d-f2d7-4a35-9254-6445fcaf5ec6</t>
  </si>
  <si>
    <t>BU07560006</t>
  </si>
  <si>
    <t>2021BU07560006</t>
  </si>
  <si>
    <t>Hollesteeg</t>
  </si>
  <si>
    <t>buurt_gegeneraliseerd_2021.dcdedd23-115d-4e05-b436-7e7e656a7569</t>
  </si>
  <si>
    <t>BU07560007</t>
  </si>
  <si>
    <t>2021BU07560007</t>
  </si>
  <si>
    <t>Maasbroeksche Blokken</t>
  </si>
  <si>
    <t>buurt_gegeneraliseerd_2021.fc2de78d-e029-46c7-bf81-c16b9e21a4ba</t>
  </si>
  <si>
    <t>BU07560008</t>
  </si>
  <si>
    <t>2021BU07560008</t>
  </si>
  <si>
    <t>Bedrijventerrein Saxa Gotha</t>
  </si>
  <si>
    <t>buurt_gegeneraliseerd_2021.c4709506-8d4c-4d06-b495-61413e979c9c</t>
  </si>
  <si>
    <t>BU07560009</t>
  </si>
  <si>
    <t>2021BU07560009</t>
  </si>
  <si>
    <t>Verspreide huizen Boxmeer</t>
  </si>
  <si>
    <t>buurt_gegeneraliseerd_2021.f8b64beb-731b-4bbd-85ba-4cf4943f38aa</t>
  </si>
  <si>
    <t>BU07560100</t>
  </si>
  <si>
    <t>2021BU07560100</t>
  </si>
  <si>
    <t>Sambeek Centrum</t>
  </si>
  <si>
    <t>buurt_gegeneraliseerd_2021.89ed4d2f-0a9f-4e98-9cda-4a6458c3e07c</t>
  </si>
  <si>
    <t>BU07560109</t>
  </si>
  <si>
    <t>2021BU07560109</t>
  </si>
  <si>
    <t>Verspreide huizen Sambeek</t>
  </si>
  <si>
    <t>buurt_gegeneraliseerd_2021.fc845e03-1a7c-4273-b1e0-9a5cc2a021b9</t>
  </si>
  <si>
    <t>BU07560200</t>
  </si>
  <si>
    <t>2021BU07560200</t>
  </si>
  <si>
    <t>Beugen Centrum</t>
  </si>
  <si>
    <t>buurt_gegeneraliseerd_2021.65def890-3eab-4e88-ba96-73c9dab866c6</t>
  </si>
  <si>
    <t>BU07560209</t>
  </si>
  <si>
    <t>2021BU07560209</t>
  </si>
  <si>
    <t>Verspreide huizen Beugen</t>
  </si>
  <si>
    <t>buurt_gegeneraliseerd_2021.9903ecd4-8fd6-475c-bb70-f6cd85bdd265</t>
  </si>
  <si>
    <t>BU07560300</t>
  </si>
  <si>
    <t>2021BU07560300</t>
  </si>
  <si>
    <t>Oeffelt Centrum</t>
  </si>
  <si>
    <t>buurt_gegeneraliseerd_2021.7630337c-c8d1-4511-ae9a-9535222ab5dc</t>
  </si>
  <si>
    <t>BU07560309</t>
  </si>
  <si>
    <t>2021BU07560309</t>
  </si>
  <si>
    <t>Verspreide huizen Oeffelt</t>
  </si>
  <si>
    <t>buurt_gegeneraliseerd_2021.7d10c1c2-f933-4ac4-a725-b27862e714ef</t>
  </si>
  <si>
    <t>BU07560400</t>
  </si>
  <si>
    <t>2021BU07560400</t>
  </si>
  <si>
    <t>Rijkevoort Centrum</t>
  </si>
  <si>
    <t>buurt_gegeneraliseerd_2021.7be121a7-45a5-418a-a475-b23b887ad440</t>
  </si>
  <si>
    <t>BU07560409</t>
  </si>
  <si>
    <t>2021BU07560409</t>
  </si>
  <si>
    <t>Verspreide huizen Rijkevoort</t>
  </si>
  <si>
    <t>buurt_gegeneraliseerd_2021.1e079d42-7b87-4b6e-8179-742278b30ba1</t>
  </si>
  <si>
    <t>BU07560500</t>
  </si>
  <si>
    <t>2021BU07560500</t>
  </si>
  <si>
    <t>Vortum-Mullem Centrum</t>
  </si>
  <si>
    <t>buurt_gegeneraliseerd_2021.2b092b4d-3ea4-4424-9af9-04e4ddff263c</t>
  </si>
  <si>
    <t>BU07560509</t>
  </si>
  <si>
    <t>2021BU07560509</t>
  </si>
  <si>
    <t>Verspreide huizen Vortum-Mullem</t>
  </si>
  <si>
    <t>buurt_gegeneraliseerd_2021.9e073b6a-171d-4cb5-925b-75e908a991d9</t>
  </si>
  <si>
    <t>BU07560600</t>
  </si>
  <si>
    <t>2021BU07560600</t>
  </si>
  <si>
    <t>Vierlingsbeek Centrum</t>
  </si>
  <si>
    <t>buurt_gegeneraliseerd_2021.235f365a-7a71-49ab-b391-03990851f1bc</t>
  </si>
  <si>
    <t>BU07560601</t>
  </si>
  <si>
    <t>2021BU07560601</t>
  </si>
  <si>
    <t>Groeningen Centrum</t>
  </si>
  <si>
    <t>buurt_gegeneraliseerd_2021.56bc7f2c-e13c-4a2b-897c-cd365d97babc</t>
  </si>
  <si>
    <t>BU07560609</t>
  </si>
  <si>
    <t>2021BU07560609</t>
  </si>
  <si>
    <t>Verspreide huizen Vierlingsbeek en Groeningen</t>
  </si>
  <si>
    <t>buurt_gegeneraliseerd_2021.7d707f4b-87d1-409c-a732-906e9122e823</t>
  </si>
  <si>
    <t>BU07560700</t>
  </si>
  <si>
    <t>2021BU07560700</t>
  </si>
  <si>
    <t>Overloon Centrum</t>
  </si>
  <si>
    <t>buurt_gegeneraliseerd_2021.c48880bf-c32f-47f4-b0dc-86d9a8ef0001</t>
  </si>
  <si>
    <t>BU07560707</t>
  </si>
  <si>
    <t>2021BU07560707</t>
  </si>
  <si>
    <t>Verspreide huizen Westerbeek</t>
  </si>
  <si>
    <t>buurt_gegeneraliseerd_2021.42a2c6e1-43ab-42d3-b20c-0422b254492a</t>
  </si>
  <si>
    <t>BU07560708</t>
  </si>
  <si>
    <t>2021BU07560708</t>
  </si>
  <si>
    <t>Verspreide huizen Stevensbeek</t>
  </si>
  <si>
    <t>buurt_gegeneraliseerd_2021.29568f6a-2564-49ad-8307-6fd520bdb2fd</t>
  </si>
  <si>
    <t>BU07560709</t>
  </si>
  <si>
    <t>2021BU07560709</t>
  </si>
  <si>
    <t>Verspreide huizen Overloon</t>
  </si>
  <si>
    <t>buurt_gegeneraliseerd_2021.d970ef75-5f95-4c07-8d06-7abc13ba1879</t>
  </si>
  <si>
    <t>BU07560800</t>
  </si>
  <si>
    <t>2021BU07560800</t>
  </si>
  <si>
    <t>Maashees Centrum</t>
  </si>
  <si>
    <t>buurt_gegeneraliseerd_2021.e3d5cae9-023b-45ef-8944-efe5faaece55</t>
  </si>
  <si>
    <t>BU07560809</t>
  </si>
  <si>
    <t>2021BU07560809</t>
  </si>
  <si>
    <t>Verspreide huizen Maashees</t>
  </si>
  <si>
    <t>buurt_gegeneraliseerd_2021.565c35e4-9184-4172-ade2-2ac9f7c26fb8</t>
  </si>
  <si>
    <t>BU07560900</t>
  </si>
  <si>
    <t>2021BU07560900</t>
  </si>
  <si>
    <t>Holthees Centrum</t>
  </si>
  <si>
    <t>buurt_gegeneraliseerd_2021.d2299db8-0f94-4a9b-b5b8-5a950a6bc156</t>
  </si>
  <si>
    <t>BU07560909</t>
  </si>
  <si>
    <t>2021BU07560909</t>
  </si>
  <si>
    <t>Verspreide Huizen Holthees</t>
  </si>
  <si>
    <t>buurt_gegeneraliseerd_2021.6fc70e2b-5ce6-4f54-a573-6b754a8d9c30</t>
  </si>
  <si>
    <t>BU07620000</t>
  </si>
  <si>
    <t>2021BU07620000</t>
  </si>
  <si>
    <t>Deurne-Centrum</t>
  </si>
  <si>
    <t>GM0762</t>
  </si>
  <si>
    <t>buurt_gegeneraliseerd_2021.971ef586-2585-4471-b555-4e916f709e8e</t>
  </si>
  <si>
    <t>BU07620001</t>
  </si>
  <si>
    <t>2021BU07620001</t>
  </si>
  <si>
    <t>Sint Jozefparochie</t>
  </si>
  <si>
    <t>buurt_gegeneraliseerd_2021.3cc8a10f-cea2-47e5-a03d-e87c49781e62</t>
  </si>
  <si>
    <t>BU07620002</t>
  </si>
  <si>
    <t>2021BU07620002</t>
  </si>
  <si>
    <t>Zeilberg</t>
  </si>
  <si>
    <t>buurt_gegeneraliseerd_2021.f74f573f-aff9-4f35-98b1-9a397131b385</t>
  </si>
  <si>
    <t>BU07620003</t>
  </si>
  <si>
    <t>2021BU07620003</t>
  </si>
  <si>
    <t>Walsberg</t>
  </si>
  <si>
    <t>buurt_gegeneraliseerd_2021.dc9c9988-76e4-4e2a-b0fb-fd91ea6a8c4e</t>
  </si>
  <si>
    <t>BU07620004</t>
  </si>
  <si>
    <t>2021BU07620004</t>
  </si>
  <si>
    <t>Koolhof</t>
  </si>
  <si>
    <t>buurt_gegeneraliseerd_2021.ba98ab60-e9ad-4b83-90f5-2c83bfa9d7f0</t>
  </si>
  <si>
    <t>BU07620005</t>
  </si>
  <si>
    <t>2021BU07620005</t>
  </si>
  <si>
    <t>Heiakker</t>
  </si>
  <si>
    <t>buurt_gegeneraliseerd_2021.c132f79f-5d40-4d14-b119-d687d4979ddd</t>
  </si>
  <si>
    <t>BU07620006</t>
  </si>
  <si>
    <t>2021BU07620006</t>
  </si>
  <si>
    <t>buurt_gegeneraliseerd_2021.830f8a3d-cad7-477f-bb03-f3807e71830f</t>
  </si>
  <si>
    <t>BU07620007</t>
  </si>
  <si>
    <t>2021BU07620007</t>
  </si>
  <si>
    <t>De Vennen</t>
  </si>
  <si>
    <t>buurt_gegeneraliseerd_2021.0dc45ad1-e9c5-4bd0-a84a-d54724b6cdc0</t>
  </si>
  <si>
    <t>BU07620009</t>
  </si>
  <si>
    <t>2021BU07620009</t>
  </si>
  <si>
    <t>Verspreide huizen Deurne</t>
  </si>
  <si>
    <t>buurt_gegeneraliseerd_2021.9a547230-1348-47c2-b5bb-a8fc29d0db8d</t>
  </si>
  <si>
    <t>BU07620100</t>
  </si>
  <si>
    <t>2021BU07620100</t>
  </si>
  <si>
    <t>Vlierden</t>
  </si>
  <si>
    <t>buurt_gegeneraliseerd_2021.dc91e7c7-f2e0-4198-ab03-bc7b0925e9c0</t>
  </si>
  <si>
    <t>BU07620109</t>
  </si>
  <si>
    <t>2021BU07620109</t>
  </si>
  <si>
    <t>Verspreide huizen Vlierden</t>
  </si>
  <si>
    <t>buurt_gegeneraliseerd_2021.43f71fbf-6cbb-4b65-a837-6745f77f9e58</t>
  </si>
  <si>
    <t>BU07620200</t>
  </si>
  <si>
    <t>2021BU07620200</t>
  </si>
  <si>
    <t>Liessel</t>
  </si>
  <si>
    <t>buurt_gegeneraliseerd_2021.b08774e7-a648-4fe9-86cb-3573a246fdb8</t>
  </si>
  <si>
    <t>BU07620209</t>
  </si>
  <si>
    <t>2021BU07620209</t>
  </si>
  <si>
    <t>Verspreide huizen Liessel</t>
  </si>
  <si>
    <t>buurt_gegeneraliseerd_2021.5509d2bc-5080-40c8-aa6a-b185b862b51d</t>
  </si>
  <si>
    <t>BU07620300</t>
  </si>
  <si>
    <t>2021BU07620300</t>
  </si>
  <si>
    <t>Neerkant</t>
  </si>
  <si>
    <t>buurt_gegeneraliseerd_2021.60fa668a-1e20-4350-8250-6acfee04eedb</t>
  </si>
  <si>
    <t>BU07620309</t>
  </si>
  <si>
    <t>2021BU07620309</t>
  </si>
  <si>
    <t>Verspreide huizen Neerkant</t>
  </si>
  <si>
    <t>buurt_gegeneraliseerd_2021.da9bac5e-d44d-489e-8097-05d69f452a2b</t>
  </si>
  <si>
    <t>BU07620400</t>
  </si>
  <si>
    <t>2021BU07620400</t>
  </si>
  <si>
    <t>Helenaveen</t>
  </si>
  <si>
    <t>buurt_gegeneraliseerd_2021.bba34988-4b58-4ab4-9c2e-850edd6990b1</t>
  </si>
  <si>
    <t>BU07620409</t>
  </si>
  <si>
    <t>2021BU07620409</t>
  </si>
  <si>
    <t>Verspreide huizen Helenaveen</t>
  </si>
  <si>
    <t>buurt_gegeneraliseerd_2021.cb3c0301-48fa-42ed-b8df-b1213bdd28db</t>
  </si>
  <si>
    <t>BU07650000</t>
  </si>
  <si>
    <t>2021BU07650000</t>
  </si>
  <si>
    <t>Oude Pekela</t>
  </si>
  <si>
    <t>GM0765</t>
  </si>
  <si>
    <t>buurt_gegeneraliseerd_2021.d9d6aadf-623f-4a93-b20d-35619435c291</t>
  </si>
  <si>
    <t>BU07650009</t>
  </si>
  <si>
    <t>2021BU07650009</t>
  </si>
  <si>
    <t>Verspreide huizen Oude Pekela</t>
  </si>
  <si>
    <t>buurt_gegeneraliseerd_2021.604efefb-1390-48a9-b5db-9917a2827387</t>
  </si>
  <si>
    <t>BU07650100</t>
  </si>
  <si>
    <t>2021BU07650100</t>
  </si>
  <si>
    <t>Nieuwe Pekela</t>
  </si>
  <si>
    <t>buurt_gegeneraliseerd_2021.725b8856-69ef-4ae1-9872-6b476e6d90dc</t>
  </si>
  <si>
    <t>BU07650101</t>
  </si>
  <si>
    <t>2021BU07650101</t>
  </si>
  <si>
    <t>Boven-Pekela</t>
  </si>
  <si>
    <t>buurt_gegeneraliseerd_2021.d9f08aad-b1f9-44bb-bed4-d0fa7100074e</t>
  </si>
  <si>
    <t>BU07650109</t>
  </si>
  <si>
    <t>2021BU07650109</t>
  </si>
  <si>
    <t>Verspreide huizen Nieuwe Pekela</t>
  </si>
  <si>
    <t>buurt_gegeneraliseerd_2021.639457b5-2024-4fb3-b6c1-61dcb711c3ad</t>
  </si>
  <si>
    <t>BU07660101</t>
  </si>
  <si>
    <t>2021BU07660101</t>
  </si>
  <si>
    <t>GM0766</t>
  </si>
  <si>
    <t>buurt_gegeneraliseerd_2021.28400bb4-4908-4dc6-a071-2256f00d3590</t>
  </si>
  <si>
    <t>BU07660102</t>
  </si>
  <si>
    <t>2021BU07660102</t>
  </si>
  <si>
    <t>Buitengebied West 1</t>
  </si>
  <si>
    <t>buurt_gegeneraliseerd_2021.523658cf-e8fb-4ded-a3c6-461b0468573b</t>
  </si>
  <si>
    <t>BU07660103</t>
  </si>
  <si>
    <t>2021BU07660103</t>
  </si>
  <si>
    <t>buurt_gegeneraliseerd_2021.9a0dbf55-7274-4328-b78b-9d064d1962d6</t>
  </si>
  <si>
    <t>BU07660104</t>
  </si>
  <si>
    <t>2021BU07660104</t>
  </si>
  <si>
    <t>Buitengebied West 2</t>
  </si>
  <si>
    <t>buurt_gegeneraliseerd_2021.f061e9e5-60b0-421e-9520-e70da543bf8d</t>
  </si>
  <si>
    <t>BU07660105</t>
  </si>
  <si>
    <t>2021BU07660105</t>
  </si>
  <si>
    <t>buurt_gegeneraliseerd_2021.a2f57187-25ff-4b19-be1a-6a71dce897ae</t>
  </si>
  <si>
    <t>BU07660106</t>
  </si>
  <si>
    <t>2021BU07660106</t>
  </si>
  <si>
    <t>Beljaart</t>
  </si>
  <si>
    <t>buurt_gegeneraliseerd_2021.e80fde5e-72f3-4037-bb1f-742434dd7c31</t>
  </si>
  <si>
    <t>BU07660107</t>
  </si>
  <si>
    <t>2021BU07660107</t>
  </si>
  <si>
    <t>buurt_gegeneraliseerd_2021.25f358a7-00fd-41d8-9621-2a281e000391</t>
  </si>
  <si>
    <t>BU07660108</t>
  </si>
  <si>
    <t>2021BU07660108</t>
  </si>
  <si>
    <t>Hoge Akker</t>
  </si>
  <si>
    <t>buurt_gegeneraliseerd_2021.ce792de8-760e-4f7a-8103-6a3e05e9992a</t>
  </si>
  <si>
    <t>BU07660109</t>
  </si>
  <si>
    <t>2021BU07660109</t>
  </si>
  <si>
    <t>Oud Dongen</t>
  </si>
  <si>
    <t>buurt_gegeneraliseerd_2021.60c85b86-dbd3-4fae-82cb-4cf7df5256f9</t>
  </si>
  <si>
    <t>BU07660110</t>
  </si>
  <si>
    <t>2021BU07660110</t>
  </si>
  <si>
    <t>Buitengebied Oost</t>
  </si>
  <si>
    <t>buurt_gegeneraliseerd_2021.1237f7cd-edc8-4d6f-b8cc-16e01300cfd4</t>
  </si>
  <si>
    <t>BU07660111</t>
  </si>
  <si>
    <t>2021BU07660111</t>
  </si>
  <si>
    <t>Klein Dongen</t>
  </si>
  <si>
    <t>buurt_gegeneraliseerd_2021.dbe7395d-dc6a-4152-bceb-e77e1df9f377</t>
  </si>
  <si>
    <t>BU07660112</t>
  </si>
  <si>
    <t>2021BU07660112</t>
  </si>
  <si>
    <t>Dongen-Vaart</t>
  </si>
  <si>
    <t>buurt_gegeneraliseerd_2021.8afa01dd-0406-4814-9cb7-6fc93a039411</t>
  </si>
  <si>
    <t>BU07660113</t>
  </si>
  <si>
    <t>2021BU07660113</t>
  </si>
  <si>
    <t>Buitengebied Klein Dongen/Dongen-Vaart</t>
  </si>
  <si>
    <t>buurt_gegeneraliseerd_2021.68178d19-b21f-4121-affe-9d28d7af4cef</t>
  </si>
  <si>
    <t>BU07660114</t>
  </si>
  <si>
    <t>2021BU07660114</t>
  </si>
  <si>
    <t>Tichelrijt</t>
  </si>
  <si>
    <t>buurt_gegeneraliseerd_2021.d04c0952-ed9b-4291-98bb-8af539bc8211</t>
  </si>
  <si>
    <t>BU07660115</t>
  </si>
  <si>
    <t>2021BU07660115</t>
  </si>
  <si>
    <t>Wildert</t>
  </si>
  <si>
    <t>buurt_gegeneraliseerd_2021.0fe29f96-82d8-4aae-838a-91c11b06ad84</t>
  </si>
  <si>
    <t>BU07660216</t>
  </si>
  <si>
    <t>2021BU07660216</t>
  </si>
  <si>
    <t>'s Gravenmoer</t>
  </si>
  <si>
    <t>buurt_gegeneraliseerd_2021.a9fc314a-d1c8-47f8-a477-8c16b7108fda</t>
  </si>
  <si>
    <t>BU07660217</t>
  </si>
  <si>
    <t>2021BU07660217</t>
  </si>
  <si>
    <t>Buitengebied 's Gravenmoer</t>
  </si>
  <si>
    <t>buurt_gegeneraliseerd_2021.eea68fc0-09d7-4344-ab1d-dbbb5afdba65</t>
  </si>
  <si>
    <t>BU07700000</t>
  </si>
  <si>
    <t>2021BU07700000</t>
  </si>
  <si>
    <t>Eersel-kom en Lindeakkers</t>
  </si>
  <si>
    <t>GM0770</t>
  </si>
  <si>
    <t>buurt_gegeneraliseerd_2021.bcec7a76-4198-48f1-95f0-dde9d40283c0</t>
  </si>
  <si>
    <t>BU07700001</t>
  </si>
  <si>
    <t>2021BU07700001</t>
  </si>
  <si>
    <t>Molenakkers</t>
  </si>
  <si>
    <t>buurt_gegeneraliseerd_2021.b56a1e83-18b3-4101-b2c2-17337d7a1a7d</t>
  </si>
  <si>
    <t>BU07700002</t>
  </si>
  <si>
    <t>2021BU07700002</t>
  </si>
  <si>
    <t>Eersel-Zuid</t>
  </si>
  <si>
    <t>buurt_gegeneraliseerd_2021.095e12df-b9d2-414e-9e02-698d99da3f11</t>
  </si>
  <si>
    <t>BU07700003</t>
  </si>
  <si>
    <t>2021BU07700003</t>
  </si>
  <si>
    <t>De Dijken</t>
  </si>
  <si>
    <t>buurt_gegeneraliseerd_2021.7075f918-9301-4a49-b372-141e630189c5</t>
  </si>
  <si>
    <t>BU07700004</t>
  </si>
  <si>
    <t>2021BU07700004</t>
  </si>
  <si>
    <t>Kortkruis</t>
  </si>
  <si>
    <t>buurt_gegeneraliseerd_2021.f5f820d1-b1c9-4884-9a0d-d9c05f8383f9</t>
  </si>
  <si>
    <t>BU07700005</t>
  </si>
  <si>
    <t>2021BU07700005</t>
  </si>
  <si>
    <t>Bedrijventerrein Eersel</t>
  </si>
  <si>
    <t>buurt_gegeneraliseerd_2021.57e745be-996c-4356-9248-5bae43f5a287</t>
  </si>
  <si>
    <t>BU07700006</t>
  </si>
  <si>
    <t>2021BU07700006</t>
  </si>
  <si>
    <t>Molenveld en Schadewijk</t>
  </si>
  <si>
    <t>buurt_gegeneraliseerd_2021.ccf48ac5-b529-4f19-b1f1-2d8e2310f4e8</t>
  </si>
  <si>
    <t>BU07700007</t>
  </si>
  <si>
    <t>2021BU07700007</t>
  </si>
  <si>
    <t>Stokkelen en Hoogstraat</t>
  </si>
  <si>
    <t>buurt_gegeneraliseerd_2021.17cb9aae-bcc7-4ddc-a2ad-c7693cc1f0ce</t>
  </si>
  <si>
    <t>BU07700008</t>
  </si>
  <si>
    <t>2021BU07700008</t>
  </si>
  <si>
    <t>De Hees en Genderweg</t>
  </si>
  <si>
    <t>buurt_gegeneraliseerd_2021.c324f344-0e42-4f6d-a206-b0c40b2f768e</t>
  </si>
  <si>
    <t>BU07700009</t>
  </si>
  <si>
    <t>2021BU07700009</t>
  </si>
  <si>
    <t>Verspreide huizen Eersel</t>
  </si>
  <si>
    <t>buurt_gegeneraliseerd_2021.3dc82651-6fed-4cbf-ad96-6e54f89d22e1</t>
  </si>
  <si>
    <t>BU07700010</t>
  </si>
  <si>
    <t>2021BU07700010</t>
  </si>
  <si>
    <t>Kerkebogten</t>
  </si>
  <si>
    <t>buurt_gegeneraliseerd_2021.d6126778-e94e-48a8-b319-4aacfe8fd94a</t>
  </si>
  <si>
    <t>BU07700100</t>
  </si>
  <si>
    <t>2021BU07700100</t>
  </si>
  <si>
    <t>Duizel</t>
  </si>
  <si>
    <t>buurt_gegeneraliseerd_2021.d40f0b18-0a2a-48da-b974-839fe148da39</t>
  </si>
  <si>
    <t>BU07700101</t>
  </si>
  <si>
    <t>2021BU07700101</t>
  </si>
  <si>
    <t>De Donksbergen</t>
  </si>
  <si>
    <t>buurt_gegeneraliseerd_2021.27505159-413d-4ae1-93e8-93cec4c08115</t>
  </si>
  <si>
    <t>BU07700102</t>
  </si>
  <si>
    <t>2021BU07700102</t>
  </si>
  <si>
    <t>Bedrijventerrein Duizel</t>
  </si>
  <si>
    <t>buurt_gegeneraliseerd_2021.41ffae29-090a-4221-a176-33b5152f6545</t>
  </si>
  <si>
    <t>BU07700109</t>
  </si>
  <si>
    <t>2021BU07700109</t>
  </si>
  <si>
    <t>Verspreide huizen Duizel</t>
  </si>
  <si>
    <t>buurt_gegeneraliseerd_2021.01ee6321-c6fb-4c95-a288-a641eadc65cc</t>
  </si>
  <si>
    <t>BU07700200</t>
  </si>
  <si>
    <t>2021BU07700200</t>
  </si>
  <si>
    <t>Steensel</t>
  </si>
  <si>
    <t>buurt_gegeneraliseerd_2021.1ad4e753-810e-4e4c-94eb-887586392a03</t>
  </si>
  <si>
    <t>BU07700209</t>
  </si>
  <si>
    <t>2021BU07700209</t>
  </si>
  <si>
    <t>Verspreide huizen Steensel</t>
  </si>
  <si>
    <t>buurt_gegeneraliseerd_2021.42a99d44-cb45-45e7-bc13-f2c3ffb6d9e4</t>
  </si>
  <si>
    <t>BU07700300</t>
  </si>
  <si>
    <t>2021BU07700300</t>
  </si>
  <si>
    <t>Vessem-kom</t>
  </si>
  <si>
    <t>buurt_gegeneraliseerd_2021.9af9e818-c2a2-47ff-9a62-f9bd16ce943d</t>
  </si>
  <si>
    <t>BU07700309</t>
  </si>
  <si>
    <t>2021BU07700309</t>
  </si>
  <si>
    <t>Verspreide huizen Vessem</t>
  </si>
  <si>
    <t>buurt_gegeneraliseerd_2021.01644d97-6856-4315-a9b2-a91d02fe7596</t>
  </si>
  <si>
    <t>BU07700400</t>
  </si>
  <si>
    <t>2021BU07700400</t>
  </si>
  <si>
    <t>Wintelre-kom</t>
  </si>
  <si>
    <t>buurt_gegeneraliseerd_2021.db8a74b2-50c1-49e0-ba0b-00da43ff97d5</t>
  </si>
  <si>
    <t>BU07700409</t>
  </si>
  <si>
    <t>2021BU07700409</t>
  </si>
  <si>
    <t>Verspreide huizen Wintelre</t>
  </si>
  <si>
    <t>buurt_gegeneraliseerd_2021.9bfdf5a2-76cd-4879-9c76-2a99f7b5f5b0</t>
  </si>
  <si>
    <t>BU07700500</t>
  </si>
  <si>
    <t>2021BU07700500</t>
  </si>
  <si>
    <t>Knegsel-kom</t>
  </si>
  <si>
    <t>buurt_gegeneraliseerd_2021.1a19f3e4-076d-4565-a259-bc741910849f</t>
  </si>
  <si>
    <t>BU07700501</t>
  </si>
  <si>
    <t>2021BU07700501</t>
  </si>
  <si>
    <t>Knegsel-Oeyenbos</t>
  </si>
  <si>
    <t>buurt_gegeneraliseerd_2021.89c64a3d-c230-45b7-9ddf-be10ab253bfc</t>
  </si>
  <si>
    <t>BU07700509</t>
  </si>
  <si>
    <t>2021BU07700509</t>
  </si>
  <si>
    <t>Verspreide huizen Knegsel</t>
  </si>
  <si>
    <t>buurt_gegeneraliseerd_2021.6041b86a-4c84-44eb-8357-0f138d3377cc</t>
  </si>
  <si>
    <t>BU07721110</t>
  </si>
  <si>
    <t>2021BU07721110</t>
  </si>
  <si>
    <t>GM0772</t>
  </si>
  <si>
    <t>buurt_gegeneraliseerd_2021.86cc3743-3362-48ff-b7a8-72d3fb2ec09b</t>
  </si>
  <si>
    <t>BU07721120</t>
  </si>
  <si>
    <t>2021BU07721120</t>
  </si>
  <si>
    <t>Bergen</t>
  </si>
  <si>
    <t>buurt_gegeneraliseerd_2021.6e256710-8420-44c4-9ccb-cedfabf388d6</t>
  </si>
  <si>
    <t>BU07721130</t>
  </si>
  <si>
    <t>2021BU07721130</t>
  </si>
  <si>
    <t>Witte Dame</t>
  </si>
  <si>
    <t>buurt_gegeneraliseerd_2021.dbc72300-b66a-4778-ac2f-ccb9fd59f55a</t>
  </si>
  <si>
    <t>BU07721140</t>
  </si>
  <si>
    <t>2021BU07721140</t>
  </si>
  <si>
    <t>Fellenoord</t>
  </si>
  <si>
    <t>buurt_gegeneraliseerd_2021.ddd886f1-c729-43b1-9f62-8422c4fe5d14</t>
  </si>
  <si>
    <t>BU07721150</t>
  </si>
  <si>
    <t>2021BU07721150</t>
  </si>
  <si>
    <t>TU-terrein</t>
  </si>
  <si>
    <t>buurt_gegeneraliseerd_2021.2e9fdae0-e49c-4683-8f13-9a95afe9a951</t>
  </si>
  <si>
    <t>BU07722110</t>
  </si>
  <si>
    <t>2021BU07722110</t>
  </si>
  <si>
    <t>Irisbuurt</t>
  </si>
  <si>
    <t>buurt_gegeneraliseerd_2021.92ef61fd-9703-48cc-b61b-c13b7c7eea2f</t>
  </si>
  <si>
    <t>BU07722120</t>
  </si>
  <si>
    <t>2021BU07722120</t>
  </si>
  <si>
    <t>Rochusbuurt</t>
  </si>
  <si>
    <t>buurt_gegeneraliseerd_2021.09d7bf61-61e5-4da1-b191-94929e4d7350</t>
  </si>
  <si>
    <t>BU07722130</t>
  </si>
  <si>
    <t>2021BU07722130</t>
  </si>
  <si>
    <t>Elzent-Noord</t>
  </si>
  <si>
    <t>buurt_gegeneraliseerd_2021.c2d6e5d4-3fea-423a-9c4a-5937be8efa94</t>
  </si>
  <si>
    <t>BU07722140</t>
  </si>
  <si>
    <t>2021BU07722140</t>
  </si>
  <si>
    <t>buurt_gegeneraliseerd_2021.ed203042-25dc-4500-ad8f-f8ca1fb37f2d</t>
  </si>
  <si>
    <t>BU07722150</t>
  </si>
  <si>
    <t>2021BU07722150</t>
  </si>
  <si>
    <t>Joriskwartier</t>
  </si>
  <si>
    <t>buurt_gegeneraliseerd_2021.086017df-df83-4675-9f9f-8e863af24082</t>
  </si>
  <si>
    <t>BU07722160</t>
  </si>
  <si>
    <t>2021BU07722160</t>
  </si>
  <si>
    <t>Bloemenplein</t>
  </si>
  <si>
    <t>buurt_gegeneraliseerd_2021.6c720ca3-2fa1-46f0-83db-a7963138aa85</t>
  </si>
  <si>
    <t>BU07722170</t>
  </si>
  <si>
    <t>2021BU07722170</t>
  </si>
  <si>
    <t>Looiakkers</t>
  </si>
  <si>
    <t>buurt_gegeneraliseerd_2021.6186884a-0176-40a8-a9c3-986efebc7e6f</t>
  </si>
  <si>
    <t>BU07722180</t>
  </si>
  <si>
    <t>2021BU07722180</t>
  </si>
  <si>
    <t>Elzent-Zuid</t>
  </si>
  <si>
    <t>buurt_gegeneraliseerd_2021.c66ddc22-ae4f-4424-b914-db62c89fb9d3</t>
  </si>
  <si>
    <t>BU07722210</t>
  </si>
  <si>
    <t>2021BU07722210</t>
  </si>
  <si>
    <t>Kerstroosplein</t>
  </si>
  <si>
    <t>buurt_gegeneraliseerd_2021.504b4330-f0c8-4ff6-b236-26d27723c23c</t>
  </si>
  <si>
    <t>BU07722220</t>
  </si>
  <si>
    <t>2021BU07722220</t>
  </si>
  <si>
    <t>Gerardusplein</t>
  </si>
  <si>
    <t>buurt_gegeneraliseerd_2021.70536fbd-ea4f-4b7b-a4ab-1761b9ce1ed7</t>
  </si>
  <si>
    <t>BU07722230</t>
  </si>
  <si>
    <t>2021BU07722230</t>
  </si>
  <si>
    <t>Genneperzijde</t>
  </si>
  <si>
    <t>buurt_gegeneraliseerd_2021.f4d4ea21-dec0-418b-9df8-4802d64ade69</t>
  </si>
  <si>
    <t>BU07722240</t>
  </si>
  <si>
    <t>2021BU07722240</t>
  </si>
  <si>
    <t>Roosten</t>
  </si>
  <si>
    <t>buurt_gegeneraliseerd_2021.3a371692-7c4c-4d2e-b004-1ce0ef4dd85a</t>
  </si>
  <si>
    <t>BU07722250</t>
  </si>
  <si>
    <t>2021BU07722250</t>
  </si>
  <si>
    <t>Eikenburg</t>
  </si>
  <si>
    <t>buurt_gegeneraliseerd_2021.337d49e8-9c85-4140-94e6-e41a0d4d069c</t>
  </si>
  <si>
    <t>BU07722260</t>
  </si>
  <si>
    <t>2021BU07722260</t>
  </si>
  <si>
    <t>Sportpark Aalsterweg</t>
  </si>
  <si>
    <t>buurt_gegeneraliseerd_2021.fd92359a-f18d-4c84-979e-fc03cc966a6f</t>
  </si>
  <si>
    <t>BU07722300</t>
  </si>
  <si>
    <t>2021BU07722300</t>
  </si>
  <si>
    <t>Puttense Dreef</t>
  </si>
  <si>
    <t>buurt_gegeneraliseerd_2021.c4cdf447-0875-4260-b8c6-3502d24d2ee0</t>
  </si>
  <si>
    <t>BU07722310</t>
  </si>
  <si>
    <t>2021BU07722310</t>
  </si>
  <si>
    <t>Poeijers</t>
  </si>
  <si>
    <t>buurt_gegeneraliseerd_2021.e13a3ad1-514c-4537-b37f-97f9bacbe6dd</t>
  </si>
  <si>
    <t>BU07722320</t>
  </si>
  <si>
    <t>2021BU07722320</t>
  </si>
  <si>
    <t>Burghplan</t>
  </si>
  <si>
    <t>buurt_gegeneraliseerd_2021.f4812b87-511b-4d11-8117-c62d89500629</t>
  </si>
  <si>
    <t>BU07722330</t>
  </si>
  <si>
    <t>2021BU07722330</t>
  </si>
  <si>
    <t>Sintenbuurt</t>
  </si>
  <si>
    <t>buurt_gegeneraliseerd_2021.71b49ad4-4ee4-4165-aab7-ec25c1e063d0</t>
  </si>
  <si>
    <t>BU07722340</t>
  </si>
  <si>
    <t>2021BU07722340</t>
  </si>
  <si>
    <t>Tivoli</t>
  </si>
  <si>
    <t>buurt_gegeneraliseerd_2021.848c566b-4b11-4481-a9a5-685db9c45e51</t>
  </si>
  <si>
    <t>BU07722350</t>
  </si>
  <si>
    <t>2021BU07722350</t>
  </si>
  <si>
    <t>Gijzenrooi</t>
  </si>
  <si>
    <t>buurt_gegeneraliseerd_2021.5d108b29-f8d8-461c-b2c2-85c035750d3f</t>
  </si>
  <si>
    <t>BU07722360</t>
  </si>
  <si>
    <t>2021BU07722360</t>
  </si>
  <si>
    <t>Nieuwe Erven</t>
  </si>
  <si>
    <t>buurt_gegeneraliseerd_2021.1f8747a0-f0e3-4834-8226-593ff1ce6d79</t>
  </si>
  <si>
    <t>BU07722370</t>
  </si>
  <si>
    <t>2021BU07722370</t>
  </si>
  <si>
    <t>buurt_gegeneraliseerd_2021.f3472e81-6426-4f59-834d-7010f6e82b4d</t>
  </si>
  <si>
    <t>BU07722380</t>
  </si>
  <si>
    <t>2021BU07722380</t>
  </si>
  <si>
    <t>Schuttersbosch</t>
  </si>
  <si>
    <t>buurt_gegeneraliseerd_2021.357393b4-871d-49bd-b5b7-8ae48ae0a2f3</t>
  </si>
  <si>
    <t>BU07722390</t>
  </si>
  <si>
    <t>2021BU07722390</t>
  </si>
  <si>
    <t>Leenderheide</t>
  </si>
  <si>
    <t>buurt_gegeneraliseerd_2021.c17f2a77-8bef-42bf-933c-3ddc11e88c35</t>
  </si>
  <si>
    <t>BU07722399</t>
  </si>
  <si>
    <t>2021BU07722399</t>
  </si>
  <si>
    <t>Riel</t>
  </si>
  <si>
    <t>buurt_gegeneraliseerd_2021.ecda756d-6685-43e2-8ccd-7fa85453fbbd</t>
  </si>
  <si>
    <t>BU07723110</t>
  </si>
  <si>
    <t>2021BU07723110</t>
  </si>
  <si>
    <t>buurt_gegeneraliseerd_2021.264dda94-4aeb-48ce-838f-09b787a0b120</t>
  </si>
  <si>
    <t>BU07723120</t>
  </si>
  <si>
    <t>2021BU07723120</t>
  </si>
  <si>
    <t>Lakerlopen</t>
  </si>
  <si>
    <t>buurt_gegeneraliseerd_2021.87d58888-6377-4205-980f-e344355a6b2c</t>
  </si>
  <si>
    <t>BU07723210</t>
  </si>
  <si>
    <t>2021BU07723210</t>
  </si>
  <si>
    <t>Doornakkers-West</t>
  </si>
  <si>
    <t>buurt_gegeneraliseerd_2021.e7999d5c-fbf4-4b20-8c09-c11357a1ae1e</t>
  </si>
  <si>
    <t>BU07723220</t>
  </si>
  <si>
    <t>2021BU07723220</t>
  </si>
  <si>
    <t>Doornakkers-Oost</t>
  </si>
  <si>
    <t>buurt_gegeneraliseerd_2021.3d9c3440-e798-4a8f-891c-a28090b5236d</t>
  </si>
  <si>
    <t>BU07723280</t>
  </si>
  <si>
    <t>2021BU07723280</t>
  </si>
  <si>
    <t>Tongelresche Akkers</t>
  </si>
  <si>
    <t>buurt_gegeneraliseerd_2021.88adf28d-689f-41b5-bc3e-da00e89af84d</t>
  </si>
  <si>
    <t>BU07723330</t>
  </si>
  <si>
    <t>2021BU07723330</t>
  </si>
  <si>
    <t>Muschberg, Geestenberg</t>
  </si>
  <si>
    <t>buurt_gegeneraliseerd_2021.4b3fd476-e9fb-4368-a92d-3ca346f89fe5</t>
  </si>
  <si>
    <t>BU07723340</t>
  </si>
  <si>
    <t>2021BU07723340</t>
  </si>
  <si>
    <t>Urkhoven</t>
  </si>
  <si>
    <t>buurt_gegeneraliseerd_2021.bc170f03-4697-4dfa-ab1b-7460e90d8f54</t>
  </si>
  <si>
    <t>BU07723350</t>
  </si>
  <si>
    <t>2021BU07723350</t>
  </si>
  <si>
    <t>'t Hofke</t>
  </si>
  <si>
    <t>buurt_gegeneraliseerd_2021.00b8eedd-7906-45ee-b126-a1da9c7f7ef8</t>
  </si>
  <si>
    <t>BU07723360</t>
  </si>
  <si>
    <t>2021BU07723360</t>
  </si>
  <si>
    <t>Karpen</t>
  </si>
  <si>
    <t>buurt_gegeneraliseerd_2021.c58a8df0-ab7e-4108-9054-0f4b1d3920cf</t>
  </si>
  <si>
    <t>BU07723370</t>
  </si>
  <si>
    <t>2021BU07723370</t>
  </si>
  <si>
    <t>Koudenhoven</t>
  </si>
  <si>
    <t>buurt_gegeneraliseerd_2021.3d9796ab-bcc2-407f-856f-20dbe283b6a9</t>
  </si>
  <si>
    <t>BU07724100</t>
  </si>
  <si>
    <t>2021BU07724100</t>
  </si>
  <si>
    <t>Limbeek-Zuid</t>
  </si>
  <si>
    <t>buurt_gegeneraliseerd_2021.eedb3238-6f2f-4197-af10-89c5ee0c69fc</t>
  </si>
  <si>
    <t>BU07724110</t>
  </si>
  <si>
    <t>2021BU07724110</t>
  </si>
  <si>
    <t>Limbeek-Noord</t>
  </si>
  <si>
    <t>buurt_gegeneraliseerd_2021.67e309f2-bfc3-45c6-bd5c-2383e5ae8b71</t>
  </si>
  <si>
    <t>BU07724120</t>
  </si>
  <si>
    <t>2021BU07724120</t>
  </si>
  <si>
    <t>Hemelrijken</t>
  </si>
  <si>
    <t>buurt_gegeneraliseerd_2021.fe10713b-2473-4c42-ad85-deb22c8ca530</t>
  </si>
  <si>
    <t>BU07724130</t>
  </si>
  <si>
    <t>2021BU07724130</t>
  </si>
  <si>
    <t>Gildebuurt</t>
  </si>
  <si>
    <t>buurt_gegeneraliseerd_2021.dfcd373d-12c9-4fa1-8b2d-53626a3f762d</t>
  </si>
  <si>
    <t>BU07724140</t>
  </si>
  <si>
    <t>2021BU07724140</t>
  </si>
  <si>
    <t>Woenselse Watermolen</t>
  </si>
  <si>
    <t>buurt_gegeneraliseerd_2021.a2e77f9f-6409-4cd7-bbf7-228bc9b918c8</t>
  </si>
  <si>
    <t>BU07724210</t>
  </si>
  <si>
    <t>2021BU07724210</t>
  </si>
  <si>
    <t>Woensel-West</t>
  </si>
  <si>
    <t>buurt_gegeneraliseerd_2021.d7e8dcd6-8a4a-473a-a2cd-6a159d262f48</t>
  </si>
  <si>
    <t>BU07724220</t>
  </si>
  <si>
    <t>2021BU07724220</t>
  </si>
  <si>
    <t>Kronehoef</t>
  </si>
  <si>
    <t>buurt_gegeneraliseerd_2021.c4cfb234-822c-4f8c-8d05-0d94306d8dce</t>
  </si>
  <si>
    <t>BU07724230</t>
  </si>
  <si>
    <t>2021BU07724230</t>
  </si>
  <si>
    <t>Barrier</t>
  </si>
  <si>
    <t>buurt_gegeneraliseerd_2021.61d8ad71-8a53-41ee-9b19-b36b248f8446</t>
  </si>
  <si>
    <t>BU07724240</t>
  </si>
  <si>
    <t>2021BU07724240</t>
  </si>
  <si>
    <t>Mensfort</t>
  </si>
  <si>
    <t>buurt_gegeneraliseerd_2021.face99c0-554b-4cda-ba81-e4f5cb9bd206</t>
  </si>
  <si>
    <t>BU07724250</t>
  </si>
  <si>
    <t>2021BU07724250</t>
  </si>
  <si>
    <t>Rapenland</t>
  </si>
  <si>
    <t>buurt_gegeneraliseerd_2021.21b9ec97-9277-4eda-a602-c20fbb3c2447</t>
  </si>
  <si>
    <t>BU07724260</t>
  </si>
  <si>
    <t>2021BU07724260</t>
  </si>
  <si>
    <t>Vredeoord</t>
  </si>
  <si>
    <t>buurt_gegeneraliseerd_2021.ad482873-5d62-43f8-8148-bad1b6d13029</t>
  </si>
  <si>
    <t>BU07724310</t>
  </si>
  <si>
    <t>2021BU07724310</t>
  </si>
  <si>
    <t>Generalenbuurt</t>
  </si>
  <si>
    <t>buurt_gegeneraliseerd_2021.3a6cfb59-8655-49fc-8e19-d3c1abcfe327</t>
  </si>
  <si>
    <t>BU07724320</t>
  </si>
  <si>
    <t>2021BU07724320</t>
  </si>
  <si>
    <t>Oude Toren</t>
  </si>
  <si>
    <t>buurt_gegeneraliseerd_2021.bc62e9ab-bd23-4012-99a8-1692614978a1</t>
  </si>
  <si>
    <t>BU07724330</t>
  </si>
  <si>
    <t>2021BU07724330</t>
  </si>
  <si>
    <t>Hondsheuvels</t>
  </si>
  <si>
    <t>buurt_gegeneraliseerd_2021.3948ef5e-05b2-4439-8026-f943a993d42a</t>
  </si>
  <si>
    <t>BU07724340</t>
  </si>
  <si>
    <t>2021BU07724340</t>
  </si>
  <si>
    <t>Oude Gracht-West</t>
  </si>
  <si>
    <t>buurt_gegeneraliseerd_2021.4330d26a-cc5a-4a48-9363-9c5c8716b145</t>
  </si>
  <si>
    <t>BU07724350</t>
  </si>
  <si>
    <t>2021BU07724350</t>
  </si>
  <si>
    <t>Oude Gracht-Oost</t>
  </si>
  <si>
    <t>buurt_gegeneraliseerd_2021.a696104e-6759-42a7-a87d-41d23deff246</t>
  </si>
  <si>
    <t>BU07724360</t>
  </si>
  <si>
    <t>2021BU07724360</t>
  </si>
  <si>
    <t>Eckartdal</t>
  </si>
  <si>
    <t>buurt_gegeneraliseerd_2021.672137bd-3a96-42d9-936e-107b248151f2</t>
  </si>
  <si>
    <t>BU07725110</t>
  </si>
  <si>
    <t>2021BU07725110</t>
  </si>
  <si>
    <t>Driehoeksbos</t>
  </si>
  <si>
    <t>buurt_gegeneraliseerd_2021.47686102-757a-4d14-a510-52df44189078</t>
  </si>
  <si>
    <t>BU07725120</t>
  </si>
  <si>
    <t>2021BU07725120</t>
  </si>
  <si>
    <t>Prinsejagt</t>
  </si>
  <si>
    <t>buurt_gegeneraliseerd_2021.4c209d37-0c5d-443c-84db-075b93a2834d</t>
  </si>
  <si>
    <t>BU07725130</t>
  </si>
  <si>
    <t>2021BU07725130</t>
  </si>
  <si>
    <t>Jagershoef</t>
  </si>
  <si>
    <t>buurt_gegeneraliseerd_2021.048fab2a-ff83-4405-8ccd-093f4f92b3f6</t>
  </si>
  <si>
    <t>BU07725140</t>
  </si>
  <si>
    <t>2021BU07725140</t>
  </si>
  <si>
    <t>'t Hool</t>
  </si>
  <si>
    <t>buurt_gegeneraliseerd_2021.9ffbd51f-ca0c-40bc-9f34-c9fc1a495e7c</t>
  </si>
  <si>
    <t>BU07725150</t>
  </si>
  <si>
    <t>2021BU07725150</t>
  </si>
  <si>
    <t>buurt_gegeneraliseerd_2021.bd1e176c-6b20-4a2c-a8f8-f6e0a222de9c</t>
  </si>
  <si>
    <t>BU07725160</t>
  </si>
  <si>
    <t>2021BU07725160</t>
  </si>
  <si>
    <t>Vlokhoven</t>
  </si>
  <si>
    <t>buurt_gegeneraliseerd_2021.7d9a0c30-8d2e-4d93-9b2f-5d2047ed1aec</t>
  </si>
  <si>
    <t>BU07725200</t>
  </si>
  <si>
    <t>2021BU07725200</t>
  </si>
  <si>
    <t>Kapelbeemd</t>
  </si>
  <si>
    <t>buurt_gegeneraliseerd_2021.95dea4a6-721d-4cbb-939b-0b88e8e5eba9</t>
  </si>
  <si>
    <t>BU07725210</t>
  </si>
  <si>
    <t>2021BU07725210</t>
  </si>
  <si>
    <t>Kerkdorp Acht</t>
  </si>
  <si>
    <t>buurt_gegeneraliseerd_2021.567db48d-e7db-4af0-8f34-be5ed2bff9ad</t>
  </si>
  <si>
    <t>BU07725220</t>
  </si>
  <si>
    <t>2021BU07725220</t>
  </si>
  <si>
    <t>Achtse Barrier-Gunterslaer</t>
  </si>
  <si>
    <t>buurt_gegeneraliseerd_2021.c80c797a-59f7-4164-a264-f2e302a94e3c</t>
  </si>
  <si>
    <t>BU07725230</t>
  </si>
  <si>
    <t>2021BU07725230</t>
  </si>
  <si>
    <t>Achtse Barrier-Spaaihoef</t>
  </si>
  <si>
    <t>buurt_gegeneraliseerd_2021.b536f602-da5d-4e77-8880-cd77a5040731</t>
  </si>
  <si>
    <t>BU07725240</t>
  </si>
  <si>
    <t>2021BU07725240</t>
  </si>
  <si>
    <t>Achtse Barrier-Hoeven</t>
  </si>
  <si>
    <t>buurt_gegeneraliseerd_2021.3ca60c56-ac86-45fc-b94d-007dccda25a3</t>
  </si>
  <si>
    <t>BU07725310</t>
  </si>
  <si>
    <t>2021BU07725310</t>
  </si>
  <si>
    <t>Woenselse Heide</t>
  </si>
  <si>
    <t>buurt_gegeneraliseerd_2021.46a89bef-ae0c-4700-9d1e-64d88ca62110</t>
  </si>
  <si>
    <t>BU07725320</t>
  </si>
  <si>
    <t>2021BU07725320</t>
  </si>
  <si>
    <t>Tempel</t>
  </si>
  <si>
    <t>buurt_gegeneraliseerd_2021.c5725987-560b-4f14-b5f7-354e397e7778</t>
  </si>
  <si>
    <t>BU07725330</t>
  </si>
  <si>
    <t>2021BU07725330</t>
  </si>
  <si>
    <t>Blixembosch-West</t>
  </si>
  <si>
    <t>buurt_gegeneraliseerd_2021.fa3978c5-1fdb-4a31-abba-522b0e999cfd</t>
  </si>
  <si>
    <t>BU07725340</t>
  </si>
  <si>
    <t>2021BU07725340</t>
  </si>
  <si>
    <t>Blixembosch-Oost</t>
  </si>
  <si>
    <t>buurt_gegeneraliseerd_2021.68578c04-a9fc-4206-9e40-9888aad61b47</t>
  </si>
  <si>
    <t>BU07725350</t>
  </si>
  <si>
    <t>2021BU07725350</t>
  </si>
  <si>
    <t>Castiliëlaan</t>
  </si>
  <si>
    <t>buurt_gegeneraliseerd_2021.35f4f057-ce79-4072-8c07-c2cf4bbc6cfa</t>
  </si>
  <si>
    <t>BU07725410</t>
  </si>
  <si>
    <t>2021BU07725410</t>
  </si>
  <si>
    <t>Eckart</t>
  </si>
  <si>
    <t>buurt_gegeneraliseerd_2021.e85d5433-a033-4ae1-9eeb-7edc015ff4d4</t>
  </si>
  <si>
    <t>BU07725420</t>
  </si>
  <si>
    <t>2021BU07725420</t>
  </si>
  <si>
    <t>Luytelaer</t>
  </si>
  <si>
    <t>buurt_gegeneraliseerd_2021.812e4ef0-d956-4c6e-b395-576b8a7f7396</t>
  </si>
  <si>
    <t>BU07725430</t>
  </si>
  <si>
    <t>2021BU07725430</t>
  </si>
  <si>
    <t>Vaartbroek</t>
  </si>
  <si>
    <t>buurt_gegeneraliseerd_2021.745b075b-e76b-463d-8806-67221d319b33</t>
  </si>
  <si>
    <t>BU07725440</t>
  </si>
  <si>
    <t>2021BU07725440</t>
  </si>
  <si>
    <t>Heesterakker</t>
  </si>
  <si>
    <t>buurt_gegeneraliseerd_2021.0898957e-6299-4879-a8a7-9aa0fef82951</t>
  </si>
  <si>
    <t>BU07725450</t>
  </si>
  <si>
    <t>2021BU07725450</t>
  </si>
  <si>
    <t>Esp</t>
  </si>
  <si>
    <t>buurt_gegeneraliseerd_2021.76d3d2d4-acf2-4872-ad5a-f14ec1351df2</t>
  </si>
  <si>
    <t>BU07725460</t>
  </si>
  <si>
    <t>2021BU07725460</t>
  </si>
  <si>
    <t>Bokt</t>
  </si>
  <si>
    <t>buurt_gegeneraliseerd_2021.5db1ecc0-f29c-447e-b82a-6fb4b955a63b</t>
  </si>
  <si>
    <t>BU07726110</t>
  </si>
  <si>
    <t>2021BU07726110</t>
  </si>
  <si>
    <t>Eliasterrein, Vonderkwartier</t>
  </si>
  <si>
    <t>buurt_gegeneraliseerd_2021.c243191d-7124-405e-9bb1-45e09277ebdd</t>
  </si>
  <si>
    <t>BU07726120</t>
  </si>
  <si>
    <t>2021BU07726120</t>
  </si>
  <si>
    <t>Philipsdorp</t>
  </si>
  <si>
    <t>buurt_gegeneraliseerd_2021.1c5a6137-e140-4ee6-913f-65bc6ec00570</t>
  </si>
  <si>
    <t>BU07726130</t>
  </si>
  <si>
    <t>2021BU07726130</t>
  </si>
  <si>
    <t>Engelsbergen</t>
  </si>
  <si>
    <t>buurt_gegeneraliseerd_2021.9f039985-b937-4c04-b5d1-4bf3bfc42f5e</t>
  </si>
  <si>
    <t>BU07726140</t>
  </si>
  <si>
    <t>2021BU07726140</t>
  </si>
  <si>
    <t>Schouwbroek</t>
  </si>
  <si>
    <t>buurt_gegeneraliseerd_2021.23138e8c-f740-4fb4-a277-d67696c37ffa</t>
  </si>
  <si>
    <t>BU07726150</t>
  </si>
  <si>
    <t>2021BU07726150</t>
  </si>
  <si>
    <t>Schoot</t>
  </si>
  <si>
    <t>buurt_gegeneraliseerd_2021.92fcc43f-887c-4147-a73b-2aa7a4418c6b</t>
  </si>
  <si>
    <t>BU07726160</t>
  </si>
  <si>
    <t>2021BU07726160</t>
  </si>
  <si>
    <t>Strijp S</t>
  </si>
  <si>
    <t>buurt_gegeneraliseerd_2021.0ddc2519-05a8-4745-a3ae-ab580231c24d</t>
  </si>
  <si>
    <t>BU07726210</t>
  </si>
  <si>
    <t>2021BU07726210</t>
  </si>
  <si>
    <t>Hurk</t>
  </si>
  <si>
    <t>buurt_gegeneraliseerd_2021.743292f1-eb2d-4c4a-89c0-47e631913f48</t>
  </si>
  <si>
    <t>BU07726220</t>
  </si>
  <si>
    <t>2021BU07726220</t>
  </si>
  <si>
    <t>Het Ven</t>
  </si>
  <si>
    <t>buurt_gegeneraliseerd_2021.b9318265-3dce-4822-ba30-5070e6be703f</t>
  </si>
  <si>
    <t>BU07726230</t>
  </si>
  <si>
    <t>2021BU07726230</t>
  </si>
  <si>
    <t>Lievendaal</t>
  </si>
  <si>
    <t>buurt_gegeneraliseerd_2021.5abb3344-96b3-4f3e-addd-6c35cb2cf0d2</t>
  </si>
  <si>
    <t>BU07726240</t>
  </si>
  <si>
    <t>2021BU07726240</t>
  </si>
  <si>
    <t>Drents Dorp</t>
  </si>
  <si>
    <t>buurt_gegeneraliseerd_2021.defec4dd-fbf7-4e58-8f99-caccd2364659</t>
  </si>
  <si>
    <t>BU07726250</t>
  </si>
  <si>
    <t>2021BU07726250</t>
  </si>
  <si>
    <t>Zwaanstraat</t>
  </si>
  <si>
    <t>buurt_gegeneraliseerd_2021.0c5cb962-53a3-4f66-87a8-e701c2c24522</t>
  </si>
  <si>
    <t>BU07726260</t>
  </si>
  <si>
    <t>2021BU07726260</t>
  </si>
  <si>
    <t>Wielewaal</t>
  </si>
  <si>
    <t>buurt_gegeneraliseerd_2021.ca442a59-6b84-4b45-9699-663fe2909102</t>
  </si>
  <si>
    <t>BU07726270</t>
  </si>
  <si>
    <t>2021BU07726270</t>
  </si>
  <si>
    <t>Herdgang</t>
  </si>
  <si>
    <t>buurt_gegeneraliseerd_2021.64362714-06ea-48c3-a9f7-6aa29d7ab7fe</t>
  </si>
  <si>
    <t>BU07726280</t>
  </si>
  <si>
    <t>2021BU07726280</t>
  </si>
  <si>
    <t>Mispelhoef</t>
  </si>
  <si>
    <t>buurt_gegeneraliseerd_2021.b117e50c-7e3b-4a3c-ac72-a034ca1ff42e</t>
  </si>
  <si>
    <t>BU07726310</t>
  </si>
  <si>
    <t>2021BU07726310</t>
  </si>
  <si>
    <t>BeA2</t>
  </si>
  <si>
    <t>buurt_gegeneraliseerd_2021.d6723726-4869-4ed8-bdc5-95e33cfd8d3f</t>
  </si>
  <si>
    <t>BU07726320</t>
  </si>
  <si>
    <t>2021BU07726320</t>
  </si>
  <si>
    <t>Meerbos</t>
  </si>
  <si>
    <t>buurt_gegeneraliseerd_2021.8931e1cd-3db6-4495-8abf-64449fc532c2</t>
  </si>
  <si>
    <t>BU07726330</t>
  </si>
  <si>
    <t>2021BU07726330</t>
  </si>
  <si>
    <t>Grasrijk</t>
  </si>
  <si>
    <t>buurt_gegeneraliseerd_2021.2bf4282f-7c8f-49a9-a6cc-822565b74c56</t>
  </si>
  <si>
    <t>BU07726340</t>
  </si>
  <si>
    <t>2021BU07726340</t>
  </si>
  <si>
    <t>Zandrijk</t>
  </si>
  <si>
    <t>buurt_gegeneraliseerd_2021.561e4c66-1dc5-4915-9a2d-d2d1e4293c6e</t>
  </si>
  <si>
    <t>BU07726350</t>
  </si>
  <si>
    <t>2021BU07726350</t>
  </si>
  <si>
    <t>buurt_gegeneraliseerd_2021.968cd9ed-d664-4917-935a-251378f7c7ed</t>
  </si>
  <si>
    <t>BU07726360</t>
  </si>
  <si>
    <t>2021BU07726360</t>
  </si>
  <si>
    <t>Park Forum</t>
  </si>
  <si>
    <t>buurt_gegeneraliseerd_2021.eb0c6e41-e3df-4a64-8dde-52d6902db673</t>
  </si>
  <si>
    <t>BU07726370</t>
  </si>
  <si>
    <t>2021BU07726370</t>
  </si>
  <si>
    <t>Flight Forum</t>
  </si>
  <si>
    <t>buurt_gegeneraliseerd_2021.93d7ba77-1a38-4cfb-a730-c5d5d5d227ce</t>
  </si>
  <si>
    <t>BU07726380</t>
  </si>
  <si>
    <t>2021BU07726380</t>
  </si>
  <si>
    <t>Eindhoven Airport</t>
  </si>
  <si>
    <t>buurt_gegeneraliseerd_2021.e776ef2c-bf0e-4ba8-ae46-3a3875e7c2a4</t>
  </si>
  <si>
    <t>BU07726390</t>
  </si>
  <si>
    <t>2021BU07726390</t>
  </si>
  <si>
    <t>Bosrijk</t>
  </si>
  <si>
    <t>buurt_gegeneraliseerd_2021.049d044a-86d5-4245-a440-ba3415e20a42</t>
  </si>
  <si>
    <t>BU07726399</t>
  </si>
  <si>
    <t>2021BU07726399</t>
  </si>
  <si>
    <t>Meerrijk</t>
  </si>
  <si>
    <t>buurt_gegeneraliseerd_2021.3bda9172-024a-4538-b277-b7bae33eac1d</t>
  </si>
  <si>
    <t>BU07727110</t>
  </si>
  <si>
    <t>2021BU07727110</t>
  </si>
  <si>
    <t>buurt_gegeneraliseerd_2021.1e6cff4b-feca-4cc6-9cb1-083456423eaf</t>
  </si>
  <si>
    <t>BU07727120</t>
  </si>
  <si>
    <t>2021BU07727120</t>
  </si>
  <si>
    <t>Oude Spoorbaan</t>
  </si>
  <si>
    <t>buurt_gegeneraliseerd_2021.5c2f544a-7dc2-423c-a25e-1b9490158b40</t>
  </si>
  <si>
    <t>BU07727130</t>
  </si>
  <si>
    <t>2021BU07727130</t>
  </si>
  <si>
    <t>Hagenkamp</t>
  </si>
  <si>
    <t>buurt_gegeneraliseerd_2021.c19f32d9-c59f-4208-8ba3-5058dbf59e4e</t>
  </si>
  <si>
    <t>BU07727210</t>
  </si>
  <si>
    <t>2021BU07727210</t>
  </si>
  <si>
    <t>Genderdal</t>
  </si>
  <si>
    <t>buurt_gegeneraliseerd_2021.50597f95-3919-40f0-b987-9593ec53b05c</t>
  </si>
  <si>
    <t>BU07727220</t>
  </si>
  <si>
    <t>2021BU07727220</t>
  </si>
  <si>
    <t>Blaarthem</t>
  </si>
  <si>
    <t>buurt_gegeneraliseerd_2021.779e31d8-a125-4c66-a3ae-89ecc7fadd22</t>
  </si>
  <si>
    <t>BU07727230</t>
  </si>
  <si>
    <t>2021BU07727230</t>
  </si>
  <si>
    <t>Rapelenburg</t>
  </si>
  <si>
    <t>buurt_gegeneraliseerd_2021.35947a40-2a9c-4620-b736-b6dc9431269f</t>
  </si>
  <si>
    <t>BU07727240</t>
  </si>
  <si>
    <t>2021BU07727240</t>
  </si>
  <si>
    <t>Bennekel-Oost</t>
  </si>
  <si>
    <t>buurt_gegeneraliseerd_2021.c871f88a-01e3-46f1-be08-7601ccd62de5</t>
  </si>
  <si>
    <t>BU07727250</t>
  </si>
  <si>
    <t>2021BU07727250</t>
  </si>
  <si>
    <t>Bennekel-West, Gagelbosch</t>
  </si>
  <si>
    <t>buurt_gegeneraliseerd_2021.8c3edbf0-5bbf-4f4b-bf93-975773870f1e</t>
  </si>
  <si>
    <t>BU07727260</t>
  </si>
  <si>
    <t>2021BU07727260</t>
  </si>
  <si>
    <t>Gennep</t>
  </si>
  <si>
    <t>buurt_gegeneraliseerd_2021.1011d742-83af-4c21-9c8e-f40d5e7d7620</t>
  </si>
  <si>
    <t>BU07727270</t>
  </si>
  <si>
    <t>2021BU07727270</t>
  </si>
  <si>
    <t>Beemden</t>
  </si>
  <si>
    <t>buurt_gegeneraliseerd_2021.83bdf048-c052-42e6-8841-9049a47f7c3e</t>
  </si>
  <si>
    <t>BU07727310</t>
  </si>
  <si>
    <t>2021BU07727310</t>
  </si>
  <si>
    <t>Genderbeemd</t>
  </si>
  <si>
    <t>buurt_gegeneraliseerd_2021.af94d614-d68e-4c01-955d-c0f9df667a36</t>
  </si>
  <si>
    <t>BU07727320</t>
  </si>
  <si>
    <t>2021BU07727320</t>
  </si>
  <si>
    <t>Hanevoet</t>
  </si>
  <si>
    <t>buurt_gegeneraliseerd_2021.02b91b51-1439-4b27-a46e-c4de3e48571b</t>
  </si>
  <si>
    <t>BU07727330</t>
  </si>
  <si>
    <t>2021BU07727330</t>
  </si>
  <si>
    <t>Ooievaarsnest</t>
  </si>
  <si>
    <t>buurt_gegeneraliseerd_2021.0298af26-2ded-4b46-b750-172b5b4d6765</t>
  </si>
  <si>
    <t>BU07790000</t>
  </si>
  <si>
    <t>2021BU07790000</t>
  </si>
  <si>
    <t>Raamsdonksveer</t>
  </si>
  <si>
    <t>GM0779</t>
  </si>
  <si>
    <t>buurt_gegeneraliseerd_2021.e4c0b11f-a403-4123-8a28-21616cd8c467</t>
  </si>
  <si>
    <t>BU07790001</t>
  </si>
  <si>
    <t>2021BU07790001</t>
  </si>
  <si>
    <t>Hooipolder en De Hoeven</t>
  </si>
  <si>
    <t>buurt_gegeneraliseerd_2021.4a082b0b-d7a1-4ee3-9dc4-65f5e9c53fa1</t>
  </si>
  <si>
    <t>BU07790002</t>
  </si>
  <si>
    <t>2021BU07790002</t>
  </si>
  <si>
    <t>Industrieterrein Dombosch</t>
  </si>
  <si>
    <t>buurt_gegeneraliseerd_2021.e1b3aa9b-ea91-4be5-8df8-2837297a94c1</t>
  </si>
  <si>
    <t>BU07790009</t>
  </si>
  <si>
    <t>2021BU07790009</t>
  </si>
  <si>
    <t>Verspreide huizen Raamsdonksveer</t>
  </si>
  <si>
    <t>buurt_gegeneraliseerd_2021.7570a70f-3ea5-440a-9cc0-fa73cdcbd345</t>
  </si>
  <si>
    <t>BU07790100</t>
  </si>
  <si>
    <t>2021BU07790100</t>
  </si>
  <si>
    <t>Raamsdonk</t>
  </si>
  <si>
    <t>buurt_gegeneraliseerd_2021.9682afd1-29af-4119-b9f6-222aff36817e</t>
  </si>
  <si>
    <t>BU07790109</t>
  </si>
  <si>
    <t>2021BU07790109</t>
  </si>
  <si>
    <t>Verspreide huizen Raamsdonk</t>
  </si>
  <si>
    <t>buurt_gegeneraliseerd_2021.dd219945-2f12-4db0-90bd-20fa94c8d594</t>
  </si>
  <si>
    <t>BU07790200</t>
  </si>
  <si>
    <t>2021BU07790200</t>
  </si>
  <si>
    <t>Geertruidenberg-Kom</t>
  </si>
  <si>
    <t>buurt_gegeneraliseerd_2021.782be7e0-134e-4314-84ff-667c9a141a14</t>
  </si>
  <si>
    <t>BU07790201</t>
  </si>
  <si>
    <t>2021BU07790201</t>
  </si>
  <si>
    <t>Geertruidenberg-West</t>
  </si>
  <si>
    <t>buurt_gegeneraliseerd_2021.4bf2e16f-0382-464c-81b3-2761a4671d9c</t>
  </si>
  <si>
    <t>BU07790202</t>
  </si>
  <si>
    <t>2021BU07790202</t>
  </si>
  <si>
    <t>Geertruidenberg-Noord</t>
  </si>
  <si>
    <t>buurt_gegeneraliseerd_2021.43118d0e-8be5-456d-86eb-65cd802d1dfa</t>
  </si>
  <si>
    <t>BU07790203</t>
  </si>
  <si>
    <t>2021BU07790203</t>
  </si>
  <si>
    <t>Industrieterrein Dongeoever Amerkant</t>
  </si>
  <si>
    <t>buurt_gegeneraliseerd_2021.05a80d76-17e7-4342-b1dc-967a61d754ac</t>
  </si>
  <si>
    <t>BU07790209</t>
  </si>
  <si>
    <t>2021BU07790209</t>
  </si>
  <si>
    <t>Verspreide huizen Geertruidenberg</t>
  </si>
  <si>
    <t>buurt_gegeneraliseerd_2021.50a588eb-dd62-4f43-80e0-9d9fc3969e47</t>
  </si>
  <si>
    <t>BU07850101</t>
  </si>
  <si>
    <t>2021BU07850101</t>
  </si>
  <si>
    <t>Goirle-Centrum</t>
  </si>
  <si>
    <t>GM0785</t>
  </si>
  <si>
    <t>buurt_gegeneraliseerd_2021.e8067a17-7770-4986-84e2-33ee13cd4112</t>
  </si>
  <si>
    <t>BU07850202</t>
  </si>
  <si>
    <t>2021BU07850202</t>
  </si>
  <si>
    <t>Grobbendonck</t>
  </si>
  <si>
    <t>buurt_gegeneraliseerd_2021.1f6138ad-46b0-45cd-a2b2-6d777d18fef2</t>
  </si>
  <si>
    <t>BU07850303</t>
  </si>
  <si>
    <t>2021BU07850303</t>
  </si>
  <si>
    <t>De Groote Akkers</t>
  </si>
  <si>
    <t>buurt_gegeneraliseerd_2021.1d5176c9-7839-4870-b499-3b7de69356c6</t>
  </si>
  <si>
    <t>BU07850304</t>
  </si>
  <si>
    <t>2021BU07850304</t>
  </si>
  <si>
    <t>De Leijzoom</t>
  </si>
  <si>
    <t>buurt_gegeneraliseerd_2021.ca01c356-2963-4500-be3d-893ee53fef88</t>
  </si>
  <si>
    <t>BU07850405</t>
  </si>
  <si>
    <t>2021BU07850405</t>
  </si>
  <si>
    <t>De Hoogte</t>
  </si>
  <si>
    <t>buurt_gegeneraliseerd_2021.381e5a0a-1291-4362-abcc-11f284a0b2e5</t>
  </si>
  <si>
    <t>BU07850406</t>
  </si>
  <si>
    <t>2021BU07850406</t>
  </si>
  <si>
    <t>buurt_gegeneraliseerd_2021.fef16b6b-5413-44d8-bab2-359bbbe7bc1c</t>
  </si>
  <si>
    <t>BU07850507</t>
  </si>
  <si>
    <t>2021BU07850507</t>
  </si>
  <si>
    <t>Abcoven</t>
  </si>
  <si>
    <t>buurt_gegeneraliseerd_2021.520c4925-2dbc-45c0-a3d8-b71b50f683ab</t>
  </si>
  <si>
    <t>BU07850608</t>
  </si>
  <si>
    <t>2021BU07850608</t>
  </si>
  <si>
    <t>Wildackers</t>
  </si>
  <si>
    <t>buurt_gegeneraliseerd_2021.b628f3f2-7b66-4dfd-81a2-bedb0d3882f8</t>
  </si>
  <si>
    <t>BU07850709</t>
  </si>
  <si>
    <t>2021BU07850709</t>
  </si>
  <si>
    <t>'t Ven</t>
  </si>
  <si>
    <t>buurt_gegeneraliseerd_2021.489c007e-f126-4c06-989f-2f136fa21268</t>
  </si>
  <si>
    <t>BU07850710</t>
  </si>
  <si>
    <t>2021BU07850710</t>
  </si>
  <si>
    <t>Burgemeesters</t>
  </si>
  <si>
    <t>buurt_gegeneraliseerd_2021.f37f1cc8-a81e-45fc-aa16-2ea2c3ef97f2</t>
  </si>
  <si>
    <t>BU07850811</t>
  </si>
  <si>
    <t>2021BU07850811</t>
  </si>
  <si>
    <t>Tilburgseweg</t>
  </si>
  <si>
    <t>buurt_gegeneraliseerd_2021.9dc9d8fd-f7db-46ef-bd54-7082c7b317e6</t>
  </si>
  <si>
    <t>BU07850812</t>
  </si>
  <si>
    <t>2021BU07850812</t>
  </si>
  <si>
    <t>De Boschkens-West</t>
  </si>
  <si>
    <t>buurt_gegeneraliseerd_2021.13c1d140-3f04-4ac9-8a46-01758bc46e8a</t>
  </si>
  <si>
    <t>BU07850813</t>
  </si>
  <si>
    <t>2021BU07850813</t>
  </si>
  <si>
    <t>De Boschkens-Oost</t>
  </si>
  <si>
    <t>buurt_gegeneraliseerd_2021.f1c30601-e054-49eb-923a-dfd33ce30c39</t>
  </si>
  <si>
    <t>BU07850914</t>
  </si>
  <si>
    <t>2021BU07850914</t>
  </si>
  <si>
    <t>Vennen</t>
  </si>
  <si>
    <t>buurt_gegeneraliseerd_2021.a00202bc-7468-4384-8dfc-2d59d3cbeef1</t>
  </si>
  <si>
    <t>BU07850915</t>
  </si>
  <si>
    <t>2021BU07850915</t>
  </si>
  <si>
    <t>Bomen</t>
  </si>
  <si>
    <t>buurt_gegeneraliseerd_2021.c76718b7-9e38-45c5-ac32-9447458a1074</t>
  </si>
  <si>
    <t>BU07850916</t>
  </si>
  <si>
    <t>2021BU07850916</t>
  </si>
  <si>
    <t>De Villa</t>
  </si>
  <si>
    <t>buurt_gegeneraliseerd_2021.1b8c4dd9-2f10-4bd9-8e38-74322107e0c8</t>
  </si>
  <si>
    <t>BU07850917</t>
  </si>
  <si>
    <t>2021BU07850917</t>
  </si>
  <si>
    <t>Rivieren</t>
  </si>
  <si>
    <t>buurt_gegeneraliseerd_2021.61459c56-6f35-4905-8be2-29566a0f4125</t>
  </si>
  <si>
    <t>BU07850918</t>
  </si>
  <si>
    <t>2021BU07850918</t>
  </si>
  <si>
    <t>Kruiden</t>
  </si>
  <si>
    <t>buurt_gegeneraliseerd_2021.a33095eb-8446-4d94-a569-9493c95dad5c</t>
  </si>
  <si>
    <t>BU07851019</t>
  </si>
  <si>
    <t>2021BU07851019</t>
  </si>
  <si>
    <t>De Nieuwe Erven</t>
  </si>
  <si>
    <t>buurt_gegeneraliseerd_2021.8e071843-c3f9-4a38-a302-f1e3479ad9d5</t>
  </si>
  <si>
    <t>BU07851120</t>
  </si>
  <si>
    <t>2021BU07851120</t>
  </si>
  <si>
    <t>Hoogeind</t>
  </si>
  <si>
    <t>buurt_gegeneraliseerd_2021.b9c36bca-274c-4fe5-83a7-c05dd775c906</t>
  </si>
  <si>
    <t>BU07851121</t>
  </si>
  <si>
    <t>2021BU07851121</t>
  </si>
  <si>
    <t>Geestelijken</t>
  </si>
  <si>
    <t>buurt_gegeneraliseerd_2021.bcc04a83-5f5d-4d6d-9008-f2023211ca47</t>
  </si>
  <si>
    <t>BU07851122</t>
  </si>
  <si>
    <t>2021BU07851122</t>
  </si>
  <si>
    <t>Herstallen</t>
  </si>
  <si>
    <t>buurt_gegeneraliseerd_2021.dfb53795-7575-46da-83fe-5cfc490d996a</t>
  </si>
  <si>
    <t>BU07851223</t>
  </si>
  <si>
    <t>2021BU07851223</t>
  </si>
  <si>
    <t>Sportpark Van den Wildenberg</t>
  </si>
  <si>
    <t>buurt_gegeneraliseerd_2021.eee0a8e7-4b9b-4009-bfd5-19bf6db962bc</t>
  </si>
  <si>
    <t>BU07851324</t>
  </si>
  <si>
    <t>2021BU07851324</t>
  </si>
  <si>
    <t>Tijlvoort-Noort</t>
  </si>
  <si>
    <t>buurt_gegeneraliseerd_2021.7d015f97-5236-46a0-99a7-ce4469d1760f</t>
  </si>
  <si>
    <t>BU07851325</t>
  </si>
  <si>
    <t>2021BU07851325</t>
  </si>
  <si>
    <t>Tijlvoort-Zuid</t>
  </si>
  <si>
    <t>buurt_gegeneraliseerd_2021.88c5a0db-0714-48b7-9b08-dcc22498225b</t>
  </si>
  <si>
    <t>BU07851426</t>
  </si>
  <si>
    <t>2021BU07851426</t>
  </si>
  <si>
    <t>Verspreide huizen Goirle</t>
  </si>
  <si>
    <t>buurt_gegeneraliseerd_2021.7facf514-2be9-40f4-9e9e-b0977ac6e380</t>
  </si>
  <si>
    <t>BU07852027</t>
  </si>
  <si>
    <t>2021BU07852027</t>
  </si>
  <si>
    <t>Riel-Dorp</t>
  </si>
  <si>
    <t>buurt_gegeneraliseerd_2021.0cc975f5-4372-4772-bd5a-5d442a16ec80</t>
  </si>
  <si>
    <t>BU07852028</t>
  </si>
  <si>
    <t>2021BU07852028</t>
  </si>
  <si>
    <t>Spaansehoek</t>
  </si>
  <si>
    <t>buurt_gegeneraliseerd_2021.ecbfa0a8-36fd-49fe-bced-8049f98cf056</t>
  </si>
  <si>
    <t>BU07852129</t>
  </si>
  <si>
    <t>2021BU07852129</t>
  </si>
  <si>
    <t>Bedrijventerrein Riel</t>
  </si>
  <si>
    <t>buurt_gegeneraliseerd_2021.18dc1b19-14c2-4d6f-a176-c053d4d549e6</t>
  </si>
  <si>
    <t>BU07852230</t>
  </si>
  <si>
    <t>2021BU07852230</t>
  </si>
  <si>
    <t>Sportpark De Krim</t>
  </si>
  <si>
    <t>buurt_gegeneraliseerd_2021.f763f5ed-6532-437a-afb1-9568ff9ebea7</t>
  </si>
  <si>
    <t>BU07852331</t>
  </si>
  <si>
    <t>2021BU07852331</t>
  </si>
  <si>
    <t>Verspreide huizen Riel</t>
  </si>
  <si>
    <t>buurt_gegeneraliseerd_2021.10c793d4-1c15-4be2-9cb5-71c4c7947921</t>
  </si>
  <si>
    <t>BU07860539</t>
  </si>
  <si>
    <t>2021BU07860539</t>
  </si>
  <si>
    <t>Escharen kom</t>
  </si>
  <si>
    <t>GM0786</t>
  </si>
  <si>
    <t>buurt_gegeneraliseerd_2021.47026585-a380-4c53-97c0-38cd5b282955</t>
  </si>
  <si>
    <t>BU07860540</t>
  </si>
  <si>
    <t>2021BU07860540</t>
  </si>
  <si>
    <t>buurt_gegeneraliseerd_2021.3ccd1433-762e-4487-bafb-11bee69c4019</t>
  </si>
  <si>
    <t>BU07860543</t>
  </si>
  <si>
    <t>2021BU07860543</t>
  </si>
  <si>
    <t>Buitengebied West(in Raam)</t>
  </si>
  <si>
    <t>buurt_gegeneraliseerd_2021.c1637bb7-9cf7-4003-9008-a7da91411580</t>
  </si>
  <si>
    <t>BU07860736</t>
  </si>
  <si>
    <t>2021BU07860736</t>
  </si>
  <si>
    <t>Nieuw Velp</t>
  </si>
  <si>
    <t>buurt_gegeneraliseerd_2021.a6a43ffd-d79e-4560-a496-1c0edc24909b</t>
  </si>
  <si>
    <t>BU07860744</t>
  </si>
  <si>
    <t>2021BU07860744</t>
  </si>
  <si>
    <t>buurt_gegeneraliseerd_2021.f958f057-0017-4517-b041-1b1cb4b9bfa0</t>
  </si>
  <si>
    <t>BU07860750</t>
  </si>
  <si>
    <t>2021BU07860750</t>
  </si>
  <si>
    <t>De Eek (industrieterrein)</t>
  </si>
  <si>
    <t>buurt_gegeneraliseerd_2021.52d141f3-8aa4-4f68-90f0-7d6c34852c96</t>
  </si>
  <si>
    <t>BU07860751</t>
  </si>
  <si>
    <t>2021BU07860751</t>
  </si>
  <si>
    <t>Buitengebied Noord(Rijksw)</t>
  </si>
  <si>
    <t>buurt_gegeneraliseerd_2021.2c7d1dd1-eff5-4936-bee7-fa8b9097593e</t>
  </si>
  <si>
    <t>BU07860752</t>
  </si>
  <si>
    <t>2021BU07860752</t>
  </si>
  <si>
    <t>Oud Velp</t>
  </si>
  <si>
    <t>buurt_gegeneraliseerd_2021.7a7b57e4-1aeb-43a2-b520-dc4b91a90326</t>
  </si>
  <si>
    <t>BU07860842</t>
  </si>
  <si>
    <t>2021BU07860842</t>
  </si>
  <si>
    <t>Buitengebied Gassel</t>
  </si>
  <si>
    <t>buurt_gegeneraliseerd_2021.cbe69057-b65d-4590-8b82-97e5617e9b1e</t>
  </si>
  <si>
    <t>BU07860848</t>
  </si>
  <si>
    <t>2021BU07860848</t>
  </si>
  <si>
    <t>Gassel kom</t>
  </si>
  <si>
    <t>buurt_gegeneraliseerd_2021.ca6c291d-41fa-4c98-a928-570a1de13fa1</t>
  </si>
  <si>
    <t>BU07861337</t>
  </si>
  <si>
    <t>2021BU07861337</t>
  </si>
  <si>
    <t>Bikkelkamp</t>
  </si>
  <si>
    <t>buurt_gegeneraliseerd_2021.e23a0337-b53b-42a2-88de-98019b6540c0</t>
  </si>
  <si>
    <t>BU07861338</t>
  </si>
  <si>
    <t>2021BU07861338</t>
  </si>
  <si>
    <t>De Stoof</t>
  </si>
  <si>
    <t>buurt_gegeneraliseerd_2021.d2b5a252-8121-4dbe-8bbc-ab898c5ee16f</t>
  </si>
  <si>
    <t>BU07861341</t>
  </si>
  <si>
    <t>2021BU07861341</t>
  </si>
  <si>
    <t>Zittert</t>
  </si>
  <si>
    <t>buurt_gegeneraliseerd_2021.77a29a59-01e2-40e1-8b8a-820c83057d89</t>
  </si>
  <si>
    <t>BU07861345</t>
  </si>
  <si>
    <t>2021BU07861345</t>
  </si>
  <si>
    <t>Mars</t>
  </si>
  <si>
    <t>buurt_gegeneraliseerd_2021.5ba02293-3f87-4317-8659-f31326295d85</t>
  </si>
  <si>
    <t>BU07861346</t>
  </si>
  <si>
    <t>2021BU07861346</t>
  </si>
  <si>
    <t>buurt_gegeneraliseerd_2021.dea5ff46-a542-47eb-9828-ed1d8be230e1</t>
  </si>
  <si>
    <t>BU07861347</t>
  </si>
  <si>
    <t>2021BU07861347</t>
  </si>
  <si>
    <t>Wisseveld:industrieterrein</t>
  </si>
  <si>
    <t>buurt_gegeneraliseerd_2021.7afa15ac-5468-43dd-8874-ea5ccb7611a1</t>
  </si>
  <si>
    <t>BU07861349</t>
  </si>
  <si>
    <t>2021BU07861349</t>
  </si>
  <si>
    <t>Estersveld</t>
  </si>
  <si>
    <t>buurt_gegeneraliseerd_2021.b441c7e5-b3c2-40b0-aa02-961902c4c88d</t>
  </si>
  <si>
    <t>BU07941000</t>
  </si>
  <si>
    <t>2021BU07941000</t>
  </si>
  <si>
    <t>GM0794</t>
  </si>
  <si>
    <t>buurt_gegeneraliseerd_2021.0b5f749c-b30e-415c-9a3c-4188294d8c22</t>
  </si>
  <si>
    <t>BU07941002</t>
  </si>
  <si>
    <t>2021BU07941002</t>
  </si>
  <si>
    <t>Leonardus</t>
  </si>
  <si>
    <t>buurt_gegeneraliseerd_2021.d8bf3c3e-e722-45b1-92a7-036cba053aab</t>
  </si>
  <si>
    <t>BU07941003</t>
  </si>
  <si>
    <t>2021BU07941003</t>
  </si>
  <si>
    <t>Heipoort</t>
  </si>
  <si>
    <t>buurt_gegeneraliseerd_2021.94c00bca-b974-49b2-8e21-a52c842a0824</t>
  </si>
  <si>
    <t>BU07941004</t>
  </si>
  <si>
    <t>2021BU07941004</t>
  </si>
  <si>
    <t>Stationsgebied</t>
  </si>
  <si>
    <t>buurt_gegeneraliseerd_2021.54e99aeb-7c44-4505-872f-7ff517f5497b</t>
  </si>
  <si>
    <t>BU07941005</t>
  </si>
  <si>
    <t>2021BU07941005</t>
  </si>
  <si>
    <t>Vossenberg</t>
  </si>
  <si>
    <t>buurt_gegeneraliseerd_2021.3c9e2eac-eb91-4088-8a02-fb4b7bc5bafb</t>
  </si>
  <si>
    <t>BU07941006</t>
  </si>
  <si>
    <t>2021BU07941006</t>
  </si>
  <si>
    <t>Annabuurt en Suytkade</t>
  </si>
  <si>
    <t>buurt_gegeneraliseerd_2021.07a513a9-969f-4e36-bb37-fbdc3f522adb</t>
  </si>
  <si>
    <t>BU07941007</t>
  </si>
  <si>
    <t>2021BU07941007</t>
  </si>
  <si>
    <t>Steenweg en omgeving</t>
  </si>
  <si>
    <t>buurt_gegeneraliseerd_2021.b9773328-b728-4bff-93b8-eed7411a1637</t>
  </si>
  <si>
    <t>BU07941100</t>
  </si>
  <si>
    <t>2021BU07941100</t>
  </si>
  <si>
    <t>Beisterveld</t>
  </si>
  <si>
    <t>buurt_gegeneraliseerd_2021.92dff930-3a64-4aab-84fd-1c64a0073490</t>
  </si>
  <si>
    <t>BU07941101</t>
  </si>
  <si>
    <t>2021BU07941101</t>
  </si>
  <si>
    <t>Beisterveldse Broek</t>
  </si>
  <si>
    <t>buurt_gegeneraliseerd_2021.39717ae1-3b32-416e-bd92-2d9fdaa59107</t>
  </si>
  <si>
    <t>BU07941102</t>
  </si>
  <si>
    <t>2021BU07941102</t>
  </si>
  <si>
    <t>Straakven</t>
  </si>
  <si>
    <t>buurt_gegeneraliseerd_2021.61505e42-aa92-4d8e-b260-b136e8534035</t>
  </si>
  <si>
    <t>BU07941200</t>
  </si>
  <si>
    <t>2021BU07941200</t>
  </si>
  <si>
    <t>Bloemvelden</t>
  </si>
  <si>
    <t>buurt_gegeneraliseerd_2021.3467535f-67be-47db-b914-8c96239bdaf9</t>
  </si>
  <si>
    <t>BU07941201</t>
  </si>
  <si>
    <t>2021BU07941201</t>
  </si>
  <si>
    <t>Binderen</t>
  </si>
  <si>
    <t>buurt_gegeneraliseerd_2021.5edf6c2b-6d97-4d02-b49e-21c2a66f9555</t>
  </si>
  <si>
    <t>BU07941202</t>
  </si>
  <si>
    <t>2021BU07941202</t>
  </si>
  <si>
    <t>Eeuwsels</t>
  </si>
  <si>
    <t>buurt_gegeneraliseerd_2021.ca5cf230-7f0a-44b0-99d2-c72d4f7f3556</t>
  </si>
  <si>
    <t>BU07941300</t>
  </si>
  <si>
    <t>2021BU07941300</t>
  </si>
  <si>
    <t>'t Hout-Centrum</t>
  </si>
  <si>
    <t>buurt_gegeneraliseerd_2021.70059411-8d71-430c-aac6-d0f7dfb3587b</t>
  </si>
  <si>
    <t>BU07941301</t>
  </si>
  <si>
    <t>2021BU07941301</t>
  </si>
  <si>
    <t>Kroon</t>
  </si>
  <si>
    <t>buurt_gegeneraliseerd_2021.71c55402-cf18-4017-a518-6fff9ffd194e</t>
  </si>
  <si>
    <t>BU07941302</t>
  </si>
  <si>
    <t>2021BU07941302</t>
  </si>
  <si>
    <t>Akkers</t>
  </si>
  <si>
    <t>buurt_gegeneraliseerd_2021.0bc68379-64c5-45fc-aa9b-37c141004731</t>
  </si>
  <si>
    <t>BU07941303</t>
  </si>
  <si>
    <t>2021BU07941303</t>
  </si>
  <si>
    <t>Gansenwinkel</t>
  </si>
  <si>
    <t>buurt_gegeneraliseerd_2021.7b85f4c3-8f1c-45e8-8317-6a10f515b0c7</t>
  </si>
  <si>
    <t>BU07941309</t>
  </si>
  <si>
    <t>2021BU07941309</t>
  </si>
  <si>
    <t>Groot Goor</t>
  </si>
  <si>
    <t>buurt_gegeneraliseerd_2021.14185364-8fd0-4c18-a7e9-c3b3497804a8</t>
  </si>
  <si>
    <t>BU07941400</t>
  </si>
  <si>
    <t>2021BU07941400</t>
  </si>
  <si>
    <t>Brouwhuis-Dorp</t>
  </si>
  <si>
    <t>buurt_gegeneraliseerd_2021.931e2b97-6494-45b9-b7d7-cec00352733b</t>
  </si>
  <si>
    <t>BU07941401</t>
  </si>
  <si>
    <t>2021BU07941401</t>
  </si>
  <si>
    <t>Brouwhuis-West</t>
  </si>
  <si>
    <t>buurt_gegeneraliseerd_2021.330ecf4b-2ef9-48a3-94f7-057b6e4d4909</t>
  </si>
  <si>
    <t>BU07941402</t>
  </si>
  <si>
    <t>2021BU07941402</t>
  </si>
  <si>
    <t>Brouwhuis-Oost</t>
  </si>
  <si>
    <t>buurt_gegeneraliseerd_2021.c0889a33-2792-4409-a761-16dc38eb61a2</t>
  </si>
  <si>
    <t>BU07941404</t>
  </si>
  <si>
    <t>2021BU07941404</t>
  </si>
  <si>
    <t>Brouwhorst</t>
  </si>
  <si>
    <t>buurt_gegeneraliseerd_2021.b86343ce-0c09-4f23-9fdd-deaa2511db03</t>
  </si>
  <si>
    <t>BU07941409</t>
  </si>
  <si>
    <t>2021BU07941409</t>
  </si>
  <si>
    <t>Kloostereind</t>
  </si>
  <si>
    <t>buurt_gegeneraliseerd_2021.f3762b28-6e8b-4ee6-8518-46cf80d4747e</t>
  </si>
  <si>
    <t>BU07941500</t>
  </si>
  <si>
    <t>2021BU07941500</t>
  </si>
  <si>
    <t>buurt_gegeneraliseerd_2021.b39c5d50-239c-42bd-af0c-70a7b84eae77</t>
  </si>
  <si>
    <t>BU07941501</t>
  </si>
  <si>
    <t>2021BU07941501</t>
  </si>
  <si>
    <t>Houtsdonk</t>
  </si>
  <si>
    <t>buurt_gegeneraliseerd_2021.c88ca720-135a-4990-9071-f5d5471e356f</t>
  </si>
  <si>
    <t>BU07941600</t>
  </si>
  <si>
    <t>2021BU07941600</t>
  </si>
  <si>
    <t>buurt_gegeneraliseerd_2021.9f88e08b-7851-49a9-b3bb-02b607b5ce8a</t>
  </si>
  <si>
    <t>BU07941601</t>
  </si>
  <si>
    <t>2021BU07941601</t>
  </si>
  <si>
    <t>Zwanenbeemd</t>
  </si>
  <si>
    <t>buurt_gegeneraliseerd_2021.e1b5eea4-7903-4a47-8b3f-6a921e3ed732</t>
  </si>
  <si>
    <t>BU07941609</t>
  </si>
  <si>
    <t>2021BU07941609</t>
  </si>
  <si>
    <t>Overbrug</t>
  </si>
  <si>
    <t>buurt_gegeneraliseerd_2021.72070e68-01aa-4b79-b5ab-7405c605976a</t>
  </si>
  <si>
    <t>BU07941700</t>
  </si>
  <si>
    <t>2021BU07941700</t>
  </si>
  <si>
    <t>Stiphout-Dorp</t>
  </si>
  <si>
    <t>buurt_gegeneraliseerd_2021.01b722b5-c491-4773-a506-ee7dd8ed5658</t>
  </si>
  <si>
    <t>BU07941701</t>
  </si>
  <si>
    <t>2021BU07941701</t>
  </si>
  <si>
    <t>Schooten</t>
  </si>
  <si>
    <t>buurt_gegeneraliseerd_2021.82780b69-c4fa-4470-922b-c89a580316dd</t>
  </si>
  <si>
    <t>BU07941709</t>
  </si>
  <si>
    <t>2021BU07941709</t>
  </si>
  <si>
    <t>Geeneind</t>
  </si>
  <si>
    <t>buurt_gegeneraliseerd_2021.bf502682-b233-4dec-b3ec-58ac4ac12365</t>
  </si>
  <si>
    <t>BU07941801</t>
  </si>
  <si>
    <t>2021BU07941801</t>
  </si>
  <si>
    <t>Rijpelberg-Oost</t>
  </si>
  <si>
    <t>buurt_gegeneraliseerd_2021.16dab8cb-9f9a-4f8a-be9b-3980771a273a</t>
  </si>
  <si>
    <t>BU07941802</t>
  </si>
  <si>
    <t>2021BU07941802</t>
  </si>
  <si>
    <t>Rijpelberg-West</t>
  </si>
  <si>
    <t>buurt_gegeneraliseerd_2021.148a9651-3a15-4051-814d-f60beebf52e5</t>
  </si>
  <si>
    <t>BU07941809</t>
  </si>
  <si>
    <t>2021BU07941809</t>
  </si>
  <si>
    <t>Berkendonk</t>
  </si>
  <si>
    <t>buurt_gegeneraliseerd_2021.28cd23ba-4227-4487-a3c5-235c8c966bb4</t>
  </si>
  <si>
    <t>BU07941900</t>
  </si>
  <si>
    <t>2021BU07941900</t>
  </si>
  <si>
    <t>Kern Dierdonk</t>
  </si>
  <si>
    <t>buurt_gegeneraliseerd_2021.18cd0917-4cf2-4773-b227-14e59bd52407</t>
  </si>
  <si>
    <t>BU07941909</t>
  </si>
  <si>
    <t>2021BU07941909</t>
  </si>
  <si>
    <t>Scheepstal</t>
  </si>
  <si>
    <t>buurt_gegeneraliseerd_2021.6621d234-6243-4733-bffd-6b54d473b973</t>
  </si>
  <si>
    <t>BU07942100</t>
  </si>
  <si>
    <t>2021BU07942100</t>
  </si>
  <si>
    <t>Brand</t>
  </si>
  <si>
    <t>buurt_gegeneraliseerd_2021.b9e43afc-ba16-4d4b-a729-a32ec5d94bd3</t>
  </si>
  <si>
    <t>BU07942101</t>
  </si>
  <si>
    <t>2021BU07942101</t>
  </si>
  <si>
    <t>De Veste</t>
  </si>
  <si>
    <t>buurt_gegeneraliseerd_2021.6f3a0a98-01be-4a3b-ba7d-ba65d959f8e2</t>
  </si>
  <si>
    <t>BU07942102</t>
  </si>
  <si>
    <t>2021BU07942102</t>
  </si>
  <si>
    <t>Schutsboom</t>
  </si>
  <si>
    <t>buurt_gegeneraliseerd_2021.bdd2e7c7-536d-4b75-86b6-3f385b7c143d</t>
  </si>
  <si>
    <t>BU07942103</t>
  </si>
  <si>
    <t>2021BU07942103</t>
  </si>
  <si>
    <t>Stepekolk</t>
  </si>
  <si>
    <t>buurt_gegeneraliseerd_2021.2874b03e-625a-4e05-a3ba-d4880c00d8c3</t>
  </si>
  <si>
    <t>BU07942104</t>
  </si>
  <si>
    <t>2021BU07942104</t>
  </si>
  <si>
    <t>Berenbroek</t>
  </si>
  <si>
    <t>buurt_gegeneraliseerd_2021.598d4ab2-6583-4eee-999b-389e35d5bc99</t>
  </si>
  <si>
    <t>BU07942105</t>
  </si>
  <si>
    <t>2021BU07942105</t>
  </si>
  <si>
    <t>De marke</t>
  </si>
  <si>
    <t>buurt_gegeneraliseerd_2021.b17039dc-a568-4139-88c4-f3608c048ea2</t>
  </si>
  <si>
    <t>BU07942901</t>
  </si>
  <si>
    <t>2021BU07942901</t>
  </si>
  <si>
    <t>buurt_gegeneraliseerd_2021.f626de56-c664-4439-a180-9b16887e739f</t>
  </si>
  <si>
    <t>BU07942902</t>
  </si>
  <si>
    <t>2021BU07942902</t>
  </si>
  <si>
    <t>B.Z.O.B.</t>
  </si>
  <si>
    <t>buurt_gegeneraliseerd_2021.aaf04444-1407-49e7-b844-643037ba0f7a</t>
  </si>
  <si>
    <t>BU07960101</t>
  </si>
  <si>
    <t>2021BU07960101</t>
  </si>
  <si>
    <t>GM0796</t>
  </si>
  <si>
    <t>buurt_gegeneraliseerd_2021.3b587107-7035-4792-9322-71f0b6d95153</t>
  </si>
  <si>
    <t>BU07960102</t>
  </si>
  <si>
    <t>2021BU07960102</t>
  </si>
  <si>
    <t>buurt_gegeneraliseerd_2021.3e86efe7-877b-4bcc-b71b-04841f9fc678</t>
  </si>
  <si>
    <t>BU07960103</t>
  </si>
  <si>
    <t>2021BU07960103</t>
  </si>
  <si>
    <t>De Hofstad</t>
  </si>
  <si>
    <t>buurt_gegeneraliseerd_2021.b220c0f3-76d5-473c-886b-216dd0ce1155</t>
  </si>
  <si>
    <t>BU07960104</t>
  </si>
  <si>
    <t>2021BU07960104</t>
  </si>
  <si>
    <t>buurt_gegeneraliseerd_2021.8574dc2f-092f-4ad4-b27c-285774e6c2d0</t>
  </si>
  <si>
    <t>BU07960105</t>
  </si>
  <si>
    <t>2021BU07960105</t>
  </si>
  <si>
    <t>buurt_gegeneraliseerd_2021.1efb00bb-5419-44ab-8028-e347fe299663</t>
  </si>
  <si>
    <t>BU07960106</t>
  </si>
  <si>
    <t>2021BU07960106</t>
  </si>
  <si>
    <t>Vughterpoort</t>
  </si>
  <si>
    <t>buurt_gegeneraliseerd_2021.73b39f34-61d9-46c8-8af6-6ad6df335b83</t>
  </si>
  <si>
    <t>BU07960201</t>
  </si>
  <si>
    <t>2021BU07960201</t>
  </si>
  <si>
    <t>Het Bossche Broek</t>
  </si>
  <si>
    <t>buurt_gegeneraliseerd_2021.5c8e61d0-0467-4d2d-9dbf-c8e3bdb99989</t>
  </si>
  <si>
    <t>BU07960202</t>
  </si>
  <si>
    <t>2021BU07960202</t>
  </si>
  <si>
    <t>buurt_gegeneraliseerd_2021.d7c0b416-0e43-4fbd-a7e9-485f792ff05c</t>
  </si>
  <si>
    <t>BU07960203</t>
  </si>
  <si>
    <t>2021BU07960203</t>
  </si>
  <si>
    <t>Bazeldonk</t>
  </si>
  <si>
    <t>buurt_gegeneraliseerd_2021.aafac33b-e0a3-4e71-863f-bdadb7183698</t>
  </si>
  <si>
    <t>BU07960204</t>
  </si>
  <si>
    <t>2021BU07960204</t>
  </si>
  <si>
    <t>Bedrijventerrein-Zuid</t>
  </si>
  <si>
    <t>buurt_gegeneraliseerd_2021.ec470ea6-f958-40cb-876c-07c128c2ccb6</t>
  </si>
  <si>
    <t>BU07960205</t>
  </si>
  <si>
    <t>2021BU07960205</t>
  </si>
  <si>
    <t>De Gestelse Buurt</t>
  </si>
  <si>
    <t>buurt_gegeneraliseerd_2021.e96fba39-e9cb-48db-b7ad-c31955f77bf5</t>
  </si>
  <si>
    <t>BU07960206</t>
  </si>
  <si>
    <t>2021BU07960206</t>
  </si>
  <si>
    <t>Pettelaarpark</t>
  </si>
  <si>
    <t>buurt_gegeneraliseerd_2021.de4de83b-89b7-4b61-98f3-5d0d423b204d</t>
  </si>
  <si>
    <t>BU07960207</t>
  </si>
  <si>
    <t>2021BU07960207</t>
  </si>
  <si>
    <t>De Meerendonk</t>
  </si>
  <si>
    <t>buurt_gegeneraliseerd_2021.00c18c40-f2e2-47b1-9b81-c6998d431604</t>
  </si>
  <si>
    <t>BU07960208</t>
  </si>
  <si>
    <t>2021BU07960208</t>
  </si>
  <si>
    <t>Kloosterstraat</t>
  </si>
  <si>
    <t>buurt_gegeneraliseerd_2021.df975eee-d286-49dd-86c7-74d13a5a1710</t>
  </si>
  <si>
    <t>BU07960209</t>
  </si>
  <si>
    <t>2021BU07960209</t>
  </si>
  <si>
    <t>De Bossche Pad</t>
  </si>
  <si>
    <t>buurt_gegeneraliseerd_2021.f26caba0-5cc6-4e88-8e92-baca48b0f246</t>
  </si>
  <si>
    <t>BU07960210</t>
  </si>
  <si>
    <t>2021BU07960210</t>
  </si>
  <si>
    <t>Grevelingen</t>
  </si>
  <si>
    <t>buurt_gegeneraliseerd_2021.a1247866-d918-4d5f-bfed-d50f58d909d7</t>
  </si>
  <si>
    <t>BU07960211</t>
  </si>
  <si>
    <t>2021BU07960211</t>
  </si>
  <si>
    <t>Aawijk-Zuid</t>
  </si>
  <si>
    <t>buurt_gegeneraliseerd_2021.e80a8ab9-45d2-4e39-af5c-c436e1176fdb</t>
  </si>
  <si>
    <t>BU07960212</t>
  </si>
  <si>
    <t>2021BU07960212</t>
  </si>
  <si>
    <t>Bedrijvenpark De Brand</t>
  </si>
  <si>
    <t>buurt_gegeneraliseerd_2021.2c46be2a-2dab-4ea5-b668-3e07856d4b72</t>
  </si>
  <si>
    <t>BU07960301</t>
  </si>
  <si>
    <t>2021BU07960301</t>
  </si>
  <si>
    <t>De Hinthamerpoort</t>
  </si>
  <si>
    <t>buurt_gegeneraliseerd_2021.e576ae23-1313-48b8-be1b-f8e35948af39</t>
  </si>
  <si>
    <t>BU07960302</t>
  </si>
  <si>
    <t>2021BU07960302</t>
  </si>
  <si>
    <t>Graafsebuurt-Zuid</t>
  </si>
  <si>
    <t>buurt_gegeneraliseerd_2021.cb5701be-423a-4e47-bf0d-748104a0615a</t>
  </si>
  <si>
    <t>BU07960303</t>
  </si>
  <si>
    <t>2021BU07960303</t>
  </si>
  <si>
    <t>Aawijk-Noord</t>
  </si>
  <si>
    <t>buurt_gegeneraliseerd_2021.17db8fc9-ae38-4f7f-b637-bd628b3ea6fe</t>
  </si>
  <si>
    <t>BU07960304</t>
  </si>
  <si>
    <t>2021BU07960304</t>
  </si>
  <si>
    <t>Graafsebuurt-Noord</t>
  </si>
  <si>
    <t>buurt_gegeneraliseerd_2021.44f89f52-f7a0-482a-a404-cd74d28e2db4</t>
  </si>
  <si>
    <t>BU07960305</t>
  </si>
  <si>
    <t>2021BU07960305</t>
  </si>
  <si>
    <t>Hintham-Zuid</t>
  </si>
  <si>
    <t>buurt_gegeneraliseerd_2021.16bac473-392e-4c5a-9a9c-3a8a7a42e0dc</t>
  </si>
  <si>
    <t>BU07960306</t>
  </si>
  <si>
    <t>2021BU07960306</t>
  </si>
  <si>
    <t>Hintham-Noord</t>
  </si>
  <si>
    <t>buurt_gegeneraliseerd_2021.232433e4-8870-4e8b-ac06-5c120bf5b93d</t>
  </si>
  <si>
    <t>BU07960401</t>
  </si>
  <si>
    <t>2021BU07960401</t>
  </si>
  <si>
    <t>De Muntel</t>
  </si>
  <si>
    <t>buurt_gegeneraliseerd_2021.a68c3f7c-f596-4d1e-9401-edcdde221d47</t>
  </si>
  <si>
    <t>BU07960402</t>
  </si>
  <si>
    <t>2021BU07960402</t>
  </si>
  <si>
    <t>De Vliert</t>
  </si>
  <si>
    <t>buurt_gegeneraliseerd_2021.6b841c2a-1baa-406c-ab69-06eb3d95827e</t>
  </si>
  <si>
    <t>BU07960403</t>
  </si>
  <si>
    <t>2021BU07960403</t>
  </si>
  <si>
    <t>Orthenpoort</t>
  </si>
  <si>
    <t>buurt_gegeneraliseerd_2021.7454ac47-0186-4df2-9df1-cfb7c6a0e486</t>
  </si>
  <si>
    <t>BU07960501</t>
  </si>
  <si>
    <t>2021BU07960501</t>
  </si>
  <si>
    <t>Maliskamp-West</t>
  </si>
  <si>
    <t>buurt_gegeneraliseerd_2021.d21b90a3-8c84-4586-bc33-9fcb06ee418f</t>
  </si>
  <si>
    <t>BU07960502</t>
  </si>
  <si>
    <t>2021BU07960502</t>
  </si>
  <si>
    <t>Maliskamp-Oost</t>
  </si>
  <si>
    <t>buurt_gegeneraliseerd_2021.906270c3-4d9d-4bd4-a489-5cc31ff4925b</t>
  </si>
  <si>
    <t>BU07960503</t>
  </si>
  <si>
    <t>2021BU07960503</t>
  </si>
  <si>
    <t>Het Vinkel</t>
  </si>
  <si>
    <t>buurt_gegeneraliseerd_2021.1c8d14d1-d827-45b6-859d-79733209de45</t>
  </si>
  <si>
    <t>BU07960504</t>
  </si>
  <si>
    <t>2021BU07960504</t>
  </si>
  <si>
    <t>buurt_gegeneraliseerd_2021.0dc58b22-292b-4a1d-80aa-212c6ca851f4</t>
  </si>
  <si>
    <t>BU07960505</t>
  </si>
  <si>
    <t>2021BU07960505</t>
  </si>
  <si>
    <t>Sparrenburg</t>
  </si>
  <si>
    <t>buurt_gegeneraliseerd_2021.ce25be0a-2023-4f90-a7a5-16bff26d9e98</t>
  </si>
  <si>
    <t>BU07960506</t>
  </si>
  <si>
    <t>2021BU07960506</t>
  </si>
  <si>
    <t>buurt_gegeneraliseerd_2021.4c9127d7-eac8-4711-abb4-7069afe36c81</t>
  </si>
  <si>
    <t>BU07960507</t>
  </si>
  <si>
    <t>2021BU07960507</t>
  </si>
  <si>
    <t>A2 zone Rosmalen-Zuid</t>
  </si>
  <si>
    <t>buurt_gegeneraliseerd_2021.c59a6675-9067-4f0b-b0e9-85aecb69b902</t>
  </si>
  <si>
    <t>BU07960601</t>
  </si>
  <si>
    <t>2021BU07960601</t>
  </si>
  <si>
    <t>buurt_gegeneraliseerd_2021.5b23f554-ef11-4c70-83d2-fac561757874</t>
  </si>
  <si>
    <t>BU07960602</t>
  </si>
  <si>
    <t>2021BU07960602</t>
  </si>
  <si>
    <t>Rosmalen-Centrum</t>
  </si>
  <si>
    <t>buurt_gegeneraliseerd_2021.5e4b4861-19b2-4773-b639-543539941e5d</t>
  </si>
  <si>
    <t>BU07960603</t>
  </si>
  <si>
    <t>2021BU07960603</t>
  </si>
  <si>
    <t>Hondsberg</t>
  </si>
  <si>
    <t>buurt_gegeneraliseerd_2021.f48c5188-210b-4d98-9328-4e7502774e27</t>
  </si>
  <si>
    <t>BU07960604</t>
  </si>
  <si>
    <t>2021BU07960604</t>
  </si>
  <si>
    <t>Kruisstraat</t>
  </si>
  <si>
    <t>buurt_gegeneraliseerd_2021.e207a4c3-9d16-4c5e-a1a3-8d2323e6e9e9</t>
  </si>
  <si>
    <t>BU07960605</t>
  </si>
  <si>
    <t>2021BU07960605</t>
  </si>
  <si>
    <t>Bedrijventerrein Kruisstraat</t>
  </si>
  <si>
    <t>buurt_gegeneraliseerd_2021.58d03f96-d996-4913-a2e9-5df3c1929f43</t>
  </si>
  <si>
    <t>BU07960606</t>
  </si>
  <si>
    <t>2021BU07960606</t>
  </si>
  <si>
    <t>De Overlaet-Oost</t>
  </si>
  <si>
    <t>buurt_gegeneraliseerd_2021.75eb656b-eb7c-4751-9c86-a5d0e18c6240</t>
  </si>
  <si>
    <t>BU07960607</t>
  </si>
  <si>
    <t>2021BU07960607</t>
  </si>
  <si>
    <t>De Overlaet-West</t>
  </si>
  <si>
    <t>buurt_gegeneraliseerd_2021.ce0b1b84-5a32-4ac7-89c3-9b3d5991dc9f</t>
  </si>
  <si>
    <t>BU07960608</t>
  </si>
  <si>
    <t>2021BU07960608</t>
  </si>
  <si>
    <t>A2 zone Rosmalen-Noord</t>
  </si>
  <si>
    <t>buurt_gegeneraliseerd_2021.d29b9e1d-e05f-4551-bd8c-f05bd7fca696</t>
  </si>
  <si>
    <t>BU07960609</t>
  </si>
  <si>
    <t>2021BU07960609</t>
  </si>
  <si>
    <t>Rosmalense Polder</t>
  </si>
  <si>
    <t>buurt_gegeneraliseerd_2021.826bc1cc-3a16-4423-82bf-b485b6a92846</t>
  </si>
  <si>
    <t>BU07960701</t>
  </si>
  <si>
    <t>2021BU07960701</t>
  </si>
  <si>
    <t>Brabantpoort</t>
  </si>
  <si>
    <t>buurt_gegeneraliseerd_2021.6bd919e4-2bba-4a2a-aefc-03d6e1fce5d7</t>
  </si>
  <si>
    <t>BU07960702</t>
  </si>
  <si>
    <t>2021BU07960702</t>
  </si>
  <si>
    <t>De Groote Vliet</t>
  </si>
  <si>
    <t>buurt_gegeneraliseerd_2021.73763071-cfd0-4063-b83d-6bebad78c2a9</t>
  </si>
  <si>
    <t>BU07960703</t>
  </si>
  <si>
    <t>2021BU07960703</t>
  </si>
  <si>
    <t>Vlietdijk</t>
  </si>
  <si>
    <t>buurt_gegeneraliseerd_2021.575973b3-3368-47ed-aff3-18dc8c66b5b2</t>
  </si>
  <si>
    <t>BU07960704</t>
  </si>
  <si>
    <t>2021BU07960704</t>
  </si>
  <si>
    <t>buurt_gegeneraliseerd_2021.15fee419-b2bd-4ffc-b078-6996f85503e8</t>
  </si>
  <si>
    <t>BU07960705</t>
  </si>
  <si>
    <t>2021BU07960705</t>
  </si>
  <si>
    <t>De Watertuinen</t>
  </si>
  <si>
    <t>buurt_gegeneraliseerd_2021.aee75c65-b31b-400a-9281-ff778b637ab5</t>
  </si>
  <si>
    <t>BU07960706</t>
  </si>
  <si>
    <t>2021BU07960706</t>
  </si>
  <si>
    <t>buurt_gegeneraliseerd_2021.06cedeab-f65b-4439-a339-63bb45afca13</t>
  </si>
  <si>
    <t>BU07960707</t>
  </si>
  <si>
    <t>2021BU07960707</t>
  </si>
  <si>
    <t>buurt_gegeneraliseerd_2021.226bd9a5-dd64-4b3c-abb6-65dfd748cd3a</t>
  </si>
  <si>
    <t>BU07960798</t>
  </si>
  <si>
    <t>2021BU07960798</t>
  </si>
  <si>
    <t>Overig Landelijk gebied De Groote Wielen</t>
  </si>
  <si>
    <t>buurt_gegeneraliseerd_2021.91e70f2b-0dbd-49ac-9b41-be9e66f24cf0</t>
  </si>
  <si>
    <t>BU07960799</t>
  </si>
  <si>
    <t>2021BU07960799</t>
  </si>
  <si>
    <t>Landelijk gebied De Groote Wielen</t>
  </si>
  <si>
    <t>buurt_gegeneraliseerd_2021.fa3d0c23-4a28-486b-982b-ac7915574b39</t>
  </si>
  <si>
    <t>BU07960801</t>
  </si>
  <si>
    <t>2021BU07960801</t>
  </si>
  <si>
    <t>Kom Empel</t>
  </si>
  <si>
    <t>buurt_gegeneraliseerd_2021.838cc54a-4723-4890-ba72-8facdabf5d8a</t>
  </si>
  <si>
    <t>BU07960802</t>
  </si>
  <si>
    <t>2021BU07960802</t>
  </si>
  <si>
    <t>Maasakker</t>
  </si>
  <si>
    <t>buurt_gegeneraliseerd_2021.e1cb5930-97ff-4d9e-84b9-8962dbddf422</t>
  </si>
  <si>
    <t>BU07960803</t>
  </si>
  <si>
    <t>2021BU07960803</t>
  </si>
  <si>
    <t>Empel-Oost</t>
  </si>
  <si>
    <t>buurt_gegeneraliseerd_2021.5e380cf2-d281-4fc8-b7d0-8a8aaae65686</t>
  </si>
  <si>
    <t>BU07960804</t>
  </si>
  <si>
    <t>2021BU07960804</t>
  </si>
  <si>
    <t>De Koornwaard</t>
  </si>
  <si>
    <t>buurt_gegeneraliseerd_2021.8da301a5-9edc-402b-9421-64ddd7cdefc3</t>
  </si>
  <si>
    <t>BU07960901</t>
  </si>
  <si>
    <t>2021BU07960901</t>
  </si>
  <si>
    <t>De Buitenpepers</t>
  </si>
  <si>
    <t>buurt_gegeneraliseerd_2021.db0d8bfd-bdf3-480d-84cd-3cf1bbb783da</t>
  </si>
  <si>
    <t>BU07960902</t>
  </si>
  <si>
    <t>2021BU07960902</t>
  </si>
  <si>
    <t>De Herven</t>
  </si>
  <si>
    <t>buurt_gegeneraliseerd_2021.14542fc7-8b51-4e43-9376-c0a5c70fb3e0</t>
  </si>
  <si>
    <t>BU07960903</t>
  </si>
  <si>
    <t>2021BU07960903</t>
  </si>
  <si>
    <t>Bedrijventerrein De Herven</t>
  </si>
  <si>
    <t>buurt_gegeneraliseerd_2021.90d01bb5-1d75-4c5b-9660-993b947e0ffa</t>
  </si>
  <si>
    <t>BU07960904</t>
  </si>
  <si>
    <t>2021BU07960904</t>
  </si>
  <si>
    <t>buurt_gegeneraliseerd_2021.555639fe-cc03-4362-841b-340e163706c1</t>
  </si>
  <si>
    <t>BU07960905</t>
  </si>
  <si>
    <t>2021BU07960905</t>
  </si>
  <si>
    <t>De Haren</t>
  </si>
  <si>
    <t>buurt_gegeneraliseerd_2021.658b5a74-04b1-4218-868b-2a4f2b37fbf7</t>
  </si>
  <si>
    <t>BU07960906</t>
  </si>
  <si>
    <t>2021BU07960906</t>
  </si>
  <si>
    <t>De Reit</t>
  </si>
  <si>
    <t>buurt_gegeneraliseerd_2021.08c55893-aeb1-415c-9552-f874cdab4962</t>
  </si>
  <si>
    <t>BU07960907</t>
  </si>
  <si>
    <t>2021BU07960907</t>
  </si>
  <si>
    <t>De Donk</t>
  </si>
  <si>
    <t>buurt_gegeneraliseerd_2021.6e9a7a44-7a5b-4ddd-9858-a01781388503</t>
  </si>
  <si>
    <t>BU07960908</t>
  </si>
  <si>
    <t>2021BU07960908</t>
  </si>
  <si>
    <t>De Rompert</t>
  </si>
  <si>
    <t>buurt_gegeneraliseerd_2021.1229bf8e-1bd1-4bd8-bf7d-a3aea971ed47</t>
  </si>
  <si>
    <t>BU07960909</t>
  </si>
  <si>
    <t>2021BU07960909</t>
  </si>
  <si>
    <t>De Hambaken</t>
  </si>
  <si>
    <t>buurt_gegeneraliseerd_2021.ae625a61-5bc6-42e9-9a5f-e2325090ddd7</t>
  </si>
  <si>
    <t>BU07960910</t>
  </si>
  <si>
    <t>2021BU07960910</t>
  </si>
  <si>
    <t>De Sprookjesbuurt</t>
  </si>
  <si>
    <t>buurt_gegeneraliseerd_2021.e697ba89-972b-4ae6-a62e-a2df478c8261</t>
  </si>
  <si>
    <t>BU07960911</t>
  </si>
  <si>
    <t>2021BU07960911</t>
  </si>
  <si>
    <t>De Muziekinstrumentenbuurt</t>
  </si>
  <si>
    <t>buurt_gegeneraliseerd_2021.a06dda08-47d8-4fa5-9893-c4ae854a453a</t>
  </si>
  <si>
    <t>BU07960912</t>
  </si>
  <si>
    <t>2021BU07960912</t>
  </si>
  <si>
    <t>De Edelstenenbuurt</t>
  </si>
  <si>
    <t>buurt_gegeneraliseerd_2021.f1dcbd3c-381f-4f0c-a28b-ef7f9e772535</t>
  </si>
  <si>
    <t>BU07960913</t>
  </si>
  <si>
    <t>2021BU07960913</t>
  </si>
  <si>
    <t>Orthen</t>
  </si>
  <si>
    <t>buurt_gegeneraliseerd_2021.512e3a64-83ba-4a16-b7a9-28e8c829e96f</t>
  </si>
  <si>
    <t>BU07960914</t>
  </si>
  <si>
    <t>2021BU07960914</t>
  </si>
  <si>
    <t>Orthen-West</t>
  </si>
  <si>
    <t>buurt_gegeneraliseerd_2021.200b0196-3018-488e-8683-14a31581d9fe</t>
  </si>
  <si>
    <t>BU07960915</t>
  </si>
  <si>
    <t>2021BU07960915</t>
  </si>
  <si>
    <t>Bedrijventerrein-Noord</t>
  </si>
  <si>
    <t>buurt_gegeneraliseerd_2021.0cd56021-650b-493e-9ee8-748c061779fa</t>
  </si>
  <si>
    <t>BU07961001</t>
  </si>
  <si>
    <t>2021BU07961001</t>
  </si>
  <si>
    <t>De Italiaanse Buurt</t>
  </si>
  <si>
    <t>buurt_gegeneraliseerd_2021.77286e02-a139-4395-8ab8-547f85ab35fa</t>
  </si>
  <si>
    <t>BU07961002</t>
  </si>
  <si>
    <t>2021BU07961002</t>
  </si>
  <si>
    <t>Maasdal</t>
  </si>
  <si>
    <t>buurt_gegeneraliseerd_2021.3d116f89-ff9f-41cf-adf3-0c3065117316</t>
  </si>
  <si>
    <t>BU07961003</t>
  </si>
  <si>
    <t>2021BU07961003</t>
  </si>
  <si>
    <t>Abdijenbuurt</t>
  </si>
  <si>
    <t>buurt_gegeneraliseerd_2021.337ecd7d-8928-4231-b664-7a2096ae1f46</t>
  </si>
  <si>
    <t>BU07961004</t>
  </si>
  <si>
    <t>2021BU07961004</t>
  </si>
  <si>
    <t>Lokeren</t>
  </si>
  <si>
    <t>buurt_gegeneraliseerd_2021.1f279d79-cb5d-4383-9916-d5c7005d333f</t>
  </si>
  <si>
    <t>BU07961005</t>
  </si>
  <si>
    <t>2021BU07961005</t>
  </si>
  <si>
    <t>Maasstroom</t>
  </si>
  <si>
    <t>buurt_gegeneraliseerd_2021.c6f5b5dc-85b3-43bb-b09a-1770066e1e6c</t>
  </si>
  <si>
    <t>BU07961006</t>
  </si>
  <si>
    <t>2021BU07961006</t>
  </si>
  <si>
    <t>De Staatsliedenbuurt</t>
  </si>
  <si>
    <t>buurt_gegeneraliseerd_2021.05497260-7c1c-493e-a218-f406aa555bf8</t>
  </si>
  <si>
    <t>BU07961007</t>
  </si>
  <si>
    <t>2021BU07961007</t>
  </si>
  <si>
    <t>Het Zilverpark</t>
  </si>
  <si>
    <t>buurt_gegeneraliseerd_2021.8b85393e-a056-4cc4-8e4c-f6db2ee2b5c5</t>
  </si>
  <si>
    <t>BU07961008</t>
  </si>
  <si>
    <t>2021BU07961008</t>
  </si>
  <si>
    <t>Maasvallei</t>
  </si>
  <si>
    <t>buurt_gegeneraliseerd_2021.03e2352e-ab7d-4630-b813-0b991c79b6cf</t>
  </si>
  <si>
    <t>BU07961009</t>
  </si>
  <si>
    <t>2021BU07961009</t>
  </si>
  <si>
    <t>Maasoever</t>
  </si>
  <si>
    <t>buurt_gegeneraliseerd_2021.dcc279ca-3a43-4985-bc40-820b490f2c0a</t>
  </si>
  <si>
    <t>BU07961010</t>
  </si>
  <si>
    <t>2021BU07961010</t>
  </si>
  <si>
    <t>Bedrijventerrein Maaspoort</t>
  </si>
  <si>
    <t>buurt_gegeneraliseerd_2021.7dbde495-79d9-46b2-bdfe-86d893e136b3</t>
  </si>
  <si>
    <t>BU07961011</t>
  </si>
  <si>
    <t>2021BU07961011</t>
  </si>
  <si>
    <t>Oud Empel</t>
  </si>
  <si>
    <t>buurt_gegeneraliseerd_2021.e9f4f6f4-1b1f-4dfb-bb2b-0db8f495334f</t>
  </si>
  <si>
    <t>BU07961101</t>
  </si>
  <si>
    <t>2021BU07961101</t>
  </si>
  <si>
    <t>Boschveld</t>
  </si>
  <si>
    <t>buurt_gegeneraliseerd_2021.ed1d61d9-341d-4a62-8350-2314b0da65d7</t>
  </si>
  <si>
    <t>BU07961102</t>
  </si>
  <si>
    <t>2021BU07961102</t>
  </si>
  <si>
    <t>Paleiskwartier</t>
  </si>
  <si>
    <t>buurt_gegeneraliseerd_2021.a1b0e1b4-6eac-43b5-ba65-107f794138d4</t>
  </si>
  <si>
    <t>BU07961103</t>
  </si>
  <si>
    <t>2021BU07961103</t>
  </si>
  <si>
    <t>Willemspoort</t>
  </si>
  <si>
    <t>buurt_gegeneraliseerd_2021.26238831-b493-4b8d-9b6f-cbacaf38e956</t>
  </si>
  <si>
    <t>BU07961104</t>
  </si>
  <si>
    <t>2021BU07961104</t>
  </si>
  <si>
    <t>Deuteren</t>
  </si>
  <si>
    <t>buurt_gegeneraliseerd_2021.3c734095-c309-45f5-9985-5145ade590e2</t>
  </si>
  <si>
    <t>BU07961105</t>
  </si>
  <si>
    <t>2021BU07961105</t>
  </si>
  <si>
    <t>De Moerputten</t>
  </si>
  <si>
    <t>buurt_gegeneraliseerd_2021.5b30ca4e-d6c5-4a0e-806c-3edfd37222cf</t>
  </si>
  <si>
    <t>BU07961106</t>
  </si>
  <si>
    <t>2021BU07961106</t>
  </si>
  <si>
    <t>De Schutskamp</t>
  </si>
  <si>
    <t>buurt_gegeneraliseerd_2021.4102c0d9-f343-4e5a-8aa1-40686af6ecfa</t>
  </si>
  <si>
    <t>BU07961107</t>
  </si>
  <si>
    <t>2021BU07961107</t>
  </si>
  <si>
    <t>De Kruiskamp</t>
  </si>
  <si>
    <t>buurt_gegeneraliseerd_2021.09af907b-6f5e-4967-800e-35f0feca85b7</t>
  </si>
  <si>
    <t>BU07961108</t>
  </si>
  <si>
    <t>2021BU07961108</t>
  </si>
  <si>
    <t>De Rietvelden-Oost</t>
  </si>
  <si>
    <t>buurt_gegeneraliseerd_2021.09a45101-389b-4d9e-873f-f61475155656</t>
  </si>
  <si>
    <t>BU07961109</t>
  </si>
  <si>
    <t>2021BU07961109</t>
  </si>
  <si>
    <t>De Rietvelden-West</t>
  </si>
  <si>
    <t>buurt_gegeneraliseerd_2021.a9e8b06b-fd8c-4a13-9fc9-07775dbd65a2</t>
  </si>
  <si>
    <t>BU07961110</t>
  </si>
  <si>
    <t>2021BU07961110</t>
  </si>
  <si>
    <t>Veemarktkwartier</t>
  </si>
  <si>
    <t>buurt_gegeneraliseerd_2021.e0a5efa7-f835-48bd-b32e-139718c545fa</t>
  </si>
  <si>
    <t>BU07961111</t>
  </si>
  <si>
    <t>2021BU07961111</t>
  </si>
  <si>
    <t>Ertveld</t>
  </si>
  <si>
    <t>buurt_gegeneraliseerd_2021.c5664e98-fd6f-4316-9099-ba5944c15f89</t>
  </si>
  <si>
    <t>BU07961201</t>
  </si>
  <si>
    <t>2021BU07961201</t>
  </si>
  <si>
    <t>Kom Engelen</t>
  </si>
  <si>
    <t>buurt_gegeneraliseerd_2021.b6a3b45c-681d-47bc-91ec-5c352ba78824</t>
  </si>
  <si>
    <t>BU07961202</t>
  </si>
  <si>
    <t>2021BU07961202</t>
  </si>
  <si>
    <t>De Vutter</t>
  </si>
  <si>
    <t>buurt_gegeneraliseerd_2021.a52a679d-0fb3-445a-b048-10b032bb0997</t>
  </si>
  <si>
    <t>BU07961203</t>
  </si>
  <si>
    <t>2021BU07961203</t>
  </si>
  <si>
    <t>Henriëttewaard</t>
  </si>
  <si>
    <t>buurt_gegeneraliseerd_2021.2eeaa495-8ea4-4c23-afdd-9136e028c2f0</t>
  </si>
  <si>
    <t>BU07961204</t>
  </si>
  <si>
    <t>2021BU07961204</t>
  </si>
  <si>
    <t>De Haverleij</t>
  </si>
  <si>
    <t>buurt_gegeneraliseerd_2021.dce3ebdb-f8de-4177-950a-583dec711bda</t>
  </si>
  <si>
    <t>BU07961205</t>
  </si>
  <si>
    <t>2021BU07961205</t>
  </si>
  <si>
    <t>Bokhoven</t>
  </si>
  <si>
    <t>buurt_gegeneraliseerd_2021.5846525b-ca1e-42f1-983f-429cccfd922d</t>
  </si>
  <si>
    <t>BU07961206</t>
  </si>
  <si>
    <t>2021BU07961206</t>
  </si>
  <si>
    <t>Engelermeer</t>
  </si>
  <si>
    <t>buurt_gegeneraliseerd_2021.d6fa3a8b-83c8-42f7-b09c-8660f220adc0</t>
  </si>
  <si>
    <t>BU07961301</t>
  </si>
  <si>
    <t>2021BU07961301</t>
  </si>
  <si>
    <t>Kom Nuland</t>
  </si>
  <si>
    <t>buurt_gegeneraliseerd_2021.5a482adb-9ed4-4422-917d-ce6be44580fd</t>
  </si>
  <si>
    <t>BU07961302</t>
  </si>
  <si>
    <t>2021BU07961302</t>
  </si>
  <si>
    <t>Bedrijventerrein Nuland</t>
  </si>
  <si>
    <t>buurt_gegeneraliseerd_2021.bc3af15c-ca1f-415a-b25c-60d7ceba59c0</t>
  </si>
  <si>
    <t>BU07961303</t>
  </si>
  <si>
    <t>2021BU07961303</t>
  </si>
  <si>
    <t>De Lage Kant</t>
  </si>
  <si>
    <t>buurt_gegeneraliseerd_2021.65e24a0a-1668-46bd-9a27-93eeed017198</t>
  </si>
  <si>
    <t>BU07961304</t>
  </si>
  <si>
    <t>2021BU07961304</t>
  </si>
  <si>
    <t>Heeseind</t>
  </si>
  <si>
    <t>buurt_gegeneraliseerd_2021.c662a92f-93f8-4302-a44f-f9297177f07f</t>
  </si>
  <si>
    <t>BU07961399</t>
  </si>
  <si>
    <t>2021BU07961399</t>
  </si>
  <si>
    <t>Landelijk gebied Nuland</t>
  </si>
  <si>
    <t>buurt_gegeneraliseerd_2021.38c490c5-8636-4fd5-9809-48faf6daccf1</t>
  </si>
  <si>
    <t>BU07961401</t>
  </si>
  <si>
    <t>2021BU07961401</t>
  </si>
  <si>
    <t>Kom Vinkel</t>
  </si>
  <si>
    <t>buurt_gegeneraliseerd_2021.f60e174f-2ba8-4756-b787-345d6060efa4</t>
  </si>
  <si>
    <t>BU07961402</t>
  </si>
  <si>
    <t>2021BU07961402</t>
  </si>
  <si>
    <t>Vinkeloord</t>
  </si>
  <si>
    <t>buurt_gegeneraliseerd_2021.b2ae01cc-67fd-4f5e-8ac5-53ddc02e3dad</t>
  </si>
  <si>
    <t>BU07961499</t>
  </si>
  <si>
    <t>2021BU07961499</t>
  </si>
  <si>
    <t>Landelijk gebied Vinkel</t>
  </si>
  <si>
    <t>buurt_gegeneraliseerd_2021.50009036-07e5-4351-bffa-702385f8924b</t>
  </si>
  <si>
    <t>BU07970101</t>
  </si>
  <si>
    <t>2021BU07970101</t>
  </si>
  <si>
    <t>Braken-West</t>
  </si>
  <si>
    <t>GM0797</t>
  </si>
  <si>
    <t>buurt_gegeneraliseerd_2021.3cfdf6d1-0ac5-4ae5-84df-6857ba219c5d</t>
  </si>
  <si>
    <t>BU07970102</t>
  </si>
  <si>
    <t>2021BU07970102</t>
  </si>
  <si>
    <t>Braken-Oost</t>
  </si>
  <si>
    <t>buurt_gegeneraliseerd_2021.c37500d7-b7b2-4d67-b633-7c300e22d021</t>
  </si>
  <si>
    <t>BU07970103</t>
  </si>
  <si>
    <t>2021BU07970103</t>
  </si>
  <si>
    <t>Centrum Drunen</t>
  </si>
  <si>
    <t>buurt_gegeneraliseerd_2021.c2b2a5d5-ed0a-47d7-b28c-57b9895b746c</t>
  </si>
  <si>
    <t>BU07970104</t>
  </si>
  <si>
    <t>2021BU07970104</t>
  </si>
  <si>
    <t>Venne-West</t>
  </si>
  <si>
    <t>buurt_gegeneraliseerd_2021.37d508e0-4523-472b-bc58-e5c3db9b2067</t>
  </si>
  <si>
    <t>BU07970105</t>
  </si>
  <si>
    <t>2021BU07970105</t>
  </si>
  <si>
    <t>Venne-Oost</t>
  </si>
  <si>
    <t>buurt_gegeneraliseerd_2021.dd32a0ca-761a-494b-b31b-bad94f318b24</t>
  </si>
  <si>
    <t>BU07970200</t>
  </si>
  <si>
    <t>2021BU07970200</t>
  </si>
  <si>
    <t>Elshout</t>
  </si>
  <si>
    <t>buurt_gegeneraliseerd_2021.97022101-5392-4737-b23f-d0c5df2f6dc3</t>
  </si>
  <si>
    <t>BU07970300</t>
  </si>
  <si>
    <t>2021BU07970300</t>
  </si>
  <si>
    <t>Haarsteeg</t>
  </si>
  <si>
    <t>buurt_gegeneraliseerd_2021.9071bc3d-a3af-4b44-afce-e5050bab4ef6</t>
  </si>
  <si>
    <t>BU07970400</t>
  </si>
  <si>
    <t>2021BU07970400</t>
  </si>
  <si>
    <t>Nieuwkuijk</t>
  </si>
  <si>
    <t>buurt_gegeneraliseerd_2021.b585f681-45cb-4111-ac44-4e8abf07897f</t>
  </si>
  <si>
    <t>BU07970501</t>
  </si>
  <si>
    <t>2021BU07970501</t>
  </si>
  <si>
    <t>Vijfhoeven</t>
  </si>
  <si>
    <t>buurt_gegeneraliseerd_2021.b3d25d45-ca66-45a6-9c8a-b2b06caa78e0</t>
  </si>
  <si>
    <t>BU07970502</t>
  </si>
  <si>
    <t>2021BU07970502</t>
  </si>
  <si>
    <t>Vlijmen-Dorp</t>
  </si>
  <si>
    <t>buurt_gegeneraliseerd_2021.8b47ae7f-0d5e-437d-899e-f35224043945</t>
  </si>
  <si>
    <t>BU07970503</t>
  </si>
  <si>
    <t>2021BU07970503</t>
  </si>
  <si>
    <t>Vliedberg</t>
  </si>
  <si>
    <t>buurt_gegeneraliseerd_2021.927c2796-b64d-470e-9842-bd45844b2023</t>
  </si>
  <si>
    <t>BU07970600</t>
  </si>
  <si>
    <t>2021BU07970600</t>
  </si>
  <si>
    <t>Doeveren</t>
  </si>
  <si>
    <t>buurt_gegeneraliseerd_2021.a9bc9c38-753b-41a0-8e4a-25e7d66cc9ea</t>
  </si>
  <si>
    <t>BU07970700</t>
  </si>
  <si>
    <t>2021BU07970700</t>
  </si>
  <si>
    <t>Hedikhuizen</t>
  </si>
  <si>
    <t>buurt_gegeneraliseerd_2021.02838be0-8411-4d53-9e3e-e62121c00563</t>
  </si>
  <si>
    <t>BU07970800</t>
  </si>
  <si>
    <t>2021BU07970800</t>
  </si>
  <si>
    <t>Heesbeen</t>
  </si>
  <si>
    <t>buurt_gegeneraliseerd_2021.3c18255e-ac72-49e0-9bf5-9a667e50939f</t>
  </si>
  <si>
    <t>BU07970900</t>
  </si>
  <si>
    <t>2021BU07970900</t>
  </si>
  <si>
    <t>Herpt</t>
  </si>
  <si>
    <t>buurt_gegeneraliseerd_2021.423b27b8-0942-46b6-97ca-38a54f185115</t>
  </si>
  <si>
    <t>BU07971000</t>
  </si>
  <si>
    <t>2021BU07971000</t>
  </si>
  <si>
    <t>Heusden</t>
  </si>
  <si>
    <t>buurt_gegeneraliseerd_2021.4f9b5d91-9f59-4ced-8c6c-0f3da99a0896</t>
  </si>
  <si>
    <t>BU07971100</t>
  </si>
  <si>
    <t>2021BU07971100</t>
  </si>
  <si>
    <t>Oudheusden</t>
  </si>
  <si>
    <t>buurt_gegeneraliseerd_2021.2456661c-c5b0-4e89-b495-ab854149cc96</t>
  </si>
  <si>
    <t>BU07980000</t>
  </si>
  <si>
    <t>2021BU07980000</t>
  </si>
  <si>
    <t>Hilvarenbeek</t>
  </si>
  <si>
    <t>GM0798</t>
  </si>
  <si>
    <t>buurt_gegeneraliseerd_2021.25e38b98-7068-443e-bf3b-f002e6c1646b</t>
  </si>
  <si>
    <t>BU07980009</t>
  </si>
  <si>
    <t>2021BU07980009</t>
  </si>
  <si>
    <t>Verspreide huizen Hilvarenbeek</t>
  </si>
  <si>
    <t>buurt_gegeneraliseerd_2021.69d598ab-c043-41f8-8635-909e286b15f2</t>
  </si>
  <si>
    <t>BU07980100</t>
  </si>
  <si>
    <t>2021BU07980100</t>
  </si>
  <si>
    <t>Esbeek</t>
  </si>
  <si>
    <t>buurt_gegeneraliseerd_2021.16af9c85-481e-4b9f-be20-20c4db51cae0</t>
  </si>
  <si>
    <t>BU07980109</t>
  </si>
  <si>
    <t>2021BU07980109</t>
  </si>
  <si>
    <t>Verspreide huizen Esbeek</t>
  </si>
  <si>
    <t>buurt_gegeneraliseerd_2021.51077b00-abfe-4b9f-a3a9-b1a77e1b770f</t>
  </si>
  <si>
    <t>BU07980200</t>
  </si>
  <si>
    <t>2021BU07980200</t>
  </si>
  <si>
    <t>Biest-Houtakker</t>
  </si>
  <si>
    <t>buurt_gegeneraliseerd_2021.af4291b7-e337-4ce3-8e20-a8ac5734330d</t>
  </si>
  <si>
    <t>BU07980209</t>
  </si>
  <si>
    <t>2021BU07980209</t>
  </si>
  <si>
    <t>Verspreide huizen Biest-Houtakker</t>
  </si>
  <si>
    <t>buurt_gegeneraliseerd_2021.7fb5efcb-0033-41c6-a9c4-feafacf8f45b</t>
  </si>
  <si>
    <t>BU07980300</t>
  </si>
  <si>
    <t>2021BU07980300</t>
  </si>
  <si>
    <t>Diessen</t>
  </si>
  <si>
    <t>buurt_gegeneraliseerd_2021.4254a409-a5a0-4b5b-adf0-e8d936a5fcee</t>
  </si>
  <si>
    <t>BU07980301</t>
  </si>
  <si>
    <t>2021BU07980301</t>
  </si>
  <si>
    <t>Baarschot</t>
  </si>
  <si>
    <t>buurt_gegeneraliseerd_2021.19258e38-573a-43ee-a0b5-d0c42a007e55</t>
  </si>
  <si>
    <t>BU07980309</t>
  </si>
  <si>
    <t>2021BU07980309</t>
  </si>
  <si>
    <t>Verspreide huizen Baarschot</t>
  </si>
  <si>
    <t>buurt_gegeneraliseerd_2021.e93f96dd-c6e9-4cf1-8980-309160dea4ad</t>
  </si>
  <si>
    <t>BU07980400</t>
  </si>
  <si>
    <t>2021BU07980400</t>
  </si>
  <si>
    <t>Haghorst</t>
  </si>
  <si>
    <t>buurt_gegeneraliseerd_2021.500d35cc-cd56-4d90-b7c6-87bc06fed54c</t>
  </si>
  <si>
    <t>BU07980409</t>
  </si>
  <si>
    <t>2021BU07980409</t>
  </si>
  <si>
    <t>Verspreide huizen Haghorst</t>
  </si>
  <si>
    <t>buurt_gegeneraliseerd_2021.8eca1d47-35ff-48f6-ba54-ff1b28bb173e</t>
  </si>
  <si>
    <t>BU08091001</t>
  </si>
  <si>
    <t>2021BU08091001</t>
  </si>
  <si>
    <t>Draaiboom</t>
  </si>
  <si>
    <t>GM0809</t>
  </si>
  <si>
    <t>buurt_gegeneraliseerd_2021.b50cb327-db67-4c9d-8f46-e8d5e0ba36cb</t>
  </si>
  <si>
    <t>BU08091005</t>
  </si>
  <si>
    <t>2021BU08091005</t>
  </si>
  <si>
    <t>Hil (noord)</t>
  </si>
  <si>
    <t>buurt_gegeneraliseerd_2021.98c6bf12-645b-4326-a3ff-0e075f7fd949</t>
  </si>
  <si>
    <t>BU08091006</t>
  </si>
  <si>
    <t>2021BU08091006</t>
  </si>
  <si>
    <t>Hil (zuid)</t>
  </si>
  <si>
    <t>buurt_gegeneraliseerd_2021.891a09fd-67fe-4440-adb2-1a91d902ee88</t>
  </si>
  <si>
    <t>BU08091010</t>
  </si>
  <si>
    <t>2021BU08091010</t>
  </si>
  <si>
    <t>Pannenhoef (west)</t>
  </si>
  <si>
    <t>buurt_gegeneraliseerd_2021.60cfd6ba-36a3-4080-a20d-d6871c9a1892</t>
  </si>
  <si>
    <t>BU08091011</t>
  </si>
  <si>
    <t>2021BU08091011</t>
  </si>
  <si>
    <t>Pannenhoef (oost)</t>
  </si>
  <si>
    <t>buurt_gegeneraliseerd_2021.d4bac0ed-ef17-4738-8b22-d610ce0a927f</t>
  </si>
  <si>
    <t>BU08091015</t>
  </si>
  <si>
    <t>2021BU08091015</t>
  </si>
  <si>
    <t>buurt_gegeneraliseerd_2021.2baae740-5e7f-45e3-95ae-af3149b0dfe8</t>
  </si>
  <si>
    <t>BU08091020</t>
  </si>
  <si>
    <t>2021BU08091020</t>
  </si>
  <si>
    <t>buurt_gegeneraliseerd_2021.889e278c-b527-497a-b5ed-c820dc7138da</t>
  </si>
  <si>
    <t>BU08091021</t>
  </si>
  <si>
    <t>2021BU08091021</t>
  </si>
  <si>
    <t>buurt_gegeneraliseerd_2021.31a4dbdc-201e-41bf-99a4-c574c124a079</t>
  </si>
  <si>
    <t>BU08091025</t>
  </si>
  <si>
    <t>2021BU08091025</t>
  </si>
  <si>
    <t>buurt_gegeneraliseerd_2021.dc9cb580-16ca-4608-9961-d9795f6fe06f</t>
  </si>
  <si>
    <t>BU08091030</t>
  </si>
  <si>
    <t>2021BU08091030</t>
  </si>
  <si>
    <t>Vossenberg (west)</t>
  </si>
  <si>
    <t>buurt_gegeneraliseerd_2021.170743e1-e7cf-442d-a2b4-cf20a273f8c1</t>
  </si>
  <si>
    <t>BU08091031</t>
  </si>
  <si>
    <t>2021BU08091031</t>
  </si>
  <si>
    <t>Vossenberg (oost)</t>
  </si>
  <si>
    <t>buurt_gegeneraliseerd_2021.66047409-7469-4d7c-952e-bcc47e6eb41d</t>
  </si>
  <si>
    <t>BU08091035</t>
  </si>
  <si>
    <t>2021BU08091035</t>
  </si>
  <si>
    <t>De Kets (industrieterrein)</t>
  </si>
  <si>
    <t>buurt_gegeneraliseerd_2021.4a1abb94-41ce-4c06-8535-bcb2c6fc65de</t>
  </si>
  <si>
    <t>BU08091040</t>
  </si>
  <si>
    <t>2021BU08091040</t>
  </si>
  <si>
    <t>De Zandschel</t>
  </si>
  <si>
    <t>buurt_gegeneraliseerd_2021.f71f768d-0c2e-4313-8dcc-66729373c1de</t>
  </si>
  <si>
    <t>BU08091041</t>
  </si>
  <si>
    <t>2021BU08091041</t>
  </si>
  <si>
    <t>buurt_gegeneraliseerd_2021.041a9b06-ba11-4e3c-9be7-a2e90f597dc4</t>
  </si>
  <si>
    <t>BU08092045</t>
  </si>
  <si>
    <t>2021BU08092045</t>
  </si>
  <si>
    <t>Heikant</t>
  </si>
  <si>
    <t>buurt_gegeneraliseerd_2021.7645c742-cf15-4432-8e2e-6e1f5fcf0db5</t>
  </si>
  <si>
    <t>BU08092048</t>
  </si>
  <si>
    <t>2021BU08092048</t>
  </si>
  <si>
    <t>Els (west)</t>
  </si>
  <si>
    <t>buurt_gegeneraliseerd_2021.de9e7119-c367-4106-96bf-e376fc6b8a0b</t>
  </si>
  <si>
    <t>BU08092049</t>
  </si>
  <si>
    <t>2021BU08092049</t>
  </si>
  <si>
    <t>Els (oost)</t>
  </si>
  <si>
    <t>buurt_gegeneraliseerd_2021.6b6dd62f-8d73-4a46-8eff-a9c30e0cf6de</t>
  </si>
  <si>
    <t>BU08092052</t>
  </si>
  <si>
    <t>2021BU08092052</t>
  </si>
  <si>
    <t>Rooi Dorp</t>
  </si>
  <si>
    <t>buurt_gegeneraliseerd_2021.b29510e5-51e8-4ed9-a107-00b63a17ea18</t>
  </si>
  <si>
    <t>BU08092055</t>
  </si>
  <si>
    <t>2021BU08092055</t>
  </si>
  <si>
    <t>Loonse Vaart</t>
  </si>
  <si>
    <t>buurt_gegeneraliseerd_2021.12083a53-630f-4b84-b886-6f3a51e7f5fd</t>
  </si>
  <si>
    <t>BU08092058</t>
  </si>
  <si>
    <t>2021BU08092058</t>
  </si>
  <si>
    <t>De Oude Omdraaier</t>
  </si>
  <si>
    <t>buurt_gegeneraliseerd_2021.3ca71478-b635-4cd0-b0a9-2877ab1750c5</t>
  </si>
  <si>
    <t>BU08092061</t>
  </si>
  <si>
    <t>2021BU08092061</t>
  </si>
  <si>
    <t>buurt_gegeneraliseerd_2021.8923e6e7-8926-462f-a3d0-547a3eda4f67</t>
  </si>
  <si>
    <t>BU08092063</t>
  </si>
  <si>
    <t>2021BU08092063</t>
  </si>
  <si>
    <t>Het Hoekske</t>
  </si>
  <si>
    <t>buurt_gegeneraliseerd_2021.7b66896e-bb5e-4742-a901-25c216055243</t>
  </si>
  <si>
    <t>BU08092066</t>
  </si>
  <si>
    <t>2021BU08092066</t>
  </si>
  <si>
    <t>De Klinkenpolder</t>
  </si>
  <si>
    <t>buurt_gegeneraliseerd_2021.980fd237-0336-4e71-9b13-7d012fdb2310</t>
  </si>
  <si>
    <t>BU08093070</t>
  </si>
  <si>
    <t>2021BU08093070</t>
  </si>
  <si>
    <t>Oud-Loon</t>
  </si>
  <si>
    <t>buurt_gegeneraliseerd_2021.616ec52c-6910-4175-b8b5-94229fa90e8b</t>
  </si>
  <si>
    <t>BU08093071</t>
  </si>
  <si>
    <t>2021BU08093071</t>
  </si>
  <si>
    <t>Mussenhoek</t>
  </si>
  <si>
    <t>buurt_gegeneraliseerd_2021.ae919413-e2c3-41ac-be8c-870efd444c29</t>
  </si>
  <si>
    <t>BU08093080</t>
  </si>
  <si>
    <t>2021BU08093080</t>
  </si>
  <si>
    <t>Molenwijk (noord)</t>
  </si>
  <si>
    <t>buurt_gegeneraliseerd_2021.f327fde3-d397-4f15-a183-40ea6654f5cc</t>
  </si>
  <si>
    <t>BU08093081</t>
  </si>
  <si>
    <t>2021BU08093081</t>
  </si>
  <si>
    <t>Molenwijk (zuid)</t>
  </si>
  <si>
    <t>buurt_gegeneraliseerd_2021.064ab7a6-0438-4592-87ed-3ea12a0c926c</t>
  </si>
  <si>
    <t>BU08093085</t>
  </si>
  <si>
    <t>2021BU08093085</t>
  </si>
  <si>
    <t>De Hoogt (Industrieterrein)</t>
  </si>
  <si>
    <t>buurt_gegeneraliseerd_2021.9347c1e1-aa78-44c2-9859-cdfee2fe768c</t>
  </si>
  <si>
    <t>BU08093090</t>
  </si>
  <si>
    <t>2021BU08093090</t>
  </si>
  <si>
    <t>Bergeind</t>
  </si>
  <si>
    <t>buurt_gegeneraliseerd_2021.d9ba687e-d246-480b-be95-f073579da11e</t>
  </si>
  <si>
    <t>BU08093091</t>
  </si>
  <si>
    <t>2021BU08093091</t>
  </si>
  <si>
    <t>Oost-Loon</t>
  </si>
  <si>
    <t>buurt_gegeneraliseerd_2021.863ad4e4-07c4-4567-b82e-df08544c46f2</t>
  </si>
  <si>
    <t>BU08093092</t>
  </si>
  <si>
    <t>2021BU08093092</t>
  </si>
  <si>
    <t>De Plakken</t>
  </si>
  <si>
    <t>buurt_gegeneraliseerd_2021.4b6d6edf-87d9-4b2c-ba65-0bcb9ba8e1e2</t>
  </si>
  <si>
    <t>BU08094095</t>
  </si>
  <si>
    <t>2021BU08094095</t>
  </si>
  <si>
    <t>De Moer</t>
  </si>
  <si>
    <t>buurt_gegeneraliseerd_2021.148b8c3e-105d-4637-90e4-231a142dcdb1</t>
  </si>
  <si>
    <t>BU08150921</t>
  </si>
  <si>
    <t>2021BU08150921</t>
  </si>
  <si>
    <t>Mill-Centrum</t>
  </si>
  <si>
    <t>GM0815</t>
  </si>
  <si>
    <t>buurt_gegeneraliseerd_2021.9752d95d-c65e-462b-a33e-f586271e0c41</t>
  </si>
  <si>
    <t>BU08150922</t>
  </si>
  <si>
    <t>2021BU08150922</t>
  </si>
  <si>
    <t>Mill-West</t>
  </si>
  <si>
    <t>buurt_gegeneraliseerd_2021.ebe42216-c1d6-48c1-8f71-6bb8435614e9</t>
  </si>
  <si>
    <t>BU08150923</t>
  </si>
  <si>
    <t>2021BU08150923</t>
  </si>
  <si>
    <t>Brugse Berg</t>
  </si>
  <si>
    <t>buurt_gegeneraliseerd_2021.83223a2c-1f9c-4732-8ded-878505acb8ed</t>
  </si>
  <si>
    <t>BU08150924</t>
  </si>
  <si>
    <t>2021BU08150924</t>
  </si>
  <si>
    <t>Mill-Zuid</t>
  </si>
  <si>
    <t>buurt_gegeneraliseerd_2021.1721d1e5-b07c-4e18-a1c7-85457856681d</t>
  </si>
  <si>
    <t>BU08150925</t>
  </si>
  <si>
    <t>2021BU08150925</t>
  </si>
  <si>
    <t>Bedrijventerrein Het Spoor</t>
  </si>
  <si>
    <t>buurt_gegeneraliseerd_2021.7e0ccd77-7fcd-4b2f-b2b5-9235b67ce9e0</t>
  </si>
  <si>
    <t>BU08150926</t>
  </si>
  <si>
    <t>2021BU08150926</t>
  </si>
  <si>
    <t>Bedrijventerrein De Meeren</t>
  </si>
  <si>
    <t>buurt_gegeneraliseerd_2021.e79eaabc-72d2-4be8-b7d4-e475872fc12a</t>
  </si>
  <si>
    <t>BU08150927</t>
  </si>
  <si>
    <t>2021BU08150927</t>
  </si>
  <si>
    <t>Verspreide huizen Groespeel</t>
  </si>
  <si>
    <t>buurt_gegeneraliseerd_2021.4d9bfc6e-31b4-44f7-80ea-e403734cce23</t>
  </si>
  <si>
    <t>BU08150928</t>
  </si>
  <si>
    <t>2021BU08150928</t>
  </si>
  <si>
    <t>Verspreide huizen Achterdijk-Roijendijk</t>
  </si>
  <si>
    <t>buurt_gegeneraliseerd_2021.287c9a93-b3e8-4b66-a287-d063965f762e</t>
  </si>
  <si>
    <t>BU08150929</t>
  </si>
  <si>
    <t>2021BU08150929</t>
  </si>
  <si>
    <t>Verspreide huizen Meren-De Gagel</t>
  </si>
  <si>
    <t>buurt_gegeneraliseerd_2021.2f154a2d-df42-48c1-8278-c2b07a67dcbd</t>
  </si>
  <si>
    <t>BU08151032</t>
  </si>
  <si>
    <t>2021BU08151032</t>
  </si>
  <si>
    <t>Sint Hubert</t>
  </si>
  <si>
    <t>buurt_gegeneraliseerd_2021.f84552b1-d9bd-4752-be06-0519e42d34cd</t>
  </si>
  <si>
    <t>BU08151033</t>
  </si>
  <si>
    <t>2021BU08151033</t>
  </si>
  <si>
    <t>Verspreide huizen Sint Hubert</t>
  </si>
  <si>
    <t>buurt_gegeneraliseerd_2021.60c2e12d-57d5-44de-a6f2-d68283b4b76b</t>
  </si>
  <si>
    <t>BU08151234</t>
  </si>
  <si>
    <t>2021BU08151234</t>
  </si>
  <si>
    <t>Wilbertoord</t>
  </si>
  <si>
    <t>buurt_gegeneraliseerd_2021.2069a4ac-e652-4a6c-897e-12541f5be79d</t>
  </si>
  <si>
    <t>BU08151235</t>
  </si>
  <si>
    <t>2021BU08151235</t>
  </si>
  <si>
    <t>Verspreide huizen Wilbertoord</t>
  </si>
  <si>
    <t>buurt_gegeneraliseerd_2021.dd246a98-de98-4178-8d9e-5a43cfb36f5a</t>
  </si>
  <si>
    <t>BU08151530</t>
  </si>
  <si>
    <t>2021BU08151530</t>
  </si>
  <si>
    <t>Langenboom</t>
  </si>
  <si>
    <t>buurt_gegeneraliseerd_2021.e256a2de-2491-4891-9d14-5e2eb367f71a</t>
  </si>
  <si>
    <t>BU08151531</t>
  </si>
  <si>
    <t>2021BU08151531</t>
  </si>
  <si>
    <t>Verspreide huizen Langenboom</t>
  </si>
  <si>
    <t>buurt_gegeneraliseerd_2021.0d17e68b-9248-4cce-9115-01e360ded9ab</t>
  </si>
  <si>
    <t>BU08200000</t>
  </si>
  <si>
    <t>2021BU08200000</t>
  </si>
  <si>
    <t>Nuenen-Noord</t>
  </si>
  <si>
    <t>GM0820</t>
  </si>
  <si>
    <t>buurt_gegeneraliseerd_2021.24faaa24-27ed-4806-9290-0963a6ebc43d</t>
  </si>
  <si>
    <t>BU08200001</t>
  </si>
  <si>
    <t>2021BU08200001</t>
  </si>
  <si>
    <t>Nuenen-Zuid</t>
  </si>
  <si>
    <t>buurt_gegeneraliseerd_2021.ffaab9c7-af06-43ba-b59c-61c1e1595c0c</t>
  </si>
  <si>
    <t>BU08200002</t>
  </si>
  <si>
    <t>2021BU08200002</t>
  </si>
  <si>
    <t>Nuenen-Oost</t>
  </si>
  <si>
    <t>buurt_gegeneraliseerd_2021.846e6dba-ce70-4d5e-b301-25add82fbbd8</t>
  </si>
  <si>
    <t>BU08200003</t>
  </si>
  <si>
    <t>2021BU08200003</t>
  </si>
  <si>
    <t>Eeneind</t>
  </si>
  <si>
    <t>buurt_gegeneraliseerd_2021.cbd657ef-5c6d-465e-9ddd-14f73b2dc709</t>
  </si>
  <si>
    <t>BU08200008</t>
  </si>
  <si>
    <t>2021BU08200008</t>
  </si>
  <si>
    <t>Verspreide huizen Boord, Opwetten</t>
  </si>
  <si>
    <t>buurt_gegeneraliseerd_2021.955da978-2925-42da-ac9d-d328a23d5f79</t>
  </si>
  <si>
    <t>BU08200009</t>
  </si>
  <si>
    <t>2021BU08200009</t>
  </si>
  <si>
    <t>Verspreide huizen ten zuidoosten van Nuenen</t>
  </si>
  <si>
    <t>buurt_gegeneraliseerd_2021.ef27f9b6-6b0e-4ffa-ad6c-e885bca226ff</t>
  </si>
  <si>
    <t>BU08200100</t>
  </si>
  <si>
    <t>2021BU08200100</t>
  </si>
  <si>
    <t>Gerwen</t>
  </si>
  <si>
    <t>buurt_gegeneraliseerd_2021.ecfcf909-0338-4892-9a14-8aed9b15dee2</t>
  </si>
  <si>
    <t>BU08200109</t>
  </si>
  <si>
    <t>2021BU08200109</t>
  </si>
  <si>
    <t>Verspreide huizen Gerwen</t>
  </si>
  <si>
    <t>buurt_gegeneraliseerd_2021.d0175e16-df67-4216-89fd-d156aaa3d64d</t>
  </si>
  <si>
    <t>BU08200200</t>
  </si>
  <si>
    <t>2021BU08200200</t>
  </si>
  <si>
    <t>Nederwetten</t>
  </si>
  <si>
    <t>buurt_gegeneraliseerd_2021.68d1fb08-8fe1-4a57-a121-282a2aa02748</t>
  </si>
  <si>
    <t>BU08200209</t>
  </si>
  <si>
    <t>2021BU08200209</t>
  </si>
  <si>
    <t>Verspreide huizen Nederwetten</t>
  </si>
  <si>
    <t>buurt_gegeneraliseerd_2021.1f386a3c-f1d7-4fee-abba-c150d9bf8c36</t>
  </si>
  <si>
    <t>BU08230000</t>
  </si>
  <si>
    <t>2021BU08230000</t>
  </si>
  <si>
    <t>Oirschot-Centrum</t>
  </si>
  <si>
    <t>GM0823</t>
  </si>
  <si>
    <t>buurt_gegeneraliseerd_2021.a3b69c62-a6eb-4367-94db-6dff921cda17</t>
  </si>
  <si>
    <t>BU08230001</t>
  </si>
  <si>
    <t>2021BU08230001</t>
  </si>
  <si>
    <t>Oirschot Noordoost</t>
  </si>
  <si>
    <t>buurt_gegeneraliseerd_2021.906318df-4b35-4879-afd5-41db20d3421c</t>
  </si>
  <si>
    <t>BU08230002</t>
  </si>
  <si>
    <t>2021BU08230002</t>
  </si>
  <si>
    <t>De Notel</t>
  </si>
  <si>
    <t>buurt_gegeneraliseerd_2021.50e7ba76-f3a7-44e6-819d-e7fbdb632bef</t>
  </si>
  <si>
    <t>BU08230003</t>
  </si>
  <si>
    <t>2021BU08230003</t>
  </si>
  <si>
    <t>Industrieterrein De Stad</t>
  </si>
  <si>
    <t>buurt_gegeneraliseerd_2021.aa305646-4a9e-4c83-9b57-b2f99de14dee</t>
  </si>
  <si>
    <t>BU08230004</t>
  </si>
  <si>
    <t>2021BU08230004</t>
  </si>
  <si>
    <t>Snepseind en Bijsterveld</t>
  </si>
  <si>
    <t>buurt_gegeneraliseerd_2021.58a8f4b3-a51f-405d-a383-47915d1fd052</t>
  </si>
  <si>
    <t>BU08230005</t>
  </si>
  <si>
    <t>2021BU08230005</t>
  </si>
  <si>
    <t>Straten met Moleneind</t>
  </si>
  <si>
    <t>buurt_gegeneraliseerd_2021.dd932f32-3175-4cf4-8b6b-1a48835dc123</t>
  </si>
  <si>
    <t>BU08230008</t>
  </si>
  <si>
    <t>2021BU08230008</t>
  </si>
  <si>
    <t>Verspreide huizen Zuid-Oirschotse Heide</t>
  </si>
  <si>
    <t>buurt_gegeneraliseerd_2021.522e3927-350a-48b4-a4b3-beeb7277dca5</t>
  </si>
  <si>
    <t>BU08230009</t>
  </si>
  <si>
    <t>2021BU08230009</t>
  </si>
  <si>
    <t>Verspreide huizen Noord en De Mortelen</t>
  </si>
  <si>
    <t>buurt_gegeneraliseerd_2021.ff3b720e-c8fb-4836-8d37-50494198cdf7</t>
  </si>
  <si>
    <t>BU08230100</t>
  </si>
  <si>
    <t>2021BU08230100</t>
  </si>
  <si>
    <t>Spoordonk</t>
  </si>
  <si>
    <t>buurt_gegeneraliseerd_2021.34539b6c-c696-4148-8ef5-cb78df12a31d</t>
  </si>
  <si>
    <t>BU08230109</t>
  </si>
  <si>
    <t>2021BU08230109</t>
  </si>
  <si>
    <t>Verspreide huizen Spoordonk</t>
  </si>
  <si>
    <t>buurt_gegeneraliseerd_2021.819669fa-b133-45fb-9d36-81cc1e5a9c52</t>
  </si>
  <si>
    <t>BU08230200</t>
  </si>
  <si>
    <t>2021BU08230200</t>
  </si>
  <si>
    <t>Middelbeers</t>
  </si>
  <si>
    <t>buurt_gegeneraliseerd_2021.a3ffd7ff-a454-4c90-9635-8b60eb7c419d</t>
  </si>
  <si>
    <t>BU08230208</t>
  </si>
  <si>
    <t>2021BU08230208</t>
  </si>
  <si>
    <t>Verspreide huizen Westelbeers</t>
  </si>
  <si>
    <t>buurt_gegeneraliseerd_2021.e3debd1e-bf76-44e2-8e76-25a49f68db09</t>
  </si>
  <si>
    <t>BU08230209</t>
  </si>
  <si>
    <t>2021BU08230209</t>
  </si>
  <si>
    <t>Verspreide huizen Middelbeers</t>
  </si>
  <si>
    <t>buurt_gegeneraliseerd_2021.690e7a4f-4e1b-4096-8603-7288a922305e</t>
  </si>
  <si>
    <t>BU08230300</t>
  </si>
  <si>
    <t>2021BU08230300</t>
  </si>
  <si>
    <t>Oostelbeers</t>
  </si>
  <si>
    <t>buurt_gegeneraliseerd_2021.a7af4a2c-2eb3-42e7-beb2-cf14f0bed39b</t>
  </si>
  <si>
    <t>BU08230309</t>
  </si>
  <si>
    <t>2021BU08230309</t>
  </si>
  <si>
    <t>Verspreide huizen Oostelbeers</t>
  </si>
  <si>
    <t>buurt_gegeneraliseerd_2021.0af87816-d0aa-4897-b777-9c28b629e1ef</t>
  </si>
  <si>
    <t>BU08260000</t>
  </si>
  <si>
    <t>2021BU08260000</t>
  </si>
  <si>
    <t>GM0826</t>
  </si>
  <si>
    <t>buurt_gegeneraliseerd_2021.55e3c087-df12-42bf-b949-833499fab30a</t>
  </si>
  <si>
    <t>BU08260100</t>
  </si>
  <si>
    <t>2021BU08260100</t>
  </si>
  <si>
    <t>Slotjes-Oost</t>
  </si>
  <si>
    <t>buurt_gegeneraliseerd_2021.75dbb6aa-6eca-4dcb-a0ac-601d17f41343</t>
  </si>
  <si>
    <t>BU08260101</t>
  </si>
  <si>
    <t>2021BU08260101</t>
  </si>
  <si>
    <t>Slotjes-Midden</t>
  </si>
  <si>
    <t>buurt_gegeneraliseerd_2021.4fdfe551-f8d8-443c-8e56-4e4d747e96ef</t>
  </si>
  <si>
    <t>BU08260102</t>
  </si>
  <si>
    <t>2021BU08260102</t>
  </si>
  <si>
    <t>Slotjes-West</t>
  </si>
  <si>
    <t>buurt_gegeneraliseerd_2021.04e714b1-f208-4680-998a-e07709bd3fad</t>
  </si>
  <si>
    <t>BU08260200</t>
  </si>
  <si>
    <t>2021BU08260200</t>
  </si>
  <si>
    <t>Oud-West</t>
  </si>
  <si>
    <t>buurt_gegeneraliseerd_2021.6e4c7801-e7fc-4135-8c4f-974f1ae6115e</t>
  </si>
  <si>
    <t>BU08260201</t>
  </si>
  <si>
    <t>2021BU08260201</t>
  </si>
  <si>
    <t>Kanaleneiland</t>
  </si>
  <si>
    <t>buurt_gegeneraliseerd_2021.be146b83-3d79-4ad0-87ae-84b6b7256889</t>
  </si>
  <si>
    <t>BU08260300</t>
  </si>
  <si>
    <t>2021BU08260300</t>
  </si>
  <si>
    <t>buurt_gegeneraliseerd_2021.8c9229fe-aab0-41a5-9067-4c04aa95c76e</t>
  </si>
  <si>
    <t>BU08260301</t>
  </si>
  <si>
    <t>2021BU08260301</t>
  </si>
  <si>
    <t>buurt_gegeneraliseerd_2021.e680b67c-6a55-48a1-aee4-c7dcb0fa16b0</t>
  </si>
  <si>
    <t>BU08260400</t>
  </si>
  <si>
    <t>2021BU08260400</t>
  </si>
  <si>
    <t>Leijsenakkers</t>
  </si>
  <si>
    <t>buurt_gegeneraliseerd_2021.71dd5254-c6c7-445d-bfdc-eb96b87e2295</t>
  </si>
  <si>
    <t>BU08260401</t>
  </si>
  <si>
    <t>2021BU08260401</t>
  </si>
  <si>
    <t>buurt_gegeneraliseerd_2021.2064726c-3172-4e2f-9ac7-34adcfe5a1a8</t>
  </si>
  <si>
    <t>BU08260500</t>
  </si>
  <si>
    <t>2021BU08260500</t>
  </si>
  <si>
    <t>buurt_gegeneraliseerd_2021.9048b792-799a-4dc4-b4ec-76f149e1faf3</t>
  </si>
  <si>
    <t>BU08260501</t>
  </si>
  <si>
    <t>2021BU08260501</t>
  </si>
  <si>
    <t>buurt_gegeneraliseerd_2021.0d440de7-41cb-426b-9850-a202d4be7e56</t>
  </si>
  <si>
    <t>BU08260502</t>
  </si>
  <si>
    <t>2021BU08260502</t>
  </si>
  <si>
    <t>buurt_gegeneraliseerd_2021.c8410164-3bb6-4f96-9e4e-077a5f803773</t>
  </si>
  <si>
    <t>BU08260503</t>
  </si>
  <si>
    <t>2021BU08260503</t>
  </si>
  <si>
    <t>buurt_gegeneraliseerd_2021.09ecb621-4970-43e2-8612-bbf4abfe4a45</t>
  </si>
  <si>
    <t>BU08260504</t>
  </si>
  <si>
    <t>2021BU08260504</t>
  </si>
  <si>
    <t>De Warande</t>
  </si>
  <si>
    <t>buurt_gegeneraliseerd_2021.494990e3-635c-466a-a305-6d144fe1d30e</t>
  </si>
  <si>
    <t>BU08260505</t>
  </si>
  <si>
    <t>2021BU08260505</t>
  </si>
  <si>
    <t>Paterserf</t>
  </si>
  <si>
    <t>buurt_gegeneraliseerd_2021.e52f5c9d-8d67-4f82-9e22-35539cdfd851</t>
  </si>
  <si>
    <t>BU08260600</t>
  </si>
  <si>
    <t>2021BU08260600</t>
  </si>
  <si>
    <t>buurt_gegeneraliseerd_2021.803aeb28-321c-4724-a01e-ed7892751253</t>
  </si>
  <si>
    <t>BU08260601</t>
  </si>
  <si>
    <t>2021BU08260601</t>
  </si>
  <si>
    <t>buurt_gegeneraliseerd_2021.63cd99da-1570-4d2f-802e-a303cfc546ba</t>
  </si>
  <si>
    <t>BU08260602</t>
  </si>
  <si>
    <t>2021BU08260602</t>
  </si>
  <si>
    <t>Donkenbuurt</t>
  </si>
  <si>
    <t>buurt_gegeneraliseerd_2021.ff0b641f-5c1a-4272-a67e-fd794b31abb3</t>
  </si>
  <si>
    <t>BU08260603</t>
  </si>
  <si>
    <t>2021BU08260603</t>
  </si>
  <si>
    <t>Larenbuurt</t>
  </si>
  <si>
    <t>buurt_gegeneraliseerd_2021.d3258c7e-69d0-4017-b5aa-4700430538a2</t>
  </si>
  <si>
    <t>BU08260604</t>
  </si>
  <si>
    <t>2021BU08260604</t>
  </si>
  <si>
    <t>Beemdenbuurt</t>
  </si>
  <si>
    <t>buurt_gegeneraliseerd_2021.fb581d26-e95b-4322-a540-a74c8c2b0758</t>
  </si>
  <si>
    <t>BU08260605</t>
  </si>
  <si>
    <t>2021BU08260605</t>
  </si>
  <si>
    <t>buurt_gegeneraliseerd_2021.7dfb3234-7bde-4f9d-a03c-e3fb8fe69810</t>
  </si>
  <si>
    <t>BU08260606</t>
  </si>
  <si>
    <t>2021BU08260606</t>
  </si>
  <si>
    <t>Dammenbuurt</t>
  </si>
  <si>
    <t>buurt_gegeneraliseerd_2021.4dd22f36-a410-4ddf-a5b9-927e6024e6f6</t>
  </si>
  <si>
    <t>BU08260607</t>
  </si>
  <si>
    <t>2021BU08260607</t>
  </si>
  <si>
    <t>buurt_gegeneraliseerd_2021.f72f0959-9559-414c-b88a-84acffb83109</t>
  </si>
  <si>
    <t>BU08260700</t>
  </si>
  <si>
    <t>2021BU08260700</t>
  </si>
  <si>
    <t>Vrachelen-Zuidoost</t>
  </si>
  <si>
    <t>buurt_gegeneraliseerd_2021.ee8f931a-b4fc-4b01-b494-b15591663437</t>
  </si>
  <si>
    <t>BU08260701</t>
  </si>
  <si>
    <t>2021BU08260701</t>
  </si>
  <si>
    <t>Vrachelen-Noord</t>
  </si>
  <si>
    <t>buurt_gegeneraliseerd_2021.66f86d87-f35d-4696-84e7-ce24bf51c093</t>
  </si>
  <si>
    <t>BU08260702</t>
  </si>
  <si>
    <t>2021BU08260702</t>
  </si>
  <si>
    <t>Vrachelen-Zuidwest</t>
  </si>
  <si>
    <t>buurt_gegeneraliseerd_2021.2c1450d4-3e2a-43ba-82ab-9053bd5bb84c</t>
  </si>
  <si>
    <t>BU08260703</t>
  </si>
  <si>
    <t>2021BU08260703</t>
  </si>
  <si>
    <t>Vrachelen-Noordwest</t>
  </si>
  <si>
    <t>buurt_gegeneraliseerd_2021.0075e452-9e1f-4c0c-807c-9678d69436bb</t>
  </si>
  <si>
    <t>BU08260800</t>
  </si>
  <si>
    <t>2021BU08260800</t>
  </si>
  <si>
    <t>Industrieterrein Vijf Eiken</t>
  </si>
  <si>
    <t>buurt_gegeneraliseerd_2021.8ad035e1-9678-4d13-8fde-0162a78bc817</t>
  </si>
  <si>
    <t>BU08260801</t>
  </si>
  <si>
    <t>2021BU08260801</t>
  </si>
  <si>
    <t>Industrieterrein Heikant</t>
  </si>
  <si>
    <t>buurt_gegeneraliseerd_2021.8bb57a5e-7929-4f56-8fa5-4d520dd483dd</t>
  </si>
  <si>
    <t>BU08260900</t>
  </si>
  <si>
    <t>2021BU08260900</t>
  </si>
  <si>
    <t>Industrieterrein Statendam</t>
  </si>
  <si>
    <t>buurt_gegeneraliseerd_2021.7aae968f-1ae3-4eee-bc6d-8dede7436b49</t>
  </si>
  <si>
    <t>BU08260901</t>
  </si>
  <si>
    <t>2021BU08260901</t>
  </si>
  <si>
    <t>Industrieterrein Weststad-Zuid</t>
  </si>
  <si>
    <t>buurt_gegeneraliseerd_2021.c7f25192-b512-4651-b7da-fdbc5a421577</t>
  </si>
  <si>
    <t>BU08260902</t>
  </si>
  <si>
    <t>2021BU08260902</t>
  </si>
  <si>
    <t>Industrieterrein Weststad-Noord</t>
  </si>
  <si>
    <t>buurt_gegeneraliseerd_2021.33294050-c7d7-44b2-93e7-45c5c6e80cf6</t>
  </si>
  <si>
    <t>BU08261000</t>
  </si>
  <si>
    <t>2021BU08261000</t>
  </si>
  <si>
    <t>Oranjepolder</t>
  </si>
  <si>
    <t>buurt_gegeneraliseerd_2021.d1d94fab-fdcf-4763-9114-bc639147591b</t>
  </si>
  <si>
    <t>BU08261001</t>
  </si>
  <si>
    <t>2021BU08261001</t>
  </si>
  <si>
    <t>Bosgebied-Oosterhout</t>
  </si>
  <si>
    <t>buurt_gegeneraliseerd_2021.bd2665b9-6869-42aa-acdc-7806ffb80462</t>
  </si>
  <si>
    <t>BU08261100</t>
  </si>
  <si>
    <t>2021BU08261100</t>
  </si>
  <si>
    <t>Den Hout</t>
  </si>
  <si>
    <t>buurt_gegeneraliseerd_2021.ffbc540e-d475-4cae-b3bd-cc95698bd896</t>
  </si>
  <si>
    <t>BU08261109</t>
  </si>
  <si>
    <t>2021BU08261109</t>
  </si>
  <si>
    <t>Buitengebied Den Hout</t>
  </si>
  <si>
    <t>buurt_gegeneraliseerd_2021.43656b24-9e1b-4e7b-a84d-d9252793138f</t>
  </si>
  <si>
    <t>BU08261200</t>
  </si>
  <si>
    <t>2021BU08261200</t>
  </si>
  <si>
    <t>Oosteind</t>
  </si>
  <si>
    <t>buurt_gegeneraliseerd_2021.b2234c43-bbdd-4786-a3cd-d8f2f483793a</t>
  </si>
  <si>
    <t>BU08261208</t>
  </si>
  <si>
    <t>2021BU08261208</t>
  </si>
  <si>
    <t>Buitengebied-Oosteind-Zuid</t>
  </si>
  <si>
    <t>buurt_gegeneraliseerd_2021.99ad0ae6-9bfc-4621-bc60-5ef94374e812</t>
  </si>
  <si>
    <t>BU08261209</t>
  </si>
  <si>
    <t>2021BU08261209</t>
  </si>
  <si>
    <t>Willemspolder</t>
  </si>
  <si>
    <t>buurt_gegeneraliseerd_2021.bc8a1bc8-a71e-4714-9da8-9b924f306309</t>
  </si>
  <si>
    <t>BU08261300</t>
  </si>
  <si>
    <t>2021BU08261300</t>
  </si>
  <si>
    <t>Dorst</t>
  </si>
  <si>
    <t>buurt_gegeneraliseerd_2021.39680172-f9f1-4450-acb7-9dc652f4f12f</t>
  </si>
  <si>
    <t>BU08261307</t>
  </si>
  <si>
    <t>2021BU08261307</t>
  </si>
  <si>
    <t>Buitengebied Dorst-Zuid</t>
  </si>
  <si>
    <t>buurt_gegeneraliseerd_2021.be53d686-097e-4101-9ece-8e85de208b96</t>
  </si>
  <si>
    <t>BU08261308</t>
  </si>
  <si>
    <t>2021BU08261308</t>
  </si>
  <si>
    <t>Bosgebied Dorst</t>
  </si>
  <si>
    <t>buurt_gegeneraliseerd_2021.feefeaf4-d986-4835-a251-79f2d858a95c</t>
  </si>
  <si>
    <t>BU08261309</t>
  </si>
  <si>
    <t>2021BU08261309</t>
  </si>
  <si>
    <t>Steenoven</t>
  </si>
  <si>
    <t>buurt_gegeneraliseerd_2021.617b9d9c-1f6d-46a4-8a2a-97c8b9901358</t>
  </si>
  <si>
    <t>BU08400000</t>
  </si>
  <si>
    <t>2021BU08400000</t>
  </si>
  <si>
    <t>Rucphen</t>
  </si>
  <si>
    <t>GM0840</t>
  </si>
  <si>
    <t>buurt_gegeneraliseerd_2021.f83c2ce6-79c3-48a6-94e5-b2306d581dda</t>
  </si>
  <si>
    <t>BU08400009</t>
  </si>
  <si>
    <t>2021BU08400009</t>
  </si>
  <si>
    <t>Verspreide huizen Rucphen</t>
  </si>
  <si>
    <t>buurt_gegeneraliseerd_2021.668b4986-c0ad-4bc6-bb39-ed799c1002c7</t>
  </si>
  <si>
    <t>BU08400100</t>
  </si>
  <si>
    <t>2021BU08400100</t>
  </si>
  <si>
    <t>Sint Willebrord</t>
  </si>
  <si>
    <t>buurt_gegeneraliseerd_2021.83726a47-1c04-4e99-a9ba-cd977bfc219b</t>
  </si>
  <si>
    <t>BU08400109</t>
  </si>
  <si>
    <t>2021BU08400109</t>
  </si>
  <si>
    <t>Verspreide huizen Sint Willebrord</t>
  </si>
  <si>
    <t>buurt_gegeneraliseerd_2021.bf976fb5-c9df-439f-9003-017bdf83986f</t>
  </si>
  <si>
    <t>BU08400200</t>
  </si>
  <si>
    <t>2021BU08400200</t>
  </si>
  <si>
    <t>Sprundel</t>
  </si>
  <si>
    <t>buurt_gegeneraliseerd_2021.b5335e01-7762-411b-8aaa-7fb44aa3e368</t>
  </si>
  <si>
    <t>BU08400201</t>
  </si>
  <si>
    <t>2021BU08400201</t>
  </si>
  <si>
    <t>Bedrijventerrein De Nijverhei</t>
  </si>
  <si>
    <t>buurt_gegeneraliseerd_2021.48b54470-196f-4b7d-9a65-b32f646b83c0</t>
  </si>
  <si>
    <t>BU08400209</t>
  </si>
  <si>
    <t>2021BU08400209</t>
  </si>
  <si>
    <t>Verspreide huizen Sprundel</t>
  </si>
  <si>
    <t>buurt_gegeneraliseerd_2021.f23a1af9-aabb-4978-b064-14ffcc33dca6</t>
  </si>
  <si>
    <t>BU08400300</t>
  </si>
  <si>
    <t>2021BU08400300</t>
  </si>
  <si>
    <t>Schijf</t>
  </si>
  <si>
    <t>buurt_gegeneraliseerd_2021.6ccaa371-dce4-48f6-9cd0-70aafa4feb6d</t>
  </si>
  <si>
    <t>BU08400309</t>
  </si>
  <si>
    <t>2021BU08400309</t>
  </si>
  <si>
    <t>Verspreide huizen Schijf</t>
  </si>
  <si>
    <t>buurt_gegeneraliseerd_2021.6738a1f5-015e-4677-adfc-b9693b81f302</t>
  </si>
  <si>
    <t>BU08400400</t>
  </si>
  <si>
    <t>2021BU08400400</t>
  </si>
  <si>
    <t>Zegge</t>
  </si>
  <si>
    <t>buurt_gegeneraliseerd_2021.aaa5280b-a320-4d20-9154-a09f1d9d3512</t>
  </si>
  <si>
    <t>BU08400409</t>
  </si>
  <si>
    <t>2021BU08400409</t>
  </si>
  <si>
    <t>Verspreide huizen Zegge</t>
  </si>
  <si>
    <t>buurt_gegeneraliseerd_2021.e8834d17-f62a-4d0c-8da8-f2fb1316e00c</t>
  </si>
  <si>
    <t>BU08450000</t>
  </si>
  <si>
    <t>2021BU08450000</t>
  </si>
  <si>
    <t>Sint-Michielsgestel</t>
  </si>
  <si>
    <t>GM0845</t>
  </si>
  <si>
    <t>buurt_gegeneraliseerd_2021.c74fb2ec-ddc2-44fe-b1bf-10d2fc817f0f</t>
  </si>
  <si>
    <t>BU08450001</t>
  </si>
  <si>
    <t>2021BU08450001</t>
  </si>
  <si>
    <t>Theereheide</t>
  </si>
  <si>
    <t>buurt_gegeneraliseerd_2021.3e540bf3-150d-4663-8088-156482fcb666</t>
  </si>
  <si>
    <t>BU08450002</t>
  </si>
  <si>
    <t>2021BU08450002</t>
  </si>
  <si>
    <t>Venkant, Beekkant en Beekvliet</t>
  </si>
  <si>
    <t>buurt_gegeneraliseerd_2021.c896de22-ef3b-4ea9-aea8-8f1d59522223</t>
  </si>
  <si>
    <t>BU08450003</t>
  </si>
  <si>
    <t>2021BU08450003</t>
  </si>
  <si>
    <t>Halder</t>
  </si>
  <si>
    <t>buurt_gegeneraliseerd_2021.d2b208a7-b80c-4377-9a88-5dd0644aaa54</t>
  </si>
  <si>
    <t>BU08450007</t>
  </si>
  <si>
    <t>2021BU08450007</t>
  </si>
  <si>
    <t>Verspreide huizen Theereheide en Zegenwerp</t>
  </si>
  <si>
    <t>buurt_gegeneraliseerd_2021.d8966b98-125e-44f6-bea0-ee1e8c001af4</t>
  </si>
  <si>
    <t>BU08450008</t>
  </si>
  <si>
    <t>2021BU08450008</t>
  </si>
  <si>
    <t>Verspreide huizen Genenberg</t>
  </si>
  <si>
    <t>buurt_gegeneraliseerd_2021.57d80e36-2b4d-4bb7-8d2b-c29b1452585a</t>
  </si>
  <si>
    <t>BU08450009</t>
  </si>
  <si>
    <t>2021BU08450009</t>
  </si>
  <si>
    <t>Verspreide huizen Sint-Michielsgestelse polders</t>
  </si>
  <si>
    <t>buurt_gegeneraliseerd_2021.17dc019a-7302-48dc-b9cb-5ec1df9f1cc3</t>
  </si>
  <si>
    <t>BU08450100</t>
  </si>
  <si>
    <t>2021BU08450100</t>
  </si>
  <si>
    <t>Gemonde</t>
  </si>
  <si>
    <t>buurt_gegeneraliseerd_2021.d8142d8a-442e-444b-875c-4094d8fd11d7</t>
  </si>
  <si>
    <t>BU08450108</t>
  </si>
  <si>
    <t>2021BU08450108</t>
  </si>
  <si>
    <t>Verspreide huizen ten oosten van Gemonde</t>
  </si>
  <si>
    <t>buurt_gegeneraliseerd_2021.da228a57-ec60-446f-8083-2c045c7afada</t>
  </si>
  <si>
    <t>BU08450109</t>
  </si>
  <si>
    <t>2021BU08450109</t>
  </si>
  <si>
    <t>Verspreide huizen ten westen van Gemonde</t>
  </si>
  <si>
    <t>buurt_gegeneraliseerd_2021.3990023b-1572-4b4f-8230-33bf25d5a682</t>
  </si>
  <si>
    <t>BU08450200</t>
  </si>
  <si>
    <t>2021BU08450200</t>
  </si>
  <si>
    <t>Den Dungen</t>
  </si>
  <si>
    <t>buurt_gegeneraliseerd_2021.90b4bf60-5dbe-4139-b920-1037ac41df8e</t>
  </si>
  <si>
    <t>BU08450201</t>
  </si>
  <si>
    <t>2021BU08450201</t>
  </si>
  <si>
    <t>Maaskantje</t>
  </si>
  <si>
    <t>buurt_gegeneraliseerd_2021.a5c6644e-41f4-4c8f-85e9-29a33ec3af40</t>
  </si>
  <si>
    <t>BU08450207</t>
  </si>
  <si>
    <t>2021BU08450207</t>
  </si>
  <si>
    <t>Verspreide huizen Spurk en 't Woud</t>
  </si>
  <si>
    <t>buurt_gegeneraliseerd_2021.4f8b0f81-6dd6-4008-a5c7-18b662ae40a7</t>
  </si>
  <si>
    <t>BU08450208</t>
  </si>
  <si>
    <t>2021BU08450208</t>
  </si>
  <si>
    <t>Verspreide huizen Poeldonk</t>
  </si>
  <si>
    <t>buurt_gegeneraliseerd_2021.4868964f-bdb5-4e07-b9a6-c96db1645b42</t>
  </si>
  <si>
    <t>BU08450209</t>
  </si>
  <si>
    <t>2021BU08450209</t>
  </si>
  <si>
    <t>Verspreide huizen Maaskantje</t>
  </si>
  <si>
    <t>buurt_gegeneraliseerd_2021.3c95af3a-c6cd-44ef-9842-779c94f98128</t>
  </si>
  <si>
    <t>BU08450300</t>
  </si>
  <si>
    <t>2021BU08450300</t>
  </si>
  <si>
    <t>Berlicum</t>
  </si>
  <si>
    <t>buurt_gegeneraliseerd_2021.e0ec0577-036f-4b11-bb76-fec005620c25</t>
  </si>
  <si>
    <t>BU08450301</t>
  </si>
  <si>
    <t>2021BU08450301</t>
  </si>
  <si>
    <t>Westakkers</t>
  </si>
  <si>
    <t>buurt_gegeneraliseerd_2021.35029eb7-487f-4ec1-a3ee-f2a4739bad0d</t>
  </si>
  <si>
    <t>BU08450302</t>
  </si>
  <si>
    <t>2021BU08450302</t>
  </si>
  <si>
    <t>Westerbroek en Beekveld</t>
  </si>
  <si>
    <t>buurt_gegeneraliseerd_2021.1b2944f6-96ff-4907-9112-eb655c9da4cd</t>
  </si>
  <si>
    <t>BU08450308</t>
  </si>
  <si>
    <t>2021BU08450308</t>
  </si>
  <si>
    <t>Verspreide huizen Beekveld-Hersend</t>
  </si>
  <si>
    <t>buurt_gegeneraliseerd_2021.9ed525c5-b33e-41e6-bb02-e1497f402819</t>
  </si>
  <si>
    <t>BU08450309</t>
  </si>
  <si>
    <t>2021BU08450309</t>
  </si>
  <si>
    <t>Verspreide huizen ten noorden van Berlicum</t>
  </si>
  <si>
    <t>buurt_gegeneraliseerd_2021.cb6fbcef-75df-4cb6-826d-e53a573735dd</t>
  </si>
  <si>
    <t>BU08450400</t>
  </si>
  <si>
    <t>2021BU08450400</t>
  </si>
  <si>
    <t>Middelrode</t>
  </si>
  <si>
    <t>buurt_gegeneraliseerd_2021.65e8e9b6-4773-4f62-82eb-778dcea90be0</t>
  </si>
  <si>
    <t>BU08450408</t>
  </si>
  <si>
    <t>2021BU08450408</t>
  </si>
  <si>
    <t>Verspreide huizen Middelrode</t>
  </si>
  <si>
    <t>buurt_gegeneraliseerd_2021.e87c4da8-1452-4714-a30a-fc64167b5e1f</t>
  </si>
  <si>
    <t>BU08450409</t>
  </si>
  <si>
    <t>2021BU08450409</t>
  </si>
  <si>
    <t>Verspreide huizen Heikantse Hoeve</t>
  </si>
  <si>
    <t>buurt_gegeneraliseerd_2021.dc85542c-7e13-4277-8c70-198a0580fb11</t>
  </si>
  <si>
    <t>BU08470000</t>
  </si>
  <si>
    <t>2021BU08470000</t>
  </si>
  <si>
    <t>Someren</t>
  </si>
  <si>
    <t>GM0847</t>
  </si>
  <si>
    <t>buurt_gegeneraliseerd_2021.85c422d6-dc76-4bfd-9eec-e509865fd3dd</t>
  </si>
  <si>
    <t>BU08470008</t>
  </si>
  <si>
    <t>2021BU08470008</t>
  </si>
  <si>
    <t>buurt_gegeneraliseerd_2021.bbfb889d-1049-419e-b8e6-88e638084620</t>
  </si>
  <si>
    <t>BU08470009</t>
  </si>
  <si>
    <t>2021BU08470009</t>
  </si>
  <si>
    <t>Verspreide huizen Slieven</t>
  </si>
  <si>
    <t>buurt_gegeneraliseerd_2021.d1555160-43ac-41b4-8bd9-502f02bfd840</t>
  </si>
  <si>
    <t>BU08470100</t>
  </si>
  <si>
    <t>2021BU08470100</t>
  </si>
  <si>
    <t>Lierop</t>
  </si>
  <si>
    <t>buurt_gegeneraliseerd_2021.f2685e87-7569-46da-a611-4e6bd1f0d516</t>
  </si>
  <si>
    <t>BU08470108</t>
  </si>
  <si>
    <t>2021BU08470108</t>
  </si>
  <si>
    <t>Verspreide huizen Meerven</t>
  </si>
  <si>
    <t>buurt_gegeneraliseerd_2021.5abbb089-08ac-4731-aa35-60fe44150e94</t>
  </si>
  <si>
    <t>BU08470109</t>
  </si>
  <si>
    <t>2021BU08470109</t>
  </si>
  <si>
    <t>Verspreide huizen Hersel</t>
  </si>
  <si>
    <t>buurt_gegeneraliseerd_2021.52012851-e9b5-42dd-a75e-b38df1db9eb2</t>
  </si>
  <si>
    <t>BU08470200</t>
  </si>
  <si>
    <t>2021BU08470200</t>
  </si>
  <si>
    <t>Someren-Eind</t>
  </si>
  <si>
    <t>buurt_gegeneraliseerd_2021.d92fc351-cbda-4814-a0e6-07ebcb873ebc</t>
  </si>
  <si>
    <t>BU08470208</t>
  </si>
  <si>
    <t>2021BU08470208</t>
  </si>
  <si>
    <t>Verspreide huizen Sluis 12/13</t>
  </si>
  <si>
    <t>buurt_gegeneraliseerd_2021.9955030a-f96d-45f2-ba09-40588ce7c363</t>
  </si>
  <si>
    <t>BU08470209</t>
  </si>
  <si>
    <t>2021BU08470209</t>
  </si>
  <si>
    <t>Verspreide huizen Diepenhoek</t>
  </si>
  <si>
    <t>buurt_gegeneraliseerd_2021.863bc36e-ce34-4f3c-9f8f-1e0cb2e495b4</t>
  </si>
  <si>
    <t>BU08470300</t>
  </si>
  <si>
    <t>2021BU08470300</t>
  </si>
  <si>
    <t>Somerense Heide</t>
  </si>
  <si>
    <t>buurt_gegeneraliseerd_2021.0fb3b5b3-370e-40d1-aa00-813a887638ac</t>
  </si>
  <si>
    <t>BU08470309</t>
  </si>
  <si>
    <t>2021BU08470309</t>
  </si>
  <si>
    <t>Verspreide huizen Somerense Heide</t>
  </si>
  <si>
    <t>buurt_gegeneraliseerd_2021.359fafdd-3a5b-4de2-9649-a1dc8163a75d</t>
  </si>
  <si>
    <t>BU08470909</t>
  </si>
  <si>
    <t>2021BU08470909</t>
  </si>
  <si>
    <t>Verspreide huizen Lungendonk</t>
  </si>
  <si>
    <t>buurt_gegeneraliseerd_2021.824b7a72-c82b-45e7-8713-98220b485afb</t>
  </si>
  <si>
    <t>BU08480000</t>
  </si>
  <si>
    <t>2021BU08480000</t>
  </si>
  <si>
    <t>Son</t>
  </si>
  <si>
    <t>GM0848</t>
  </si>
  <si>
    <t>buurt_gegeneraliseerd_2021.36ba1168-1fa1-456d-8f72-51564e363a5a</t>
  </si>
  <si>
    <t>BU08480001</t>
  </si>
  <si>
    <t>2021BU08480001</t>
  </si>
  <si>
    <t>De Gentiaan</t>
  </si>
  <si>
    <t>buurt_gegeneraliseerd_2021.e6ef1e36-794e-469d-9d00-978713a53fba</t>
  </si>
  <si>
    <t>BU08480002</t>
  </si>
  <si>
    <t>2021BU08480002</t>
  </si>
  <si>
    <t>Industrieterrein Ekkersrijt</t>
  </si>
  <si>
    <t>buurt_gegeneraliseerd_2021.79428301-b7a0-439a-a514-4d834eae0793</t>
  </si>
  <si>
    <t>BU08480003</t>
  </si>
  <si>
    <t>2021BU08480003</t>
  </si>
  <si>
    <t>'t Zand</t>
  </si>
  <si>
    <t>buurt_gegeneraliseerd_2021.cb7faece-5adf-4ff0-948b-2b0e883ca1c0</t>
  </si>
  <si>
    <t>BU08480009</t>
  </si>
  <si>
    <t>2021BU08480009</t>
  </si>
  <si>
    <t>Verspreide huizen Son</t>
  </si>
  <si>
    <t>buurt_gegeneraliseerd_2021.e4da5343-1357-4ba5-b77e-ba62c11788f9</t>
  </si>
  <si>
    <t>BU08480100</t>
  </si>
  <si>
    <t>2021BU08480100</t>
  </si>
  <si>
    <t>Breugel</t>
  </si>
  <si>
    <t>buurt_gegeneraliseerd_2021.5e515a40-e3fe-43d2-b203-ceb8da06e98f</t>
  </si>
  <si>
    <t>BU08480101</t>
  </si>
  <si>
    <t>2021BU08480101</t>
  </si>
  <si>
    <t>'t Eigen en Hoogstraat</t>
  </si>
  <si>
    <t>buurt_gegeneraliseerd_2021.9e93ddc0-1b7d-4b35-831f-d146b7228ef2</t>
  </si>
  <si>
    <t>BU08480109</t>
  </si>
  <si>
    <t>2021BU08480109</t>
  </si>
  <si>
    <t>Verspreide huizen Breugel</t>
  </si>
  <si>
    <t>buurt_gegeneraliseerd_2021.f427314b-69bd-4c65-908b-dd98ab08a843</t>
  </si>
  <si>
    <t>BU08510000</t>
  </si>
  <si>
    <t>2021BU08510000</t>
  </si>
  <si>
    <t>Steenbergen-Centrum</t>
  </si>
  <si>
    <t>GM0851</t>
  </si>
  <si>
    <t>buurt_gegeneraliseerd_2021.a90b5a0d-2a52-4b16-b2ca-bd102ec5df7a</t>
  </si>
  <si>
    <t>BU08510001</t>
  </si>
  <si>
    <t>2021BU08510001</t>
  </si>
  <si>
    <t>Welberg</t>
  </si>
  <si>
    <t>buurt_gegeneraliseerd_2021.036436be-d903-4201-b859-408b9882cbd1</t>
  </si>
  <si>
    <t>BU08510002</t>
  </si>
  <si>
    <t>2021BU08510002</t>
  </si>
  <si>
    <t>Steenbergen-Zuid</t>
  </si>
  <si>
    <t>buurt_gegeneraliseerd_2021.302d7d80-8d77-462c-bb78-6cc1ca2967b5</t>
  </si>
  <si>
    <t>BU08510003</t>
  </si>
  <si>
    <t>2021BU08510003</t>
  </si>
  <si>
    <t>Steenbergen-Noord</t>
  </si>
  <si>
    <t>buurt_gegeneraliseerd_2021.2aa3a73d-2d54-49e4-a1f5-8bf68faa4883</t>
  </si>
  <si>
    <t>BU08510004</t>
  </si>
  <si>
    <t>2021BU08510004</t>
  </si>
  <si>
    <t>Industrieterrein Reinierpolder</t>
  </si>
  <si>
    <t>buurt_gegeneraliseerd_2021.0dd3ebeb-271e-404f-9722-49f088c631b9</t>
  </si>
  <si>
    <t>BU08510007</t>
  </si>
  <si>
    <t>2021BU08510007</t>
  </si>
  <si>
    <t>Graaf Hendrik- en Triangelpolder</t>
  </si>
  <si>
    <t>buurt_gegeneraliseerd_2021.8e43e291-5f1e-4c4d-a907-a21fc736bf28</t>
  </si>
  <si>
    <t>BU08510008</t>
  </si>
  <si>
    <t>2021BU08510008</t>
  </si>
  <si>
    <t>Westelijke polders</t>
  </si>
  <si>
    <t>buurt_gegeneraliseerd_2021.c301975e-daef-4685-984c-77055b2e8f75</t>
  </si>
  <si>
    <t>BU08510009</t>
  </si>
  <si>
    <t>2021BU08510009</t>
  </si>
  <si>
    <t>Het Oudland</t>
  </si>
  <si>
    <t>buurt_gegeneraliseerd_2021.c7d42a74-0f87-49b7-850e-0e76f92da376</t>
  </si>
  <si>
    <t>BU08510100</t>
  </si>
  <si>
    <t>2021BU08510100</t>
  </si>
  <si>
    <t>Kruisland</t>
  </si>
  <si>
    <t>buurt_gegeneraliseerd_2021.5b7e5622-3c6a-4889-a775-9acfe75dbd1a</t>
  </si>
  <si>
    <t>BU08510109</t>
  </si>
  <si>
    <t>2021BU08510109</t>
  </si>
  <si>
    <t>Kruislandse polders</t>
  </si>
  <si>
    <t>buurt_gegeneraliseerd_2021.c388422e-ff10-4645-ab46-194947701abe</t>
  </si>
  <si>
    <t>BU08510200</t>
  </si>
  <si>
    <t>2021BU08510200</t>
  </si>
  <si>
    <t>De Heen</t>
  </si>
  <si>
    <t>buurt_gegeneraliseerd_2021.d23556c6-80c9-499a-b904-b57799dbda99</t>
  </si>
  <si>
    <t>BU08510209</t>
  </si>
  <si>
    <t>2021BU08510209</t>
  </si>
  <si>
    <t>Heense polders</t>
  </si>
  <si>
    <t>buurt_gegeneraliseerd_2021.0e170fb2-4d07-4cfa-bbee-f92ac044ffed</t>
  </si>
  <si>
    <t>BU08510300</t>
  </si>
  <si>
    <t>2021BU08510300</t>
  </si>
  <si>
    <t>Dinteloord</t>
  </si>
  <si>
    <t>buurt_gegeneraliseerd_2021.bc913db2-95a4-446c-97b8-bc7202184fde</t>
  </si>
  <si>
    <t>BU08510301</t>
  </si>
  <si>
    <t>2021BU08510301</t>
  </si>
  <si>
    <t>Boompjesdijk</t>
  </si>
  <si>
    <t>buurt_gegeneraliseerd_2021.41d7da40-43bb-4865-9b89-cedb813e46d9</t>
  </si>
  <si>
    <t>BU08510308</t>
  </si>
  <si>
    <t>2021BU08510308</t>
  </si>
  <si>
    <t>buurt_gegeneraliseerd_2021.c0e487ba-7fba-4ffb-b9e1-b7d6693c9ac3</t>
  </si>
  <si>
    <t>BU08510309</t>
  </si>
  <si>
    <t>2021BU08510309</t>
  </si>
  <si>
    <t>buurt_gegeneraliseerd_2021.0897d993-3894-4868-a606-802b430943e0</t>
  </si>
  <si>
    <t>BU08510400</t>
  </si>
  <si>
    <t>2021BU08510400</t>
  </si>
  <si>
    <t>Nieuw-Vossemeer</t>
  </si>
  <si>
    <t>buurt_gegeneraliseerd_2021.4f8568da-7c54-4486-9f25-a28fc4756a0b</t>
  </si>
  <si>
    <t>BU08510409</t>
  </si>
  <si>
    <t>2021BU08510409</t>
  </si>
  <si>
    <t>Verspreide huizen waaronder Pelsendijk en Rolaf</t>
  </si>
  <si>
    <t>buurt_gegeneraliseerd_2021.98b51d8d-46ee-4998-9244-3c8d8feab5ba</t>
  </si>
  <si>
    <t>BU08520000</t>
  </si>
  <si>
    <t>2021BU08520000</t>
  </si>
  <si>
    <t>Monnickendam</t>
  </si>
  <si>
    <t>GM0852</t>
  </si>
  <si>
    <t>buurt_gegeneraliseerd_2021.3152ecf7-261e-4627-b9ce-9cadce67cb80</t>
  </si>
  <si>
    <t>BU08520001</t>
  </si>
  <si>
    <t>2021BU08520001</t>
  </si>
  <si>
    <t>buurt_gegeneraliseerd_2021.fe0c7f4f-8ed8-4e8f-8bcf-4a4ccb12f87a</t>
  </si>
  <si>
    <t>BU08520002</t>
  </si>
  <si>
    <t>2021BU08520002</t>
  </si>
  <si>
    <t>Markgouw</t>
  </si>
  <si>
    <t>buurt_gegeneraliseerd_2021.fa8c5073-b0dd-4769-99c1-985d0fe58e02</t>
  </si>
  <si>
    <t>BU08520003</t>
  </si>
  <si>
    <t>2021BU08520003</t>
  </si>
  <si>
    <t>Ringshemmen</t>
  </si>
  <si>
    <t>buurt_gegeneraliseerd_2021.4ffe4d51-098b-435c-b9f2-ae3042d76b25</t>
  </si>
  <si>
    <t>BU08520004</t>
  </si>
  <si>
    <t>2021BU08520004</t>
  </si>
  <si>
    <t>Ooster Ee</t>
  </si>
  <si>
    <t>buurt_gegeneraliseerd_2021.4f12f136-21e9-4873-936a-2037b54d1485</t>
  </si>
  <si>
    <t>BU08520005</t>
  </si>
  <si>
    <t>2021BU08520005</t>
  </si>
  <si>
    <t>'t Spil</t>
  </si>
  <si>
    <t>buurt_gegeneraliseerd_2021.620bcd1a-2906-403b-9dd8-e33c2187cb8b</t>
  </si>
  <si>
    <t>BU08520006</t>
  </si>
  <si>
    <t>2021BU08520006</t>
  </si>
  <si>
    <t>Binnengouw</t>
  </si>
  <si>
    <t>buurt_gegeneraliseerd_2021.e075914e-b80d-4702-b0da-d7210cbc9421</t>
  </si>
  <si>
    <t>BU08520007</t>
  </si>
  <si>
    <t>2021BU08520007</t>
  </si>
  <si>
    <t>Buitengouw</t>
  </si>
  <si>
    <t>buurt_gegeneraliseerd_2021.959aff95-9b40-460a-ac01-0da0e8988d59</t>
  </si>
  <si>
    <t>BU08520009</t>
  </si>
  <si>
    <t>2021BU08520009</t>
  </si>
  <si>
    <t>buurt_gegeneraliseerd_2021.0350159c-ed6d-45d2-8287-a5013dcd4fdf</t>
  </si>
  <si>
    <t>BU08520010</t>
  </si>
  <si>
    <t>2021BU08520010</t>
  </si>
  <si>
    <t>De Purmer (gedeeltelijk)</t>
  </si>
  <si>
    <t>buurt_gegeneraliseerd_2021.8d0a51bb-8fec-4b92-ac84-ddaf06c6d0e8</t>
  </si>
  <si>
    <t>BU08520100</t>
  </si>
  <si>
    <t>2021BU08520100</t>
  </si>
  <si>
    <t>Katwoude</t>
  </si>
  <si>
    <t>buurt_gegeneraliseerd_2021.6eb53e0c-6d74-47f9-85f9-f5cc647dffb3</t>
  </si>
  <si>
    <t>BU08520200</t>
  </si>
  <si>
    <t>2021BU08520200</t>
  </si>
  <si>
    <t>Havenbuurt en Kerkbuurt</t>
  </si>
  <si>
    <t>buurt_gegeneraliseerd_2021.ad86ed39-b8da-48dd-a11a-2b7e314901c6</t>
  </si>
  <si>
    <t>BU08520201</t>
  </si>
  <si>
    <t>2021BU08520201</t>
  </si>
  <si>
    <t>Verspreide huizen Op de Werven ten zuiden van kanaal</t>
  </si>
  <si>
    <t>buurt_gegeneraliseerd_2021.465ae576-2d34-4799-b8c3-07c6e5aa8356</t>
  </si>
  <si>
    <t>BU08520300</t>
  </si>
  <si>
    <t>2021BU08520300</t>
  </si>
  <si>
    <t>Broek in Waterland</t>
  </si>
  <si>
    <t>buurt_gegeneraliseerd_2021.0a5d606b-b1cc-4700-9ce3-26a3239ce501</t>
  </si>
  <si>
    <t>BU08520301</t>
  </si>
  <si>
    <t>2021BU08520301</t>
  </si>
  <si>
    <t>Zuiderwoude</t>
  </si>
  <si>
    <t>buurt_gegeneraliseerd_2021.3923684d-92e8-4829-aa42-fc7c72f4bfa3</t>
  </si>
  <si>
    <t>BU08520302</t>
  </si>
  <si>
    <t>2021BU08520302</t>
  </si>
  <si>
    <t>Uitdam</t>
  </si>
  <si>
    <t>buurt_gegeneraliseerd_2021.8ca6c0b5-aa98-4774-a23f-e7bc4bf10c40</t>
  </si>
  <si>
    <t>BU08520400</t>
  </si>
  <si>
    <t>2021BU08520400</t>
  </si>
  <si>
    <t>Ilpendam</t>
  </si>
  <si>
    <t>buurt_gegeneraliseerd_2021.28c1c196-c0b0-4f7b-b987-5f83fc349df2</t>
  </si>
  <si>
    <t>BU08520401</t>
  </si>
  <si>
    <t>2021BU08520401</t>
  </si>
  <si>
    <t>buurt_gegeneraliseerd_2021.7267b60b-d2a9-4a6f-a843-5b816115eb2a</t>
  </si>
  <si>
    <t>BU08520500</t>
  </si>
  <si>
    <t>2021BU08520500</t>
  </si>
  <si>
    <t>Watergang</t>
  </si>
  <si>
    <t>buurt_gegeneraliseerd_2021.0a8d89f8-bd02-4d83-a828-afad49b5f7fc</t>
  </si>
  <si>
    <t>BU08560101</t>
  </si>
  <si>
    <t>2021BU08560101</t>
  </si>
  <si>
    <t>GM0856</t>
  </si>
  <si>
    <t>buurt_gegeneraliseerd_2021.c7d0db77-f4e0-47da-90a5-29a6db7070f7</t>
  </si>
  <si>
    <t>BU08560102</t>
  </si>
  <si>
    <t>2021BU08560102</t>
  </si>
  <si>
    <t>Bogerd-Vijfhuis</t>
  </si>
  <si>
    <t>buurt_gegeneraliseerd_2021.8d74cdaf-2d96-403d-8170-829c17236924</t>
  </si>
  <si>
    <t>BU08560103</t>
  </si>
  <si>
    <t>2021BU08560103</t>
  </si>
  <si>
    <t>Moleneind-Groenewoud</t>
  </si>
  <si>
    <t>buurt_gegeneraliseerd_2021.dac2b4ed-2b27-404c-bb24-6dd89fdb420d</t>
  </si>
  <si>
    <t>BU08560104</t>
  </si>
  <si>
    <t>2021BU08560104</t>
  </si>
  <si>
    <t>Flatwijk</t>
  </si>
  <si>
    <t>buurt_gegeneraliseerd_2021.72b1c8dd-b0a0-417d-9fb1-97ccaeae679c</t>
  </si>
  <si>
    <t>BU08560105</t>
  </si>
  <si>
    <t>2021BU08560105</t>
  </si>
  <si>
    <t>Bitswijk</t>
  </si>
  <si>
    <t>buurt_gegeneraliseerd_2021.e07e546e-8e46-4f10-a6fc-093357393987</t>
  </si>
  <si>
    <t>BU08560106</t>
  </si>
  <si>
    <t>2021BU08560106</t>
  </si>
  <si>
    <t>Hoevenseveld</t>
  </si>
  <si>
    <t>buurt_gegeneraliseerd_2021.d9fed7af-9a35-431d-922a-3d6e351e3da6</t>
  </si>
  <si>
    <t>BU08560107</t>
  </si>
  <si>
    <t>2021BU08560107</t>
  </si>
  <si>
    <t>Schutveld</t>
  </si>
  <si>
    <t>buurt_gegeneraliseerd_2021.f6a0a149-190c-458a-86bd-697886082a05</t>
  </si>
  <si>
    <t>BU08560108</t>
  </si>
  <si>
    <t>2021BU08560108</t>
  </si>
  <si>
    <t>Buurtschap Hoeven</t>
  </si>
  <si>
    <t>buurt_gegeneraliseerd_2021.21d1ccd0-c645-40ae-95fc-d350536046f5</t>
  </si>
  <si>
    <t>BU08560109</t>
  </si>
  <si>
    <t>2021BU08560109</t>
  </si>
  <si>
    <t>Hoeven</t>
  </si>
  <si>
    <t>buurt_gegeneraliseerd_2021.9081c608-8a7a-4b9c-886a-f6cbc75a2431</t>
  </si>
  <si>
    <t>BU08560110</t>
  </si>
  <si>
    <t>2021BU08560110</t>
  </si>
  <si>
    <t>Melle</t>
  </si>
  <si>
    <t>buurt_gegeneraliseerd_2021.a8992a8b-ef13-4348-9bd3-6d2085df3d91</t>
  </si>
  <si>
    <t>BU08560111</t>
  </si>
  <si>
    <t>2021BU08560111</t>
  </si>
  <si>
    <t>Raam</t>
  </si>
  <si>
    <t>buurt_gegeneraliseerd_2021.5b9b19ce-8889-4219-bc63-487920510313</t>
  </si>
  <si>
    <t>BU08560112</t>
  </si>
  <si>
    <t>2021BU08560112</t>
  </si>
  <si>
    <t>Sportpark Volkelseweg</t>
  </si>
  <si>
    <t>buurt_gegeneraliseerd_2021.1ee196f6-1731-469e-abfc-2d6b712916bf</t>
  </si>
  <si>
    <t>BU08560113</t>
  </si>
  <si>
    <t>2021BU08560113</t>
  </si>
  <si>
    <t>Zoggel</t>
  </si>
  <si>
    <t>buurt_gegeneraliseerd_2021.5648338f-560f-4d41-a983-0ed3b350d6df</t>
  </si>
  <si>
    <t>BU08560114</t>
  </si>
  <si>
    <t>2021BU08560114</t>
  </si>
  <si>
    <t>Vluchtoord</t>
  </si>
  <si>
    <t>buurt_gegeneraliseerd_2021.c658e213-ec36-42e1-9f3d-de45648b1880</t>
  </si>
  <si>
    <t>BU08560115</t>
  </si>
  <si>
    <t>2021BU08560115</t>
  </si>
  <si>
    <t>Loopkant-Liessent-Goorkens</t>
  </si>
  <si>
    <t>buurt_gegeneraliseerd_2021.3c926658-e83d-40a5-b77d-f984d02940c7</t>
  </si>
  <si>
    <t>BU08560116</t>
  </si>
  <si>
    <t>2021BU08560116</t>
  </si>
  <si>
    <t>Hoenderbos-Velmolen</t>
  </si>
  <si>
    <t>buurt_gegeneraliseerd_2021.d3f63698-44df-4902-9705-9f8e0017dde5</t>
  </si>
  <si>
    <t>BU08560117</t>
  </si>
  <si>
    <t>2021BU08560117</t>
  </si>
  <si>
    <t>Eikenheuvel</t>
  </si>
  <si>
    <t>buurt_gegeneraliseerd_2021.ccfb607a-8073-41a4-8eeb-bee6b2f6a74d</t>
  </si>
  <si>
    <t>BU08560196</t>
  </si>
  <si>
    <t>2021BU08560196</t>
  </si>
  <si>
    <t>Buitengebied Uden-Oost</t>
  </si>
  <si>
    <t>buurt_gegeneraliseerd_2021.aed1e15c-14f9-42b9-b945-df42b47736fa</t>
  </si>
  <si>
    <t>BU08560197</t>
  </si>
  <si>
    <t>2021BU08560197</t>
  </si>
  <si>
    <t>Buitengebied Uden-Zuid</t>
  </si>
  <si>
    <t>buurt_gegeneraliseerd_2021.b61901b8-2e8c-4d1f-8ba4-8f966c1664d3</t>
  </si>
  <si>
    <t>BU08560198</t>
  </si>
  <si>
    <t>2021BU08560198</t>
  </si>
  <si>
    <t>Buitengebied Uden-West</t>
  </si>
  <si>
    <t>buurt_gegeneraliseerd_2021.5320aa21-641c-44ac-9d95-401ee7f69350</t>
  </si>
  <si>
    <t>BU08560199</t>
  </si>
  <si>
    <t>2021BU08560199</t>
  </si>
  <si>
    <t>Buitengebied Maashorst</t>
  </si>
  <si>
    <t>buurt_gegeneraliseerd_2021.daff9f3b-d7e4-4575-aa27-a00153bc0d93</t>
  </si>
  <si>
    <t>BU08560201</t>
  </si>
  <si>
    <t>2021BU08560201</t>
  </si>
  <si>
    <t>Kom Volkel</t>
  </si>
  <si>
    <t>buurt_gegeneraliseerd_2021.4a19bb0f-3acb-43f2-a7a9-0f5b24b1483d</t>
  </si>
  <si>
    <t>BU08560298</t>
  </si>
  <si>
    <t>2021BU08560298</t>
  </si>
  <si>
    <t>Vliegbasis Volkel</t>
  </si>
  <si>
    <t>buurt_gegeneraliseerd_2021.a8f9ca26-2caf-4363-87bb-47437df8cc83</t>
  </si>
  <si>
    <t>BU08560299</t>
  </si>
  <si>
    <t>2021BU08560299</t>
  </si>
  <si>
    <t>Buitengebied-Volkel</t>
  </si>
  <si>
    <t>buurt_gegeneraliseerd_2021.e14084f8-ab2e-476d-9748-27bfe4197b58</t>
  </si>
  <si>
    <t>BU08560301</t>
  </si>
  <si>
    <t>2021BU08560301</t>
  </si>
  <si>
    <t>Odiliapeel</t>
  </si>
  <si>
    <t>buurt_gegeneraliseerd_2021.eac97f8f-d923-430d-ba17-661e32c8635c</t>
  </si>
  <si>
    <t>BU08560399</t>
  </si>
  <si>
    <t>2021BU08560399</t>
  </si>
  <si>
    <t>Buitengebied-Odiliapeel</t>
  </si>
  <si>
    <t>buurt_gegeneraliseerd_2021.7ae903a1-9c4b-401d-bf7f-cfbd3ed44c31</t>
  </si>
  <si>
    <t>BU08580000</t>
  </si>
  <si>
    <t>2021BU08580000</t>
  </si>
  <si>
    <t>GM0858</t>
  </si>
  <si>
    <t>buurt_gegeneraliseerd_2021.e8e18fb3-856d-4e69-a068-f520796dbafc</t>
  </si>
  <si>
    <t>BU08580001</t>
  </si>
  <si>
    <t>2021BU08580001</t>
  </si>
  <si>
    <t>Geenhoven</t>
  </si>
  <si>
    <t>buurt_gegeneraliseerd_2021.da01b8fa-ce35-45fe-ae24-afb63bdec8a1</t>
  </si>
  <si>
    <t>BU08580002</t>
  </si>
  <si>
    <t>2021BU08580002</t>
  </si>
  <si>
    <t>Turfberg-Noord</t>
  </si>
  <si>
    <t>buurt_gegeneraliseerd_2021.d280d8cc-52e9-4d21-bfb6-020486238431</t>
  </si>
  <si>
    <t>BU08580003</t>
  </si>
  <si>
    <t>2021BU08580003</t>
  </si>
  <si>
    <t>Turfberg-Zuid</t>
  </si>
  <si>
    <t>buurt_gegeneraliseerd_2021.0ab7eeb5-9bf9-411d-82a4-b8e996efbb58</t>
  </si>
  <si>
    <t>BU08580004</t>
  </si>
  <si>
    <t>2021BU08580004</t>
  </si>
  <si>
    <t>Hoge Akkers</t>
  </si>
  <si>
    <t>buurt_gegeneraliseerd_2021.7d9cf09e-adab-4b36-8c82-3990ff5e6428</t>
  </si>
  <si>
    <t>BU08580005</t>
  </si>
  <si>
    <t>2021BU08580005</t>
  </si>
  <si>
    <t>Kerkakkers</t>
  </si>
  <si>
    <t>buurt_gegeneraliseerd_2021.5507fe89-39c4-46cd-9181-c267488c34fc</t>
  </si>
  <si>
    <t>BU08580006</t>
  </si>
  <si>
    <t>2021BU08580006</t>
  </si>
  <si>
    <t>Het Gegraaf</t>
  </si>
  <si>
    <t>buurt_gegeneraliseerd_2021.fbe28499-deb4-44d3-9cfb-5b0542d0885f</t>
  </si>
  <si>
    <t>BU08580007</t>
  </si>
  <si>
    <t>2021BU08580007</t>
  </si>
  <si>
    <t>Industrieterrein Schaapsloop</t>
  </si>
  <si>
    <t>buurt_gegeneraliseerd_2021.168d6837-7a71-4805-afa6-162549a00d52</t>
  </si>
  <si>
    <t>BU08580009</t>
  </si>
  <si>
    <t>2021BU08580009</t>
  </si>
  <si>
    <t>Verspreide huizen Turfbergse Heide Nederheide</t>
  </si>
  <si>
    <t>buurt_gegeneraliseerd_2021.366cc57f-af37-4343-87de-7eb5213bb8df</t>
  </si>
  <si>
    <t>BU08580100</t>
  </si>
  <si>
    <t>2021BU08580100</t>
  </si>
  <si>
    <t>De Belleman</t>
  </si>
  <si>
    <t>buurt_gegeneraliseerd_2021.a38d3bf5-99a7-4c4e-9292-c067cbf703ca</t>
  </si>
  <si>
    <t>BU08580101</t>
  </si>
  <si>
    <t>2021BU08580101</t>
  </si>
  <si>
    <t>Agnetendal</t>
  </si>
  <si>
    <t>buurt_gegeneraliseerd_2021.b4905d22-e776-4623-a013-d78eac93d60f</t>
  </si>
  <si>
    <t>BU08580102</t>
  </si>
  <si>
    <t>2021BU08580102</t>
  </si>
  <si>
    <t>Schepelweijen</t>
  </si>
  <si>
    <t>buurt_gegeneraliseerd_2021.01ccabb7-84f0-4650-84dc-b945806867c6</t>
  </si>
  <si>
    <t>BU08580103</t>
  </si>
  <si>
    <t>2021BU08580103</t>
  </si>
  <si>
    <t>Brouwershof</t>
  </si>
  <si>
    <t>buurt_gegeneraliseerd_2021.5684b75c-85be-426d-8055-d559957d6faa</t>
  </si>
  <si>
    <t>BU08580104</t>
  </si>
  <si>
    <t>2021BU08580104</t>
  </si>
  <si>
    <t>Keersop</t>
  </si>
  <si>
    <t>buurt_gegeneraliseerd_2021.242c8b8a-aa25-4ab9-b039-9bbc73b7fdfd</t>
  </si>
  <si>
    <t>BU08580105</t>
  </si>
  <si>
    <t>2021BU08580105</t>
  </si>
  <si>
    <t>Keersopperbeemden</t>
  </si>
  <si>
    <t>buurt_gegeneraliseerd_2021.7fcc8c45-8cd1-4c74-bd67-5eafbe9065f2</t>
  </si>
  <si>
    <t>BU08580106</t>
  </si>
  <si>
    <t>2021BU08580106</t>
  </si>
  <si>
    <t>Dommelen</t>
  </si>
  <si>
    <t>buurt_gegeneraliseerd_2021.0421d55e-b1ec-4c25-92da-477b8d883375</t>
  </si>
  <si>
    <t>BU08580200</t>
  </si>
  <si>
    <t>2021BU08580200</t>
  </si>
  <si>
    <t>Borkel</t>
  </si>
  <si>
    <t>buurt_gegeneraliseerd_2021.17491f50-387a-447c-a505-94ce28c3f8d5</t>
  </si>
  <si>
    <t>BU08580201</t>
  </si>
  <si>
    <t>2021BU08580201</t>
  </si>
  <si>
    <t>Schaft</t>
  </si>
  <si>
    <t>buurt_gegeneraliseerd_2021.cea30e9a-7b87-4759-b45a-a68c2891402d</t>
  </si>
  <si>
    <t>BU08580208</t>
  </si>
  <si>
    <t>2021BU08580208</t>
  </si>
  <si>
    <t>Verspreide huizen Klein Borkel en Achterste Brug</t>
  </si>
  <si>
    <t>buurt_gegeneraliseerd_2021.2254711a-b460-46c8-bc37-eeb47f6dd3dd</t>
  </si>
  <si>
    <t>BU08580209</t>
  </si>
  <si>
    <t>2021BU08580209</t>
  </si>
  <si>
    <t>Verspreide huizen Malpiebergse- en Opperheide</t>
  </si>
  <si>
    <t>buurt_gegeneraliseerd_2021.107aec46-93d0-4b88-a568-c7b9230e3782</t>
  </si>
  <si>
    <t>BU08610000</t>
  </si>
  <si>
    <t>2021BU08610000</t>
  </si>
  <si>
    <t>Veldhoven</t>
  </si>
  <si>
    <t>GM0861</t>
  </si>
  <si>
    <t>buurt_gegeneraliseerd_2021.4c94b8d8-e156-48a2-af69-3c789085faab</t>
  </si>
  <si>
    <t>BU08610001</t>
  </si>
  <si>
    <t>2021BU08610001</t>
  </si>
  <si>
    <t>Meerveldhoven</t>
  </si>
  <si>
    <t>buurt_gegeneraliseerd_2021.9a32bdbe-9261-4f47-a51c-4c8ac41ac5fb</t>
  </si>
  <si>
    <t>BU08610002</t>
  </si>
  <si>
    <t>2021BU08610002</t>
  </si>
  <si>
    <t>Zeelst</t>
  </si>
  <si>
    <t>buurt_gegeneraliseerd_2021.c6b6b135-6609-42ba-8cb2-e2fccadd748c</t>
  </si>
  <si>
    <t>BU08610003</t>
  </si>
  <si>
    <t>2021BU08610003</t>
  </si>
  <si>
    <t>D'Ekker</t>
  </si>
  <si>
    <t>buurt_gegeneraliseerd_2021.3a48c63b-2e73-435e-829f-044aa4debe96</t>
  </si>
  <si>
    <t>BU08610004</t>
  </si>
  <si>
    <t>2021BU08610004</t>
  </si>
  <si>
    <t>Zonderwijk</t>
  </si>
  <si>
    <t>buurt_gegeneraliseerd_2021.0d4832e2-2e24-40d6-b85a-808500bb3640</t>
  </si>
  <si>
    <t>BU08610005</t>
  </si>
  <si>
    <t>2021BU08610005</t>
  </si>
  <si>
    <t>'t Look</t>
  </si>
  <si>
    <t>buurt_gegeneraliseerd_2021.81976bad-73e6-4b59-b364-620be71b364a</t>
  </si>
  <si>
    <t>BU08610006</t>
  </si>
  <si>
    <t>2021BU08610006</t>
  </si>
  <si>
    <t>Cobbeek en Centrum</t>
  </si>
  <si>
    <t>buurt_gegeneraliseerd_2021.2bb02dc6-49f5-4cfe-be08-9c971a4da192</t>
  </si>
  <si>
    <t>BU08610009</t>
  </si>
  <si>
    <t>2021BU08610009</t>
  </si>
  <si>
    <t>Verspreide huizen ten zuiden van de E3-weg</t>
  </si>
  <si>
    <t>buurt_gegeneraliseerd_2021.413f2044-f1e6-4fb0-bffb-89b9c029c339</t>
  </si>
  <si>
    <t>BU08610100</t>
  </si>
  <si>
    <t>2021BU08610100</t>
  </si>
  <si>
    <t>Heikant-West</t>
  </si>
  <si>
    <t>buurt_gegeneraliseerd_2021.2308a27f-892c-45a0-be13-78bf2cb3fdaa</t>
  </si>
  <si>
    <t>BU08610101</t>
  </si>
  <si>
    <t>2021BU08610101</t>
  </si>
  <si>
    <t>Heikant-Oost</t>
  </si>
  <si>
    <t>buurt_gegeneraliseerd_2021.584e0a22-8216-4951-8a2a-6b22d937bd58</t>
  </si>
  <si>
    <t>BU08610102</t>
  </si>
  <si>
    <t>2021BU08610102</t>
  </si>
  <si>
    <t>De Kelen</t>
  </si>
  <si>
    <t>buurt_gegeneraliseerd_2021.7d57975d-7b00-4ccc-a2c5-ea51547b814f</t>
  </si>
  <si>
    <t>BU08610103</t>
  </si>
  <si>
    <t>2021BU08610103</t>
  </si>
  <si>
    <t>De Polders</t>
  </si>
  <si>
    <t>buurt_gegeneraliseerd_2021.65baea7b-6116-4102-bb91-6a7cc1239e5a</t>
  </si>
  <si>
    <t>BU08610200</t>
  </si>
  <si>
    <t>2021BU08610200</t>
  </si>
  <si>
    <t>Oerle</t>
  </si>
  <si>
    <t>buurt_gegeneraliseerd_2021.9539fd53-7693-4577-9a07-7708a9ca0edf</t>
  </si>
  <si>
    <t>BU08610201</t>
  </si>
  <si>
    <t>2021BU08610201</t>
  </si>
  <si>
    <t>Zandoerle</t>
  </si>
  <si>
    <t>buurt_gegeneraliseerd_2021.b109edb1-9d58-4fb7-95f2-4a0b7a46c285</t>
  </si>
  <si>
    <t>BU08610207</t>
  </si>
  <si>
    <t>2021BU08610207</t>
  </si>
  <si>
    <t>Verspreide huizen Zittard</t>
  </si>
  <si>
    <t>buurt_gegeneraliseerd_2021.18be7faf-1e3e-419e-991e-ba2076515a66</t>
  </si>
  <si>
    <t>BU08610208</t>
  </si>
  <si>
    <t>2021BU08610208</t>
  </si>
  <si>
    <t>Verspreide huizen Groote Aard en Vliet</t>
  </si>
  <si>
    <t>buurt_gegeneraliseerd_2021.a318f330-ceca-4f70-8bff-4b3c385830a4</t>
  </si>
  <si>
    <t>BU08610209</t>
  </si>
  <si>
    <t>2021BU08610209</t>
  </si>
  <si>
    <t>Verspreide huizen Scherpenering en Landsaard</t>
  </si>
  <si>
    <t>buurt_gegeneraliseerd_2021.d3425bca-acfb-4be9-b22d-53778580644d</t>
  </si>
  <si>
    <t>BU08660000</t>
  </si>
  <si>
    <t>2021BU08660000</t>
  </si>
  <si>
    <t>Waalre</t>
  </si>
  <si>
    <t>GM0866</t>
  </si>
  <si>
    <t>buurt_gegeneraliseerd_2021.f09aa280-cd74-467b-8c6c-ca91dcd419fe</t>
  </si>
  <si>
    <t>BU08660001</t>
  </si>
  <si>
    <t>2021BU08660001</t>
  </si>
  <si>
    <t>buurt_gegeneraliseerd_2021.498fd4cd-4a20-4499-87d0-93d3b7b22844</t>
  </si>
  <si>
    <t>BU08660002</t>
  </si>
  <si>
    <t>2021BU08660002</t>
  </si>
  <si>
    <t>Voldijn</t>
  </si>
  <si>
    <t>buurt_gegeneraliseerd_2021.ecf01297-180a-40eb-8deb-ac0a65f30bd2</t>
  </si>
  <si>
    <t>BU08660003</t>
  </si>
  <si>
    <t>2021BU08660003</t>
  </si>
  <si>
    <t>Ekenrooi</t>
  </si>
  <si>
    <t>buurt_gegeneraliseerd_2021.bde3c1f7-2230-4dbd-86fc-265416836851</t>
  </si>
  <si>
    <t>BU08660009</t>
  </si>
  <si>
    <t>2021BU08660009</t>
  </si>
  <si>
    <t>buurt_gegeneraliseerd_2021.c6f5e1a6-9ac7-4583-bf4c-bce1fb7b4a57</t>
  </si>
  <si>
    <t>BU08670000</t>
  </si>
  <si>
    <t>2021BU08670000</t>
  </si>
  <si>
    <t>GM0867</t>
  </si>
  <si>
    <t>buurt_gegeneraliseerd_2021.5f1a6522-9c9b-4023-9569-b93594106fd3</t>
  </si>
  <si>
    <t>BU08670001</t>
  </si>
  <si>
    <t>2021BU08670001</t>
  </si>
  <si>
    <t>Besoijen</t>
  </si>
  <si>
    <t>buurt_gegeneraliseerd_2021.335bc696-5e60-46dc-bcca-97e01bfd66b4</t>
  </si>
  <si>
    <t>BU08670002</t>
  </si>
  <si>
    <t>2021BU08670002</t>
  </si>
  <si>
    <t>Baardwijk</t>
  </si>
  <si>
    <t>buurt_gegeneraliseerd_2021.b80ec37e-522a-4af4-b89e-bd378021440b</t>
  </si>
  <si>
    <t>BU08670003</t>
  </si>
  <si>
    <t>2021BU08670003</t>
  </si>
  <si>
    <t>Laageinde</t>
  </si>
  <si>
    <t>buurt_gegeneraliseerd_2021.6772c368-f13a-433a-a24d-2c66a5fe931c</t>
  </si>
  <si>
    <t>BU08670004</t>
  </si>
  <si>
    <t>2021BU08670004</t>
  </si>
  <si>
    <t>Antoniusparochie</t>
  </si>
  <si>
    <t>buurt_gegeneraliseerd_2021.fbb43111-e30f-45e3-8bd8-02ffd397a9d3</t>
  </si>
  <si>
    <t>BU08670005</t>
  </si>
  <si>
    <t>2021BU08670005</t>
  </si>
  <si>
    <t>Bloemenoord</t>
  </si>
  <si>
    <t>buurt_gegeneraliseerd_2021.179970b0-1002-4e30-80bc-79b18d49549d</t>
  </si>
  <si>
    <t>BU08670006</t>
  </si>
  <si>
    <t>2021BU08670006</t>
  </si>
  <si>
    <t>Zanddonk</t>
  </si>
  <si>
    <t>buurt_gegeneraliseerd_2021.f15686f7-d745-48cd-8888-fcd879ed2293</t>
  </si>
  <si>
    <t>BU08670007</t>
  </si>
  <si>
    <t>2021BU08670007</t>
  </si>
  <si>
    <t>Meerdijk</t>
  </si>
  <si>
    <t>buurt_gegeneraliseerd_2021.83c4d225-7b61-49dd-b8a9-e06eca0d06f6</t>
  </si>
  <si>
    <t>BU08670008</t>
  </si>
  <si>
    <t>2021BU08670008</t>
  </si>
  <si>
    <t>buurt_gegeneraliseerd_2021.cb036362-f26a-49ac-a516-3352e712b9bb</t>
  </si>
  <si>
    <t>BU08670009</t>
  </si>
  <si>
    <t>2021BU08670009</t>
  </si>
  <si>
    <t>Industrieterrein Zanddonk</t>
  </si>
  <si>
    <t>buurt_gegeneraliseerd_2021.37e812db-f547-437d-a9d0-d54a584ba06a</t>
  </si>
  <si>
    <t>BU08670010</t>
  </si>
  <si>
    <t>2021BU08670010</t>
  </si>
  <si>
    <t>buurt_gegeneraliseerd_2021.11714694-08a8-4b34-a520-3a56e891a7a2</t>
  </si>
  <si>
    <t>BU08670011</t>
  </si>
  <si>
    <t>2021BU08670011</t>
  </si>
  <si>
    <t>Buitengebied Waalwijk Noord</t>
  </si>
  <si>
    <t>buurt_gegeneraliseerd_2021.9d92d317-963a-4864-8148-1f52fcadb824</t>
  </si>
  <si>
    <t>BU08670012</t>
  </si>
  <si>
    <t>2021BU08670012</t>
  </si>
  <si>
    <t>Eikendonk</t>
  </si>
  <si>
    <t>buurt_gegeneraliseerd_2021.f600da1e-63db-4fc6-988e-56b8947053b1</t>
  </si>
  <si>
    <t>BU08670013</t>
  </si>
  <si>
    <t>2021BU08670013</t>
  </si>
  <si>
    <t>Recreatieoord</t>
  </si>
  <si>
    <t>buurt_gegeneraliseerd_2021.0480ff60-2411-4c07-bdde-398baf6836e7</t>
  </si>
  <si>
    <t>BU08670100</t>
  </si>
  <si>
    <t>2021BU08670100</t>
  </si>
  <si>
    <t>Sprang</t>
  </si>
  <si>
    <t>buurt_gegeneraliseerd_2021.88a90b45-c3d8-49f8-8aa4-b2485b6c7f7c</t>
  </si>
  <si>
    <t>BU08670101</t>
  </si>
  <si>
    <t>2021BU08670101</t>
  </si>
  <si>
    <t>Vrijhoeve</t>
  </si>
  <si>
    <t>buurt_gegeneraliseerd_2021.8a508b38-679d-4753-a600-97888a7a8c84</t>
  </si>
  <si>
    <t>BU08670102</t>
  </si>
  <si>
    <t>2021BU08670102</t>
  </si>
  <si>
    <t>Capelle / Nieuwe Vaart</t>
  </si>
  <si>
    <t>buurt_gegeneraliseerd_2021.6bd083c6-77f5-47fd-93c5-a49cabfa926c</t>
  </si>
  <si>
    <t>BU08670103</t>
  </si>
  <si>
    <t>2021BU08670103</t>
  </si>
  <si>
    <t>Buitengebied Capelle</t>
  </si>
  <si>
    <t>buurt_gegeneraliseerd_2021.f1cd6860-61dc-4423-a5d6-e18cd5b8c3d3</t>
  </si>
  <si>
    <t>BU08670104</t>
  </si>
  <si>
    <t>2021BU08670104</t>
  </si>
  <si>
    <t>Landgoed Driessen</t>
  </si>
  <si>
    <t>buurt_gegeneraliseerd_2021.24b82874-3fbb-4e66-a1c7-0d7b7ea43ea1</t>
  </si>
  <si>
    <t>BU08670200</t>
  </si>
  <si>
    <t>2021BU08670200</t>
  </si>
  <si>
    <t>Waspik Beneden</t>
  </si>
  <si>
    <t>buurt_gegeneraliseerd_2021.2ae8bfd8-8850-4fb2-a536-f1b0441e25de</t>
  </si>
  <si>
    <t>BU08670201</t>
  </si>
  <si>
    <t>2021BU08670201</t>
  </si>
  <si>
    <t>Waspik Boven</t>
  </si>
  <si>
    <t>buurt_gegeneraliseerd_2021.192c6654-58ac-40ea-a3b0-148ca593613f</t>
  </si>
  <si>
    <t>BU08670202</t>
  </si>
  <si>
    <t>2021BU08670202</t>
  </si>
  <si>
    <t>Industrieterrein Waspik</t>
  </si>
  <si>
    <t>buurt_gegeneraliseerd_2021.2a501b54-2b2c-4a26-9b5a-d5d91856d4b4</t>
  </si>
  <si>
    <t>BU08670203</t>
  </si>
  <si>
    <t>2021BU08670203</t>
  </si>
  <si>
    <t>Buitengebied Waspik</t>
  </si>
  <si>
    <t>buurt_gegeneraliseerd_2021.9c3d1b28-a924-421e-ae80-4d5e71b264e7</t>
  </si>
  <si>
    <t>BU08730000</t>
  </si>
  <si>
    <t>2021BU08730000</t>
  </si>
  <si>
    <t>Hoogerheide</t>
  </si>
  <si>
    <t>GM0873</t>
  </si>
  <si>
    <t>buurt_gegeneraliseerd_2021.edaa4176-b617-4784-9390-b517ccae5834</t>
  </si>
  <si>
    <t>BU08730001</t>
  </si>
  <si>
    <t>2021BU08730001</t>
  </si>
  <si>
    <t>Woensdrecht</t>
  </si>
  <si>
    <t>buurt_gegeneraliseerd_2021.e2eaaf47-66b0-47f4-9fd6-982710a30c94</t>
  </si>
  <si>
    <t>BU08730002</t>
  </si>
  <si>
    <t>2021BU08730002</t>
  </si>
  <si>
    <t>Hoogerheide-Noord</t>
  </si>
  <si>
    <t>buurt_gegeneraliseerd_2021.e0551801-5b3f-44c9-9317-3007838cb443</t>
  </si>
  <si>
    <t>BU08730003</t>
  </si>
  <si>
    <t>2021BU08730003</t>
  </si>
  <si>
    <t>Industrieterrein De Kooy</t>
  </si>
  <si>
    <t>buurt_gegeneraliseerd_2021.96ce070d-4092-4ce3-bb4c-673b1507bc91</t>
  </si>
  <si>
    <t>BU08730008</t>
  </si>
  <si>
    <t>2021BU08730008</t>
  </si>
  <si>
    <t>Verspreide huizen Woensdrecht</t>
  </si>
  <si>
    <t>buurt_gegeneraliseerd_2021.3455ea07-1db3-4086-a38d-8331414f0f19</t>
  </si>
  <si>
    <t>BU08730009</t>
  </si>
  <si>
    <t>2021BU08730009</t>
  </si>
  <si>
    <t>Verspreide huizen Hoogerheide</t>
  </si>
  <si>
    <t>buurt_gegeneraliseerd_2021.70eb0f05-da5a-4324-9244-de8fb178ba27</t>
  </si>
  <si>
    <t>BU08730100</t>
  </si>
  <si>
    <t>2021BU08730100</t>
  </si>
  <si>
    <t>Huijbergen</t>
  </si>
  <si>
    <t>buurt_gegeneraliseerd_2021.ed1f04d2-cbbb-49cf-b82e-32e40e162378</t>
  </si>
  <si>
    <t>BU08730101</t>
  </si>
  <si>
    <t>2021BU08730101</t>
  </si>
  <si>
    <t>Eiland</t>
  </si>
  <si>
    <t>buurt_gegeneraliseerd_2021.5148f442-2950-4322-8c83-ab03dc62c01b</t>
  </si>
  <si>
    <t>BU08730108</t>
  </si>
  <si>
    <t>2021BU08730108</t>
  </si>
  <si>
    <t>Verspreide huizen ten zuiden van Huijbergen</t>
  </si>
  <si>
    <t>buurt_gegeneraliseerd_2021.cbc8d31c-dcf4-4636-ba88-6224097d56e5</t>
  </si>
  <si>
    <t>BU08730109</t>
  </si>
  <si>
    <t>2021BU08730109</t>
  </si>
  <si>
    <t>Verspreide huizen ten noorden van Huijbergen</t>
  </si>
  <si>
    <t>buurt_gegeneraliseerd_2021.27995c0f-7cfe-4fe2-954a-420298f8f219</t>
  </si>
  <si>
    <t>BU08730200</t>
  </si>
  <si>
    <t>2021BU08730200</t>
  </si>
  <si>
    <t>Ossendrecht</t>
  </si>
  <si>
    <t>buurt_gegeneraliseerd_2021.f2fdfda2-230f-4d1f-b7e7-fe71bc370a0f</t>
  </si>
  <si>
    <t>BU08730201</t>
  </si>
  <si>
    <t>2021BU08730201</t>
  </si>
  <si>
    <t>Calfven</t>
  </si>
  <si>
    <t>buurt_gegeneraliseerd_2021.1fbb99f0-86a2-4c14-812b-1e7d1a899997</t>
  </si>
  <si>
    <t>BU08730208</t>
  </si>
  <si>
    <t>2021BU08730208</t>
  </si>
  <si>
    <t>Verspreide huizen ten westen van Ossendrecht</t>
  </si>
  <si>
    <t>buurt_gegeneraliseerd_2021.73f2c0c6-89ae-486e-817f-7a68a9fb1b61</t>
  </si>
  <si>
    <t>BU08730209</t>
  </si>
  <si>
    <t>2021BU08730209</t>
  </si>
  <si>
    <t>Verspreide huizen ten oosten van Ossendrecht</t>
  </si>
  <si>
    <t>buurt_gegeneraliseerd_2021.4f800b3a-0eef-4e3b-8611-f296100e1fda</t>
  </si>
  <si>
    <t>BU08730300</t>
  </si>
  <si>
    <t>2021BU08730300</t>
  </si>
  <si>
    <t>Putte</t>
  </si>
  <si>
    <t>buurt_gegeneraliseerd_2021.6a9488ac-3b50-4c83-b402-2f02a15821f3</t>
  </si>
  <si>
    <t>BU08730309</t>
  </si>
  <si>
    <t>2021BU08730309</t>
  </si>
  <si>
    <t>Verspreide huizen Putte</t>
  </si>
  <si>
    <t>buurt_gegeneraliseerd_2021.2ef74c3e-5762-4a1a-967d-7af5408094c3</t>
  </si>
  <si>
    <t>BU08790000</t>
  </si>
  <si>
    <t>2021BU08790000</t>
  </si>
  <si>
    <t>Zundert</t>
  </si>
  <si>
    <t>GM0879</t>
  </si>
  <si>
    <t>buurt_gegeneraliseerd_2021.12fc6520-2b3f-499d-818a-d81bdbc2c204</t>
  </si>
  <si>
    <t>BU08790009</t>
  </si>
  <si>
    <t>2021BU08790009</t>
  </si>
  <si>
    <t>Verspreide huizen Zundert</t>
  </si>
  <si>
    <t>buurt_gegeneraliseerd_2021.5d5947e8-ef3f-4211-a3aa-352c9039ff6a</t>
  </si>
  <si>
    <t>BU08790100</t>
  </si>
  <si>
    <t>2021BU08790100</t>
  </si>
  <si>
    <t>Klein-Zundert</t>
  </si>
  <si>
    <t>buurt_gegeneraliseerd_2021.09e8ef5f-abfe-4369-80b4-937b868a912c</t>
  </si>
  <si>
    <t>BU08790109</t>
  </si>
  <si>
    <t>2021BU08790109</t>
  </si>
  <si>
    <t>Verspreide huizen Klein-Zundert</t>
  </si>
  <si>
    <t>buurt_gegeneraliseerd_2021.2399e691-c7f5-419b-a136-708698e392d0</t>
  </si>
  <si>
    <t>BU08790200</t>
  </si>
  <si>
    <t>2021BU08790200</t>
  </si>
  <si>
    <t>Wernhout</t>
  </si>
  <si>
    <t>buurt_gegeneraliseerd_2021.4f0dfa2b-95a1-48b6-887b-2433802a5ae3</t>
  </si>
  <si>
    <t>BU08790209</t>
  </si>
  <si>
    <t>2021BU08790209</t>
  </si>
  <si>
    <t>Verspreide huizen Wernhout</t>
  </si>
  <si>
    <t>buurt_gegeneraliseerd_2021.e6f544b3-8a18-4d73-be55-a58c0c78f7b4</t>
  </si>
  <si>
    <t>BU08790300</t>
  </si>
  <si>
    <t>2021BU08790300</t>
  </si>
  <si>
    <t>Achtmaal</t>
  </si>
  <si>
    <t>buurt_gegeneraliseerd_2021.856c9a43-1bdd-496f-b049-17ee8bc4e597</t>
  </si>
  <si>
    <t>BU08790309</t>
  </si>
  <si>
    <t>2021BU08790309</t>
  </si>
  <si>
    <t>Verspreide huizen Achtmaal</t>
  </si>
  <si>
    <t>buurt_gegeneraliseerd_2021.71b40fd7-c624-4a58-a5c5-bb00a4a28a42</t>
  </si>
  <si>
    <t>BU08790400</t>
  </si>
  <si>
    <t>2021BU08790400</t>
  </si>
  <si>
    <t>buurt_gegeneraliseerd_2021.065f4fb4-656f-42ed-bac2-819f1a2f6ece</t>
  </si>
  <si>
    <t>BU08790408</t>
  </si>
  <si>
    <t>2021BU08790408</t>
  </si>
  <si>
    <t>buurt_gegeneraliseerd_2021.e4e9bd73-1a9c-43c6-b423-facf00dc95e1</t>
  </si>
  <si>
    <t>BU08790409</t>
  </si>
  <si>
    <t>2021BU08790409</t>
  </si>
  <si>
    <t>buurt_gegeneraliseerd_2021.3e523aeb-a559-4ef9-9a56-413c3a113e92</t>
  </si>
  <si>
    <t>BU08800000</t>
  </si>
  <si>
    <t>2021BU08800000</t>
  </si>
  <si>
    <t>GM0880</t>
  </si>
  <si>
    <t>buurt_gegeneraliseerd_2021.08277d46-61b0-44d0-be50-e29f870291bf</t>
  </si>
  <si>
    <t>BU08800001</t>
  </si>
  <si>
    <t>2021BU08800001</t>
  </si>
  <si>
    <t>buurt_gegeneraliseerd_2021.de0b5554-03b3-47b7-ab0b-d0b57c668610</t>
  </si>
  <si>
    <t>BU08800002</t>
  </si>
  <si>
    <t>2021BU08800002</t>
  </si>
  <si>
    <t>Oost-Knollendam</t>
  </si>
  <si>
    <t>buurt_gegeneraliseerd_2021.7b3d0584-3b07-4fed-b9ae-bc72d74abd81</t>
  </si>
  <si>
    <t>BU08800003</t>
  </si>
  <si>
    <t>2021BU08800003</t>
  </si>
  <si>
    <t>buurt_gegeneraliseerd_2021.aa386405-581b-43d8-a848-011fb4a2d1e0</t>
  </si>
  <si>
    <t>BU08800004</t>
  </si>
  <si>
    <t>2021BU08800004</t>
  </si>
  <si>
    <t>Plaszoom</t>
  </si>
  <si>
    <t>buurt_gegeneraliseerd_2021.b707667c-e642-4d05-8d47-3354c088ce08</t>
  </si>
  <si>
    <t>BU08800005</t>
  </si>
  <si>
    <t>2021BU08800005</t>
  </si>
  <si>
    <t>Middentil</t>
  </si>
  <si>
    <t>buurt_gegeneraliseerd_2021.4ddbe086-eedd-4875-83fe-42cdc4debc7e</t>
  </si>
  <si>
    <t>BU08800009</t>
  </si>
  <si>
    <t>2021BU08800009</t>
  </si>
  <si>
    <t>Verspreide huizen in de polder Engewormer</t>
  </si>
  <si>
    <t>buurt_gegeneraliseerd_2021.ef888be0-d9b7-425e-a1d4-e3dddf19969b</t>
  </si>
  <si>
    <t>BU08800100</t>
  </si>
  <si>
    <t>2021BU08800100</t>
  </si>
  <si>
    <t>Neck (gedeeltelijk)</t>
  </si>
  <si>
    <t>buurt_gegeneraliseerd_2021.d3ed82d4-1b50-4df2-beb5-87281d793ff6</t>
  </si>
  <si>
    <t>BU08800108</t>
  </si>
  <si>
    <t>2021BU08800108</t>
  </si>
  <si>
    <t>Verspreide huizen ten zuiden van De Middentocht</t>
  </si>
  <si>
    <t>buurt_gegeneraliseerd_2021.dcf3d62c-14de-41aa-bda2-254d114fa712</t>
  </si>
  <si>
    <t>BU08800109</t>
  </si>
  <si>
    <t>2021BU08800109</t>
  </si>
  <si>
    <t>Verspreide huizen ten noorden van De Middentocht</t>
  </si>
  <si>
    <t>buurt_gegeneraliseerd_2021.2169b539-8eae-4adf-aaad-25c0f8fb763c</t>
  </si>
  <si>
    <t>BU08800200</t>
  </si>
  <si>
    <t>2021BU08800200</t>
  </si>
  <si>
    <t>Jisp</t>
  </si>
  <si>
    <t>buurt_gegeneraliseerd_2021.2a5a6ae7-1a18-4a58-a4d5-37a609d63ad1</t>
  </si>
  <si>
    <t>BU08800201</t>
  </si>
  <si>
    <t>2021BU08800201</t>
  </si>
  <si>
    <t>Uitbreiding-Jisp</t>
  </si>
  <si>
    <t>buurt_gegeneraliseerd_2021.462068af-6f0c-4452-ae42-d7114aed41e4</t>
  </si>
  <si>
    <t>BU08800208</t>
  </si>
  <si>
    <t>2021BU08800208</t>
  </si>
  <si>
    <t>Spijkerboor</t>
  </si>
  <si>
    <t>buurt_gegeneraliseerd_2021.1e6df1cd-7b90-436a-93fc-d3ee2f83d886</t>
  </si>
  <si>
    <t>BU08800209</t>
  </si>
  <si>
    <t>2021BU08800209</t>
  </si>
  <si>
    <t>Verspreide huizen Kanaal- en Oudelandsdijk</t>
  </si>
  <si>
    <t>buurt_gegeneraliseerd_2021.fd389abb-b83c-46db-ae08-e8d70c476432</t>
  </si>
  <si>
    <t>BU08820001</t>
  </si>
  <si>
    <t>2021BU08820001</t>
  </si>
  <si>
    <t>Kakert</t>
  </si>
  <si>
    <t>GM0882</t>
  </si>
  <si>
    <t>buurt_gegeneraliseerd_2021.7669ac8b-c7d6-412f-b760-f4429a31813b</t>
  </si>
  <si>
    <t>BU08820002</t>
  </si>
  <si>
    <t>2021BU08820002</t>
  </si>
  <si>
    <t>Lichtenberg</t>
  </si>
  <si>
    <t>buurt_gegeneraliseerd_2021.00f91eec-8ba7-4ce8-8e31-3c0862631e09</t>
  </si>
  <si>
    <t>BU08820003</t>
  </si>
  <si>
    <t>2021BU08820003</t>
  </si>
  <si>
    <t>De Dormig</t>
  </si>
  <si>
    <t>buurt_gegeneraliseerd_2021.275ed30b-3a53-41eb-825a-470121c9acda</t>
  </si>
  <si>
    <t>BU08820004</t>
  </si>
  <si>
    <t>2021BU08820004</t>
  </si>
  <si>
    <t>De Streep</t>
  </si>
  <si>
    <t>buurt_gegeneraliseerd_2021.ea316a67-5a09-4edd-bc43-ac5ec47ec8cd</t>
  </si>
  <si>
    <t>BU08820005</t>
  </si>
  <si>
    <t>2021BU08820005</t>
  </si>
  <si>
    <t>Klinkerkwartier</t>
  </si>
  <si>
    <t>buurt_gegeneraliseerd_2021.f331e1e8-4063-4870-9fd0-19f5d6c2e377</t>
  </si>
  <si>
    <t>BU08820006</t>
  </si>
  <si>
    <t>2021BU08820006</t>
  </si>
  <si>
    <t>Achter de Haesen</t>
  </si>
  <si>
    <t>buurt_gegeneraliseerd_2021.ecc80852-8330-4747-8c3a-1fd025f8689a</t>
  </si>
  <si>
    <t>BU08820007</t>
  </si>
  <si>
    <t>2021BU08820007</t>
  </si>
  <si>
    <t>Leenhof</t>
  </si>
  <si>
    <t>buurt_gegeneraliseerd_2021.c210c71f-3423-4b30-9949-34baa0e896c2</t>
  </si>
  <si>
    <t>BU08820008</t>
  </si>
  <si>
    <t>2021BU08820008</t>
  </si>
  <si>
    <t>Schaesberg Centrum</t>
  </si>
  <si>
    <t>buurt_gegeneraliseerd_2021.3342f05a-9351-41b7-af0d-3831973c6dc1</t>
  </si>
  <si>
    <t>BU08820009</t>
  </si>
  <si>
    <t>2021BU08820009</t>
  </si>
  <si>
    <t>Achter den Winkel</t>
  </si>
  <si>
    <t>buurt_gegeneraliseerd_2021.ae851687-2880-40c9-bf19-bd1a32ea67f4</t>
  </si>
  <si>
    <t>BU08820010</t>
  </si>
  <si>
    <t>2021BU08820010</t>
  </si>
  <si>
    <t>Mijnbuurt</t>
  </si>
  <si>
    <t>buurt_gegeneraliseerd_2021.38333d60-0af3-464d-80fc-8b16f494842f</t>
  </si>
  <si>
    <t>BU08820011</t>
  </si>
  <si>
    <t>2021BU08820011</t>
  </si>
  <si>
    <t>Eiske</t>
  </si>
  <si>
    <t>buurt_gegeneraliseerd_2021.a1c0eda7-a39b-4de5-99bb-d18d2eb488be</t>
  </si>
  <si>
    <t>BU08820012</t>
  </si>
  <si>
    <t>2021BU08820012</t>
  </si>
  <si>
    <t>Heistraat</t>
  </si>
  <si>
    <t>buurt_gegeneraliseerd_2021.1105c74b-1e8c-467e-8f88-54448837b527</t>
  </si>
  <si>
    <t>BU08820020</t>
  </si>
  <si>
    <t>2021BU08820020</t>
  </si>
  <si>
    <t>Gravenrode</t>
  </si>
  <si>
    <t>buurt_gegeneraliseerd_2021.b929b2e6-aeb9-4ab4-8c7a-b3428017451a</t>
  </si>
  <si>
    <t>BU08820101</t>
  </si>
  <si>
    <t>2021BU08820101</t>
  </si>
  <si>
    <t>Nieuwenhagerheide</t>
  </si>
  <si>
    <t>buurt_gegeneraliseerd_2021.c1454533-b5b6-4156-a783-82833e44b00f</t>
  </si>
  <si>
    <t>BU08820102</t>
  </si>
  <si>
    <t>2021BU08820102</t>
  </si>
  <si>
    <t>Oud Nieuwenhagen</t>
  </si>
  <si>
    <t>buurt_gegeneraliseerd_2021.d027574b-6f7e-482b-83bc-9c773e425b8a</t>
  </si>
  <si>
    <t>BU08820103</t>
  </si>
  <si>
    <t>2021BU08820103</t>
  </si>
  <si>
    <t>Hoefveld</t>
  </si>
  <si>
    <t>buurt_gegeneraliseerd_2021.534abde1-4918-4535-afb9-19e2c4d02d3c</t>
  </si>
  <si>
    <t>BU08820104</t>
  </si>
  <si>
    <t>2021BU08820104</t>
  </si>
  <si>
    <t>Op de Kamp</t>
  </si>
  <si>
    <t>buurt_gegeneraliseerd_2021.82e147fd-73a0-4c9f-87d5-8815810fddc9</t>
  </si>
  <si>
    <t>BU08820105</t>
  </si>
  <si>
    <t>2021BU08820105</t>
  </si>
  <si>
    <t>Exdel</t>
  </si>
  <si>
    <t>buurt_gegeneraliseerd_2021.abfbbe9e-b879-46c5-86c1-dc11722e0a03</t>
  </si>
  <si>
    <t>BU08820120</t>
  </si>
  <si>
    <t>2021BU08820120</t>
  </si>
  <si>
    <t>Buitengebied Brunssumerheide (2)</t>
  </si>
  <si>
    <t>buurt_gegeneraliseerd_2021.69f9e37f-46e0-4d95-ad20-a6c1cba7c07d</t>
  </si>
  <si>
    <t>BU08820201</t>
  </si>
  <si>
    <t>2021BU08820201</t>
  </si>
  <si>
    <t>Abdissenbosch</t>
  </si>
  <si>
    <t>buurt_gegeneraliseerd_2021.c624c188-6ba8-4b1e-9944-81c6ae7bd117</t>
  </si>
  <si>
    <t>BU08820202</t>
  </si>
  <si>
    <t>2021BU08820202</t>
  </si>
  <si>
    <t>Parkheide</t>
  </si>
  <si>
    <t>buurt_gegeneraliseerd_2021.2998be18-d7c6-47a3-9082-fbb43df05100</t>
  </si>
  <si>
    <t>BU08820203</t>
  </si>
  <si>
    <t>2021BU08820203</t>
  </si>
  <si>
    <t>Namiddagsche Driessen</t>
  </si>
  <si>
    <t>buurt_gegeneraliseerd_2021.d2a50464-81a1-46a2-a9a9-c4f34fa6d530</t>
  </si>
  <si>
    <t>BU08820204</t>
  </si>
  <si>
    <t>2021BU08820204</t>
  </si>
  <si>
    <t>Lauradorp</t>
  </si>
  <si>
    <t>buurt_gegeneraliseerd_2021.134170e6-ca4a-4e52-8630-1f28ef48736f</t>
  </si>
  <si>
    <t>BU08820205</t>
  </si>
  <si>
    <t>2021BU08820205</t>
  </si>
  <si>
    <t>Waubach</t>
  </si>
  <si>
    <t>buurt_gegeneraliseerd_2021.b949603f-ba85-4ed0-8bf6-6fed9be3ede1</t>
  </si>
  <si>
    <t>BU08820206</t>
  </si>
  <si>
    <t>2021BU08820206</t>
  </si>
  <si>
    <t>Groenstraat</t>
  </si>
  <si>
    <t>buurt_gegeneraliseerd_2021.cc6b93a3-c77d-4350-b85c-b47af27c30b2</t>
  </si>
  <si>
    <t>BU08820207</t>
  </si>
  <si>
    <t>2021BU08820207</t>
  </si>
  <si>
    <t>Rimburg</t>
  </si>
  <si>
    <t>buurt_gegeneraliseerd_2021.153ba80f-a44d-4164-97ac-45f67140d673</t>
  </si>
  <si>
    <t>BU08820220</t>
  </si>
  <si>
    <t>2021BU08820220</t>
  </si>
  <si>
    <t>Brunssumerheide (1)</t>
  </si>
  <si>
    <t>buurt_gegeneraliseerd_2021.3f5ed25d-308e-444c-ab2c-3cd869e4e713</t>
  </si>
  <si>
    <t>BU08880000</t>
  </si>
  <si>
    <t>2021BU08880000</t>
  </si>
  <si>
    <t>Beek</t>
  </si>
  <si>
    <t>GM0888</t>
  </si>
  <si>
    <t>buurt_gegeneraliseerd_2021.abaabe73-979a-4651-aa49-85131939f155</t>
  </si>
  <si>
    <t>BU08880001</t>
  </si>
  <si>
    <t>2021BU08880001</t>
  </si>
  <si>
    <t>Neerbeek</t>
  </si>
  <si>
    <t>buurt_gegeneraliseerd_2021.8b6ce8f4-e53e-42c4-9bd9-9536801457c3</t>
  </si>
  <si>
    <t>BU08880002</t>
  </si>
  <si>
    <t>2021BU08880002</t>
  </si>
  <si>
    <t>Spaubeek</t>
  </si>
  <si>
    <t>buurt_gegeneraliseerd_2021.6211418d-e0f3-464f-af97-805fb703153d</t>
  </si>
  <si>
    <t>BU08880100</t>
  </si>
  <si>
    <t>2021BU08880100</t>
  </si>
  <si>
    <t>Geverik</t>
  </si>
  <si>
    <t>buurt_gegeneraliseerd_2021.d8d93f06-7fc5-4332-a65c-30bb82003828</t>
  </si>
  <si>
    <t>BU08880101</t>
  </si>
  <si>
    <t>2021BU08880101</t>
  </si>
  <si>
    <t>Grootgenhout</t>
  </si>
  <si>
    <t>buurt_gegeneraliseerd_2021.9e488182-1ff5-45e9-93b6-052692049368</t>
  </si>
  <si>
    <t>BU08880102</t>
  </si>
  <si>
    <t>2021BU08880102</t>
  </si>
  <si>
    <t>Kleingenhout</t>
  </si>
  <si>
    <t>buurt_gegeneraliseerd_2021.41014ad2-23f3-4355-9982-c804042435e4</t>
  </si>
  <si>
    <t>BU08880103</t>
  </si>
  <si>
    <t>2021BU08880103</t>
  </si>
  <si>
    <t>Kelmond</t>
  </si>
  <si>
    <t>buurt_gegeneraliseerd_2021.e8d4d756-9521-43d7-914e-29bcb5883447</t>
  </si>
  <si>
    <t>BU08880109</t>
  </si>
  <si>
    <t>2021BU08880109</t>
  </si>
  <si>
    <t>Verspreide huizen Vliegbasis Zuid-Limburg</t>
  </si>
  <si>
    <t>buurt_gegeneraliseerd_2021.62321e25-cdef-40d3-91ce-039c4e2870b8</t>
  </si>
  <si>
    <t>BU08890000</t>
  </si>
  <si>
    <t>2021BU08890000</t>
  </si>
  <si>
    <t>Reuver</t>
  </si>
  <si>
    <t>GM0889</t>
  </si>
  <si>
    <t>buurt_gegeneraliseerd_2021.f5c8ce01-8cd2-4295-9a50-47bf3f22ea7a</t>
  </si>
  <si>
    <t>BU08890001</t>
  </si>
  <si>
    <t>2021BU08890001</t>
  </si>
  <si>
    <t>Offenbeek</t>
  </si>
  <si>
    <t>buurt_gegeneraliseerd_2021.ee09965d-490d-44af-be73-a33d7f75327c</t>
  </si>
  <si>
    <t>BU08890008</t>
  </si>
  <si>
    <t>2021BU08890008</t>
  </si>
  <si>
    <t>Verspreide huizen ten oosten en zuiden van de spoorlijn</t>
  </si>
  <si>
    <t>buurt_gegeneraliseerd_2021.d07865e9-a4e9-4adc-afd2-a51648916df0</t>
  </si>
  <si>
    <t>BU08890009</t>
  </si>
  <si>
    <t>2021BU08890009</t>
  </si>
  <si>
    <t>buurt_gegeneraliseerd_2021.22dce801-4307-4fd3-9d81-55bd6dc48982</t>
  </si>
  <si>
    <t>BU08890100</t>
  </si>
  <si>
    <t>2021BU08890100</t>
  </si>
  <si>
    <t>Beesel</t>
  </si>
  <si>
    <t>buurt_gegeneraliseerd_2021.08065970-7698-4e00-ab1e-527cb65660ff</t>
  </si>
  <si>
    <t>BU08890101</t>
  </si>
  <si>
    <t>2021BU08890101</t>
  </si>
  <si>
    <t>Bussereind</t>
  </si>
  <si>
    <t>buurt_gegeneraliseerd_2021.3925a11c-274b-408a-bcc5-f0a5794d37f1</t>
  </si>
  <si>
    <t>BU08890102</t>
  </si>
  <si>
    <t>2021BU08890102</t>
  </si>
  <si>
    <t>Rijkel</t>
  </si>
  <si>
    <t>buurt_gegeneraliseerd_2021.78c4d170-0f78-442f-843a-8210adc3a4a8</t>
  </si>
  <si>
    <t>BU08890109</t>
  </si>
  <si>
    <t>2021BU08890109</t>
  </si>
  <si>
    <t>buurt_gegeneraliseerd_2021.9bcb66b9-cb02-4130-a787-84d43c9a5012</t>
  </si>
  <si>
    <t>BU08930110</t>
  </si>
  <si>
    <t>2021BU08930110</t>
  </si>
  <si>
    <t>Aijen Kern</t>
  </si>
  <si>
    <t>GM0893</t>
  </si>
  <si>
    <t>buurt_gegeneraliseerd_2021.9a6ba15c-d8bf-4268-920b-784cb674fdbe</t>
  </si>
  <si>
    <t>BU08930111</t>
  </si>
  <si>
    <t>2021BU08930111</t>
  </si>
  <si>
    <t>Aijen Buitengebied</t>
  </si>
  <si>
    <t>buurt_gegeneraliseerd_2021.b69d8ad2-a116-4430-969e-42bce7864f5a</t>
  </si>
  <si>
    <t>BU08930220</t>
  </si>
  <si>
    <t>2021BU08930220</t>
  </si>
  <si>
    <t>Oud-Bergen Kern</t>
  </si>
  <si>
    <t>buurt_gegeneraliseerd_2021.277e2523-bdfc-4dd7-aacd-77fff7679075</t>
  </si>
  <si>
    <t>BU08930221</t>
  </si>
  <si>
    <t>2021BU08930221</t>
  </si>
  <si>
    <t>Oud-Bergen Buitengebied</t>
  </si>
  <si>
    <t>buurt_gegeneraliseerd_2021.91eccac2-e0c8-4d77-8eac-fe8cfcbeaf37</t>
  </si>
  <si>
    <t>BU08930330</t>
  </si>
  <si>
    <t>2021BU08930330</t>
  </si>
  <si>
    <t>Nieuw-Bergen Kern</t>
  </si>
  <si>
    <t>buurt_gegeneraliseerd_2021.c7206f81-8d7e-405f-81de-8034527de2e3</t>
  </si>
  <si>
    <t>BU08930331</t>
  </si>
  <si>
    <t>2021BU08930331</t>
  </si>
  <si>
    <t>Nieuw-Bergen Buitengebied</t>
  </si>
  <si>
    <t>buurt_gegeneraliseerd_2021.f7fad5b6-48ad-4cf3-9384-f422460ed799</t>
  </si>
  <si>
    <t>BU08930332</t>
  </si>
  <si>
    <t>2021BU08930332</t>
  </si>
  <si>
    <t>Nieuw-Bergen De Flammert</t>
  </si>
  <si>
    <t>buurt_gegeneraliseerd_2021.6820d073-0e24-4f95-a0f2-415eed1b5919</t>
  </si>
  <si>
    <t>BU08930440</t>
  </si>
  <si>
    <t>2021BU08930440</t>
  </si>
  <si>
    <t>Afferden Kern</t>
  </si>
  <si>
    <t>buurt_gegeneraliseerd_2021.60c41c94-c126-4a89-adfc-036775fa9000</t>
  </si>
  <si>
    <t>BU08930441</t>
  </si>
  <si>
    <t>2021BU08930441</t>
  </si>
  <si>
    <t>buurt_gegeneraliseerd_2021.0d088487-0d05-4170-986d-bb72ed4f2160</t>
  </si>
  <si>
    <t>BU08930550</t>
  </si>
  <si>
    <t>2021BU08930550</t>
  </si>
  <si>
    <t>Siebengewald Kern</t>
  </si>
  <si>
    <t>buurt_gegeneraliseerd_2021.09ab94bc-707e-473e-9aaf-b593b999df0a</t>
  </si>
  <si>
    <t>BU08930551</t>
  </si>
  <si>
    <t>2021BU08930551</t>
  </si>
  <si>
    <t>Siebengewald Buitengebied</t>
  </si>
  <si>
    <t>buurt_gegeneraliseerd_2021.a4bd22f6-8e49-4a9f-acf0-44b3cf863c0e</t>
  </si>
  <si>
    <t>BU08930660</t>
  </si>
  <si>
    <t>2021BU08930660</t>
  </si>
  <si>
    <t>Well-Oost</t>
  </si>
  <si>
    <t>buurt_gegeneraliseerd_2021.b059a437-c389-45fa-ae83-16e0d405a0a7</t>
  </si>
  <si>
    <t>BU08930661</t>
  </si>
  <si>
    <t>2021BU08930661</t>
  </si>
  <si>
    <t>Well-West</t>
  </si>
  <si>
    <t>buurt_gegeneraliseerd_2021.f5d000a4-c8a8-4ad1-90c9-c57ee6eab672</t>
  </si>
  <si>
    <t>BU08930662</t>
  </si>
  <si>
    <t>2021BU08930662</t>
  </si>
  <si>
    <t>Well Buitengebied</t>
  </si>
  <si>
    <t>buurt_gegeneraliseerd_2021.9624d721-d41a-4a2a-81a1-3929010fcf8f</t>
  </si>
  <si>
    <t>BU08930770</t>
  </si>
  <si>
    <t>2021BU08930770</t>
  </si>
  <si>
    <t>Wellerlooi Kern</t>
  </si>
  <si>
    <t>buurt_gegeneraliseerd_2021.c78ce7e6-4cc3-4597-ba78-c9af89195376</t>
  </si>
  <si>
    <t>BU08930771</t>
  </si>
  <si>
    <t>2021BU08930771</t>
  </si>
  <si>
    <t>Wellerlooi Buitengebied</t>
  </si>
  <si>
    <t>buurt_gegeneraliseerd_2021.b9701317-8ab5-4c43-8d2b-403692c2ec07</t>
  </si>
  <si>
    <t>BU08990124</t>
  </si>
  <si>
    <t>2021BU08990124</t>
  </si>
  <si>
    <t>Klingelsberg</t>
  </si>
  <si>
    <t>GM0899</t>
  </si>
  <si>
    <t>buurt_gegeneraliseerd_2021.f741c3b0-da7c-4346-a127-3e0df5244a01</t>
  </si>
  <si>
    <t>BU08990126</t>
  </si>
  <si>
    <t>2021BU08990126</t>
  </si>
  <si>
    <t>Op de Vos</t>
  </si>
  <si>
    <t>buurt_gegeneraliseerd_2021.c4e349f9-1a8b-4fed-b72e-09439ef6c2a1</t>
  </si>
  <si>
    <t>BU08990134</t>
  </si>
  <si>
    <t>2021BU08990134</t>
  </si>
  <si>
    <t>Treebeek-Zuid</t>
  </si>
  <si>
    <t>buurt_gegeneraliseerd_2021.66e6d175-b9be-431c-83d9-c7f1f008233e</t>
  </si>
  <si>
    <t>BU08990135</t>
  </si>
  <si>
    <t>2021BU08990135</t>
  </si>
  <si>
    <t>Emma</t>
  </si>
  <si>
    <t>buurt_gegeneraliseerd_2021.19fc2d93-378e-45e5-b6d6-fca676dba853</t>
  </si>
  <si>
    <t>BU08990136</t>
  </si>
  <si>
    <t>2021BU08990136</t>
  </si>
  <si>
    <t>Amstenraderveld</t>
  </si>
  <si>
    <t>buurt_gegeneraliseerd_2021.6568d6ba-be09-4a9f-87e3-0a54d3d45d0e</t>
  </si>
  <si>
    <t>BU08990144</t>
  </si>
  <si>
    <t>2021BU08990144</t>
  </si>
  <si>
    <t>Treebeek-Noord</t>
  </si>
  <si>
    <t>buurt_gegeneraliseerd_2021.b8fdd7fb-1cde-4d1f-b323-9e4dcdfd117e</t>
  </si>
  <si>
    <t>BU08990201</t>
  </si>
  <si>
    <t>2021BU08990201</t>
  </si>
  <si>
    <t>Houserveld</t>
  </si>
  <si>
    <t>buurt_gegeneraliseerd_2021.e8434707-fade-483d-b769-160a1364aa35</t>
  </si>
  <si>
    <t>BU08990202</t>
  </si>
  <si>
    <t>2021BU08990202</t>
  </si>
  <si>
    <t>Klingbemden</t>
  </si>
  <si>
    <t>buurt_gegeneraliseerd_2021.817f2007-1d55-4643-85ed-98750c60a253</t>
  </si>
  <si>
    <t>BU08990203</t>
  </si>
  <si>
    <t>2021BU08990203</t>
  </si>
  <si>
    <t>Rozengaard</t>
  </si>
  <si>
    <t>buurt_gegeneraliseerd_2021.86ce8044-f250-4d42-adc8-470dfd4006ee</t>
  </si>
  <si>
    <t>BU08990204</t>
  </si>
  <si>
    <t>2021BU08990204</t>
  </si>
  <si>
    <t>De Kling</t>
  </si>
  <si>
    <t>buurt_gegeneraliseerd_2021.63667d16-1892-4fbc-b8d8-eba54a91797e</t>
  </si>
  <si>
    <t>BU08990205</t>
  </si>
  <si>
    <t>2021BU08990205</t>
  </si>
  <si>
    <t>Op den Haan</t>
  </si>
  <si>
    <t>buurt_gegeneraliseerd_2021.4355e33d-06cb-4924-8d97-eda16ea40921</t>
  </si>
  <si>
    <t>BU08990207</t>
  </si>
  <si>
    <t>2021BU08990207</t>
  </si>
  <si>
    <t>Lemmender</t>
  </si>
  <si>
    <t>buurt_gegeneraliseerd_2021.b360b782-ac91-4581-84ad-4976848f33ae</t>
  </si>
  <si>
    <t>BU08990208</t>
  </si>
  <si>
    <t>2021BU08990208</t>
  </si>
  <si>
    <t>De Streek</t>
  </si>
  <si>
    <t>buurt_gegeneraliseerd_2021.ad9b14c7-6961-47e4-a8b5-526714ea8666</t>
  </si>
  <si>
    <t>BU08990209</t>
  </si>
  <si>
    <t>2021BU08990209</t>
  </si>
  <si>
    <t>Het Heufken</t>
  </si>
  <si>
    <t>buurt_gegeneraliseerd_2021.afa79067-2b5e-4bd4-aaf9-dc7451d19e61</t>
  </si>
  <si>
    <t>BU08990225</t>
  </si>
  <si>
    <t>2021BU08990225</t>
  </si>
  <si>
    <t>Bexdelle</t>
  </si>
  <si>
    <t>buurt_gegeneraliseerd_2021.d98fa94d-e33e-4b02-a1bc-28b27046303a</t>
  </si>
  <si>
    <t>BU08990242</t>
  </si>
  <si>
    <t>2021BU08990242</t>
  </si>
  <si>
    <t>Merkelbeekerdal</t>
  </si>
  <si>
    <t>buurt_gegeneraliseerd_2021.2d4a9233-d34a-42a1-b91d-487426d7ec52</t>
  </si>
  <si>
    <t>BU08990243</t>
  </si>
  <si>
    <t>2021BU08990243</t>
  </si>
  <si>
    <t>buurt_gegeneraliseerd_2021.715adc1e-e665-46bc-98f7-0899fd36f808</t>
  </si>
  <si>
    <t>BU08990314</t>
  </si>
  <si>
    <t>2021BU08990314</t>
  </si>
  <si>
    <t>Rode Beek</t>
  </si>
  <si>
    <t>buurt_gegeneraliseerd_2021.727e90e9-ac94-4583-a7a7-b55873604a65</t>
  </si>
  <si>
    <t>BU08990315</t>
  </si>
  <si>
    <t>2021BU08990315</t>
  </si>
  <si>
    <t>Op gen Hoes</t>
  </si>
  <si>
    <t>buurt_gegeneraliseerd_2021.3967f63a-ae0b-49c3-99cf-eb760cb1ae79</t>
  </si>
  <si>
    <t>BU08990316</t>
  </si>
  <si>
    <t>2021BU08990316</t>
  </si>
  <si>
    <t>Oeloven</t>
  </si>
  <si>
    <t>buurt_gegeneraliseerd_2021.aff0fe01-49ec-425d-b5b5-6cd2f1b82e3c</t>
  </si>
  <si>
    <t>BU08990317</t>
  </si>
  <si>
    <t>2021BU08990317</t>
  </si>
  <si>
    <t>De Eggen</t>
  </si>
  <si>
    <t>buurt_gegeneraliseerd_2021.54087fa3-7996-4c2b-bb70-d7e7d8f6890f</t>
  </si>
  <si>
    <t>BU08990318</t>
  </si>
  <si>
    <t>2021BU08990318</t>
  </si>
  <si>
    <t>Schuttersveld</t>
  </si>
  <si>
    <t>buurt_gegeneraliseerd_2021.9783c934-f204-43bd-bc09-8868413fddb4</t>
  </si>
  <si>
    <t>BU08990332</t>
  </si>
  <si>
    <t>2021BU08990332</t>
  </si>
  <si>
    <t>De Kattekoelen</t>
  </si>
  <si>
    <t>buurt_gegeneraliseerd_2021.6844fdbf-0a6d-451f-a126-76d633f37838</t>
  </si>
  <si>
    <t>BU08990333</t>
  </si>
  <si>
    <t>2021BU08990333</t>
  </si>
  <si>
    <t>Bouwberg</t>
  </si>
  <si>
    <t>buurt_gegeneraliseerd_2021.4b657429-8ec8-477f-96f2-6ca5b675d661</t>
  </si>
  <si>
    <t>BU08990337</t>
  </si>
  <si>
    <t>2021BU08990337</t>
  </si>
  <si>
    <t>Ora et Labora</t>
  </si>
  <si>
    <t>buurt_gegeneraliseerd_2021.77b6ac47-5cca-4959-b5ba-dbd42e69c171</t>
  </si>
  <si>
    <t>BU08990339</t>
  </si>
  <si>
    <t>2021BU08990339</t>
  </si>
  <si>
    <t>Hendrik en omgeving</t>
  </si>
  <si>
    <t>buurt_gegeneraliseerd_2021.81990a51-216e-470a-bb6f-ffa7dde03ee7</t>
  </si>
  <si>
    <t>BU08990340</t>
  </si>
  <si>
    <t>2021BU08990340</t>
  </si>
  <si>
    <t>buurt_gegeneraliseerd_2021.ade8a51a-d0d8-4790-85ea-cf787ceb760f</t>
  </si>
  <si>
    <t>BU08990345</t>
  </si>
  <si>
    <t>2021BU08990345</t>
  </si>
  <si>
    <t>Kleikoelen</t>
  </si>
  <si>
    <t>buurt_gegeneraliseerd_2021.eedc3389-bb2d-4072-ad1b-c19c9d4aa593</t>
  </si>
  <si>
    <t>BU08990428</t>
  </si>
  <si>
    <t>2021BU08990428</t>
  </si>
  <si>
    <t>Vondelstraat</t>
  </si>
  <si>
    <t>buurt_gegeneraliseerd_2021.5d866fa4-5803-4153-9ef4-affb113f1903</t>
  </si>
  <si>
    <t>BU08990429</t>
  </si>
  <si>
    <t>2021BU08990429</t>
  </si>
  <si>
    <t>Langenberg</t>
  </si>
  <si>
    <t>buurt_gegeneraliseerd_2021.e61fca56-bfd1-4f86-8b4f-1cd043657a17</t>
  </si>
  <si>
    <t>BU08990430</t>
  </si>
  <si>
    <t>2021BU08990430</t>
  </si>
  <si>
    <t>De Struiken</t>
  </si>
  <si>
    <t>buurt_gegeneraliseerd_2021.2f7b6f7d-33c2-4284-8027-5ae38ebd7030</t>
  </si>
  <si>
    <t>BU08990431</t>
  </si>
  <si>
    <t>2021BU08990431</t>
  </si>
  <si>
    <t>Douvenberg</t>
  </si>
  <si>
    <t>buurt_gegeneraliseerd_2021.30bb52aa-d4f4-4cb7-82c8-51b4fceb9e00</t>
  </si>
  <si>
    <t>BU08990438</t>
  </si>
  <si>
    <t>2021BU08990438</t>
  </si>
  <si>
    <t>Brandenberg</t>
  </si>
  <si>
    <t>buurt_gegeneraliseerd_2021.2ffbf2e9-beb6-4629-8eac-d559535a3b20</t>
  </si>
  <si>
    <t>BU08990441</t>
  </si>
  <si>
    <t>2021BU08990441</t>
  </si>
  <si>
    <t>Brunssumer Heide</t>
  </si>
  <si>
    <t>buurt_gegeneraliseerd_2021.7d80ca82-b01e-4d19-af8e-142a5fa2bd06</t>
  </si>
  <si>
    <t>BU08990506</t>
  </si>
  <si>
    <t>2021BU08990506</t>
  </si>
  <si>
    <t>Hofpoel</t>
  </si>
  <si>
    <t>buurt_gegeneraliseerd_2021.8ca4c24d-a18f-445c-9585-29c2838de944</t>
  </si>
  <si>
    <t>BU08990510</t>
  </si>
  <si>
    <t>2021BU08990510</t>
  </si>
  <si>
    <t>Op de Vaard</t>
  </si>
  <si>
    <t>buurt_gegeneraliseerd_2021.6db45e6b-09f3-45b4-a660-20c4537fb5e1</t>
  </si>
  <si>
    <t>BU08990511</t>
  </si>
  <si>
    <t>2021BU08990511</t>
  </si>
  <si>
    <t>Koutenveld</t>
  </si>
  <si>
    <t>buurt_gegeneraliseerd_2021.751f78e7-6960-4689-81a7-205cea0aea1d</t>
  </si>
  <si>
    <t>BU08990512</t>
  </si>
  <si>
    <t>2021BU08990512</t>
  </si>
  <si>
    <t>buurt_gegeneraliseerd_2021.d3cb0506-cd6e-41ae-aef6-1760817ac714</t>
  </si>
  <si>
    <t>BU08990513</t>
  </si>
  <si>
    <t>2021BU08990513</t>
  </si>
  <si>
    <t>Kerkeveld</t>
  </si>
  <si>
    <t>buurt_gegeneraliseerd_2021.68227c49-a6a8-4a3c-80ca-e1674f3199b4</t>
  </si>
  <si>
    <t>BU08990519</t>
  </si>
  <si>
    <t>2021BU08990519</t>
  </si>
  <si>
    <t>Kruisberg</t>
  </si>
  <si>
    <t>buurt_gegeneraliseerd_2021.533274bb-e062-40f3-aee9-7dd00d3142eb</t>
  </si>
  <si>
    <t>BU08990520</t>
  </si>
  <si>
    <t>2021BU08990520</t>
  </si>
  <si>
    <t>Achter de Put</t>
  </si>
  <si>
    <t>buurt_gegeneraliseerd_2021.b275eadd-3b1b-4130-853e-d33522726a57</t>
  </si>
  <si>
    <t>BU08990521</t>
  </si>
  <si>
    <t>2021BU08990521</t>
  </si>
  <si>
    <t>Haansberg</t>
  </si>
  <si>
    <t>buurt_gegeneraliseerd_2021.c52cb9d1-9a41-4eac-9576-e7d94487ad36</t>
  </si>
  <si>
    <t>BU08990522</t>
  </si>
  <si>
    <t>2021BU08990522</t>
  </si>
  <si>
    <t>Vijverpark</t>
  </si>
  <si>
    <t>buurt_gegeneraliseerd_2021.0e875810-d327-4525-a0bd-7c792c2c8811</t>
  </si>
  <si>
    <t>BU08990523</t>
  </si>
  <si>
    <t>2021BU08990523</t>
  </si>
  <si>
    <t>Rumpener Beemden</t>
  </si>
  <si>
    <t>buurt_gegeneraliseerd_2021.e58f5f7c-8c39-4d52-92f5-97289cd23ab0</t>
  </si>
  <si>
    <t>BU08990527</t>
  </si>
  <si>
    <t>2021BU08990527</t>
  </si>
  <si>
    <t>De Hemelder</t>
  </si>
  <si>
    <t>buurt_gegeneraliseerd_2021.a879c24d-cb49-411f-b79e-e85b64805e78</t>
  </si>
  <si>
    <t>BU09070000</t>
  </si>
  <si>
    <t>2021BU09070000</t>
  </si>
  <si>
    <t>Milsbeek</t>
  </si>
  <si>
    <t>GM0907</t>
  </si>
  <si>
    <t>buurt_gegeneraliseerd_2021.bbae46b3-d7d0-4a8c-b459-890c9b7d6a6b</t>
  </si>
  <si>
    <t>BU09070001</t>
  </si>
  <si>
    <t>2021BU09070001</t>
  </si>
  <si>
    <t>Sprokkelveld</t>
  </si>
  <si>
    <t>buurt_gegeneraliseerd_2021.52953986-0966-475c-b30d-6b0e0033c36b</t>
  </si>
  <si>
    <t>BU09070009</t>
  </si>
  <si>
    <t>2021BU09070009</t>
  </si>
  <si>
    <t>Bloemenstraat-Zwarteweg</t>
  </si>
  <si>
    <t>buurt_gegeneraliseerd_2021.a2c038c1-479a-4ccf-b500-d8a82ea75cd9</t>
  </si>
  <si>
    <t>BU09070100</t>
  </si>
  <si>
    <t>2021BU09070100</t>
  </si>
  <si>
    <t>Ottersum</t>
  </si>
  <si>
    <t>buurt_gegeneraliseerd_2021.9f6ac0b8-fb27-4bf7-81d1-5198c138aa9f</t>
  </si>
  <si>
    <t>BU09070108</t>
  </si>
  <si>
    <t>2021BU09070108</t>
  </si>
  <si>
    <t>Aaldonk-Violenberg</t>
  </si>
  <si>
    <t>buurt_gegeneraliseerd_2021.9729813a-0192-45ff-84df-7bcd8d994080</t>
  </si>
  <si>
    <t>BU09070109</t>
  </si>
  <si>
    <t>2021BU09070109</t>
  </si>
  <si>
    <t>Looierheide</t>
  </si>
  <si>
    <t>buurt_gegeneraliseerd_2021.ea0eefc2-bfa2-41ed-9589-a2768ac41bb6</t>
  </si>
  <si>
    <t>BU09070200</t>
  </si>
  <si>
    <t>2021BU09070200</t>
  </si>
  <si>
    <t>Ven-Zelderheide</t>
  </si>
  <si>
    <t>buurt_gegeneraliseerd_2021.e099d799-66af-487a-b55c-60f1cd1858d3</t>
  </si>
  <si>
    <t>BU09070209</t>
  </si>
  <si>
    <t>2021BU09070209</t>
  </si>
  <si>
    <t>Langehorst-Zelder</t>
  </si>
  <si>
    <t>buurt_gegeneraliseerd_2021.b8cd1d72-79ee-49c3-be1f-db7b50fe7cb9</t>
  </si>
  <si>
    <t>BU09070300</t>
  </si>
  <si>
    <t>2021BU09070300</t>
  </si>
  <si>
    <t>Oude Stadskern</t>
  </si>
  <si>
    <t>buurt_gegeneraliseerd_2021.62ff3a21-a6f4-4595-b85c-36eb2360f505</t>
  </si>
  <si>
    <t>BU09070301</t>
  </si>
  <si>
    <t>2021BU09070301</t>
  </si>
  <si>
    <t>buurt_gegeneraliseerd_2021.8f35ab53-1f22-4660-b97b-8a8296e763d7</t>
  </si>
  <si>
    <t>BU09070302</t>
  </si>
  <si>
    <t>2021BU09070302</t>
  </si>
  <si>
    <t>buurt_gegeneraliseerd_2021.8e519770-fd34-47bd-8570-19bcc6da55c7</t>
  </si>
  <si>
    <t>BU09070303</t>
  </si>
  <si>
    <t>2021BU09070303</t>
  </si>
  <si>
    <t>buurt_gegeneraliseerd_2021.45783565-c410-46fd-aa03-fce33b5c8736</t>
  </si>
  <si>
    <t>BU09070309</t>
  </si>
  <si>
    <t>2021BU09070309</t>
  </si>
  <si>
    <t>Panoven-Maaskemp</t>
  </si>
  <si>
    <t>buurt_gegeneraliseerd_2021.0bec922b-5c03-494d-a84f-9a2265367f90</t>
  </si>
  <si>
    <t>BU09070400</t>
  </si>
  <si>
    <t>2021BU09070400</t>
  </si>
  <si>
    <t>Heijen</t>
  </si>
  <si>
    <t>buurt_gegeneraliseerd_2021.083e33de-6111-45fe-81ea-b6b6ed32dc53</t>
  </si>
  <si>
    <t>BU09070408</t>
  </si>
  <si>
    <t>2021BU09070408</t>
  </si>
  <si>
    <t>Heijensebos</t>
  </si>
  <si>
    <t>buurt_gegeneraliseerd_2021.dcfe142b-7e84-4ecd-9978-449cc7303b88</t>
  </si>
  <si>
    <t>BU09070409</t>
  </si>
  <si>
    <t>2021BU09070409</t>
  </si>
  <si>
    <t>Diekendaal-Nieuwerf</t>
  </si>
  <si>
    <t>buurt_gegeneraliseerd_2021.b49069ba-3d60-4a7c-add1-b808430666be</t>
  </si>
  <si>
    <t>BU09171000</t>
  </si>
  <si>
    <t>2021BU09171000</t>
  </si>
  <si>
    <t>Maria Gewanden</t>
  </si>
  <si>
    <t>GM0917</t>
  </si>
  <si>
    <t>buurt_gegeneraliseerd_2021.3c1521b9-461f-4141-ba0f-2f5dd0635ea4</t>
  </si>
  <si>
    <t>BU09171001</t>
  </si>
  <si>
    <t>2021BU09171001</t>
  </si>
  <si>
    <t>Terschuren</t>
  </si>
  <si>
    <t>buurt_gegeneraliseerd_2021.ff2b0190-b475-4323-8af7-23d6ceb8933b</t>
  </si>
  <si>
    <t>BU09171100</t>
  </si>
  <si>
    <t>2021BU09171100</t>
  </si>
  <si>
    <t>Mariarade-Noord</t>
  </si>
  <si>
    <t>buurt_gegeneraliseerd_2021.455cfbca-5d89-44e4-aaf2-a706f193e34e</t>
  </si>
  <si>
    <t>BU09171101</t>
  </si>
  <si>
    <t>2021BU09171101</t>
  </si>
  <si>
    <t>Mariarade-Zuid</t>
  </si>
  <si>
    <t>buurt_gegeneraliseerd_2021.d4fc0cf9-946a-4288-99f8-45675702dacb</t>
  </si>
  <si>
    <t>BU09171200</t>
  </si>
  <si>
    <t>2021BU09171200</t>
  </si>
  <si>
    <t>Hoensbroek-Centrum</t>
  </si>
  <si>
    <t>buurt_gegeneraliseerd_2021.eb4b47ba-1ae9-4879-bb7b-afeacce0fea9</t>
  </si>
  <si>
    <t>BU09171201</t>
  </si>
  <si>
    <t>2021BU09171201</t>
  </si>
  <si>
    <t>De Dem en omgeving</t>
  </si>
  <si>
    <t>buurt_gegeneraliseerd_2021.5b321968-fe81-4e66-992e-ca646e79bd3e</t>
  </si>
  <si>
    <t>BU09171300</t>
  </si>
  <si>
    <t>2021BU09171300</t>
  </si>
  <si>
    <t>Nieuw Lotbroek-Noord</t>
  </si>
  <si>
    <t>buurt_gegeneraliseerd_2021.8d66b9d0-f79e-4519-a359-748be25437b4</t>
  </si>
  <si>
    <t>BU09171301</t>
  </si>
  <si>
    <t>2021BU09171301</t>
  </si>
  <si>
    <t>Nieuw Lotbroek-Zuid</t>
  </si>
  <si>
    <t>buurt_gegeneraliseerd_2021.0717792e-5e32-4edc-a0a1-ebe91ad4ea73</t>
  </si>
  <si>
    <t>BU09171400</t>
  </si>
  <si>
    <t>2021BU09171400</t>
  </si>
  <si>
    <t>De Koumen</t>
  </si>
  <si>
    <t>buurt_gegeneraliseerd_2021.f9d44c8f-7c50-42cb-b68b-8b013d55fc20</t>
  </si>
  <si>
    <t>BU09172000</t>
  </si>
  <si>
    <t>2021BU09172000</t>
  </si>
  <si>
    <t>Weggebekker</t>
  </si>
  <si>
    <t>buurt_gegeneraliseerd_2021.9ff8a244-9b3c-4d1b-92a6-1fb4086a0ba8</t>
  </si>
  <si>
    <t>BU09172001</t>
  </si>
  <si>
    <t>2021BU09172001</t>
  </si>
  <si>
    <t>Uterweg</t>
  </si>
  <si>
    <t>buurt_gegeneraliseerd_2021.7bebfbc2-a9dc-469b-923e-556ec9017f4f</t>
  </si>
  <si>
    <t>BU09172002</t>
  </si>
  <si>
    <t>2021BU09172002</t>
  </si>
  <si>
    <t>Nieuw-Einde</t>
  </si>
  <si>
    <t>buurt_gegeneraliseerd_2021.fb86d913-494c-40ef-a86c-43eb670e6d5e</t>
  </si>
  <si>
    <t>BU09172003</t>
  </si>
  <si>
    <t>2021BU09172003</t>
  </si>
  <si>
    <t>Versiliënbosch</t>
  </si>
  <si>
    <t>buurt_gegeneraliseerd_2021.6ce0dcb9-2f9a-4c58-95ad-9f577b8f071e</t>
  </si>
  <si>
    <t>BU09172004</t>
  </si>
  <si>
    <t>2021BU09172004</t>
  </si>
  <si>
    <t>Vrieheide</t>
  </si>
  <si>
    <t>buurt_gegeneraliseerd_2021.e0654ae2-3a68-4b38-9f14-7220f3f18532</t>
  </si>
  <si>
    <t>BU09172100</t>
  </si>
  <si>
    <t>2021BU09172100</t>
  </si>
  <si>
    <t>Passart</t>
  </si>
  <si>
    <t>buurt_gegeneraliseerd_2021.22b476bb-b5ed-4a20-8acc-0d68ec56a49c</t>
  </si>
  <si>
    <t>BU09172101</t>
  </si>
  <si>
    <t>2021BU09172101</t>
  </si>
  <si>
    <t>Heerlerheide Kom</t>
  </si>
  <si>
    <t>buurt_gegeneraliseerd_2021.6f45e143-0f8c-4fb2-bdc1-ddbf0a9fde12</t>
  </si>
  <si>
    <t>BU09172200</t>
  </si>
  <si>
    <t>2021BU09172200</t>
  </si>
  <si>
    <t>Heksenberg</t>
  </si>
  <si>
    <t>buurt_gegeneraliseerd_2021.88707b98-a589-402f-b02b-172206dfd2ac</t>
  </si>
  <si>
    <t>BU09172201</t>
  </si>
  <si>
    <t>2021BU09172201</t>
  </si>
  <si>
    <t>Pronsebroek</t>
  </si>
  <si>
    <t>buurt_gegeneraliseerd_2021.58a3975d-211e-4f75-b9be-89ad0066a9d9</t>
  </si>
  <si>
    <t>BU09172300</t>
  </si>
  <si>
    <t>2021BU09172300</t>
  </si>
  <si>
    <t>buurt_gegeneraliseerd_2021.2961e169-da5f-48ce-8d20-213d1f424a7e</t>
  </si>
  <si>
    <t>BU09172400</t>
  </si>
  <si>
    <t>2021BU09172400</t>
  </si>
  <si>
    <t>Groot Rennemig</t>
  </si>
  <si>
    <t>buurt_gegeneraliseerd_2021.c90eb3b7-d4cd-4ad4-af67-a254fd394d6e</t>
  </si>
  <si>
    <t>BU09172401</t>
  </si>
  <si>
    <t>2021BU09172401</t>
  </si>
  <si>
    <t>Beersdal</t>
  </si>
  <si>
    <t>buurt_gegeneraliseerd_2021.8f804edf-3550-4731-9377-890a22f424d1</t>
  </si>
  <si>
    <t>BU09172402</t>
  </si>
  <si>
    <t>2021BU09172402</t>
  </si>
  <si>
    <t>Schelsberg</t>
  </si>
  <si>
    <t>buurt_gegeneraliseerd_2021.3c20bc8c-a30e-4058-9384-995fbd472505</t>
  </si>
  <si>
    <t>BU09173000</t>
  </si>
  <si>
    <t>2021BU09173000</t>
  </si>
  <si>
    <t>Husken</t>
  </si>
  <si>
    <t>buurt_gegeneraliseerd_2021.878abf3f-7317-4959-84c9-75ed880e34e4</t>
  </si>
  <si>
    <t>BU09173001</t>
  </si>
  <si>
    <t>2021BU09173001</t>
  </si>
  <si>
    <t>Zeswegen</t>
  </si>
  <si>
    <t>buurt_gegeneraliseerd_2021.9b58efbf-d9f1-4932-9e22-222f4b05e54a</t>
  </si>
  <si>
    <t>BU09173002</t>
  </si>
  <si>
    <t>2021BU09173002</t>
  </si>
  <si>
    <t>In de Cramer</t>
  </si>
  <si>
    <t>buurt_gegeneraliseerd_2021.1c3372c9-851c-4674-9ba0-d43eab140103</t>
  </si>
  <si>
    <t>BU09173100</t>
  </si>
  <si>
    <t>2021BU09173100</t>
  </si>
  <si>
    <t>Musschemig</t>
  </si>
  <si>
    <t>buurt_gegeneraliseerd_2021.4ed34c3f-e740-4fb6-9476-bb9b9bfbd91d</t>
  </si>
  <si>
    <t>BU09173101</t>
  </si>
  <si>
    <t>2021BU09173101</t>
  </si>
  <si>
    <t>Grasbroek</t>
  </si>
  <si>
    <t>buurt_gegeneraliseerd_2021.f32518db-ce59-4b34-8b67-59ee95c244e6</t>
  </si>
  <si>
    <t>BU09173102</t>
  </si>
  <si>
    <t>2021BU09173102</t>
  </si>
  <si>
    <t>Schandelen</t>
  </si>
  <si>
    <t>buurt_gegeneraliseerd_2021.f434bb52-d1bc-4358-8cff-2f9434828a6e</t>
  </si>
  <si>
    <t>BU09173103</t>
  </si>
  <si>
    <t>2021BU09173103</t>
  </si>
  <si>
    <t>Hoppersgraaf</t>
  </si>
  <si>
    <t>buurt_gegeneraliseerd_2021.dd76af12-7d8b-454e-8343-08ab21953745</t>
  </si>
  <si>
    <t>BU09173200</t>
  </si>
  <si>
    <t>2021BU09173200</t>
  </si>
  <si>
    <t>Palemig</t>
  </si>
  <si>
    <t>buurt_gegeneraliseerd_2021.43a51dd6-5a5e-4c1f-8a52-5c7682f865dd</t>
  </si>
  <si>
    <t>BU09173201</t>
  </si>
  <si>
    <t>2021BU09173201</t>
  </si>
  <si>
    <t>Burettestraat en omgeving</t>
  </si>
  <si>
    <t>buurt_gegeneraliseerd_2021.f550e035-d56a-45dd-9975-adcfcabb0ed1</t>
  </si>
  <si>
    <t>BU09173202</t>
  </si>
  <si>
    <t>2021BU09173202</t>
  </si>
  <si>
    <t>Meezenbroek</t>
  </si>
  <si>
    <t>buurt_gegeneraliseerd_2021.0e796501-a463-4409-89a1-40630f050cbc</t>
  </si>
  <si>
    <t>BU09173203</t>
  </si>
  <si>
    <t>2021BU09173203</t>
  </si>
  <si>
    <t>Schaesbergerveld</t>
  </si>
  <si>
    <t>buurt_gegeneraliseerd_2021.46ca931a-f7e6-4416-a623-e93d99ef730e</t>
  </si>
  <si>
    <t>BU09173300</t>
  </si>
  <si>
    <t>2021BU09173300</t>
  </si>
  <si>
    <t>Heerlen-Centrum</t>
  </si>
  <si>
    <t>buurt_gegeneraliseerd_2021.b1c96654-a5ef-4617-940e-f398fa6cca2c</t>
  </si>
  <si>
    <t>BU09173301</t>
  </si>
  <si>
    <t>2021BU09173301</t>
  </si>
  <si>
    <t>Op de Nobel</t>
  </si>
  <si>
    <t>buurt_gegeneraliseerd_2021.7f0bf989-bd6e-4c15-840f-2b10d04d0927</t>
  </si>
  <si>
    <t>BU09173302</t>
  </si>
  <si>
    <t>2021BU09173302</t>
  </si>
  <si>
    <t>'t Loon</t>
  </si>
  <si>
    <t>buurt_gegeneraliseerd_2021.e4191556-730f-4e23-9aba-26bcf71c2383</t>
  </si>
  <si>
    <t>BU09173303</t>
  </si>
  <si>
    <t>2021BU09173303</t>
  </si>
  <si>
    <t>Lindeveld</t>
  </si>
  <si>
    <t>buurt_gegeneraliseerd_2021.c1666e48-ee4c-4878-84b4-b55f34899a7f</t>
  </si>
  <si>
    <t>BU09173400</t>
  </si>
  <si>
    <t>2021BU09173400</t>
  </si>
  <si>
    <t>Eikenderveld</t>
  </si>
  <si>
    <t>buurt_gegeneraliseerd_2021.1ec749b6-a62a-4dab-b179-1d5573e13a03</t>
  </si>
  <si>
    <t>BU09173500</t>
  </si>
  <si>
    <t>2021BU09173500</t>
  </si>
  <si>
    <t>Ten Esschen</t>
  </si>
  <si>
    <t>buurt_gegeneraliseerd_2021.819f5951-ace3-4a0d-93b0-46945dbf1614</t>
  </si>
  <si>
    <t>BU09173600</t>
  </si>
  <si>
    <t>2021BU09173600</t>
  </si>
  <si>
    <t>Terworm</t>
  </si>
  <si>
    <t>buurt_gegeneraliseerd_2021.0b0517fa-2ac5-42cd-9269-dd79cdc76d63</t>
  </si>
  <si>
    <t>BU09173601</t>
  </si>
  <si>
    <t>2021BU09173601</t>
  </si>
  <si>
    <t>Welten-Dorp</t>
  </si>
  <si>
    <t>buurt_gegeneraliseerd_2021.80620500-16a6-492b-9a1c-0b6c34c40d4e</t>
  </si>
  <si>
    <t>BU09173602</t>
  </si>
  <si>
    <t>2021BU09173602</t>
  </si>
  <si>
    <t>Ziekenhuis</t>
  </si>
  <si>
    <t>buurt_gegeneraliseerd_2021.c79d22f9-5779-40f3-9bb9-f1e419454949</t>
  </si>
  <si>
    <t>BU09173603</t>
  </si>
  <si>
    <t>2021BU09173603</t>
  </si>
  <si>
    <t>Benzenrade</t>
  </si>
  <si>
    <t>buurt_gegeneraliseerd_2021.f2b53eb1-c806-4d44-b32c-330886086ca1</t>
  </si>
  <si>
    <t>BU09173700</t>
  </si>
  <si>
    <t>2021BU09173700</t>
  </si>
  <si>
    <t>Bekkerveld</t>
  </si>
  <si>
    <t>buurt_gegeneraliseerd_2021.d4044031-fd6c-4934-9c5d-6f789bfe7a99</t>
  </si>
  <si>
    <t>BU09173701</t>
  </si>
  <si>
    <t>2021BU09173701</t>
  </si>
  <si>
    <t>Aarveld</t>
  </si>
  <si>
    <t>buurt_gegeneraliseerd_2021.a56b8d47-9b48-4075-a9b7-4b61ccc3ad81</t>
  </si>
  <si>
    <t>BU09173800</t>
  </si>
  <si>
    <t>2021BU09173800</t>
  </si>
  <si>
    <t>Caumerveld</t>
  </si>
  <si>
    <t>buurt_gegeneraliseerd_2021.db2c67dd-f6f1-47d1-9a24-3af7645e77fc</t>
  </si>
  <si>
    <t>BU09173801</t>
  </si>
  <si>
    <t>2021BU09173801</t>
  </si>
  <si>
    <t>Douve Weien</t>
  </si>
  <si>
    <t>buurt_gegeneraliseerd_2021.5809d5ed-c856-4ac8-ba04-7e118687b7b9</t>
  </si>
  <si>
    <t>BU09173900</t>
  </si>
  <si>
    <t>2021BU09173900</t>
  </si>
  <si>
    <t>Molenbergpark</t>
  </si>
  <si>
    <t>buurt_gegeneraliseerd_2021.b1c9bb6b-2729-4c07-9b2d-c6279100aad1</t>
  </si>
  <si>
    <t>BU09173901</t>
  </si>
  <si>
    <t>2021BU09173901</t>
  </si>
  <si>
    <t>Dr. Nolensplein en omgeving</t>
  </si>
  <si>
    <t>buurt_gegeneraliseerd_2021.d5d369fe-cfbd-4815-b13f-37320cd36c87</t>
  </si>
  <si>
    <t>BU09173902</t>
  </si>
  <si>
    <t>2021BU09173902</t>
  </si>
  <si>
    <t>Dr. Schaepmanplein en omgeving</t>
  </si>
  <si>
    <t>buurt_gegeneraliseerd_2021.c7223a82-5a84-4413-8c13-e246144a176e</t>
  </si>
  <si>
    <t>BU09173903</t>
  </si>
  <si>
    <t>2021BU09173903</t>
  </si>
  <si>
    <t>Schiffelerveld</t>
  </si>
  <si>
    <t>buurt_gegeneraliseerd_2021.feff6481-b3b4-49db-ad0a-e86a273d2778</t>
  </si>
  <si>
    <t>BU09174000</t>
  </si>
  <si>
    <t>2021BU09174000</t>
  </si>
  <si>
    <t>Heerlerbaan-Oost</t>
  </si>
  <si>
    <t>buurt_gegeneraliseerd_2021.6703d483-4444-42d7-a601-85dbd6fbfe49</t>
  </si>
  <si>
    <t>BU09174100</t>
  </si>
  <si>
    <t>2021BU09174100</t>
  </si>
  <si>
    <t>buurt_gegeneraliseerd_2021.1b709b76-4075-4f81-9b65-913670c09f15</t>
  </si>
  <si>
    <t>BU09174101</t>
  </si>
  <si>
    <t>2021BU09174101</t>
  </si>
  <si>
    <t>Giezenveld</t>
  </si>
  <si>
    <t>buurt_gegeneraliseerd_2021.e0c21ec7-eac3-411e-a868-321c3b3535c0</t>
  </si>
  <si>
    <t>BU09174102</t>
  </si>
  <si>
    <t>2021BU09174102</t>
  </si>
  <si>
    <t>Heerlerbaan-West</t>
  </si>
  <si>
    <t>buurt_gegeneraliseerd_2021.fc35ffa7-30b8-4215-a563-dfb8b62f9dc7</t>
  </si>
  <si>
    <t>BU09174103</t>
  </si>
  <si>
    <t>2021BU09174103</t>
  </si>
  <si>
    <t>Imstenrade</t>
  </si>
  <si>
    <t>buurt_gegeneraliseerd_2021.d9b801e5-5e59-42ed-9a23-ee56fbe415ac</t>
  </si>
  <si>
    <t>BU09174200</t>
  </si>
  <si>
    <t>2021BU09174200</t>
  </si>
  <si>
    <t>Beitel</t>
  </si>
  <si>
    <t>buurt_gegeneraliseerd_2021.5881880c-700c-4d37-980e-b1b5a27e8905</t>
  </si>
  <si>
    <t>BU09280000</t>
  </si>
  <si>
    <t>2021BU09280000</t>
  </si>
  <si>
    <t>Spekholzerheide</t>
  </si>
  <si>
    <t>GM0928</t>
  </si>
  <si>
    <t>buurt_gegeneraliseerd_2021.e5d796ef-c697-4924-b08c-edeb7b0306d7</t>
  </si>
  <si>
    <t>BU09280001</t>
  </si>
  <si>
    <t>2021BU09280001</t>
  </si>
  <si>
    <t>Heilust</t>
  </si>
  <si>
    <t>buurt_gegeneraliseerd_2021.5868a6e5-532f-4eb0-a346-a534dee5e64a</t>
  </si>
  <si>
    <t>BU09280002</t>
  </si>
  <si>
    <t>2021BU09280002</t>
  </si>
  <si>
    <t>Terwinselen</t>
  </si>
  <si>
    <t>buurt_gegeneraliseerd_2021.c14fdce1-5815-4187-9def-9dbeb1a2e691</t>
  </si>
  <si>
    <t>BU09280003</t>
  </si>
  <si>
    <t>2021BU09280003</t>
  </si>
  <si>
    <t>Kaalheide</t>
  </si>
  <si>
    <t>buurt_gegeneraliseerd_2021.82824747-8d48-4428-a4bb-a14682c44f59</t>
  </si>
  <si>
    <t>BU09280004</t>
  </si>
  <si>
    <t>2021BU09280004</t>
  </si>
  <si>
    <t>Gracht</t>
  </si>
  <si>
    <t>buurt_gegeneraliseerd_2021.028e5570-199c-419b-8b89-9f114c56ab56</t>
  </si>
  <si>
    <t>BU09280009</t>
  </si>
  <si>
    <t>2021BU09280009</t>
  </si>
  <si>
    <t>Verspreide huizen Dentgenbach</t>
  </si>
  <si>
    <t>buurt_gegeneraliseerd_2021.88576785-839f-439a-ac93-05a6348fc199</t>
  </si>
  <si>
    <t>BU09280100</t>
  </si>
  <si>
    <t>2021BU09280100</t>
  </si>
  <si>
    <t>Kerkrade-Centrum</t>
  </si>
  <si>
    <t>buurt_gegeneraliseerd_2021.b57d7e14-7583-49a6-a9c5-8475aca76fae</t>
  </si>
  <si>
    <t>BU09280101</t>
  </si>
  <si>
    <t>2021BU09280101</t>
  </si>
  <si>
    <t>Erenstein</t>
  </si>
  <si>
    <t>buurt_gegeneraliseerd_2021.1e0d599f-a7a1-4692-b8f8-5986b023caa3</t>
  </si>
  <si>
    <t>BU09280102</t>
  </si>
  <si>
    <t>2021BU09280102</t>
  </si>
  <si>
    <t>Rolduckerveld</t>
  </si>
  <si>
    <t>buurt_gegeneraliseerd_2021.e35416d9-1fb1-49ee-872c-eb8b6923ff8d</t>
  </si>
  <si>
    <t>BU09280103</t>
  </si>
  <si>
    <t>2021BU09280103</t>
  </si>
  <si>
    <t>Holz</t>
  </si>
  <si>
    <t>buurt_gegeneraliseerd_2021.d346f601-f36b-4704-aafb-3bad10e368db</t>
  </si>
  <si>
    <t>BU09280104</t>
  </si>
  <si>
    <t>2021BU09280104</t>
  </si>
  <si>
    <t>Nulland</t>
  </si>
  <si>
    <t>buurt_gegeneraliseerd_2021.dcbfe265-d144-4a58-9f4a-807b9c44e8c3</t>
  </si>
  <si>
    <t>BU09280105</t>
  </si>
  <si>
    <t>2021BU09280105</t>
  </si>
  <si>
    <t>Bleijerheide</t>
  </si>
  <si>
    <t>buurt_gegeneraliseerd_2021.e0c28be5-ee49-499c-b8db-c85a65e9a38f</t>
  </si>
  <si>
    <t>BU09280200</t>
  </si>
  <si>
    <t>2021BU09280200</t>
  </si>
  <si>
    <t>Eygelshoven-Kom</t>
  </si>
  <si>
    <t>buurt_gegeneraliseerd_2021.1370234f-f866-4a86-81c4-e74c686efd6a</t>
  </si>
  <si>
    <t>BU09280201</t>
  </si>
  <si>
    <t>2021BU09280201</t>
  </si>
  <si>
    <t>Hopel</t>
  </si>
  <si>
    <t>buurt_gegeneraliseerd_2021.7901d543-4996-4418-b95c-c7c87fa6898a</t>
  </si>
  <si>
    <t>BU09280202</t>
  </si>
  <si>
    <t>2021BU09280202</t>
  </si>
  <si>
    <t>Waubacherveld</t>
  </si>
  <si>
    <t>buurt_gegeneraliseerd_2021.323c261f-b648-42c1-aecc-078da992dc2f</t>
  </si>
  <si>
    <t>BU09280203</t>
  </si>
  <si>
    <t>2021BU09280203</t>
  </si>
  <si>
    <t>Vink</t>
  </si>
  <si>
    <t>buurt_gegeneraliseerd_2021.ac2568de-85e2-4cbe-bfa9-53fd291f87f5</t>
  </si>
  <si>
    <t>BU09280204</t>
  </si>
  <si>
    <t>2021BU09280204</t>
  </si>
  <si>
    <t>Chevremont</t>
  </si>
  <si>
    <t>buurt_gegeneraliseerd_2021.8fdbf591-9bbb-4bb5-9558-5e1ce8850966</t>
  </si>
  <si>
    <t>BU09280205</t>
  </si>
  <si>
    <t>2021BU09280205</t>
  </si>
  <si>
    <t>Haanrade</t>
  </si>
  <si>
    <t>buurt_gegeneraliseerd_2021.f9d93677-a03c-43d8-ade5-a350eef03941</t>
  </si>
  <si>
    <t>BU09350000</t>
  </si>
  <si>
    <t>2021BU09350000</t>
  </si>
  <si>
    <t>GM0935</t>
  </si>
  <si>
    <t>buurt_gegeneraliseerd_2021.55607aa7-cb83-47fc-ba15-76f694bf7dac</t>
  </si>
  <si>
    <t>BU09350001</t>
  </si>
  <si>
    <t>2021BU09350001</t>
  </si>
  <si>
    <t>Jekerkwartier</t>
  </si>
  <si>
    <t>buurt_gegeneraliseerd_2021.232657cc-45ab-4124-892c-69480815c301</t>
  </si>
  <si>
    <t>BU09350002</t>
  </si>
  <si>
    <t>2021BU09350002</t>
  </si>
  <si>
    <t>Kommelkwartier</t>
  </si>
  <si>
    <t>buurt_gegeneraliseerd_2021.7412974f-743c-4c06-9aad-1a95c6655985</t>
  </si>
  <si>
    <t>BU09350003</t>
  </si>
  <si>
    <t>2021BU09350003</t>
  </si>
  <si>
    <t>buurt_gegeneraliseerd_2021.b14d78cb-6c1d-4360-b574-bceea0ec153d</t>
  </si>
  <si>
    <t>BU09350004</t>
  </si>
  <si>
    <t>2021BU09350004</t>
  </si>
  <si>
    <t>Boschstraatkwartier</t>
  </si>
  <si>
    <t>buurt_gegeneraliseerd_2021.6edda5c4-e024-4112-b10c-452a2bacfd3b</t>
  </si>
  <si>
    <t>BU09350005</t>
  </si>
  <si>
    <t>2021BU09350005</t>
  </si>
  <si>
    <t>Sint Maartenspoort</t>
  </si>
  <si>
    <t>buurt_gegeneraliseerd_2021.84f98b58-5e8c-4151-a386-2a1af386e224</t>
  </si>
  <si>
    <t>BU09350006</t>
  </si>
  <si>
    <t>2021BU09350006</t>
  </si>
  <si>
    <t>Wyck</t>
  </si>
  <si>
    <t>buurt_gegeneraliseerd_2021.01c77380-80f1-420b-8ff9-ca40bbbe7889</t>
  </si>
  <si>
    <t>BU09350100</t>
  </si>
  <si>
    <t>2021BU09350100</t>
  </si>
  <si>
    <t>buurt_gegeneraliseerd_2021.7da25cfe-4c2e-4ee8-916b-d3b2fb57855c</t>
  </si>
  <si>
    <t>BU09350101</t>
  </si>
  <si>
    <t>2021BU09350101</t>
  </si>
  <si>
    <t>Jekerdal</t>
  </si>
  <si>
    <t>buurt_gegeneraliseerd_2021.d2bd0328-9009-40cb-baa8-76e5d7bbf5ff</t>
  </si>
  <si>
    <t>BU09350102</t>
  </si>
  <si>
    <t>2021BU09350102</t>
  </si>
  <si>
    <t>buurt_gegeneraliseerd_2021.f02ebebc-0dfe-41db-ba2d-dbf81acea970</t>
  </si>
  <si>
    <t>BU09350103</t>
  </si>
  <si>
    <t>2021BU09350103</t>
  </si>
  <si>
    <t>Campagne</t>
  </si>
  <si>
    <t>buurt_gegeneraliseerd_2021.0126e584-29d3-4a0f-9754-80404b06fae5</t>
  </si>
  <si>
    <t>BU09350104</t>
  </si>
  <si>
    <t>2021BU09350104</t>
  </si>
  <si>
    <t>Wolder</t>
  </si>
  <si>
    <t>buurt_gegeneraliseerd_2021.8ef9e6b5-deda-4506-b899-3bc15c402659</t>
  </si>
  <si>
    <t>BU09350105</t>
  </si>
  <si>
    <t>2021BU09350105</t>
  </si>
  <si>
    <t>Sint Pieter</t>
  </si>
  <si>
    <t>buurt_gegeneraliseerd_2021.ebbf7cc4-f845-4762-bc6c-97d809beeb7a</t>
  </si>
  <si>
    <t>BU09350200</t>
  </si>
  <si>
    <t>2021BU09350200</t>
  </si>
  <si>
    <t>Brusselsepoort</t>
  </si>
  <si>
    <t>buurt_gegeneraliseerd_2021.da5bce84-d85e-4074-ba5b-41332a62ce11</t>
  </si>
  <si>
    <t>BU09350201</t>
  </si>
  <si>
    <t>2021BU09350201</t>
  </si>
  <si>
    <t>Mariaberg</t>
  </si>
  <si>
    <t>buurt_gegeneraliseerd_2021.5286f46f-df87-4ea5-8890-c846515e87ec</t>
  </si>
  <si>
    <t>BU09350202</t>
  </si>
  <si>
    <t>2021BU09350202</t>
  </si>
  <si>
    <t>Belfort</t>
  </si>
  <si>
    <t>buurt_gegeneraliseerd_2021.b27bfe73-8816-4b5b-8adb-6edcf01776a4</t>
  </si>
  <si>
    <t>BU09350203</t>
  </si>
  <si>
    <t>2021BU09350203</t>
  </si>
  <si>
    <t>Pottenberg</t>
  </si>
  <si>
    <t>buurt_gegeneraliseerd_2021.b195ffaf-f921-46b2-9f6b-09323780c1cc</t>
  </si>
  <si>
    <t>BU09350204</t>
  </si>
  <si>
    <t>2021BU09350204</t>
  </si>
  <si>
    <t>Malpertuis</t>
  </si>
  <si>
    <t>buurt_gegeneraliseerd_2021.28fcc169-88a2-48d8-bf07-79465d616101</t>
  </si>
  <si>
    <t>BU09350205</t>
  </si>
  <si>
    <t>2021BU09350205</t>
  </si>
  <si>
    <t>Caberg</t>
  </si>
  <si>
    <t>buurt_gegeneraliseerd_2021.cd4f7e5e-6d23-4d0b-a7c6-dbcaecb02c4d</t>
  </si>
  <si>
    <t>BU09350206</t>
  </si>
  <si>
    <t>2021BU09350206</t>
  </si>
  <si>
    <t>Oud-Caberg</t>
  </si>
  <si>
    <t>buurt_gegeneraliseerd_2021.335204eb-d602-4800-ad79-690141d4ce57</t>
  </si>
  <si>
    <t>BU09350207</t>
  </si>
  <si>
    <t>2021BU09350207</t>
  </si>
  <si>
    <t>Malberg</t>
  </si>
  <si>
    <t>buurt_gegeneraliseerd_2021.20dd9441-7094-4495-a8fe-e34a807e5c0a</t>
  </si>
  <si>
    <t>BU09350208</t>
  </si>
  <si>
    <t>2021BU09350208</t>
  </si>
  <si>
    <t>Dousberg-Hazendans</t>
  </si>
  <si>
    <t>buurt_gegeneraliseerd_2021.49391f6e-0a2b-4907-b751-6e608557a02d</t>
  </si>
  <si>
    <t>BU09350209</t>
  </si>
  <si>
    <t>2021BU09350209</t>
  </si>
  <si>
    <t>Daalhof</t>
  </si>
  <si>
    <t>buurt_gegeneraliseerd_2021.bf8bad14-d677-4a6d-afe4-ba2bb24331b9</t>
  </si>
  <si>
    <t>BU09350300</t>
  </si>
  <si>
    <t>2021BU09350300</t>
  </si>
  <si>
    <t>Boschpoort</t>
  </si>
  <si>
    <t>buurt_gegeneraliseerd_2021.d628dad2-559c-446c-a8e5-79be9954a76e</t>
  </si>
  <si>
    <t>BU09350301</t>
  </si>
  <si>
    <t>2021BU09350301</t>
  </si>
  <si>
    <t>Bosscherveld</t>
  </si>
  <si>
    <t>buurt_gegeneraliseerd_2021.b8b4105f-9f8d-419e-850f-bb34cdf58604</t>
  </si>
  <si>
    <t>BU09350302</t>
  </si>
  <si>
    <t>2021BU09350302</t>
  </si>
  <si>
    <t>Frontenkwartier</t>
  </si>
  <si>
    <t>buurt_gegeneraliseerd_2021.581aee8b-63cb-4d3e-bb35-06392301579b</t>
  </si>
  <si>
    <t>BU09350303</t>
  </si>
  <si>
    <t>2021BU09350303</t>
  </si>
  <si>
    <t>Belvédère</t>
  </si>
  <si>
    <t>buurt_gegeneraliseerd_2021.cc2b22b3-5af9-49ce-838f-613099d9a181</t>
  </si>
  <si>
    <t>BU09350304</t>
  </si>
  <si>
    <t>2021BU09350304</t>
  </si>
  <si>
    <t>Lanakerveld</t>
  </si>
  <si>
    <t>buurt_gegeneraliseerd_2021.45ba367a-9f29-4788-9c88-5915528545ab</t>
  </si>
  <si>
    <t>BU09350400</t>
  </si>
  <si>
    <t>2021BU09350400</t>
  </si>
  <si>
    <t>Wyckerpoort</t>
  </si>
  <si>
    <t>buurt_gegeneraliseerd_2021.49a5157e-03e0-46cc-9291-080cab0dbbbf</t>
  </si>
  <si>
    <t>BU09350401</t>
  </si>
  <si>
    <t>2021BU09350401</t>
  </si>
  <si>
    <t>Heugemerveld</t>
  </si>
  <si>
    <t>buurt_gegeneraliseerd_2021.daeb7386-784d-4bf6-9942-f8476c526bc4</t>
  </si>
  <si>
    <t>BU09350402</t>
  </si>
  <si>
    <t>2021BU09350402</t>
  </si>
  <si>
    <t>Wittevrouwenveld</t>
  </si>
  <si>
    <t>buurt_gegeneraliseerd_2021.ad8c0a4b-8f12-4b8c-b279-3dbd2a0790b0</t>
  </si>
  <si>
    <t>BU09350403</t>
  </si>
  <si>
    <t>2021BU09350403</t>
  </si>
  <si>
    <t>Nazareth</t>
  </si>
  <si>
    <t>buurt_gegeneraliseerd_2021.292171f8-39a5-436a-9e01-3aaeb659ded6</t>
  </si>
  <si>
    <t>BU09350404</t>
  </si>
  <si>
    <t>2021BU09350404</t>
  </si>
  <si>
    <t>Limmel</t>
  </si>
  <si>
    <t>buurt_gegeneraliseerd_2021.a9dfbe70-b79e-4ced-b0c5-bccba649befa</t>
  </si>
  <si>
    <t>BU09350405</t>
  </si>
  <si>
    <t>2021BU09350405</t>
  </si>
  <si>
    <t>Scharn</t>
  </si>
  <si>
    <t>buurt_gegeneraliseerd_2021.98bf4131-47b2-4c28-9b7b-e294e3b903eb</t>
  </si>
  <si>
    <t>BU09350406</t>
  </si>
  <si>
    <t>2021BU09350406</t>
  </si>
  <si>
    <t>Amby</t>
  </si>
  <si>
    <t>buurt_gegeneraliseerd_2021.68d25ba5-3566-4a9f-ad56-772d622dd290</t>
  </si>
  <si>
    <t>BU09350500</t>
  </si>
  <si>
    <t>2021BU09350500</t>
  </si>
  <si>
    <t>Beatrixhaven</t>
  </si>
  <si>
    <t>buurt_gegeneraliseerd_2021.3c43372b-aec1-424c-a0d6-23cd7c4bfa48</t>
  </si>
  <si>
    <t>BU09350501</t>
  </si>
  <si>
    <t>2021BU09350501</t>
  </si>
  <si>
    <t>Borgharen</t>
  </si>
  <si>
    <t>buurt_gegeneraliseerd_2021.fb4064f7-ad45-4191-9812-6d79bcb96768</t>
  </si>
  <si>
    <t>BU09350502</t>
  </si>
  <si>
    <t>2021BU09350502</t>
  </si>
  <si>
    <t>Itteren</t>
  </si>
  <si>
    <t>buurt_gegeneraliseerd_2021.3ebe4731-15d4-42b0-8865-8245932e0532</t>
  </si>
  <si>
    <t>BU09350503</t>
  </si>
  <si>
    <t>2021BU09350503</t>
  </si>
  <si>
    <t>Meerssenhoven</t>
  </si>
  <si>
    <t>buurt_gegeneraliseerd_2021.2f71f47d-7a21-4bc7-851d-6ed62a87d4c1</t>
  </si>
  <si>
    <t>BU09350600</t>
  </si>
  <si>
    <t>2021BU09350600</t>
  </si>
  <si>
    <t>Randwyck</t>
  </si>
  <si>
    <t>buurt_gegeneraliseerd_2021.9fad583c-de9d-48aa-931a-e2bb56bc81f1</t>
  </si>
  <si>
    <t>BU09350601</t>
  </si>
  <si>
    <t>2021BU09350601</t>
  </si>
  <si>
    <t>Heugem</t>
  </si>
  <si>
    <t>buurt_gegeneraliseerd_2021.e7c9ea53-3f7e-40c5-a6f0-d91d1645a5c5</t>
  </si>
  <si>
    <t>BU09350602</t>
  </si>
  <si>
    <t>2021BU09350602</t>
  </si>
  <si>
    <t>Heer</t>
  </si>
  <si>
    <t>buurt_gegeneraliseerd_2021.1a44653b-f5e4-491f-979c-669d2b01c3b3</t>
  </si>
  <si>
    <t>BU09350603</t>
  </si>
  <si>
    <t>2021BU09350603</t>
  </si>
  <si>
    <t>De Heeg</t>
  </si>
  <si>
    <t>buurt_gegeneraliseerd_2021.c525889e-fa09-4ff8-95af-9d7816978053</t>
  </si>
  <si>
    <t>BU09350604</t>
  </si>
  <si>
    <t>2021BU09350604</t>
  </si>
  <si>
    <t>Vroendaal</t>
  </si>
  <si>
    <t>buurt_gegeneraliseerd_2021.67e52890-6862-485e-9bec-116fe8b76852</t>
  </si>
  <si>
    <t>BU09380000</t>
  </si>
  <si>
    <t>2021BU09380000</t>
  </si>
  <si>
    <t>Meerssen</t>
  </si>
  <si>
    <t>GM0938</t>
  </si>
  <si>
    <t>buurt_gegeneraliseerd_2021.5cd81df2-5e7a-4e7e-84cd-1a4659e93263</t>
  </si>
  <si>
    <t>BU09380001</t>
  </si>
  <si>
    <t>2021BU09380001</t>
  </si>
  <si>
    <t>Rothem</t>
  </si>
  <si>
    <t>buurt_gegeneraliseerd_2021.15821de9-beef-43a9-a19e-672ef4063661</t>
  </si>
  <si>
    <t>BU09380002</t>
  </si>
  <si>
    <t>2021BU09380002</t>
  </si>
  <si>
    <t>Weert</t>
  </si>
  <si>
    <t>buurt_gegeneraliseerd_2021.c83f0a05-97c2-43e0-bd3d-3c4f3b368723</t>
  </si>
  <si>
    <t>BU09380003</t>
  </si>
  <si>
    <t>2021BU09380003</t>
  </si>
  <si>
    <t>Raar</t>
  </si>
  <si>
    <t>buurt_gegeneraliseerd_2021.860cc592-090f-437d-9f46-91948c793a74</t>
  </si>
  <si>
    <t>BU09380009</t>
  </si>
  <si>
    <t>2021BU09380009</t>
  </si>
  <si>
    <t>buurt_gegeneraliseerd_2021.d7ec1b44-773a-4457-8fbb-3e62da055baf</t>
  </si>
  <si>
    <t>BU09380100</t>
  </si>
  <si>
    <t>2021BU09380100</t>
  </si>
  <si>
    <t>Ulestraten</t>
  </si>
  <si>
    <t>buurt_gegeneraliseerd_2021.0e39f3d9-21dd-4f72-9318-90f61d766a47</t>
  </si>
  <si>
    <t>BU09380109</t>
  </si>
  <si>
    <t>2021BU09380109</t>
  </si>
  <si>
    <t>buurt_gegeneraliseerd_2021.d0708b3f-e6ca-45a9-8d17-85c3484f65e2</t>
  </si>
  <si>
    <t>BU09380200</t>
  </si>
  <si>
    <t>2021BU09380200</t>
  </si>
  <si>
    <t>Bunde</t>
  </si>
  <si>
    <t>buurt_gegeneraliseerd_2021.78761484-d29b-4f22-bef2-f4893ac89083</t>
  </si>
  <si>
    <t>BU09380201</t>
  </si>
  <si>
    <t>2021BU09380201</t>
  </si>
  <si>
    <t>Kasen</t>
  </si>
  <si>
    <t>buurt_gegeneraliseerd_2021.ec58b3f3-b745-4b69-aecb-812016f68be9</t>
  </si>
  <si>
    <t>BU09380202</t>
  </si>
  <si>
    <t>2021BU09380202</t>
  </si>
  <si>
    <t>Geulle</t>
  </si>
  <si>
    <t>buurt_gegeneraliseerd_2021.c6f9b681-4cdb-4d82-bff9-1ed7e9cb0f07</t>
  </si>
  <si>
    <t>BU09380203</t>
  </si>
  <si>
    <t>2021BU09380203</t>
  </si>
  <si>
    <t>Hussenberg met Snijdersberg</t>
  </si>
  <si>
    <t>buurt_gegeneraliseerd_2021.8f6b5dcf-bfce-4315-8eaf-a5e8c1e4cf16</t>
  </si>
  <si>
    <t>BU09380204</t>
  </si>
  <si>
    <t>2021BU09380204</t>
  </si>
  <si>
    <t>Hulsen-Oostbroek</t>
  </si>
  <si>
    <t>buurt_gegeneraliseerd_2021.1f700fb7-859d-4a0d-ab00-d969982a04a4</t>
  </si>
  <si>
    <t>BU09380205</t>
  </si>
  <si>
    <t>2021BU09380205</t>
  </si>
  <si>
    <t>Moorveld</t>
  </si>
  <si>
    <t>buurt_gegeneraliseerd_2021.725ad761-93e8-4589-81e2-a42d4b9b154b</t>
  </si>
  <si>
    <t>BU09380206</t>
  </si>
  <si>
    <t>2021BU09380206</t>
  </si>
  <si>
    <t>Brommelen-Westbroek</t>
  </si>
  <si>
    <t>buurt_gegeneraliseerd_2021.76e52dee-f7b0-4819-af67-32e1d455738d</t>
  </si>
  <si>
    <t>BU09440000</t>
  </si>
  <si>
    <t>2021BU09440000</t>
  </si>
  <si>
    <t>GM0944</t>
  </si>
  <si>
    <t>buurt_gegeneraliseerd_2021.7a2575db-fbac-46f6-88ae-bcb6ba564ff5</t>
  </si>
  <si>
    <t>BU09440001</t>
  </si>
  <si>
    <t>2021BU09440001</t>
  </si>
  <si>
    <t>Mook</t>
  </si>
  <si>
    <t>buurt_gegeneraliseerd_2021.b0e425b4-5a4a-4fd2-9988-3bbbd8d2b378</t>
  </si>
  <si>
    <t>BU09440009</t>
  </si>
  <si>
    <t>2021BU09440009</t>
  </si>
  <si>
    <t>Verspreide huizen Bisselt</t>
  </si>
  <si>
    <t>buurt_gegeneraliseerd_2021.9cbb43bc-f24f-4173-a9c5-21f16b9c9c37</t>
  </si>
  <si>
    <t>BU09440100</t>
  </si>
  <si>
    <t>2021BU09440100</t>
  </si>
  <si>
    <t>Riethorst-Plasmolen</t>
  </si>
  <si>
    <t>buurt_gegeneraliseerd_2021.d613676a-bb53-4540-9ba2-1e5cf4d458aa</t>
  </si>
  <si>
    <t>BU09440101</t>
  </si>
  <si>
    <t>2021BU09440101</t>
  </si>
  <si>
    <t>Middelaar Katerbosch en Heikant</t>
  </si>
  <si>
    <t>buurt_gegeneraliseerd_2021.a733118a-b407-49ae-8f94-e9b2f939da82</t>
  </si>
  <si>
    <t>BU09460101</t>
  </si>
  <si>
    <t>2021BU09460101</t>
  </si>
  <si>
    <t>Nederweert</t>
  </si>
  <si>
    <t>GM0946</t>
  </si>
  <si>
    <t>buurt_gegeneraliseerd_2021.c4f8e509-0363-4091-af5d-a7ace09e4339</t>
  </si>
  <si>
    <t>BU09460102</t>
  </si>
  <si>
    <t>2021BU09460102</t>
  </si>
  <si>
    <t>Boeket-Hoogbosweg</t>
  </si>
  <si>
    <t>buurt_gegeneraliseerd_2021.54262f60-439d-4b25-a00d-694b7f17d98d</t>
  </si>
  <si>
    <t>BU09460103</t>
  </si>
  <si>
    <t>2021BU09460103</t>
  </si>
  <si>
    <t>Bosserstraat-Lage Kuilen</t>
  </si>
  <si>
    <t>buurt_gegeneraliseerd_2021.b62bd361-1460-433f-8a32-c1708ee3f6dc</t>
  </si>
  <si>
    <t>BU09460104</t>
  </si>
  <si>
    <t>2021BU09460104</t>
  </si>
  <si>
    <t>Schoor-Mildert</t>
  </si>
  <si>
    <t>buurt_gegeneraliseerd_2021.1dc144f2-0c09-4852-b908-0c29a747b10e</t>
  </si>
  <si>
    <t>BU09460201</t>
  </si>
  <si>
    <t>2021BU09460201</t>
  </si>
  <si>
    <t>Budschop</t>
  </si>
  <si>
    <t>buurt_gegeneraliseerd_2021.37ff6f93-ed8e-468f-8ea3-e788a254a2e2</t>
  </si>
  <si>
    <t>BU09460202</t>
  </si>
  <si>
    <t>2021BU09460202</t>
  </si>
  <si>
    <t>Winnerstraat-Eindhovensebaan</t>
  </si>
  <si>
    <t>buurt_gegeneraliseerd_2021.e5c48cf5-07b8-4e0b-b27e-927d031a9064</t>
  </si>
  <si>
    <t>BU09460301</t>
  </si>
  <si>
    <t>2021BU09460301</t>
  </si>
  <si>
    <t>Ospel</t>
  </si>
  <si>
    <t>buurt_gegeneraliseerd_2021.60073a44-2b06-465b-9065-7171147173b5</t>
  </si>
  <si>
    <t>BU09460302</t>
  </si>
  <si>
    <t>2021BU09460302</t>
  </si>
  <si>
    <t>Ospeldijk</t>
  </si>
  <si>
    <t>buurt_gegeneraliseerd_2021.ebe319cf-2416-43f6-8be1-95c35768987f</t>
  </si>
  <si>
    <t>BU09460303</t>
  </si>
  <si>
    <t>2021BU09460303</t>
  </si>
  <si>
    <t>Nieuwstraat-Horick-Kampersweg</t>
  </si>
  <si>
    <t>buurt_gegeneraliseerd_2021.5e071ade-5386-4d6d-a04c-f6508ae90ebc</t>
  </si>
  <si>
    <t>BU09460304</t>
  </si>
  <si>
    <t>2021BU09460304</t>
  </si>
  <si>
    <t>Waatskamp-Bientjesweg</t>
  </si>
  <si>
    <t>buurt_gegeneraliseerd_2021.2efd06f4-f826-4eb3-8f05-6b4fec718412</t>
  </si>
  <si>
    <t>BU09460305</t>
  </si>
  <si>
    <t>2021BU09460305</t>
  </si>
  <si>
    <t>Moostdijk-Kruisvennendijk</t>
  </si>
  <si>
    <t>buurt_gegeneraliseerd_2021.0e22e8f5-d6bc-4a53-b2d9-c28fd9ee3861</t>
  </si>
  <si>
    <t>BU09460401</t>
  </si>
  <si>
    <t>2021BU09460401</t>
  </si>
  <si>
    <t>Nederweert-Eind</t>
  </si>
  <si>
    <t>buurt_gegeneraliseerd_2021.b29e7f56-2597-4d54-a0e6-4ec7bf9fe892</t>
  </si>
  <si>
    <t>BU09460402</t>
  </si>
  <si>
    <t>2021BU09460402</t>
  </si>
  <si>
    <t>Wellenstein-Aan 't Kruis</t>
  </si>
  <si>
    <t>buurt_gegeneraliseerd_2021.4531ddce-4b3b-43ee-b46a-3b6be767e624</t>
  </si>
  <si>
    <t>BU09460501</t>
  </si>
  <si>
    <t>2021BU09460501</t>
  </si>
  <si>
    <t>Leveroy</t>
  </si>
  <si>
    <t>buurt_gegeneraliseerd_2021.ac5921e3-9dfc-4ed8-a442-d737f0172d7b</t>
  </si>
  <si>
    <t>BU09460502</t>
  </si>
  <si>
    <t>2021BU09460502</t>
  </si>
  <si>
    <t>Deckerstraat-Bergdijk</t>
  </si>
  <si>
    <t>buurt_gegeneraliseerd_2021.2185db74-dfdb-4ed1-aad2-784e9df32b8b</t>
  </si>
  <si>
    <t>BU09570000</t>
  </si>
  <si>
    <t>2021BU09570000</t>
  </si>
  <si>
    <t>GM0957</t>
  </si>
  <si>
    <t>buurt_gegeneraliseerd_2021.18dd6c27-72e2-4d82-86c4-d6317f5f4768</t>
  </si>
  <si>
    <t>BU09570001</t>
  </si>
  <si>
    <t>2021BU09570001</t>
  </si>
  <si>
    <t>Voorstad</t>
  </si>
  <si>
    <t>buurt_gegeneraliseerd_2021.f10e6b0b-7573-4fbb-874e-6d985dada953</t>
  </si>
  <si>
    <t>BU09570002</t>
  </si>
  <si>
    <t>2021BU09570002</t>
  </si>
  <si>
    <t>Roer-Zuid</t>
  </si>
  <si>
    <t>buurt_gegeneraliseerd_2021.b98d1045-fdec-4767-a700-0cf2b33e77ac</t>
  </si>
  <si>
    <t>BU09570003</t>
  </si>
  <si>
    <t>2021BU09570003</t>
  </si>
  <si>
    <t>Roerzicht</t>
  </si>
  <si>
    <t>buurt_gegeneraliseerd_2021.00588208-f314-412c-b68e-f0367f966f6c</t>
  </si>
  <si>
    <t>BU09570004</t>
  </si>
  <si>
    <t>2021BU09570004</t>
  </si>
  <si>
    <t>Willem-Alexander</t>
  </si>
  <si>
    <t>buurt_gegeneraliseerd_2021.1a27a6ed-2d45-45dd-a012-13e5649e905d</t>
  </si>
  <si>
    <t>BU09570100</t>
  </si>
  <si>
    <t>2021BU09570100</t>
  </si>
  <si>
    <t>Roermondse Veld</t>
  </si>
  <si>
    <t>buurt_gegeneraliseerd_2021.4a019a1d-b54b-4fa4-bc41-e476b238c171</t>
  </si>
  <si>
    <t>BU09570101</t>
  </si>
  <si>
    <t>2021BU09570101</t>
  </si>
  <si>
    <t>Vrijveld</t>
  </si>
  <si>
    <t>buurt_gegeneraliseerd_2021.d6053715-522b-471f-9d8b-97e851b3781e</t>
  </si>
  <si>
    <t>BU09570200</t>
  </si>
  <si>
    <t>2021BU09570200</t>
  </si>
  <si>
    <t>Kapel-Muggenbroek</t>
  </si>
  <si>
    <t>buurt_gegeneraliseerd_2021.3e334ed2-d161-4ade-a5b8-18b5a934e900</t>
  </si>
  <si>
    <t>BU09570201</t>
  </si>
  <si>
    <t>2021BU09570201</t>
  </si>
  <si>
    <t>De Kemp</t>
  </si>
  <si>
    <t>buurt_gegeneraliseerd_2021.0c892a4e-fb2b-4a5d-83f6-63cfaf1caefa</t>
  </si>
  <si>
    <t>BU09570202</t>
  </si>
  <si>
    <t>2021BU09570202</t>
  </si>
  <si>
    <t>Roerstreek</t>
  </si>
  <si>
    <t>buurt_gegeneraliseerd_2021.a0c3f997-3826-400f-9145-17775af186eb</t>
  </si>
  <si>
    <t>BU09570203</t>
  </si>
  <si>
    <t>2021BU09570203</t>
  </si>
  <si>
    <t>Kitskensdal</t>
  </si>
  <si>
    <t>buurt_gegeneraliseerd_2021.39d56480-ec18-4161-a9d6-e937c41956b4</t>
  </si>
  <si>
    <t>BU09570204</t>
  </si>
  <si>
    <t>2021BU09570204</t>
  </si>
  <si>
    <t>Kitskensberg</t>
  </si>
  <si>
    <t>buurt_gegeneraliseerd_2021.c98c388a-308d-47d7-89de-cb5b499d61ce</t>
  </si>
  <si>
    <t>BU09570300</t>
  </si>
  <si>
    <t>2021BU09570300</t>
  </si>
  <si>
    <t>Kern Maasniel</t>
  </si>
  <si>
    <t>buurt_gegeneraliseerd_2021.c73e3ca8-71cb-4706-8083-6cba1b498207</t>
  </si>
  <si>
    <t>BU09570301</t>
  </si>
  <si>
    <t>2021BU09570301</t>
  </si>
  <si>
    <t>Leeuwen</t>
  </si>
  <si>
    <t>buurt_gegeneraliseerd_2021.13d02134-7660-4ee8-b59d-8788c1c8bd17</t>
  </si>
  <si>
    <t>BU09570302</t>
  </si>
  <si>
    <t>2021BU09570302</t>
  </si>
  <si>
    <t>Tegelarijeveld-Broekhin</t>
  </si>
  <si>
    <t>buurt_gegeneraliseerd_2021.0433962e-2120-49eb-b5a9-5a184e900888</t>
  </si>
  <si>
    <t>BU09570303</t>
  </si>
  <si>
    <t>2021BU09570303</t>
  </si>
  <si>
    <t>De Wijher en omgeving</t>
  </si>
  <si>
    <t>buurt_gegeneraliseerd_2021.ea97604b-2aa4-43c6-a380-01cc59fc0012</t>
  </si>
  <si>
    <t>BU09570304</t>
  </si>
  <si>
    <t>2021BU09570304</t>
  </si>
  <si>
    <t>Stadsrandzone-Noord</t>
  </si>
  <si>
    <t>buurt_gegeneraliseerd_2021.4b83ffd0-4613-44ae-828d-ba116c5423de</t>
  </si>
  <si>
    <t>BU09570400</t>
  </si>
  <si>
    <t>2021BU09570400</t>
  </si>
  <si>
    <t>buurt_gegeneraliseerd_2021.93147528-7de0-4250-bea9-2938212da519</t>
  </si>
  <si>
    <t>BU09570401</t>
  </si>
  <si>
    <t>2021BU09570401</t>
  </si>
  <si>
    <t>buurt_gegeneraliseerd_2021.4350888d-aa4f-400d-8ae3-8289fcaddb45</t>
  </si>
  <si>
    <t>BU09570402</t>
  </si>
  <si>
    <t>2021BU09570402</t>
  </si>
  <si>
    <t>buurt_gegeneraliseerd_2021.18453c32-a10e-4a48-8c74-3d5176986e59</t>
  </si>
  <si>
    <t>BU09570403</t>
  </si>
  <si>
    <t>2021BU09570403</t>
  </si>
  <si>
    <t>buurt_gegeneraliseerd_2021.a4fd8c6a-b28a-411a-a9d4-4b1428c94863</t>
  </si>
  <si>
    <t>BU09570501</t>
  </si>
  <si>
    <t>2021BU09570501</t>
  </si>
  <si>
    <t>Hoogvonderen</t>
  </si>
  <si>
    <t>buurt_gegeneraliseerd_2021.06629188-9de8-495f-8dc8-26dfec5cbd54</t>
  </si>
  <si>
    <t>BU09570600</t>
  </si>
  <si>
    <t>2021BU09570600</t>
  </si>
  <si>
    <t>Asenray buitengebied</t>
  </si>
  <si>
    <t>buurt_gegeneraliseerd_2021.7c49c960-9774-4d59-b98e-5efff980c88f</t>
  </si>
  <si>
    <t>BU09570601</t>
  </si>
  <si>
    <t>2021BU09570601</t>
  </si>
  <si>
    <t>Asenray</t>
  </si>
  <si>
    <t>buurt_gegeneraliseerd_2021.3ce65ab7-515f-46f6-be7e-fc55fc815624</t>
  </si>
  <si>
    <t>BU09570700</t>
  </si>
  <si>
    <t>2021BU09570700</t>
  </si>
  <si>
    <t>Ool</t>
  </si>
  <si>
    <t>buurt_gegeneraliseerd_2021.9b61e368-b218-4d12-890a-83afd39c0dc9</t>
  </si>
  <si>
    <t>BU09570701</t>
  </si>
  <si>
    <t>2021BU09570701</t>
  </si>
  <si>
    <t>Herten</t>
  </si>
  <si>
    <t>buurt_gegeneraliseerd_2021.51fa97f8-882e-4b12-b1ab-77c4bdd07527</t>
  </si>
  <si>
    <t>BU09570702</t>
  </si>
  <si>
    <t>2021BU09570702</t>
  </si>
  <si>
    <t>Merum</t>
  </si>
  <si>
    <t>buurt_gegeneraliseerd_2021.697f5449-9008-43aa-b0b7-0ca7ba9241e0</t>
  </si>
  <si>
    <t>BU09570703</t>
  </si>
  <si>
    <t>2021BU09570703</t>
  </si>
  <si>
    <t>Oolder Veste</t>
  </si>
  <si>
    <t>buurt_gegeneraliseerd_2021.e4c779e5-529e-4f43-9bf1-cf299077ec84</t>
  </si>
  <si>
    <t>BU09570800</t>
  </si>
  <si>
    <t>2021BU09570800</t>
  </si>
  <si>
    <t>Swalmen-Centrum</t>
  </si>
  <si>
    <t>buurt_gegeneraliseerd_2021.e36722ca-0bae-454a-9839-8043990562cf</t>
  </si>
  <si>
    <t>BU09570801</t>
  </si>
  <si>
    <t>2021BU09570801</t>
  </si>
  <si>
    <t>Groenekruisgebied</t>
  </si>
  <si>
    <t>buurt_gegeneraliseerd_2021.f6764386-ca57-4828-ad25-5ed9bd43e590</t>
  </si>
  <si>
    <t>BU09570802</t>
  </si>
  <si>
    <t>2021BU09570802</t>
  </si>
  <si>
    <t>Heide</t>
  </si>
  <si>
    <t>buurt_gegeneraliseerd_2021.797b78ee-d6a4-4cea-984c-bc9b0387adcc</t>
  </si>
  <si>
    <t>BU09570804</t>
  </si>
  <si>
    <t>2021BU09570804</t>
  </si>
  <si>
    <t>Asselt</t>
  </si>
  <si>
    <t>buurt_gegeneraliseerd_2021.c4dae981-5dda-4006-aef5-67d452a4cd58</t>
  </si>
  <si>
    <t>BU09570805</t>
  </si>
  <si>
    <t>2021BU09570805</t>
  </si>
  <si>
    <t>Martin Giessen-Bosstraat</t>
  </si>
  <si>
    <t>buurt_gegeneraliseerd_2021.6972357e-aa66-4479-a53b-289476131603</t>
  </si>
  <si>
    <t>BU09570806</t>
  </si>
  <si>
    <t>2021BU09570806</t>
  </si>
  <si>
    <t>Boukoul</t>
  </si>
  <si>
    <t>buurt_gegeneraliseerd_2021.d75de489-1a2f-4516-bd47-b3697933b8ff</t>
  </si>
  <si>
    <t>BU09570809</t>
  </si>
  <si>
    <t>2021BU09570809</t>
  </si>
  <si>
    <t>Verspreide huizen Swalmen</t>
  </si>
  <si>
    <t>buurt_gegeneraliseerd_2021.1071b7f2-36ad-4df2-abd9-afd914003706</t>
  </si>
  <si>
    <t>BU09570900</t>
  </si>
  <si>
    <t>2021BU09570900</t>
  </si>
  <si>
    <t>Maasplassen</t>
  </si>
  <si>
    <t>buurt_gegeneraliseerd_2021.cc0648a6-a589-4e2d-8cf8-0f960282e80c</t>
  </si>
  <si>
    <t>BU09650000</t>
  </si>
  <si>
    <t>2021BU09650000</t>
  </si>
  <si>
    <t>Simpelveld</t>
  </si>
  <si>
    <t>GM0965</t>
  </si>
  <si>
    <t>buurt_gegeneraliseerd_2021.82331c5d-e252-46ac-b8fd-6549b6d63f35</t>
  </si>
  <si>
    <t>BU09650001</t>
  </si>
  <si>
    <t>2021BU09650001</t>
  </si>
  <si>
    <t>Hulsveld</t>
  </si>
  <si>
    <t>buurt_gegeneraliseerd_2021.9c911a5b-f52d-421a-9d85-ecff93245966</t>
  </si>
  <si>
    <t>BU09650002</t>
  </si>
  <si>
    <t>2021BU09650002</t>
  </si>
  <si>
    <t>Huls</t>
  </si>
  <si>
    <t>buurt_gegeneraliseerd_2021.5bd43def-ae1e-48e0-b3b3-50fdd1106b6e</t>
  </si>
  <si>
    <t>BU09650003</t>
  </si>
  <si>
    <t>2021BU09650003</t>
  </si>
  <si>
    <t>Molsberg-Rodeput</t>
  </si>
  <si>
    <t>buurt_gegeneraliseerd_2021.060e9f78-2a9b-4f61-9612-3b5bfa0ed34c</t>
  </si>
  <si>
    <t>BU09650009</t>
  </si>
  <si>
    <t>2021BU09650009</t>
  </si>
  <si>
    <t>buurt_gegeneraliseerd_2021.5b2cbee1-5cfe-4f12-93f3-b59c62d2bf2d</t>
  </si>
  <si>
    <t>BU09650100</t>
  </si>
  <si>
    <t>2021BU09650100</t>
  </si>
  <si>
    <t>Bocholtz</t>
  </si>
  <si>
    <t>buurt_gegeneraliseerd_2021.68c9fe59-1b26-49d3-b11f-255e7777a30f</t>
  </si>
  <si>
    <t>BU09650101</t>
  </si>
  <si>
    <t>2021BU09650101</t>
  </si>
  <si>
    <t>Bocholtzerheide</t>
  </si>
  <si>
    <t>buurt_gegeneraliseerd_2021.a28206f0-0495-4337-853f-9ee412040594</t>
  </si>
  <si>
    <t>BU09650102</t>
  </si>
  <si>
    <t>2021BU09650102</t>
  </si>
  <si>
    <t>Prickart-Broek</t>
  </si>
  <si>
    <t>buurt_gegeneraliseerd_2021.30e7bd2d-a449-4925-9566-48562e8e2efe</t>
  </si>
  <si>
    <t>BU09650103</t>
  </si>
  <si>
    <t>2021BU09650103</t>
  </si>
  <si>
    <t>Baneheide</t>
  </si>
  <si>
    <t>buurt_gegeneraliseerd_2021.aa89c2bf-e2ce-4186-9f3d-1ab8d3e6965a</t>
  </si>
  <si>
    <t>BU09710000</t>
  </si>
  <si>
    <t>2021BU09710000</t>
  </si>
  <si>
    <t>Oud-Stein</t>
  </si>
  <si>
    <t>GM0971</t>
  </si>
  <si>
    <t>buurt_gegeneraliseerd_2021.8d798370-dfb0-4002-b4ef-54bdb5e3e48b</t>
  </si>
  <si>
    <t>BU09710001</t>
  </si>
  <si>
    <t>2021BU09710001</t>
  </si>
  <si>
    <t>Kerensheide</t>
  </si>
  <si>
    <t>buurt_gegeneraliseerd_2021.4364c1c3-1516-4b93-9720-95fde5189e26</t>
  </si>
  <si>
    <t>BU09710002</t>
  </si>
  <si>
    <t>2021BU09710002</t>
  </si>
  <si>
    <t>Nieuwdorp</t>
  </si>
  <si>
    <t>buurt_gegeneraliseerd_2021.cd1c950b-9550-4bce-ac3d-685420f04125</t>
  </si>
  <si>
    <t>BU09710003</t>
  </si>
  <si>
    <t>2021BU09710003</t>
  </si>
  <si>
    <t>Kleine Meers en Veldschuur</t>
  </si>
  <si>
    <t>buurt_gegeneraliseerd_2021.d75810d5-8fa2-4847-91fa-5b6c89800033</t>
  </si>
  <si>
    <t>BU09710004</t>
  </si>
  <si>
    <t>2021BU09710004</t>
  </si>
  <si>
    <t>Maasband</t>
  </si>
  <si>
    <t>buurt_gegeneraliseerd_2021.b8e3725b-c111-4082-8913-f718e0f142e6</t>
  </si>
  <si>
    <t>BU09710005</t>
  </si>
  <si>
    <t>2021BU09710005</t>
  </si>
  <si>
    <t>buurt_gegeneraliseerd_2021.803270c4-6b72-49d9-8df6-0c91b6c300bf</t>
  </si>
  <si>
    <t>BU09710100</t>
  </si>
  <si>
    <t>2021BU09710100</t>
  </si>
  <si>
    <t>buurt_gegeneraliseerd_2021.565d0050-4d95-452e-a6c4-3536a0256a87</t>
  </si>
  <si>
    <t>BU09710101</t>
  </si>
  <si>
    <t>2021BU09710101</t>
  </si>
  <si>
    <t>Meers</t>
  </si>
  <si>
    <t>buurt_gegeneraliseerd_2021.c3f3a678-a359-42ba-9f07-143f7926c8b8</t>
  </si>
  <si>
    <t>BU09710102</t>
  </si>
  <si>
    <t>2021BU09710102</t>
  </si>
  <si>
    <t>Catsop</t>
  </si>
  <si>
    <t>buurt_gegeneraliseerd_2021.871d8234-ddbf-47de-99b2-bb4de1611ec6</t>
  </si>
  <si>
    <t>BU09710200</t>
  </si>
  <si>
    <t>2021BU09710200</t>
  </si>
  <si>
    <t>Berg</t>
  </si>
  <si>
    <t>buurt_gegeneraliseerd_2021.8e1b551a-9d03-4538-9c51-d34e0c1aa6e9</t>
  </si>
  <si>
    <t>BU09710201</t>
  </si>
  <si>
    <t>2021BU09710201</t>
  </si>
  <si>
    <t>Urmond ten westen van Julianakanaal</t>
  </si>
  <si>
    <t>buurt_gegeneraliseerd_2021.74523e89-c033-4d41-a6cf-a37985e7e621</t>
  </si>
  <si>
    <t>BU09710202</t>
  </si>
  <si>
    <t>2021BU09710202</t>
  </si>
  <si>
    <t>Urmond ten oosten van Julianakanaal</t>
  </si>
  <si>
    <t>buurt_gegeneraliseerd_2021.fa453ef6-9a81-4c15-98ca-cf7e9e0d52bb</t>
  </si>
  <si>
    <t>BU09710203</t>
  </si>
  <si>
    <t>2021BU09710203</t>
  </si>
  <si>
    <t>Nattenhoven</t>
  </si>
  <si>
    <t>buurt_gegeneraliseerd_2021.b860207d-947a-46bc-b867-4da26eb45f11</t>
  </si>
  <si>
    <t>BU09810000</t>
  </si>
  <si>
    <t>2021BU09810000</t>
  </si>
  <si>
    <t>Vijlen</t>
  </si>
  <si>
    <t>GM0981</t>
  </si>
  <si>
    <t>buurt_gegeneraliseerd_2021.245b3a31-9f9a-456c-8f8c-49e97fe7dd69</t>
  </si>
  <si>
    <t>BU09810001</t>
  </si>
  <si>
    <t>2021BU09810001</t>
  </si>
  <si>
    <t>Mamelis</t>
  </si>
  <si>
    <t>buurt_gegeneraliseerd_2021.01a87cc3-322f-4679-9799-bcaeca82f9b6</t>
  </si>
  <si>
    <t>BU09810003</t>
  </si>
  <si>
    <t>2021BU09810003</t>
  </si>
  <si>
    <t>Harles</t>
  </si>
  <si>
    <t>buurt_gegeneraliseerd_2021.e8ba045d-06af-4a5c-a3d3-9349a300bc83</t>
  </si>
  <si>
    <t>BU09810005</t>
  </si>
  <si>
    <t>2021BU09810005</t>
  </si>
  <si>
    <t>Lemiers</t>
  </si>
  <si>
    <t>buurt_gegeneraliseerd_2021.f9391ff0-4867-473a-8e5f-358185111a20</t>
  </si>
  <si>
    <t>BU09810006</t>
  </si>
  <si>
    <t>2021BU09810006</t>
  </si>
  <si>
    <t>Holset</t>
  </si>
  <si>
    <t>buurt_gegeneraliseerd_2021.20f3d54d-cc7e-4387-b00f-4aaa337b6c4e</t>
  </si>
  <si>
    <t>BU09810007</t>
  </si>
  <si>
    <t>2021BU09810007</t>
  </si>
  <si>
    <t>Raren</t>
  </si>
  <si>
    <t>buurt_gegeneraliseerd_2021.4cd1a3b3-b64c-4e77-959e-3cd05857f6ca</t>
  </si>
  <si>
    <t>BU09810008</t>
  </si>
  <si>
    <t>2021BU09810008</t>
  </si>
  <si>
    <t>Wolfhaag</t>
  </si>
  <si>
    <t>buurt_gegeneraliseerd_2021.62dfe44a-7aa4-4470-b1cc-e7123604153a</t>
  </si>
  <si>
    <t>BU09810009</t>
  </si>
  <si>
    <t>2021BU09810009</t>
  </si>
  <si>
    <t>Verspreide huizen Cottessen-Camerig</t>
  </si>
  <si>
    <t>buurt_gegeneraliseerd_2021.aaef473e-81d1-43c8-9106-06b2f9a35b42</t>
  </si>
  <si>
    <t>BU09810100</t>
  </si>
  <si>
    <t>2021BU09810100</t>
  </si>
  <si>
    <t>Vaals</t>
  </si>
  <si>
    <t>buurt_gegeneraliseerd_2021.dbff5db4-06f3-440b-ac47-3d3a1e0db9f1</t>
  </si>
  <si>
    <t>BU09831101</t>
  </si>
  <si>
    <t>2021BU09831101</t>
  </si>
  <si>
    <t>GM0983</t>
  </si>
  <si>
    <t>buurt_gegeneraliseerd_2021.8c06132c-a105-4c5e-9f20-272b3082fe5c</t>
  </si>
  <si>
    <t>BU09831102</t>
  </si>
  <si>
    <t>2021BU09831102</t>
  </si>
  <si>
    <t>Q4</t>
  </si>
  <si>
    <t>buurt_gegeneraliseerd_2021.728ce043-bcdd-4efb-b17f-fb07b133033e</t>
  </si>
  <si>
    <t>BU09831103</t>
  </si>
  <si>
    <t>2021BU09831103</t>
  </si>
  <si>
    <t>Rosarium</t>
  </si>
  <si>
    <t>buurt_gegeneraliseerd_2021.df2dc835-c67d-4770-98a1-99a3be74c37b</t>
  </si>
  <si>
    <t>BU09831104</t>
  </si>
  <si>
    <t>2021BU09831104</t>
  </si>
  <si>
    <t>buurt_gegeneraliseerd_2021.3ebbb4a8-e737-4f75-b153-0071510ac3bc</t>
  </si>
  <si>
    <t>BU09831201</t>
  </si>
  <si>
    <t>2021BU09831201</t>
  </si>
  <si>
    <t>Sinselveld</t>
  </si>
  <si>
    <t>buurt_gegeneraliseerd_2021.9f6639b9-3744-4697-9fe3-7a441edc9ca6</t>
  </si>
  <si>
    <t>BU09831202</t>
  </si>
  <si>
    <t>2021BU09831202</t>
  </si>
  <si>
    <t>Maaswaard</t>
  </si>
  <si>
    <t>buurt_gegeneraliseerd_2021.b8e624e1-a5d6-4015-8ba1-516ab131e702</t>
  </si>
  <si>
    <t>BU09831203</t>
  </si>
  <si>
    <t>2021BU09831203</t>
  </si>
  <si>
    <t>Spoorsingel</t>
  </si>
  <si>
    <t>buurt_gegeneraliseerd_2021.29b338dc-0103-49e1-a40f-8829b1f06038</t>
  </si>
  <si>
    <t>BU09831204</t>
  </si>
  <si>
    <t>2021BU09831204</t>
  </si>
  <si>
    <t>Hagerbroek</t>
  </si>
  <si>
    <t>buurt_gegeneraliseerd_2021.fa9715ba-3f2b-4d4d-b0db-6fec0d5fe464</t>
  </si>
  <si>
    <t>BU09831205</t>
  </si>
  <si>
    <t>2021BU09831205</t>
  </si>
  <si>
    <t>Hagerhof-oost</t>
  </si>
  <si>
    <t>buurt_gegeneraliseerd_2021.146ef391-2775-41da-9373-322ceb4bac1a</t>
  </si>
  <si>
    <t>BU09831206</t>
  </si>
  <si>
    <t>2021BU09831206</t>
  </si>
  <si>
    <t>Hagerhof-West</t>
  </si>
  <si>
    <t>buurt_gegeneraliseerd_2021.2a85af89-6f86-4817-bb3f-28810c7efc0e</t>
  </si>
  <si>
    <t>BU09831207</t>
  </si>
  <si>
    <t>2021BU09831207</t>
  </si>
  <si>
    <t>Wylrehof</t>
  </si>
  <si>
    <t>buurt_gegeneraliseerd_2021.3e862b32-40ca-472c-bdb2-6a972b1db2b4</t>
  </si>
  <si>
    <t>BU09831208</t>
  </si>
  <si>
    <t>2021BU09831208</t>
  </si>
  <si>
    <t>bedrijventerrein Hagerhof</t>
  </si>
  <si>
    <t>buurt_gegeneraliseerd_2021.362b5dff-96ea-4480-92cc-3f4cbb683f65</t>
  </si>
  <si>
    <t>BU09831209</t>
  </si>
  <si>
    <t>2021BU09831209</t>
  </si>
  <si>
    <t>Onderste en Bovenste Molen</t>
  </si>
  <si>
    <t>buurt_gegeneraliseerd_2021.caf065a5-3d30-4d3f-b4ed-a302c5c5c68f</t>
  </si>
  <si>
    <t>BU09831210</t>
  </si>
  <si>
    <t>2021BU09831210</t>
  </si>
  <si>
    <t>Krekelveld</t>
  </si>
  <si>
    <t>buurt_gegeneraliseerd_2021.f265b253-e156-49e3-adc2-e041e6826d93</t>
  </si>
  <si>
    <t>BU09831301</t>
  </si>
  <si>
    <t>2021BU09831301</t>
  </si>
  <si>
    <t>De Tichelarij</t>
  </si>
  <si>
    <t>buurt_gegeneraliseerd_2021.217fe365-beda-4b90-a5e3-3f5967895efe</t>
  </si>
  <si>
    <t>BU09831302</t>
  </si>
  <si>
    <t>2021BU09831302</t>
  </si>
  <si>
    <t>Rijnbeek</t>
  </si>
  <si>
    <t>buurt_gegeneraliseerd_2021.d98c4b0a-4c92-42a6-92c8-2805006b9c54</t>
  </si>
  <si>
    <t>BU09831303</t>
  </si>
  <si>
    <t>2021BU09831303</t>
  </si>
  <si>
    <t>Groenstraat-Noord</t>
  </si>
  <si>
    <t>buurt_gegeneraliseerd_2021.b322c525-89ab-415b-a254-77b8956ef4a5</t>
  </si>
  <si>
    <t>BU09831304</t>
  </si>
  <si>
    <t>2021BU09831304</t>
  </si>
  <si>
    <t>Groenstraat-Zuid</t>
  </si>
  <si>
    <t>buurt_gegeneraliseerd_2021.d229fbcb-023b-4af4-b5e2-890a20b69923</t>
  </si>
  <si>
    <t>BU09831305</t>
  </si>
  <si>
    <t>2021BU09831305</t>
  </si>
  <si>
    <t>Stalberg-West</t>
  </si>
  <si>
    <t>buurt_gegeneraliseerd_2021.5a83239f-b6f3-4be0-9970-764824427017</t>
  </si>
  <si>
    <t>BU09831306</t>
  </si>
  <si>
    <t>2021BU09831306</t>
  </si>
  <si>
    <t>Groeneveld</t>
  </si>
  <si>
    <t>buurt_gegeneraliseerd_2021.40b5abcd-8519-4be6-a05b-5ab4f7f060dc</t>
  </si>
  <si>
    <t>BU09831307</t>
  </si>
  <si>
    <t>2021BU09831307</t>
  </si>
  <si>
    <t>Hogekamp</t>
  </si>
  <si>
    <t>buurt_gegeneraliseerd_2021.d587380c-994a-4d58-872e-62262b09f7b8</t>
  </si>
  <si>
    <t>BU09831308</t>
  </si>
  <si>
    <t>2021BU09831308</t>
  </si>
  <si>
    <t>Stalberg-Noord</t>
  </si>
  <si>
    <t>buurt_gegeneraliseerd_2021.2d2d0b33-e1ea-48d4-9a37-941c9e1b9c14</t>
  </si>
  <si>
    <t>BU09831401</t>
  </si>
  <si>
    <t>2021BU09831401</t>
  </si>
  <si>
    <t>Craneveld</t>
  </si>
  <si>
    <t>buurt_gegeneraliseerd_2021.99be5103-7214-4d37-aa6c-f63ef6389747</t>
  </si>
  <si>
    <t>BU09831402</t>
  </si>
  <si>
    <t>2021BU09831402</t>
  </si>
  <si>
    <t>Withuis</t>
  </si>
  <si>
    <t>buurt_gegeneraliseerd_2021.1207d474-4f54-4e69-9302-4a164a11ec79</t>
  </si>
  <si>
    <t>BU09831403</t>
  </si>
  <si>
    <t>2021BU09831403</t>
  </si>
  <si>
    <t>buurt_gegeneraliseerd_2021.542a46d9-f39c-4bca-8ace-c3ad5852e120</t>
  </si>
  <si>
    <t>BU09831404</t>
  </si>
  <si>
    <t>2021BU09831404</t>
  </si>
  <si>
    <t>Genooybergen</t>
  </si>
  <si>
    <t>buurt_gegeneraliseerd_2021.e5aee840-4590-4482-a0a5-9fb0c49d3ae7</t>
  </si>
  <si>
    <t>BU09831405</t>
  </si>
  <si>
    <t>2021BU09831405</t>
  </si>
  <si>
    <t>Genooy</t>
  </si>
  <si>
    <t>buurt_gegeneraliseerd_2021.65544594-cf47-4b33-a442-66dfa4328697</t>
  </si>
  <si>
    <t>BU09831501</t>
  </si>
  <si>
    <t>2021BU09831501</t>
  </si>
  <si>
    <t>Vierpaardjes</t>
  </si>
  <si>
    <t>buurt_gegeneraliseerd_2021.e5a31e2f-f3d6-4894-91e3-f38ff3f81bc1</t>
  </si>
  <si>
    <t>BU09831502</t>
  </si>
  <si>
    <t>2021BU09831502</t>
  </si>
  <si>
    <t>Dr. Poelsplein e.o.</t>
  </si>
  <si>
    <t>buurt_gegeneraliseerd_2021.85385c14-9c8a-49b4-9baa-bedaf0342cb8</t>
  </si>
  <si>
    <t>BU09831503</t>
  </si>
  <si>
    <t>2021BU09831503</t>
  </si>
  <si>
    <t>Jezuïtenbuurt</t>
  </si>
  <si>
    <t>buurt_gegeneraliseerd_2021.95af4dc0-c24f-4c06-961f-896cb5366bdd</t>
  </si>
  <si>
    <t>BU09831504</t>
  </si>
  <si>
    <t>2021BU09831504</t>
  </si>
  <si>
    <t>buurt_gegeneraliseerd_2021.30d5b4f5-1be9-408b-83d2-e6fa7a4a45f0</t>
  </si>
  <si>
    <t>BU09831505</t>
  </si>
  <si>
    <t>2021BU09831505</t>
  </si>
  <si>
    <t>buurt_gegeneraliseerd_2021.27395009-bd0a-4fc0-b274-c2c07e87537f</t>
  </si>
  <si>
    <t>BU09831506</t>
  </si>
  <si>
    <t>2021BU09831506</t>
  </si>
  <si>
    <t>Casinoflat</t>
  </si>
  <si>
    <t>buurt_gegeneraliseerd_2021.084fc50f-0511-49fd-9b6b-e18c051db5a5</t>
  </si>
  <si>
    <t>BU09831507</t>
  </si>
  <si>
    <t>2021BU09831507</t>
  </si>
  <si>
    <t>Postwegflat</t>
  </si>
  <si>
    <t>buurt_gegeneraliseerd_2021.2ec0414a-4300-47a0-9ec5-7c43d3f740b1</t>
  </si>
  <si>
    <t>BU09831508</t>
  </si>
  <si>
    <t>2021BU09831508</t>
  </si>
  <si>
    <t>Stalberg (midden)</t>
  </si>
  <si>
    <t>buurt_gegeneraliseerd_2021.0244b434-0b1e-43ed-91ff-2bde14da859a</t>
  </si>
  <si>
    <t>BU09831509</t>
  </si>
  <si>
    <t>2021BU09831509</t>
  </si>
  <si>
    <t>Stalberg-oost</t>
  </si>
  <si>
    <t>buurt_gegeneraliseerd_2021.101a891a-e617-4488-90b5-dc0ba68c0fd7</t>
  </si>
  <si>
    <t>BU09831510</t>
  </si>
  <si>
    <t>2021BU09831510</t>
  </si>
  <si>
    <t>Grote Hei</t>
  </si>
  <si>
    <t>buurt_gegeneraliseerd_2021.e61dfe85-46d7-4c4c-9e7e-ebf6cc0cd526</t>
  </si>
  <si>
    <t>BU09831511</t>
  </si>
  <si>
    <t>2021BU09831511</t>
  </si>
  <si>
    <t>Keulse Barriére</t>
  </si>
  <si>
    <t>buurt_gegeneraliseerd_2021.08779a5d-3a48-4807-a4ca-37a3c86310c8</t>
  </si>
  <si>
    <t>BU09831512</t>
  </si>
  <si>
    <t>2021BU09831512</t>
  </si>
  <si>
    <t>Auxillatrix</t>
  </si>
  <si>
    <t>buurt_gegeneraliseerd_2021.38420f15-4b29-4bef-a0b1-47130df4508c</t>
  </si>
  <si>
    <t>BU09831601</t>
  </si>
  <si>
    <t>2021BU09831601</t>
  </si>
  <si>
    <t>Kern 't Ven</t>
  </si>
  <si>
    <t>buurt_gegeneraliseerd_2021.5b50b9c6-6c28-49b9-90f2-ca5d8e2498aa</t>
  </si>
  <si>
    <t>BU09831602</t>
  </si>
  <si>
    <t>2021BU09831602</t>
  </si>
  <si>
    <t>Arenborg</t>
  </si>
  <si>
    <t>buurt_gegeneraliseerd_2021.65f054fb-084e-42f0-b382-82161bff4254</t>
  </si>
  <si>
    <t>BU09831603</t>
  </si>
  <si>
    <t>2021BU09831603</t>
  </si>
  <si>
    <t>Herungerberg</t>
  </si>
  <si>
    <t>buurt_gegeneraliseerd_2021.842c868c-e1f9-414c-b506-afd754f6ca2f</t>
  </si>
  <si>
    <t>BU09831604</t>
  </si>
  <si>
    <t>2021BU09831604</t>
  </si>
  <si>
    <t>Veegtes</t>
  </si>
  <si>
    <t>buurt_gegeneraliseerd_2021.48388590-4742-4a60-8cba-1dd9eda00b8d</t>
  </si>
  <si>
    <t>BU09831605</t>
  </si>
  <si>
    <t>2021BU09831605</t>
  </si>
  <si>
    <t>Noorderpoort</t>
  </si>
  <si>
    <t>buurt_gegeneraliseerd_2021.32a7fe2d-a2fd-4e8e-bd0c-8c9fbcb020a9</t>
  </si>
  <si>
    <t>BU09831606</t>
  </si>
  <si>
    <t>2021BU09831606</t>
  </si>
  <si>
    <t>Venkoelen</t>
  </si>
  <si>
    <t>buurt_gegeneraliseerd_2021.75136dd6-baf1-47ad-8316-17624688b350</t>
  </si>
  <si>
    <t>BU09831607</t>
  </si>
  <si>
    <t>2021BU09831607</t>
  </si>
  <si>
    <t>buurt_gegeneraliseerd_2021.75679b8d-e75a-424e-acd8-2dfdb5166eb8</t>
  </si>
  <si>
    <t>BU09832101</t>
  </si>
  <si>
    <t>2021BU09832101</t>
  </si>
  <si>
    <t>Blerick-Centrum</t>
  </si>
  <si>
    <t>buurt_gegeneraliseerd_2021.c2d57e53-3fb2-40ca-8ed0-6df8af30b91a</t>
  </si>
  <si>
    <t>BU09832102</t>
  </si>
  <si>
    <t>2021BU09832102</t>
  </si>
  <si>
    <t>gazenkamp</t>
  </si>
  <si>
    <t>buurt_gegeneraliseerd_2021.f9fb7e6d-d21e-4088-88f5-54b720e94cbe</t>
  </si>
  <si>
    <t>BU09832201</t>
  </si>
  <si>
    <t>2021BU09832201</t>
  </si>
  <si>
    <t>Smeliënkamp</t>
  </si>
  <si>
    <t>buurt_gegeneraliseerd_2021.a5e1648d-0e27-4c54-a9d5-fd744277d7d3</t>
  </si>
  <si>
    <t>BU09832202</t>
  </si>
  <si>
    <t>2021BU09832202</t>
  </si>
  <si>
    <t>Vastenavondkamp-Noord</t>
  </si>
  <si>
    <t>buurt_gegeneraliseerd_2021.4f2276d7-5bdd-4e0c-a214-c169e81d410b</t>
  </si>
  <si>
    <t>BU09832203</t>
  </si>
  <si>
    <t>2021BU09832203</t>
  </si>
  <si>
    <t>Vastenavondkamp-Zuid</t>
  </si>
  <si>
    <t>buurt_gegeneraliseerd_2021.ae9fa638-34b5-4fc9-9b5a-15fb1948282f</t>
  </si>
  <si>
    <t>BU09832301</t>
  </si>
  <si>
    <t>2021BU09832301</t>
  </si>
  <si>
    <t>Molenbossen</t>
  </si>
  <si>
    <t>buurt_gegeneraliseerd_2021.67dd9673-d3f4-4179-b27f-743b4b8626b6</t>
  </si>
  <si>
    <t>BU09832302</t>
  </si>
  <si>
    <t>2021BU09832302</t>
  </si>
  <si>
    <t>Annakamp-Oost</t>
  </si>
  <si>
    <t>buurt_gegeneraliseerd_2021.087c6948-0a09-4953-8814-ee36493abb88</t>
  </si>
  <si>
    <t>BU09832303</t>
  </si>
  <si>
    <t>2021BU09832303</t>
  </si>
  <si>
    <t>Annakamp-West</t>
  </si>
  <si>
    <t>buurt_gegeneraliseerd_2021.4551d3a7-7e46-4114-9d7a-f46804306d5b</t>
  </si>
  <si>
    <t>BU09832304</t>
  </si>
  <si>
    <t>2021BU09832304</t>
  </si>
  <si>
    <t>buurt_gegeneraliseerd_2021.676f251b-0161-47af-9db4-41fddb3cbf3d</t>
  </si>
  <si>
    <t>BU09832401</t>
  </si>
  <si>
    <t>2021BU09832401</t>
  </si>
  <si>
    <t>Vossener-Centrum</t>
  </si>
  <si>
    <t>buurt_gegeneraliseerd_2021.2197df41-7cfd-40d1-805d-a7ff4e31aa1a</t>
  </si>
  <si>
    <t>BU09832402</t>
  </si>
  <si>
    <t>2021BU09832402</t>
  </si>
  <si>
    <t>Vossener-Noord</t>
  </si>
  <si>
    <t>buurt_gegeneraliseerd_2021.6b6e1db2-48b4-4306-9d3e-fd4748913004</t>
  </si>
  <si>
    <t>BU09832403</t>
  </si>
  <si>
    <t>2021BU09832403</t>
  </si>
  <si>
    <t>Vossener-West</t>
  </si>
  <si>
    <t>buurt_gegeneraliseerd_2021.a7636295-7cf2-426a-aec4-31e46d94d659</t>
  </si>
  <si>
    <t>BU09832404</t>
  </si>
  <si>
    <t>2021BU09832404</t>
  </si>
  <si>
    <t>Vossener-Zuid</t>
  </si>
  <si>
    <t>buurt_gegeneraliseerd_2021.2d63f2dc-d847-4321-a7b3-3168735e761a</t>
  </si>
  <si>
    <t>BU09832501</t>
  </si>
  <si>
    <t>2021BU09832501</t>
  </si>
  <si>
    <t>Klingerberg-Zuid</t>
  </si>
  <si>
    <t>buurt_gegeneraliseerd_2021.21773bc3-8e73-45b0-941d-d599a4e91b77</t>
  </si>
  <si>
    <t>BU09832502</t>
  </si>
  <si>
    <t>2021BU09832502</t>
  </si>
  <si>
    <t>Klingerberg-Noord</t>
  </si>
  <si>
    <t>buurt_gegeneraliseerd_2021.5ab607d3-3d10-4c2c-8729-2bafc78a5150</t>
  </si>
  <si>
    <t>BU09832601</t>
  </si>
  <si>
    <t>2021BU09832601</t>
  </si>
  <si>
    <t>Kern Hout-Blerick</t>
  </si>
  <si>
    <t>buurt_gegeneraliseerd_2021.8499b8f2-d009-4bcd-b055-8ae6b5394038</t>
  </si>
  <si>
    <t>BU09832602</t>
  </si>
  <si>
    <t>2021BU09832602</t>
  </si>
  <si>
    <t>Verspreide huizen Hout-Blerick</t>
  </si>
  <si>
    <t>buurt_gegeneraliseerd_2021.7b33d10b-e57c-470b-ab9d-64c5f938e9ab</t>
  </si>
  <si>
    <t>BU09832603</t>
  </si>
  <si>
    <t>2021BU09832603</t>
  </si>
  <si>
    <t>Meuleveld</t>
  </si>
  <si>
    <t>buurt_gegeneraliseerd_2021.1422cfc8-3e4e-4550-830c-37617098911d</t>
  </si>
  <si>
    <t>BU09832701</t>
  </si>
  <si>
    <t>2021BU09832701</t>
  </si>
  <si>
    <t>Kern Boekend</t>
  </si>
  <si>
    <t>buurt_gegeneraliseerd_2021.205dab67-88cb-4176-b795-7ddb039ded12</t>
  </si>
  <si>
    <t>BU09832702</t>
  </si>
  <si>
    <t>2021BU09832702</t>
  </si>
  <si>
    <t>Verspreide huizen Boekend</t>
  </si>
  <si>
    <t>buurt_gegeneraliseerd_2021.df9afea7-0371-4743-9ed6-9b12f565b75f</t>
  </si>
  <si>
    <t>BU09832801</t>
  </si>
  <si>
    <t>2021BU09832801</t>
  </si>
  <si>
    <t>Horsterweg</t>
  </si>
  <si>
    <t>buurt_gegeneraliseerd_2021.8cf2f06b-e3f2-46ad-89ee-fe3b9c09638f</t>
  </si>
  <si>
    <t>BU09832802</t>
  </si>
  <si>
    <t>2021BU09832802</t>
  </si>
  <si>
    <t>buurt_gegeneraliseerd_2021.cd256d9c-aed4-471a-8bf5-f8752a2ba342</t>
  </si>
  <si>
    <t>BU09832803</t>
  </si>
  <si>
    <t>2021BU09832803</t>
  </si>
  <si>
    <t>Ubroek</t>
  </si>
  <si>
    <t>buurt_gegeneraliseerd_2021.f9ee4bf6-f94b-4bf1-a623-84022934cd7a</t>
  </si>
  <si>
    <t>BU09832804</t>
  </si>
  <si>
    <t>2021BU09832804</t>
  </si>
  <si>
    <t>Groot Boller</t>
  </si>
  <si>
    <t>buurt_gegeneraliseerd_2021.519f2ba2-4e57-4335-940f-caa2d5667275</t>
  </si>
  <si>
    <t>BU09832805</t>
  </si>
  <si>
    <t>2021BU09832805</t>
  </si>
  <si>
    <t>Havengebied</t>
  </si>
  <si>
    <t>buurt_gegeneraliseerd_2021.703e23ee-296e-4016-ad37-1ae5c1919ee1</t>
  </si>
  <si>
    <t>BU09832806</t>
  </si>
  <si>
    <t>2021BU09832806</t>
  </si>
  <si>
    <t>Ecopark</t>
  </si>
  <si>
    <t>buurt_gegeneraliseerd_2021.f9e4e0da-353f-4363-abfd-00d5ca242e56</t>
  </si>
  <si>
    <t>BU09832807</t>
  </si>
  <si>
    <t>2021BU09832807</t>
  </si>
  <si>
    <t>Heierhoeve</t>
  </si>
  <si>
    <t>buurt_gegeneraliseerd_2021.5fb6d759-461f-4ed8-a0f8-45a28f4dd23e</t>
  </si>
  <si>
    <t>BU09832808</t>
  </si>
  <si>
    <t>2021BU09832808</t>
  </si>
  <si>
    <t>Fresh Park</t>
  </si>
  <si>
    <t>buurt_gegeneraliseerd_2021.1d1b4d87-1346-4151-9d1d-73007075a9cd</t>
  </si>
  <si>
    <t>BU09832809</t>
  </si>
  <si>
    <t>2021BU09832809</t>
  </si>
  <si>
    <t>Trade-Port-Oost</t>
  </si>
  <si>
    <t>buurt_gegeneraliseerd_2021.b5277355-9fbd-4209-81c0-f3ebcd4c8c61</t>
  </si>
  <si>
    <t>BU09832810</t>
  </si>
  <si>
    <t>2021BU09832810</t>
  </si>
  <si>
    <t>Trade-Port-Noord</t>
  </si>
  <si>
    <t>buurt_gegeneraliseerd_2021.0b166ffa-887a-4a02-8662-7b2e97834e71</t>
  </si>
  <si>
    <t>BU09832811</t>
  </si>
  <si>
    <t>2021BU09832811</t>
  </si>
  <si>
    <t>Floriade Park</t>
  </si>
  <si>
    <t>buurt_gegeneraliseerd_2021.32a73e7f-e89d-4922-b166-2c4cbdce55f8</t>
  </si>
  <si>
    <t>BU09832812</t>
  </si>
  <si>
    <t>2021BU09832812</t>
  </si>
  <si>
    <t>Zaarderheiken</t>
  </si>
  <si>
    <t>buurt_gegeneraliseerd_2021.c3128027-0eaa-4b66-b208-9ed64a5d451d</t>
  </si>
  <si>
    <t>BU09833101</t>
  </si>
  <si>
    <t>2021BU09833101</t>
  </si>
  <si>
    <t>Bosserhof</t>
  </si>
  <si>
    <t>buurt_gegeneraliseerd_2021.20e5badd-8e19-4ced-b1fe-7f89ede3445e</t>
  </si>
  <si>
    <t>BU09833102</t>
  </si>
  <si>
    <t>2021BU09833102</t>
  </si>
  <si>
    <t>Tegelen-Centrum</t>
  </si>
  <si>
    <t>buurt_gegeneraliseerd_2021.e10ad8fe-9875-4d91-b144-46e2d19e87fc</t>
  </si>
  <si>
    <t>BU09833103</t>
  </si>
  <si>
    <t>2021BU09833103</t>
  </si>
  <si>
    <t>Krekelsberg</t>
  </si>
  <si>
    <t>buurt_gegeneraliseerd_2021.f2196c5d-8b5f-4ba6-b349-db28c47e7844</t>
  </si>
  <si>
    <t>BU09833104</t>
  </si>
  <si>
    <t>2021BU09833104</t>
  </si>
  <si>
    <t>Maasveld I</t>
  </si>
  <si>
    <t>buurt_gegeneraliseerd_2021.6315e2e6-1f97-446f-906c-ea190e858523</t>
  </si>
  <si>
    <t>BU09833105</t>
  </si>
  <si>
    <t>2021BU09833105</t>
  </si>
  <si>
    <t>Maasveld II</t>
  </si>
  <si>
    <t>buurt_gegeneraliseerd_2021.de55eed2-89f6-44a0-aad0-02c53101666f</t>
  </si>
  <si>
    <t>BU09833201</t>
  </si>
  <si>
    <t>2021BU09833201</t>
  </si>
  <si>
    <t>Lage Heide</t>
  </si>
  <si>
    <t>buurt_gegeneraliseerd_2021.59a07765-7afa-400f-8a2c-29284c700421</t>
  </si>
  <si>
    <t>BU09833202</t>
  </si>
  <si>
    <t>2021BU09833202</t>
  </si>
  <si>
    <t>Bedrijventerrein Windhond</t>
  </si>
  <si>
    <t>buurt_gegeneraliseerd_2021.398abbd7-17e1-4569-8e1f-cb6e2e7e2286</t>
  </si>
  <si>
    <t>BU09833203</t>
  </si>
  <si>
    <t>2021BU09833203</t>
  </si>
  <si>
    <t>Kaldenkerkerweg-West</t>
  </si>
  <si>
    <t>buurt_gegeneraliseerd_2021.804cab6f-5ccf-441f-ab1f-bed5e6f03708</t>
  </si>
  <si>
    <t>BU09833204</t>
  </si>
  <si>
    <t>2021BU09833204</t>
  </si>
  <si>
    <t>Op de Heide</t>
  </si>
  <si>
    <t>buurt_gegeneraliseerd_2021.b1248a99-8143-483d-b1a3-c5ea672d6536</t>
  </si>
  <si>
    <t>BU09833205</t>
  </si>
  <si>
    <t>2021BU09833205</t>
  </si>
  <si>
    <t>Kaldenkerkerweg-Oost</t>
  </si>
  <si>
    <t>buurt_gegeneraliseerd_2021.aebc9e54-6096-43b1-a18a-054c8b64d41c</t>
  </si>
  <si>
    <t>BU09833206</t>
  </si>
  <si>
    <t>2021BU09833206</t>
  </si>
  <si>
    <t>Ulingsheid</t>
  </si>
  <si>
    <t>buurt_gegeneraliseerd_2021.02cfa58c-bd46-49b8-a835-8fe0b88f618f</t>
  </si>
  <si>
    <t>BU09833207</t>
  </si>
  <si>
    <t>2021BU09833207</t>
  </si>
  <si>
    <t>Snelle Sprong</t>
  </si>
  <si>
    <t>buurt_gegeneraliseerd_2021.bc78876c-be52-47fd-aaed-a1cbdbcf6a30</t>
  </si>
  <si>
    <t>BU09833501</t>
  </si>
  <si>
    <t>2021BU09833501</t>
  </si>
  <si>
    <t>Kloosterdorp</t>
  </si>
  <si>
    <t>buurt_gegeneraliseerd_2021.bd13e872-ee91-4a11-a510-659eb2c4350b</t>
  </si>
  <si>
    <t>BU09833502</t>
  </si>
  <si>
    <t>2021BU09833502</t>
  </si>
  <si>
    <t>Nieuw-Steyl</t>
  </si>
  <si>
    <t>buurt_gegeneraliseerd_2021.e6a70c82-aa7d-4933-95c8-8b7d4d17f062</t>
  </si>
  <si>
    <t>BU09834101</t>
  </si>
  <si>
    <t>2021BU09834101</t>
  </si>
  <si>
    <t>Velden-West</t>
  </si>
  <si>
    <t>buurt_gegeneraliseerd_2021.020a833e-c464-4e78-b6bc-06a9582d9938</t>
  </si>
  <si>
    <t>BU09834102</t>
  </si>
  <si>
    <t>2021BU09834102</t>
  </si>
  <si>
    <t>Velden-Oost</t>
  </si>
  <si>
    <t>buurt_gegeneraliseerd_2021.94852c05-1504-46b9-9b6c-e6aa1a646115</t>
  </si>
  <si>
    <t>BU09834103</t>
  </si>
  <si>
    <t>2021BU09834103</t>
  </si>
  <si>
    <t>Hasselderheide</t>
  </si>
  <si>
    <t>buurt_gegeneraliseerd_2021.64e4ada3-f53c-46b6-9759-42968059845f</t>
  </si>
  <si>
    <t>BU09834104</t>
  </si>
  <si>
    <t>2021BU09834104</t>
  </si>
  <si>
    <t>Schandelo</t>
  </si>
  <si>
    <t>buurt_gegeneraliseerd_2021.4eeb8007-e405-4636-acca-fffd8b666f2e</t>
  </si>
  <si>
    <t>BU09834105</t>
  </si>
  <si>
    <t>2021BU09834105</t>
  </si>
  <si>
    <t>Hasselt en Het Vorst</t>
  </si>
  <si>
    <t>buurt_gegeneraliseerd_2021.ce49354a-9a55-4a3d-a629-dc2e6ba94973</t>
  </si>
  <si>
    <t>BU09834106</t>
  </si>
  <si>
    <t>2021BU09834106</t>
  </si>
  <si>
    <t>De Krosselt</t>
  </si>
  <si>
    <t>buurt_gegeneraliseerd_2021.0998c6e6-36a2-42cf-817e-7fd8d60361a1</t>
  </si>
  <si>
    <t>BU09834107</t>
  </si>
  <si>
    <t>2021BU09834107</t>
  </si>
  <si>
    <t>Verspreide huizen Velden</t>
  </si>
  <si>
    <t>buurt_gegeneraliseerd_2021.edc948ea-53c9-4b03-87eb-5273a172ebeb</t>
  </si>
  <si>
    <t>BU09834301</t>
  </si>
  <si>
    <t>2021BU09834301</t>
  </si>
  <si>
    <t>Kern Lomm</t>
  </si>
  <si>
    <t>buurt_gegeneraliseerd_2021.1998200d-fddf-4abc-8814-00c25a308aa7</t>
  </si>
  <si>
    <t>BU09834302</t>
  </si>
  <si>
    <t>2021BU09834302</t>
  </si>
  <si>
    <t>Spikweinen</t>
  </si>
  <si>
    <t>buurt_gegeneraliseerd_2021.46385fd4-fa42-4d5f-b8f6-8e67e40ea734</t>
  </si>
  <si>
    <t>BU09834303</t>
  </si>
  <si>
    <t>2021BU09834303</t>
  </si>
  <si>
    <t>Verspreide huizen Lomm</t>
  </si>
  <si>
    <t>buurt_gegeneraliseerd_2021.1088e71e-b51e-4032-95c4-d2bbb00b6de1</t>
  </si>
  <si>
    <t>BU09834401</t>
  </si>
  <si>
    <t>2021BU09834401</t>
  </si>
  <si>
    <t>Kern Arcen</t>
  </si>
  <si>
    <t>buurt_gegeneraliseerd_2021.993e13f5-a941-4c3f-b051-a72744c7ac22</t>
  </si>
  <si>
    <t>BU09834402</t>
  </si>
  <si>
    <t>2021BU09834402</t>
  </si>
  <si>
    <t>Lingsfort</t>
  </si>
  <si>
    <t>buurt_gegeneraliseerd_2021.df52443e-9d0b-4ecb-815a-3686a2359f3a</t>
  </si>
  <si>
    <t>BU09834403</t>
  </si>
  <si>
    <t>2021BU09834403</t>
  </si>
  <si>
    <t>Brandemolen en Veld</t>
  </si>
  <si>
    <t>buurt_gegeneraliseerd_2021.cb42e8e8-d9e2-4315-b01d-949f2952b088</t>
  </si>
  <si>
    <t>BU09834404</t>
  </si>
  <si>
    <t>2021BU09834404</t>
  </si>
  <si>
    <t>Verspreide huizen arcen</t>
  </si>
  <si>
    <t>buurt_gegeneraliseerd_2021.e56aeb9d-1c54-47ed-b959-41109fb45e6e</t>
  </si>
  <si>
    <t>BU09835101</t>
  </si>
  <si>
    <t>2021BU09835101</t>
  </si>
  <si>
    <t>Kern Belfeld</t>
  </si>
  <si>
    <t>buurt_gegeneraliseerd_2021.3c922d6c-8094-4ca0-9f25-754635daaecb</t>
  </si>
  <si>
    <t>BU09835102</t>
  </si>
  <si>
    <t>2021BU09835102</t>
  </si>
  <si>
    <t>Gebied patersweg</t>
  </si>
  <si>
    <t>buurt_gegeneraliseerd_2021.61b26603-9e72-4ec4-92fa-e03cd531d3cb</t>
  </si>
  <si>
    <t>BU09835103</t>
  </si>
  <si>
    <t>2021BU09835103</t>
  </si>
  <si>
    <t>Bolenberg</t>
  </si>
  <si>
    <t>buurt_gegeneraliseerd_2021.1dc93b9c-fb92-44bd-a0cb-5b0d43ef5f82</t>
  </si>
  <si>
    <t>BU09835104</t>
  </si>
  <si>
    <t>2021BU09835104</t>
  </si>
  <si>
    <t>Aan de Stuw</t>
  </si>
  <si>
    <t>buurt_gegeneraliseerd_2021.65f99fda-6953-4901-a827-b9209549de72</t>
  </si>
  <si>
    <t>BU09835105</t>
  </si>
  <si>
    <t>2021BU09835105</t>
  </si>
  <si>
    <t>Witveld</t>
  </si>
  <si>
    <t>buurt_gegeneraliseerd_2021.646d83c5-f7dd-4592-bd63-41d3a45ad116</t>
  </si>
  <si>
    <t>BU09835106</t>
  </si>
  <si>
    <t>2021BU09835106</t>
  </si>
  <si>
    <t>Geloérveld / Pannenberg</t>
  </si>
  <si>
    <t>buurt_gegeneraliseerd_2021.4cffb040-b16c-47be-8ce5-614b16043584</t>
  </si>
  <si>
    <t>BU09835107</t>
  </si>
  <si>
    <t>2021BU09835107</t>
  </si>
  <si>
    <t>Geloö</t>
  </si>
  <si>
    <t>buurt_gegeneraliseerd_2021.efd15416-383a-4917-a3c9-b4fbfba4c632</t>
  </si>
  <si>
    <t>BU09835108</t>
  </si>
  <si>
    <t>2021BU09835108</t>
  </si>
  <si>
    <t>Maalbeek</t>
  </si>
  <si>
    <t>buurt_gegeneraliseerd_2021.81cf7351-52e8-44de-b834-38d7e7cfc7db</t>
  </si>
  <si>
    <t>BU09840101</t>
  </si>
  <si>
    <t>2021BU09840101</t>
  </si>
  <si>
    <t>GM0984</t>
  </si>
  <si>
    <t>buurt_gegeneraliseerd_2021.a16da31c-3ded-42ff-b132-a3f15c9fd994</t>
  </si>
  <si>
    <t>BU09840201</t>
  </si>
  <si>
    <t>2021BU09840201</t>
  </si>
  <si>
    <t>Ysselsteyn</t>
  </si>
  <si>
    <t>buurt_gegeneraliseerd_2021.dc266bbb-10fe-49cd-aa06-fc8d2463ec43</t>
  </si>
  <si>
    <t>BU09840301</t>
  </si>
  <si>
    <t>2021BU09840301</t>
  </si>
  <si>
    <t>Merselo</t>
  </si>
  <si>
    <t>buurt_gegeneraliseerd_2021.213c5bdf-a0cf-4748-886c-a8d88d300e30</t>
  </si>
  <si>
    <t>BU09840401</t>
  </si>
  <si>
    <t>2021BU09840401</t>
  </si>
  <si>
    <t>Vredepeel</t>
  </si>
  <si>
    <t>buurt_gegeneraliseerd_2021.e8947f53-3ac7-4816-848e-c59d8467c260</t>
  </si>
  <si>
    <t>BU09840501</t>
  </si>
  <si>
    <t>2021BU09840501</t>
  </si>
  <si>
    <t>Smakt</t>
  </si>
  <si>
    <t>buurt_gegeneraliseerd_2021.60228fb0-fa20-44ff-9cf7-5e46936e1d64</t>
  </si>
  <si>
    <t>BU09840601</t>
  </si>
  <si>
    <t>2021BU09840601</t>
  </si>
  <si>
    <t>Oostrum</t>
  </si>
  <si>
    <t>buurt_gegeneraliseerd_2021.af117ced-c5e4-42ce-941f-6637d50aa699</t>
  </si>
  <si>
    <t>BU09840701</t>
  </si>
  <si>
    <t>2021BU09840701</t>
  </si>
  <si>
    <t>Oirlo</t>
  </si>
  <si>
    <t>buurt_gegeneraliseerd_2021.0ef233f8-f25f-4600-8b86-b2e18f296cb5</t>
  </si>
  <si>
    <t>BU09840801</t>
  </si>
  <si>
    <t>2021BU09840801</t>
  </si>
  <si>
    <t>Castenray</t>
  </si>
  <si>
    <t>buurt_gegeneraliseerd_2021.eb11d1a6-7760-4ad4-ac5f-9cf6d99f0d56</t>
  </si>
  <si>
    <t>BU09840901</t>
  </si>
  <si>
    <t>2021BU09840901</t>
  </si>
  <si>
    <t>Veulen</t>
  </si>
  <si>
    <t>buurt_gegeneraliseerd_2021.6002068a-2d5f-4f50-92d3-ddf2d87df28b</t>
  </si>
  <si>
    <t>BU09841001</t>
  </si>
  <si>
    <t>2021BU09841001</t>
  </si>
  <si>
    <t>Leunen</t>
  </si>
  <si>
    <t>buurt_gegeneraliseerd_2021.ece50d0f-508f-4ee5-812a-332f922719d4</t>
  </si>
  <si>
    <t>BU09841101</t>
  </si>
  <si>
    <t>2021BU09841101</t>
  </si>
  <si>
    <t>buurt_gegeneraliseerd_2021.c018654a-7701-47fc-aaa2-12c22f5fe376</t>
  </si>
  <si>
    <t>BU09841201</t>
  </si>
  <si>
    <t>2021BU09841201</t>
  </si>
  <si>
    <t>Burggraaf</t>
  </si>
  <si>
    <t>buurt_gegeneraliseerd_2021.4485d1f3-2b03-47bd-b041-9316e71c2f2e</t>
  </si>
  <si>
    <t>BU09841202</t>
  </si>
  <si>
    <t>2021BU09841202</t>
  </si>
  <si>
    <t>buurt_gegeneraliseerd_2021.c3c274f0-9cfc-4fdb-8285-4beffe93ce8b</t>
  </si>
  <si>
    <t>BU09841203</t>
  </si>
  <si>
    <t>2021BU09841203</t>
  </si>
  <si>
    <t>buurt_gegeneraliseerd_2021.0d9f4e0e-df6c-411a-b9c2-2f44d0102ded</t>
  </si>
  <si>
    <t>BU09841301</t>
  </si>
  <si>
    <t>2021BU09841301</t>
  </si>
  <si>
    <t>Noordwest</t>
  </si>
  <si>
    <t>buurt_gegeneraliseerd_2021.86c97970-89e7-4faf-a5d4-6f0433549d8a</t>
  </si>
  <si>
    <t>BU09841302</t>
  </si>
  <si>
    <t>2021BU09841302</t>
  </si>
  <si>
    <t>West midden</t>
  </si>
  <si>
    <t>buurt_gegeneraliseerd_2021.7d0d0a0a-8cfd-4bf1-8fda-ab85536beeab</t>
  </si>
  <si>
    <t>BU09841303</t>
  </si>
  <si>
    <t>2021BU09841303</t>
  </si>
  <si>
    <t>West zuid</t>
  </si>
  <si>
    <t>buurt_gegeneraliseerd_2021.234e140f-eef9-486a-85a4-0e72565e9e64</t>
  </si>
  <si>
    <t>BU09841401</t>
  </si>
  <si>
    <t>2021BU09841401</t>
  </si>
  <si>
    <t>Vlakwater</t>
  </si>
  <si>
    <t>buurt_gegeneraliseerd_2021.9c3c7d6d-7a15-462a-bd8e-e17946fa6b88</t>
  </si>
  <si>
    <t>BU09841501</t>
  </si>
  <si>
    <t>2021BU09841501</t>
  </si>
  <si>
    <t>Veltum 1</t>
  </si>
  <si>
    <t>buurt_gegeneraliseerd_2021.0dcee037-3a73-45f3-a8c8-74655c39c2d3</t>
  </si>
  <si>
    <t>BU09841502</t>
  </si>
  <si>
    <t>2021BU09841502</t>
  </si>
  <si>
    <t>Veltum 2</t>
  </si>
  <si>
    <t>buurt_gegeneraliseerd_2021.17cc0d6e-b794-4b41-87f7-b365e5b97dcf</t>
  </si>
  <si>
    <t>BU09841601</t>
  </si>
  <si>
    <t>2021BU09841601</t>
  </si>
  <si>
    <t>Brukske 1</t>
  </si>
  <si>
    <t>buurt_gegeneraliseerd_2021.1e6fe319-d7db-48f3-b44b-9e0af0b342d5</t>
  </si>
  <si>
    <t>BU09841602</t>
  </si>
  <si>
    <t>2021BU09841602</t>
  </si>
  <si>
    <t>Brukske 2</t>
  </si>
  <si>
    <t>buurt_gegeneraliseerd_2021.5b42b347-d749-477a-915a-f5f01a56092f</t>
  </si>
  <si>
    <t>BU09841701</t>
  </si>
  <si>
    <t>2021BU09841701</t>
  </si>
  <si>
    <t>Landweert 1</t>
  </si>
  <si>
    <t>buurt_gegeneraliseerd_2021.c4052593-9624-4e96-88d3-3d7675bcb456</t>
  </si>
  <si>
    <t>BU09841702</t>
  </si>
  <si>
    <t>2021BU09841702</t>
  </si>
  <si>
    <t>Landweert 2</t>
  </si>
  <si>
    <t>buurt_gegeneraliseerd_2021.3367f2f1-9a9b-4e41-88ca-7183275b60a8</t>
  </si>
  <si>
    <t>BU09841703</t>
  </si>
  <si>
    <t>2021BU09841703</t>
  </si>
  <si>
    <t>Landweert 3</t>
  </si>
  <si>
    <t>buurt_gegeneraliseerd_2021.2f945a96-2989-4053-ad96-feb0e38e0850</t>
  </si>
  <si>
    <t>BU09841704</t>
  </si>
  <si>
    <t>2021BU09841704</t>
  </si>
  <si>
    <t>Keizersveld</t>
  </si>
  <si>
    <t>buurt_gegeneraliseerd_2021.7cd80fb2-fa4c-444e-b381-e9d3a478a1c1</t>
  </si>
  <si>
    <t>BU09841801</t>
  </si>
  <si>
    <t>2021BU09841801</t>
  </si>
  <si>
    <t>Smakterheide</t>
  </si>
  <si>
    <t>buurt_gegeneraliseerd_2021.98e9b427-a107-4682-b8b2-8fda7614e638</t>
  </si>
  <si>
    <t>BU09841901</t>
  </si>
  <si>
    <t>2021BU09841901</t>
  </si>
  <si>
    <t>Brabander</t>
  </si>
  <si>
    <t>buurt_gegeneraliseerd_2021.ca3b790d-3221-4b78-8b76-0bd5ecccc863</t>
  </si>
  <si>
    <t>BU09842001</t>
  </si>
  <si>
    <t>2021BU09842001</t>
  </si>
  <si>
    <t>St. Antoniusveld</t>
  </si>
  <si>
    <t>buurt_gegeneraliseerd_2021.06b2b25e-99eb-4675-9524-70857466c407</t>
  </si>
  <si>
    <t>BU09842101</t>
  </si>
  <si>
    <t>2021BU09842101</t>
  </si>
  <si>
    <t>Wanssum</t>
  </si>
  <si>
    <t>buurt_gegeneraliseerd_2021.1f8d4426-aad3-4b12-92f5-910d8e821055</t>
  </si>
  <si>
    <t>BU09842201</t>
  </si>
  <si>
    <t>2021BU09842201</t>
  </si>
  <si>
    <t>Geijsteren</t>
  </si>
  <si>
    <t>buurt_gegeneraliseerd_2021.7ed84d7b-b521-421f-88b5-2d2cef761c1c</t>
  </si>
  <si>
    <t>BU09842301</t>
  </si>
  <si>
    <t>2021BU09842301</t>
  </si>
  <si>
    <t>Blitterswijck</t>
  </si>
  <si>
    <t>buurt_gegeneraliseerd_2021.392d1f47-7cca-41f6-a1c2-b7f74885caf6</t>
  </si>
  <si>
    <t>BU09860101</t>
  </si>
  <si>
    <t>2021BU09860101</t>
  </si>
  <si>
    <t>Voerendaal</t>
  </si>
  <si>
    <t>GM0986</t>
  </si>
  <si>
    <t>buurt_gegeneraliseerd_2021.cba75fa0-911a-4cd0-b5f0-e140e1c69f37</t>
  </si>
  <si>
    <t>BU09860102</t>
  </si>
  <si>
    <t>2021BU09860102</t>
  </si>
  <si>
    <t>Fromberg</t>
  </si>
  <si>
    <t>buurt_gegeneraliseerd_2021.9880a378-dbd4-4a85-b185-32bd8ac29c3a</t>
  </si>
  <si>
    <t>BU09860201</t>
  </si>
  <si>
    <t>2021BU09860201</t>
  </si>
  <si>
    <t>Kunrade</t>
  </si>
  <si>
    <t>buurt_gegeneraliseerd_2021.1983e9db-9279-4330-a209-c23cd7082282</t>
  </si>
  <si>
    <t>BU09860202</t>
  </si>
  <si>
    <t>2021BU09860202</t>
  </si>
  <si>
    <t>Kunderberg</t>
  </si>
  <si>
    <t>buurt_gegeneraliseerd_2021.11e5e418-ebd0-4003-b786-6073f500b363</t>
  </si>
  <si>
    <t>BU09860203</t>
  </si>
  <si>
    <t>2021BU09860203</t>
  </si>
  <si>
    <t>Winthagen</t>
  </si>
  <si>
    <t>buurt_gegeneraliseerd_2021.0bb39f90-b228-4230-91c2-c69edaabd2a3</t>
  </si>
  <si>
    <t>BU09860301</t>
  </si>
  <si>
    <t>2021BU09860301</t>
  </si>
  <si>
    <t>Ubachsberg</t>
  </si>
  <si>
    <t>buurt_gegeneraliseerd_2021.d22f02e3-eb64-4833-980a-e8411aabaf21</t>
  </si>
  <si>
    <t>BU09860302</t>
  </si>
  <si>
    <t>2021BU09860302</t>
  </si>
  <si>
    <t>Colmont</t>
  </si>
  <si>
    <t>buurt_gegeneraliseerd_2021.fe5a42c5-e511-4b31-bbb2-020d482ed38e</t>
  </si>
  <si>
    <t>BU09860303</t>
  </si>
  <si>
    <t>2021BU09860303</t>
  </si>
  <si>
    <t>Mingersborg</t>
  </si>
  <si>
    <t>buurt_gegeneraliseerd_2021.d69d0e73-a835-4ba5-8987-bede21240a1d</t>
  </si>
  <si>
    <t>BU09860401</t>
  </si>
  <si>
    <t>2021BU09860401</t>
  </si>
  <si>
    <t>Klimmen</t>
  </si>
  <si>
    <t>buurt_gegeneraliseerd_2021.a9748493-7605-43be-a82b-1a5bc3be1731</t>
  </si>
  <si>
    <t>BU09860402</t>
  </si>
  <si>
    <t>2021BU09860402</t>
  </si>
  <si>
    <t>Craubeek</t>
  </si>
  <si>
    <t>buurt_gegeneraliseerd_2021.f2f9563c-e934-44f8-948c-485fe9393622</t>
  </si>
  <si>
    <t>BU09860403</t>
  </si>
  <si>
    <t>2021BU09860403</t>
  </si>
  <si>
    <t>Hellebeuk</t>
  </si>
  <si>
    <t>buurt_gegeneraliseerd_2021.7084edbd-a1d3-41f6-a4df-c99ec82175ca</t>
  </si>
  <si>
    <t>BU09860404</t>
  </si>
  <si>
    <t>2021BU09860404</t>
  </si>
  <si>
    <t>Retersbeek</t>
  </si>
  <si>
    <t>buurt_gegeneraliseerd_2021.ca3a1ec0-5a6a-4260-b0ef-7abf3dbc08e9</t>
  </si>
  <si>
    <t>BU09860405</t>
  </si>
  <si>
    <t>2021BU09860405</t>
  </si>
  <si>
    <t>Termaar</t>
  </si>
  <si>
    <t>buurt_gegeneraliseerd_2021.17bb39e4-cc46-46c9-8204-73d234c430dc</t>
  </si>
  <si>
    <t>BU09860406</t>
  </si>
  <si>
    <t>2021BU09860406</t>
  </si>
  <si>
    <t>Weustenrade</t>
  </si>
  <si>
    <t>buurt_gegeneraliseerd_2021.d9bccd69-c601-4214-b603-aad8f45744a8</t>
  </si>
  <si>
    <t>BU09860501</t>
  </si>
  <si>
    <t>2021BU09860501</t>
  </si>
  <si>
    <t>Ransdaal</t>
  </si>
  <si>
    <t>buurt_gegeneraliseerd_2021.b0825f44-8800-4e7e-b8fd-7d57ab466095</t>
  </si>
  <si>
    <t>BU09860900</t>
  </si>
  <si>
    <t>2021BU09860900</t>
  </si>
  <si>
    <t>Verspreide huizen Voerendaal</t>
  </si>
  <si>
    <t>buurt_gegeneraliseerd_2021.315e0094-802a-4fa7-b28e-909bfbfb87b6</t>
  </si>
  <si>
    <t>BU09880101</t>
  </si>
  <si>
    <t>2021BU09880101</t>
  </si>
  <si>
    <t>Boshoven-Vrakker</t>
  </si>
  <si>
    <t>GM0988</t>
  </si>
  <si>
    <t>buurt_gegeneraliseerd_2021.67e1a6df-a0ae-439f-a561-0ecb8b5de81e</t>
  </si>
  <si>
    <t>BU09880102</t>
  </si>
  <si>
    <t>2021BU09880102</t>
  </si>
  <si>
    <t>Oud-Boshoven</t>
  </si>
  <si>
    <t>buurt_gegeneraliseerd_2021.11f221d4-68d9-4fa6-9418-d7a270060de2</t>
  </si>
  <si>
    <t>BU09880103</t>
  </si>
  <si>
    <t>2021BU09880103</t>
  </si>
  <si>
    <t>buurt_gegeneraliseerd_2021.dcdf3f46-d3e4-4545-919a-19357c5ec952</t>
  </si>
  <si>
    <t>BU09880104</t>
  </si>
  <si>
    <t>2021BU09880104</t>
  </si>
  <si>
    <t>Boshoven buitengebied</t>
  </si>
  <si>
    <t>buurt_gegeneraliseerd_2021.89534a61-9e78-4eec-853d-1fa59a3e115b</t>
  </si>
  <si>
    <t>BU09880105</t>
  </si>
  <si>
    <t>2021BU09880105</t>
  </si>
  <si>
    <t>Industrieterrein Boshoverheide</t>
  </si>
  <si>
    <t>buurt_gegeneraliseerd_2021.149bd68a-7163-4f08-bce9-65c10520c902</t>
  </si>
  <si>
    <t>BU09880201</t>
  </si>
  <si>
    <t>2021BU09880201</t>
  </si>
  <si>
    <t>Laar</t>
  </si>
  <si>
    <t>buurt_gegeneraliseerd_2021.1c5f88e8-6361-40db-a1bb-ef7de2b8a40d</t>
  </si>
  <si>
    <t>BU09880202</t>
  </si>
  <si>
    <t>2021BU09880202</t>
  </si>
  <si>
    <t>Hushoven</t>
  </si>
  <si>
    <t>buurt_gegeneraliseerd_2021.d85d63ef-877f-4022-b9e1-249131de3469</t>
  </si>
  <si>
    <t>BU09880203</t>
  </si>
  <si>
    <t>2021BU09880203</t>
  </si>
  <si>
    <t>Laar buitengebied</t>
  </si>
  <si>
    <t>buurt_gegeneraliseerd_2021.d0dea2df-6819-4705-b9a2-c9dd0b05f570</t>
  </si>
  <si>
    <t>BU09880204</t>
  </si>
  <si>
    <t>2021BU09880204</t>
  </si>
  <si>
    <t>Hulshoven buitengebied</t>
  </si>
  <si>
    <t>buurt_gegeneraliseerd_2021.6123b169-552b-4533-b47e-a63d22466c6e</t>
  </si>
  <si>
    <t>BU09880205</t>
  </si>
  <si>
    <t>2021BU09880205</t>
  </si>
  <si>
    <t>Laarveld</t>
  </si>
  <si>
    <t>buurt_gegeneraliseerd_2021.8d39664a-80b3-485c-b393-ac095f90dcab</t>
  </si>
  <si>
    <t>BU09880301</t>
  </si>
  <si>
    <t>2021BU09880301</t>
  </si>
  <si>
    <t>Molenakker</t>
  </si>
  <si>
    <t>buurt_gegeneraliseerd_2021.ed6993a2-fd4c-4446-b463-1c2e5a6a5cfc</t>
  </si>
  <si>
    <t>BU09880302</t>
  </si>
  <si>
    <t>2021BU09880302</t>
  </si>
  <si>
    <t>Kampershoek</t>
  </si>
  <si>
    <t>buurt_gegeneraliseerd_2021.39f32035-baff-45d7-94ff-d00758067c26</t>
  </si>
  <si>
    <t>BU09880303</t>
  </si>
  <si>
    <t>2021BU09880303</t>
  </si>
  <si>
    <t>Kampershoek-Noord</t>
  </si>
  <si>
    <t>buurt_gegeneraliseerd_2021.a2122476-8a54-4461-ab7c-558d5c2ac493</t>
  </si>
  <si>
    <t>BU09881101</t>
  </si>
  <si>
    <t>2021BU09881101</t>
  </si>
  <si>
    <t>Weert-Centrum</t>
  </si>
  <si>
    <t>buurt_gegeneraliseerd_2021.b9148aa9-b9e5-441c-a700-dfb401b77a84</t>
  </si>
  <si>
    <t>BU09881102</t>
  </si>
  <si>
    <t>2021BU09881102</t>
  </si>
  <si>
    <t>Maaspoort</t>
  </si>
  <si>
    <t>buurt_gegeneraliseerd_2021.22c23f4e-5ad7-4241-8e8e-75eeb1b85a2f</t>
  </si>
  <si>
    <t>BU09881201</t>
  </si>
  <si>
    <t>2021BU09881201</t>
  </si>
  <si>
    <t>Biest</t>
  </si>
  <si>
    <t>buurt_gegeneraliseerd_2021.b55dc391-2a75-426b-8618-22d0ac07381e</t>
  </si>
  <si>
    <t>BU09881301</t>
  </si>
  <si>
    <t>2021BU09881301</t>
  </si>
  <si>
    <t>Groenewoud-Noord</t>
  </si>
  <si>
    <t>buurt_gegeneraliseerd_2021.bdadfd87-34e1-49f9-ae07-8cc93c5f38ab</t>
  </si>
  <si>
    <t>BU09881302</t>
  </si>
  <si>
    <t>2021BU09881302</t>
  </si>
  <si>
    <t>Groenewoud-Zuid</t>
  </si>
  <si>
    <t>buurt_gegeneraliseerd_2021.fa139f1e-11a8-4b87-a429-71467a2ace4d</t>
  </si>
  <si>
    <t>BU09881401</t>
  </si>
  <si>
    <t>2021BU09881401</t>
  </si>
  <si>
    <t>Fatima</t>
  </si>
  <si>
    <t>buurt_gegeneraliseerd_2021.8643c68e-4e44-4c7a-ac0e-6b9637804864</t>
  </si>
  <si>
    <t>BU09881402</t>
  </si>
  <si>
    <t>2021BU09881402</t>
  </si>
  <si>
    <t>Industrieterrein Fatima</t>
  </si>
  <si>
    <t>buurt_gegeneraliseerd_2021.25e0af39-302b-48b3-99a5-138deb118880</t>
  </si>
  <si>
    <t>BU09882101</t>
  </si>
  <si>
    <t>2021BU09882101</t>
  </si>
  <si>
    <t>Keent</t>
  </si>
  <si>
    <t>buurt_gegeneraliseerd_2021.9420940b-34e4-444c-bd9f-73c7c0ed17ac</t>
  </si>
  <si>
    <t>BU09882102</t>
  </si>
  <si>
    <t>2021BU09882102</t>
  </si>
  <si>
    <t>Keent buitengebied</t>
  </si>
  <si>
    <t>buurt_gegeneraliseerd_2021.4b05045b-ea5b-4afb-96a9-96a4fed6a4d4</t>
  </si>
  <si>
    <t>BU09882201</t>
  </si>
  <si>
    <t>2021BU09882201</t>
  </si>
  <si>
    <t>Moesel</t>
  </si>
  <si>
    <t>buurt_gegeneraliseerd_2021.062c15cd-4d65-4b69-aa67-a0007676dc9d</t>
  </si>
  <si>
    <t>BU09882202</t>
  </si>
  <si>
    <t>2021BU09882202</t>
  </si>
  <si>
    <t>Moesel buitengebied</t>
  </si>
  <si>
    <t>buurt_gegeneraliseerd_2021.48f837a2-65fa-419c-8342-27c8caa84ecf</t>
  </si>
  <si>
    <t>BU09882301</t>
  </si>
  <si>
    <t>2021BU09882301</t>
  </si>
  <si>
    <t>Graswinkel</t>
  </si>
  <si>
    <t>buurt_gegeneraliseerd_2021.152e5fbc-6762-4386-a923-4c503cc003b8</t>
  </si>
  <si>
    <t>BU09882401</t>
  </si>
  <si>
    <t>2021BU09882401</t>
  </si>
  <si>
    <t>Leuken</t>
  </si>
  <si>
    <t>buurt_gegeneraliseerd_2021.2006f2b4-1503-425b-8022-9dc8a28b306b</t>
  </si>
  <si>
    <t>BU09882402</t>
  </si>
  <si>
    <t>2021BU09882402</t>
  </si>
  <si>
    <t>Industrieterrein Leuken</t>
  </si>
  <si>
    <t>buurt_gegeneraliseerd_2021.8fed8fc8-1563-4bb3-ab23-4b16646bad57</t>
  </si>
  <si>
    <t>BU09882403</t>
  </si>
  <si>
    <t>2021BU09882403</t>
  </si>
  <si>
    <t>Leuken buitengebied</t>
  </si>
  <si>
    <t>buurt_gegeneraliseerd_2021.67b47e10-e742-4dbf-b5af-e0f9a7e8c950</t>
  </si>
  <si>
    <t>BU09882501</t>
  </si>
  <si>
    <t>2021BU09882501</t>
  </si>
  <si>
    <t>Kazernelaan</t>
  </si>
  <si>
    <t>buurt_gegeneraliseerd_2021.df15c44f-2cf1-41c4-8254-83203e345f17</t>
  </si>
  <si>
    <t>BU09882502</t>
  </si>
  <si>
    <t>2021BU09882502</t>
  </si>
  <si>
    <t>Industrieterrein Boshoverbeek-Lozerweg</t>
  </si>
  <si>
    <t>buurt_gegeneraliseerd_2021.25a10036-2e84-4f39-a359-a76bf4cd3e65</t>
  </si>
  <si>
    <t>BU09883101</t>
  </si>
  <si>
    <t>2021BU09883101</t>
  </si>
  <si>
    <t>Altweerterheide</t>
  </si>
  <si>
    <t>buurt_gegeneraliseerd_2021.67d7ef55-c5b5-42eb-a0d6-73b3c69403db</t>
  </si>
  <si>
    <t>BU09883102</t>
  </si>
  <si>
    <t>2021BU09883102</t>
  </si>
  <si>
    <t>Altweerterheide buitengebied</t>
  </si>
  <si>
    <t>buurt_gegeneraliseerd_2021.8d4cacbe-2b7f-41b1-b4f3-deb9eab09e90</t>
  </si>
  <si>
    <t>BU09883201</t>
  </si>
  <si>
    <t>2021BU09883201</t>
  </si>
  <si>
    <t>Tungelroy</t>
  </si>
  <si>
    <t>buurt_gegeneraliseerd_2021.7b3a5a21-9548-4c99-8035-1907537a32c4</t>
  </si>
  <si>
    <t>BU09883202</t>
  </si>
  <si>
    <t>2021BU09883202</t>
  </si>
  <si>
    <t>Tungelroy buitengebied</t>
  </si>
  <si>
    <t>buurt_gegeneraliseerd_2021.93841011-910a-4247-ad4d-f801b0fdc7c1</t>
  </si>
  <si>
    <t>BU09883301</t>
  </si>
  <si>
    <t>2021BU09883301</t>
  </si>
  <si>
    <t>Swartbroek</t>
  </si>
  <si>
    <t>buurt_gegeneraliseerd_2021.f18926e8-9aef-4dd9-8f4c-2b263df93ad3</t>
  </si>
  <si>
    <t>BU09883302</t>
  </si>
  <si>
    <t>2021BU09883302</t>
  </si>
  <si>
    <t>Swartbroek buitengebied</t>
  </si>
  <si>
    <t>buurt_gegeneraliseerd_2021.cdc35a7e-d522-4585-9e62-50cd63994df8</t>
  </si>
  <si>
    <t>BU09883401</t>
  </si>
  <si>
    <t>2021BU09883401</t>
  </si>
  <si>
    <t>Stramproy</t>
  </si>
  <si>
    <t>buurt_gegeneraliseerd_2021.59ec3c9a-5ba8-4e43-b010-99f621f0c7de</t>
  </si>
  <si>
    <t>BU09883402</t>
  </si>
  <si>
    <t>2021BU09883402</t>
  </si>
  <si>
    <t>Stramproy buitengebied</t>
  </si>
  <si>
    <t>buurt_gegeneraliseerd_2021.abe66ca1-5652-4f56-b70c-dfc877734dc3</t>
  </si>
  <si>
    <t>BU09940000</t>
  </si>
  <si>
    <t>2021BU09940000</t>
  </si>
  <si>
    <t>GM0994</t>
  </si>
  <si>
    <t>buurt_gegeneraliseerd_2021.fc8ff612-7f04-46d4-b409-ca7476c3ac50</t>
  </si>
  <si>
    <t>BU09940001</t>
  </si>
  <si>
    <t>2021BU09940001</t>
  </si>
  <si>
    <t>Broekhem Zuid</t>
  </si>
  <si>
    <t>buurt_gegeneraliseerd_2021.f27941a5-c383-4167-b70c-0eee80c6c06f</t>
  </si>
  <si>
    <t>BU09940002</t>
  </si>
  <si>
    <t>2021BU09940002</t>
  </si>
  <si>
    <t>Broekhem Noord</t>
  </si>
  <si>
    <t>buurt_gegeneraliseerd_2021.00d81a0c-8d20-4df2-8e4c-aa493ab7e2eb</t>
  </si>
  <si>
    <t>BU09940003</t>
  </si>
  <si>
    <t>2021BU09940003</t>
  </si>
  <si>
    <t>Emmaberg</t>
  </si>
  <si>
    <t>buurt_gegeneraliseerd_2021.da9caa51-aad6-4ae8-ac90-9d934df05bd9</t>
  </si>
  <si>
    <t>BU09940004</t>
  </si>
  <si>
    <t>2021BU09940004</t>
  </si>
  <si>
    <t>De Heek</t>
  </si>
  <si>
    <t>buurt_gegeneraliseerd_2021.1f1fc473-706c-4c49-9a82-8aac432c4cb8</t>
  </si>
  <si>
    <t>BU09940005</t>
  </si>
  <si>
    <t>2021BU09940005</t>
  </si>
  <si>
    <t>De Valkenberg</t>
  </si>
  <si>
    <t>buurt_gegeneraliseerd_2021.f42e6102-9f03-496d-b969-8025111093e4</t>
  </si>
  <si>
    <t>BU09940006</t>
  </si>
  <si>
    <t>2021BU09940006</t>
  </si>
  <si>
    <t>Hekerbeek</t>
  </si>
  <si>
    <t>buurt_gegeneraliseerd_2021.871cde6b-5ad5-410b-bb32-829884af1a7c</t>
  </si>
  <si>
    <t>BU09940007</t>
  </si>
  <si>
    <t>2021BU09940007</t>
  </si>
  <si>
    <t>Plenkert</t>
  </si>
  <si>
    <t>buurt_gegeneraliseerd_2021.6b64de53-d3b0-47b5-bd03-85352a276026</t>
  </si>
  <si>
    <t>BU09940008</t>
  </si>
  <si>
    <t>2021BU09940008</t>
  </si>
  <si>
    <t>Euverem</t>
  </si>
  <si>
    <t>buurt_gegeneraliseerd_2021.cbbe0012-efda-4cdf-88a0-af73f07e07c7</t>
  </si>
  <si>
    <t>BU09940100</t>
  </si>
  <si>
    <t>2021BU09940100</t>
  </si>
  <si>
    <t>Sint Gerlach</t>
  </si>
  <si>
    <t>buurt_gegeneraliseerd_2021.a2ad4f39-56f5-47e5-a2b9-400dbf6c6526</t>
  </si>
  <si>
    <t>BU09940101</t>
  </si>
  <si>
    <t>2021BU09940101</t>
  </si>
  <si>
    <t>Vroenhof</t>
  </si>
  <si>
    <t>buurt_gegeneraliseerd_2021.e8258d8a-05d3-4931-b84c-89e152daf1a5</t>
  </si>
  <si>
    <t>BU09940102</t>
  </si>
  <si>
    <t>2021BU09940102</t>
  </si>
  <si>
    <t>Strabeek</t>
  </si>
  <si>
    <t>buurt_gegeneraliseerd_2021.27cfd598-0524-41e5-a67e-7f50025a17bb</t>
  </si>
  <si>
    <t>BU09940103</t>
  </si>
  <si>
    <t>2021BU09940103</t>
  </si>
  <si>
    <t>Houthemerveld</t>
  </si>
  <si>
    <t>buurt_gegeneraliseerd_2021.10f631b7-fde8-4f4d-9ed3-a0d482a60262</t>
  </si>
  <si>
    <t>BU09940104</t>
  </si>
  <si>
    <t>2021BU09940104</t>
  </si>
  <si>
    <t>Ravensbosch</t>
  </si>
  <si>
    <t>buurt_gegeneraliseerd_2021.1cb7ad47-f489-4b43-a5c9-71dee4be17d6</t>
  </si>
  <si>
    <t>BU09940200</t>
  </si>
  <si>
    <t>2021BU09940200</t>
  </si>
  <si>
    <t>Schin op Geul</t>
  </si>
  <si>
    <t>buurt_gegeneraliseerd_2021.89039fb6-ba61-4bc5-847c-fb14094b3ffa</t>
  </si>
  <si>
    <t>BU09940201</t>
  </si>
  <si>
    <t>2021BU09940201</t>
  </si>
  <si>
    <t>Schoonbron</t>
  </si>
  <si>
    <t>buurt_gegeneraliseerd_2021.1e324cdb-cd89-427d-a89c-5aef20c04150</t>
  </si>
  <si>
    <t>BU09940202</t>
  </si>
  <si>
    <t>2021BU09940202</t>
  </si>
  <si>
    <t>Oud-Valkenburg</t>
  </si>
  <si>
    <t>buurt_gegeneraliseerd_2021.75cf696a-acae-4ef6-8627-f6bbd1e71ab4</t>
  </si>
  <si>
    <t>BU09940203</t>
  </si>
  <si>
    <t>2021BU09940203</t>
  </si>
  <si>
    <t>Strucht</t>
  </si>
  <si>
    <t>buurt_gegeneraliseerd_2021.8925920b-217a-40ce-86b4-7d48e72f7c5d</t>
  </si>
  <si>
    <t>BU09940204</t>
  </si>
  <si>
    <t>2021BU09940204</t>
  </si>
  <si>
    <t>Gerendal</t>
  </si>
  <si>
    <t>buurt_gegeneraliseerd_2021.4f66745c-f4fb-43a2-afb7-02d689b2e122</t>
  </si>
  <si>
    <t>BU09940205</t>
  </si>
  <si>
    <t>2021BU09940205</t>
  </si>
  <si>
    <t>Keutenberg - Sousberg</t>
  </si>
  <si>
    <t>buurt_gegeneraliseerd_2021.171ed9ce-7ba4-4fcf-a449-5df01cbe23fa</t>
  </si>
  <si>
    <t>BU09940206</t>
  </si>
  <si>
    <t>2021BU09940206</t>
  </si>
  <si>
    <t>De Kluis</t>
  </si>
  <si>
    <t>buurt_gegeneraliseerd_2021.16405122-3b55-42a1-b109-926369a216d1</t>
  </si>
  <si>
    <t>BU09940300</t>
  </si>
  <si>
    <t>2021BU09940300</t>
  </si>
  <si>
    <t>Sibbe</t>
  </si>
  <si>
    <t>buurt_gegeneraliseerd_2021.71955596-cf2e-4f78-bffb-a63a1be88e50</t>
  </si>
  <si>
    <t>BU09940301</t>
  </si>
  <si>
    <t>2021BU09940301</t>
  </si>
  <si>
    <t>IJzeren</t>
  </si>
  <si>
    <t>buurt_gegeneraliseerd_2021.36f9c1bd-9712-479b-a4b3-69c9138ce33c</t>
  </si>
  <si>
    <t>BU09940302</t>
  </si>
  <si>
    <t>2021BU09940302</t>
  </si>
  <si>
    <t>Vilterveld</t>
  </si>
  <si>
    <t>buurt_gegeneraliseerd_2021.d62bc5a1-b22d-4b65-b898-fb14011cd3fb</t>
  </si>
  <si>
    <t>BU09940400</t>
  </si>
  <si>
    <t>2021BU09940400</t>
  </si>
  <si>
    <t>buurt_gegeneraliseerd_2021.fc216fca-64aa-42a3-9101-52fb24f3ccc7</t>
  </si>
  <si>
    <t>BU09940401</t>
  </si>
  <si>
    <t>2021BU09940401</t>
  </si>
  <si>
    <t>Terblijt</t>
  </si>
  <si>
    <t>buurt_gegeneraliseerd_2021.a4f2d1e5-18c5-4e13-9ca0-3bbe092ed201</t>
  </si>
  <si>
    <t>BU09940402</t>
  </si>
  <si>
    <t>2021BU09940402</t>
  </si>
  <si>
    <t>Vilt</t>
  </si>
  <si>
    <t>buurt_gegeneraliseerd_2021.dbb503b8-c640-4247-a8b0-e24328225c7b</t>
  </si>
  <si>
    <t>BU09940403</t>
  </si>
  <si>
    <t>2021BU09940403</t>
  </si>
  <si>
    <t>Geulhem</t>
  </si>
  <si>
    <t>buurt_gegeneraliseerd_2021.22d0e17d-043b-4bfe-9836-cc2895a7652e</t>
  </si>
  <si>
    <t>BU09940404</t>
  </si>
  <si>
    <t>2021BU09940404</t>
  </si>
  <si>
    <t>Rasberg</t>
  </si>
  <si>
    <t>buurt_gegeneraliseerd_2021.3e4236c4-2b80-4ba8-9cc9-c7c6067aea9c</t>
  </si>
  <si>
    <t>BU09940405</t>
  </si>
  <si>
    <t>2021BU09940405</t>
  </si>
  <si>
    <t>Bergse Heide</t>
  </si>
  <si>
    <t>buurt_gegeneraliseerd_2021.e8d944b9-271c-4a2f-8b65-551871cdef20</t>
  </si>
  <si>
    <t>BU09940406</t>
  </si>
  <si>
    <t>2021BU09940406</t>
  </si>
  <si>
    <t>Vilter Heide</t>
  </si>
  <si>
    <t>buurt_gegeneraliseerd_2021.ea67c6be-325c-4639-93e5-fc89dea78946</t>
  </si>
  <si>
    <t>BU09940500</t>
  </si>
  <si>
    <t>2021BU09940500</t>
  </si>
  <si>
    <t>Walem</t>
  </si>
  <si>
    <t>buurt_gegeneraliseerd_2021.097dce7f-3dcb-4b35-ba42-323f8425fd04</t>
  </si>
  <si>
    <t>BU15070000</t>
  </si>
  <si>
    <t>2021BU15070000</t>
  </si>
  <si>
    <t>Griendtsveen</t>
  </si>
  <si>
    <t>GM1507</t>
  </si>
  <si>
    <t>buurt_gegeneraliseerd_2021.3208ec0b-8cb3-4a6b-b96e-e4ff6291d463</t>
  </si>
  <si>
    <t>BU15070009</t>
  </si>
  <si>
    <t>2021BU15070009</t>
  </si>
  <si>
    <t>Verspreide huizen Griendtsveen</t>
  </si>
  <si>
    <t>buurt_gegeneraliseerd_2021.91a32f4c-2444-4c66-956c-9164d29acea8</t>
  </si>
  <si>
    <t>BU15070100</t>
  </si>
  <si>
    <t>2021BU15070100</t>
  </si>
  <si>
    <t>America</t>
  </si>
  <si>
    <t>buurt_gegeneraliseerd_2021.1d1983ed-244f-47fe-9c14-2bf77080c4a5</t>
  </si>
  <si>
    <t>BU15070101</t>
  </si>
  <si>
    <t>2021BU15070101</t>
  </si>
  <si>
    <t>Meerdal</t>
  </si>
  <si>
    <t>buurt_gegeneraliseerd_2021.5a8ed809-011a-4243-b097-0da0f8efc19e</t>
  </si>
  <si>
    <t>BU15070102</t>
  </si>
  <si>
    <t>2021BU15070102</t>
  </si>
  <si>
    <t>Loohorst</t>
  </si>
  <si>
    <t>buurt_gegeneraliseerd_2021.8b9d6327-c272-4bbc-bba8-d6111f44bf49</t>
  </si>
  <si>
    <t>BU15070109</t>
  </si>
  <si>
    <t>2021BU15070109</t>
  </si>
  <si>
    <t>Verspreide huizen America</t>
  </si>
  <si>
    <t>buurt_gegeneraliseerd_2021.914f3601-c872-4733-b2fa-0ecb5e5c1bec</t>
  </si>
  <si>
    <t>BU15070200</t>
  </si>
  <si>
    <t>2021BU15070200</t>
  </si>
  <si>
    <t>Meterik</t>
  </si>
  <si>
    <t>buurt_gegeneraliseerd_2021.20505ec5-fb2b-4c6e-bcfd-87bbbe3b6ae1</t>
  </si>
  <si>
    <t>BU15070209</t>
  </si>
  <si>
    <t>2021BU15070209</t>
  </si>
  <si>
    <t>Verspreide huizen Meterik</t>
  </si>
  <si>
    <t>buurt_gegeneraliseerd_2021.7c7cc5e6-19f7-4e8f-b08f-603051c2384a</t>
  </si>
  <si>
    <t>BU15070300</t>
  </si>
  <si>
    <t>2021BU15070300</t>
  </si>
  <si>
    <t>Hegelsom</t>
  </si>
  <si>
    <t>buurt_gegeneraliseerd_2021.50704d8a-2e82-4473-b123-08b8beee61c0</t>
  </si>
  <si>
    <t>BU15070309</t>
  </si>
  <si>
    <t>2021BU15070309</t>
  </si>
  <si>
    <t>Verspreide huizen Hegelsom</t>
  </si>
  <si>
    <t>buurt_gegeneraliseerd_2021.a0ee496a-132c-4e11-a269-1cb8831ab138</t>
  </si>
  <si>
    <t>BU15070400</t>
  </si>
  <si>
    <t>2021BU15070400</t>
  </si>
  <si>
    <t>Horst-Centrum</t>
  </si>
  <si>
    <t>buurt_gegeneraliseerd_2021.d7276416-5f2b-461b-a080-d186b852aab9</t>
  </si>
  <si>
    <t>BU15070401</t>
  </si>
  <si>
    <t>2021BU15070401</t>
  </si>
  <si>
    <t>Molenveld</t>
  </si>
  <si>
    <t>buurt_gegeneraliseerd_2021.bcf2c07f-8818-4e0f-b1cd-2925f15fc8b6</t>
  </si>
  <si>
    <t>BU15070402</t>
  </si>
  <si>
    <t>2021BU15070402</t>
  </si>
  <si>
    <t>De Riet</t>
  </si>
  <si>
    <t>buurt_gegeneraliseerd_2021.ce676ea4-d714-49e8-831b-13c67191415a</t>
  </si>
  <si>
    <t>BU15070403</t>
  </si>
  <si>
    <t>2021BU15070403</t>
  </si>
  <si>
    <t>Weisterbeek</t>
  </si>
  <si>
    <t>buurt_gegeneraliseerd_2021.9cae6f68-22b6-4e12-9995-b97c28b2155f</t>
  </si>
  <si>
    <t>BU15070404</t>
  </si>
  <si>
    <t>2021BU15070404</t>
  </si>
  <si>
    <t>Nieuwstraat</t>
  </si>
  <si>
    <t>buurt_gegeneraliseerd_2021.8d86eae1-d20a-49fd-b490-aa79cf539ad1</t>
  </si>
  <si>
    <t>BU15070405</t>
  </si>
  <si>
    <t>2021BU15070405</t>
  </si>
  <si>
    <t>Kappellerhof</t>
  </si>
  <si>
    <t>buurt_gegeneraliseerd_2021.c01be771-79ea-46ee-aeb3-904ebfed3350</t>
  </si>
  <si>
    <t>BU15070406</t>
  </si>
  <si>
    <t>2021BU15070406</t>
  </si>
  <si>
    <t>Berkelsbroek</t>
  </si>
  <si>
    <t>buurt_gegeneraliseerd_2021.e1c1ab41-0de7-4277-ace2-c24dc30af237</t>
  </si>
  <si>
    <t>BU15070407</t>
  </si>
  <si>
    <t>2021BU15070407</t>
  </si>
  <si>
    <t>Stuksbeemden</t>
  </si>
  <si>
    <t>buurt_gegeneraliseerd_2021.987ec6ba-b964-46b3-a087-2ce6d16573b7</t>
  </si>
  <si>
    <t>BU15070408</t>
  </si>
  <si>
    <t>2021BU15070408</t>
  </si>
  <si>
    <t>De Risselt</t>
  </si>
  <si>
    <t>buurt_gegeneraliseerd_2021.08fc3506-c5d1-4795-a79a-a4c3106cd89c</t>
  </si>
  <si>
    <t>BU15070409</t>
  </si>
  <si>
    <t>2021BU15070409</t>
  </si>
  <si>
    <t>De Afhang</t>
  </si>
  <si>
    <t>buurt_gegeneraliseerd_2021.11c9c4f8-89b0-4966-9478-21eb8ec1f675</t>
  </si>
  <si>
    <t>BU15070410</t>
  </si>
  <si>
    <t>2021BU15070410</t>
  </si>
  <si>
    <t>Hoogveld</t>
  </si>
  <si>
    <t>buurt_gegeneraliseerd_2021.d2f40dc1-f3f9-4186-8d16-84b7d355080a</t>
  </si>
  <si>
    <t>BU15070419</t>
  </si>
  <si>
    <t>2021BU15070419</t>
  </si>
  <si>
    <t>Verspreide huizen Horst</t>
  </si>
  <si>
    <t>buurt_gegeneraliseerd_2021.0080ffbf-4030-4c48-86a7-bbf6dbf571b4</t>
  </si>
  <si>
    <t>BU15070500</t>
  </si>
  <si>
    <t>2021BU15070500</t>
  </si>
  <si>
    <t>Melderslo</t>
  </si>
  <si>
    <t>buurt_gegeneraliseerd_2021.56e5a042-0d79-4d29-bd1d-87cd16f1e374</t>
  </si>
  <si>
    <t>BU15070509</t>
  </si>
  <si>
    <t>2021BU15070509</t>
  </si>
  <si>
    <t>Verspreide huizen Melderslo</t>
  </si>
  <si>
    <t>buurt_gegeneraliseerd_2021.c0ef7ce7-913f-4beb-ac37-105d49fa8c92</t>
  </si>
  <si>
    <t>BU15070600</t>
  </si>
  <si>
    <t>2021BU15070600</t>
  </si>
  <si>
    <t>Broekhuizenvorst</t>
  </si>
  <si>
    <t>buurt_gegeneraliseerd_2021.b0b6bda2-8675-4172-851d-32f2888e9b1e</t>
  </si>
  <si>
    <t>BU15070609</t>
  </si>
  <si>
    <t>2021BU15070609</t>
  </si>
  <si>
    <t>Verspreide huizen Broekhuizenvorst</t>
  </si>
  <si>
    <t>buurt_gegeneraliseerd_2021.fe3e23e4-6366-40c9-a7b1-20f7e41d2ad8</t>
  </si>
  <si>
    <t>BU15070700</t>
  </si>
  <si>
    <t>2021BU15070700</t>
  </si>
  <si>
    <t>Lottum</t>
  </si>
  <si>
    <t>buurt_gegeneraliseerd_2021.9f2cd54e-7e70-478c-97bb-0e57f821e8eb</t>
  </si>
  <si>
    <t>BU15070709</t>
  </si>
  <si>
    <t>2021BU15070709</t>
  </si>
  <si>
    <t>Verspreide huizen Lottum</t>
  </si>
  <si>
    <t>buurt_gegeneraliseerd_2021.3f88336c-bc25-4c51-996b-189127125a07</t>
  </si>
  <si>
    <t>BU15070800</t>
  </si>
  <si>
    <t>2021BU15070800</t>
  </si>
  <si>
    <t>Grubbenvorst-Centrum</t>
  </si>
  <si>
    <t>buurt_gegeneraliseerd_2021.f7ccfb1e-a31b-4043-a769-3e31b670aae9</t>
  </si>
  <si>
    <t>BU15070801</t>
  </si>
  <si>
    <t>2021BU15070801</t>
  </si>
  <si>
    <t>De Comert</t>
  </si>
  <si>
    <t>buurt_gegeneraliseerd_2021.f8cf85c0-c901-4b42-b3f4-f8ee29481420</t>
  </si>
  <si>
    <t>BU15070802</t>
  </si>
  <si>
    <t>2021BU15070802</t>
  </si>
  <si>
    <t>Reuvelt</t>
  </si>
  <si>
    <t>buurt_gegeneraliseerd_2021.6b7ccc9c-8204-43a4-bf6e-998a4b617d86</t>
  </si>
  <si>
    <t>BU15070803</t>
  </si>
  <si>
    <t>2021BU15070803</t>
  </si>
  <si>
    <t>Middelreuvelt</t>
  </si>
  <si>
    <t>buurt_gegeneraliseerd_2021.8c12a060-59b4-475e-a4ad-ce210d904988</t>
  </si>
  <si>
    <t>BU15070804</t>
  </si>
  <si>
    <t>2021BU15070804</t>
  </si>
  <si>
    <t>Tuinhaversveld</t>
  </si>
  <si>
    <t>buurt_gegeneraliseerd_2021.c4a440c2-caf3-463e-9fe3-e480409464fb</t>
  </si>
  <si>
    <t>BU15070809</t>
  </si>
  <si>
    <t>2021BU15070809</t>
  </si>
  <si>
    <t>Verspreide huizen Grubbenvorst</t>
  </si>
  <si>
    <t>buurt_gegeneraliseerd_2021.358c552a-600e-472c-ae83-4e72e0142495</t>
  </si>
  <si>
    <t>BU15070900</t>
  </si>
  <si>
    <t>2021BU15070900</t>
  </si>
  <si>
    <t>buurt_gegeneraliseerd_2021.230e88cc-9b76-403f-8406-1c0926b2ffdd</t>
  </si>
  <si>
    <t>BU15070909</t>
  </si>
  <si>
    <t>2021BU15070909</t>
  </si>
  <si>
    <t>Verspreide huizen Broekhuizen</t>
  </si>
  <si>
    <t>buurt_gegeneraliseerd_2021.e9bc65e8-045d-4607-84a6-aacddc7f3f51</t>
  </si>
  <si>
    <t>BU15071000</t>
  </si>
  <si>
    <t>2021BU15071000</t>
  </si>
  <si>
    <t>Sevenum</t>
  </si>
  <si>
    <t>buurt_gegeneraliseerd_2021.9e3d5bda-480f-4c20-a436-049c26f06d49</t>
  </si>
  <si>
    <t>BU15071001</t>
  </si>
  <si>
    <t>2021BU15071001</t>
  </si>
  <si>
    <t>De Schatberg</t>
  </si>
  <si>
    <t>buurt_gegeneraliseerd_2021.e347e764-f743-41e6-b02b-6b2b3f6a6a53</t>
  </si>
  <si>
    <t>BU15071009</t>
  </si>
  <si>
    <t>2021BU15071009</t>
  </si>
  <si>
    <t>Verspreide huizen Sevenum</t>
  </si>
  <si>
    <t>buurt_gegeneraliseerd_2021.58cbe283-937a-4dc3-9e2c-19a29e2bacdc</t>
  </si>
  <si>
    <t>BU15071100</t>
  </si>
  <si>
    <t>2021BU15071100</t>
  </si>
  <si>
    <t>Kronenberg</t>
  </si>
  <si>
    <t>buurt_gegeneraliseerd_2021.24e745dd-7e88-441a-9b06-011618eaa688</t>
  </si>
  <si>
    <t>BU15071109</t>
  </si>
  <si>
    <t>2021BU15071109</t>
  </si>
  <si>
    <t>Verspreide huizen Kronenberg</t>
  </si>
  <si>
    <t>buurt_gegeneraliseerd_2021.cfadf788-6e6e-48f1-9d74-2635f9a10ffe</t>
  </si>
  <si>
    <t>BU15071200</t>
  </si>
  <si>
    <t>2021BU15071200</t>
  </si>
  <si>
    <t>Evertsoord</t>
  </si>
  <si>
    <t>buurt_gegeneraliseerd_2021.c4adfaab-103f-40f4-8848-7fc5f2110ddf</t>
  </si>
  <si>
    <t>BU15071209</t>
  </si>
  <si>
    <t>2021BU15071209</t>
  </si>
  <si>
    <t>Verspreide huizen Evertsoord</t>
  </si>
  <si>
    <t>buurt_gegeneraliseerd_2021.d5310567-0d13-44ac-bc0f-ef1b409790ae</t>
  </si>
  <si>
    <t>BU15071300</t>
  </si>
  <si>
    <t>2021BU15071300</t>
  </si>
  <si>
    <t>Meerlo</t>
  </si>
  <si>
    <t>buurt_gegeneraliseerd_2021.af6d4224-fba8-4052-ba58-1ccf2289d271</t>
  </si>
  <si>
    <t>BU15071309</t>
  </si>
  <si>
    <t>2021BU15071309</t>
  </si>
  <si>
    <t>Verspreide huizen Meerlo</t>
  </si>
  <si>
    <t>buurt_gegeneraliseerd_2021.51af6114-dc66-4638-a007-cd07f4fac605</t>
  </si>
  <si>
    <t>BU15071400</t>
  </si>
  <si>
    <t>2021BU15071400</t>
  </si>
  <si>
    <t>Tienray</t>
  </si>
  <si>
    <t>buurt_gegeneraliseerd_2021.be92aa35-30ff-4f43-b83a-b06e9f07dce8</t>
  </si>
  <si>
    <t>BU15071409</t>
  </si>
  <si>
    <t>2021BU15071409</t>
  </si>
  <si>
    <t>Verspreide huizen Tienray</t>
  </si>
  <si>
    <t>buurt_gegeneraliseerd_2021.7807700d-3c3d-4e76-9f78-496f22c9a429</t>
  </si>
  <si>
    <t>BU15071500</t>
  </si>
  <si>
    <t>2021BU15071500</t>
  </si>
  <si>
    <t>Swolgen</t>
  </si>
  <si>
    <t>buurt_gegeneraliseerd_2021.a4a98529-c513-49a2-874b-b29c088016b4</t>
  </si>
  <si>
    <t>BU15071509</t>
  </si>
  <si>
    <t>2021BU15071509</t>
  </si>
  <si>
    <t>Verspreide huizen Swolgen</t>
  </si>
  <si>
    <t>buurt_gegeneraliseerd_2021.d8b0a438-0349-4bdb-8415-e25f1b5459a7</t>
  </si>
  <si>
    <t>BU15090000</t>
  </si>
  <si>
    <t>2021BU15090000</t>
  </si>
  <si>
    <t>Ulft-Centrum en Ulft-Oost</t>
  </si>
  <si>
    <t>GM1509</t>
  </si>
  <si>
    <t>buurt_gegeneraliseerd_2021.95ff61d4-a657-47ec-992e-4e6484de8222</t>
  </si>
  <si>
    <t>BU15090001</t>
  </si>
  <si>
    <t>2021BU15090001</t>
  </si>
  <si>
    <t>Ulft-West</t>
  </si>
  <si>
    <t>buurt_gegeneraliseerd_2021.b159cf99-06d7-4f24-a431-c138efb9d694</t>
  </si>
  <si>
    <t>BU15090002</t>
  </si>
  <si>
    <t>2021BU15090002</t>
  </si>
  <si>
    <t>Ulft-Noord</t>
  </si>
  <si>
    <t>buurt_gegeneraliseerd_2021.f9a659e8-91b8-4c1d-9f09-650200bc4f17</t>
  </si>
  <si>
    <t>BU15090003</t>
  </si>
  <si>
    <t>2021BU15090003</t>
  </si>
  <si>
    <t>Etten</t>
  </si>
  <si>
    <t>buurt_gegeneraliseerd_2021.fb586859-28a1-4331-8f8a-e2b6fcba6896</t>
  </si>
  <si>
    <t>BU15090004</t>
  </si>
  <si>
    <t>2021BU15090004</t>
  </si>
  <si>
    <t>Varsselder en Veldhunten</t>
  </si>
  <si>
    <t>buurt_gegeneraliseerd_2021.5900a5b7-4916-4390-8a63-fccd001357e3</t>
  </si>
  <si>
    <t>BU15090007</t>
  </si>
  <si>
    <t>2021BU15090007</t>
  </si>
  <si>
    <t>Verspreide huizen Varsselder</t>
  </si>
  <si>
    <t>buurt_gegeneraliseerd_2021.d9336c3e-a3be-4d03-91e3-84dffa8fee97</t>
  </si>
  <si>
    <t>BU15090008</t>
  </si>
  <si>
    <t>2021BU15090008</t>
  </si>
  <si>
    <t>Verspreide huizen Etten</t>
  </si>
  <si>
    <t>buurt_gegeneraliseerd_2021.da3c97ea-f2f0-4de6-9b9f-ad17edf65ede</t>
  </si>
  <si>
    <t>BU15090009</t>
  </si>
  <si>
    <t>2021BU15090009</t>
  </si>
  <si>
    <t>Verspreide huizen Ulft</t>
  </si>
  <si>
    <t>buurt_gegeneraliseerd_2021.1131e641-6f0c-49bf-80a9-16ce784fe066</t>
  </si>
  <si>
    <t>BU15090100</t>
  </si>
  <si>
    <t>2021BU15090100</t>
  </si>
  <si>
    <t>Gendringen</t>
  </si>
  <si>
    <t>buurt_gegeneraliseerd_2021.bb391454-37cc-4835-b233-5d79733d4088</t>
  </si>
  <si>
    <t>BU15090101</t>
  </si>
  <si>
    <t>2021BU15090101</t>
  </si>
  <si>
    <t>Megchelen</t>
  </si>
  <si>
    <t>buurt_gegeneraliseerd_2021.972d291b-cc03-4cae-b122-57f00c501e76</t>
  </si>
  <si>
    <t>BU15090102</t>
  </si>
  <si>
    <t>2021BU15090102</t>
  </si>
  <si>
    <t>Netterden</t>
  </si>
  <si>
    <t>buurt_gegeneraliseerd_2021.4b542c2f-14ca-4a44-9bc4-31c3f2b8f10b</t>
  </si>
  <si>
    <t>BU15090103</t>
  </si>
  <si>
    <t>2021BU15090103</t>
  </si>
  <si>
    <t>Milt en Wieken</t>
  </si>
  <si>
    <t>buurt_gegeneraliseerd_2021.50f7ddeb-d496-411b-aba5-10e324f0a80c</t>
  </si>
  <si>
    <t>BU15090104</t>
  </si>
  <si>
    <t>2021BU15090104</t>
  </si>
  <si>
    <t>Breedenbroek</t>
  </si>
  <si>
    <t>buurt_gegeneraliseerd_2021.daf47080-9958-465c-aa0c-6febadbca65f</t>
  </si>
  <si>
    <t>BU15090105</t>
  </si>
  <si>
    <t>2021BU15090105</t>
  </si>
  <si>
    <t>Verspreide huizen Megchelen</t>
  </si>
  <si>
    <t>buurt_gegeneraliseerd_2021.679d9188-4a85-43b8-b1dd-31c699d38bdf</t>
  </si>
  <si>
    <t>BU15090106</t>
  </si>
  <si>
    <t>2021BU15090106</t>
  </si>
  <si>
    <t>Verspreide huizen Gendringen</t>
  </si>
  <si>
    <t>buurt_gegeneraliseerd_2021.d359b62d-3ae9-4de0-a11f-320fe7b0e9a8</t>
  </si>
  <si>
    <t>BU15090107</t>
  </si>
  <si>
    <t>2021BU15090107</t>
  </si>
  <si>
    <t>Verspreide huizen Netterden</t>
  </si>
  <si>
    <t>buurt_gegeneraliseerd_2021.57276cf9-b0e0-4071-9841-ad5e10bb214f</t>
  </si>
  <si>
    <t>BU15090108</t>
  </si>
  <si>
    <t>2021BU15090108</t>
  </si>
  <si>
    <t>Verspreide huizen Voorst</t>
  </si>
  <si>
    <t>buurt_gegeneraliseerd_2021.649edba5-2d4f-4534-9e3b-34b3d7c54cff</t>
  </si>
  <si>
    <t>BU15090109</t>
  </si>
  <si>
    <t>2021BU15090109</t>
  </si>
  <si>
    <t>Verspreide huizen Breedenbroek</t>
  </si>
  <si>
    <t>buurt_gegeneraliseerd_2021.f7f21823-c942-4068-9e58-ccdb6f8a8841</t>
  </si>
  <si>
    <t>BU15090200</t>
  </si>
  <si>
    <t>2021BU15090200</t>
  </si>
  <si>
    <t>Terborg</t>
  </si>
  <si>
    <t>buurt_gegeneraliseerd_2021.6557201b-c957-4c16-a7ac-a2129544b654</t>
  </si>
  <si>
    <t>BU15090201</t>
  </si>
  <si>
    <t>2021BU15090201</t>
  </si>
  <si>
    <t>Terborg-Oost</t>
  </si>
  <si>
    <t>buurt_gegeneraliseerd_2021.8db9d09e-ce03-4927-a9b7-908fa126518b</t>
  </si>
  <si>
    <t>BU15090202</t>
  </si>
  <si>
    <t>2021BU15090202</t>
  </si>
  <si>
    <t>Silvolde</t>
  </si>
  <si>
    <t>buurt_gegeneraliseerd_2021.0ae9d52a-5582-4899-9cea-e4981950fdc2</t>
  </si>
  <si>
    <t>BU15090203</t>
  </si>
  <si>
    <t>2021BU15090203</t>
  </si>
  <si>
    <t>Nieuwdorp Bontebrug</t>
  </si>
  <si>
    <t>buurt_gegeneraliseerd_2021.f0de7b36-609f-4b4e-b68d-103d920d33c8</t>
  </si>
  <si>
    <t>BU15090207</t>
  </si>
  <si>
    <t>2021BU15090207</t>
  </si>
  <si>
    <t>Verspreide huizen Terborg en Heuven</t>
  </si>
  <si>
    <t>buurt_gegeneraliseerd_2021.b1a9c268-25ec-4e1a-bdb9-f300acda0c2b</t>
  </si>
  <si>
    <t>BU15090208</t>
  </si>
  <si>
    <t>2021BU15090208</t>
  </si>
  <si>
    <t>Verspreide huizen Silvolde</t>
  </si>
  <si>
    <t>buurt_gegeneraliseerd_2021.b04f1f5b-d402-4c05-9a7b-c2516d0ea335</t>
  </si>
  <si>
    <t>BU15090300</t>
  </si>
  <si>
    <t>2021BU15090300</t>
  </si>
  <si>
    <t>Varsseveld</t>
  </si>
  <si>
    <t>buurt_gegeneraliseerd_2021.d571d92d-0161-44f2-a9dc-fdad7c66b977</t>
  </si>
  <si>
    <t>BU15090301</t>
  </si>
  <si>
    <t>2021BU15090301</t>
  </si>
  <si>
    <t>Westendorp</t>
  </si>
  <si>
    <t>buurt_gegeneraliseerd_2021.54b765a4-d258-47cb-bf90-30302fb19483</t>
  </si>
  <si>
    <t>BU15090302</t>
  </si>
  <si>
    <t>2021BU15090302</t>
  </si>
  <si>
    <t>Sinderen</t>
  </si>
  <si>
    <t>buurt_gegeneraliseerd_2021.e6845673-12be-4163-854c-3fb0e69ace34</t>
  </si>
  <si>
    <t>BU15090303</t>
  </si>
  <si>
    <t>2021BU15090303</t>
  </si>
  <si>
    <t>Heelweg</t>
  </si>
  <si>
    <t>buurt_gegeneraliseerd_2021.c799dabe-1467-4943-a5cf-d75d4eefb86a</t>
  </si>
  <si>
    <t>BU15090306</t>
  </si>
  <si>
    <t>2021BU15090306</t>
  </si>
  <si>
    <t>Verspreide huizen Westendorp</t>
  </si>
  <si>
    <t>buurt_gegeneraliseerd_2021.974f7245-f049-4fce-b89b-d60dde1f2804</t>
  </si>
  <si>
    <t>BU15090307</t>
  </si>
  <si>
    <t>2021BU15090307</t>
  </si>
  <si>
    <t>Verspreide huizen Heelweg</t>
  </si>
  <si>
    <t>buurt_gegeneraliseerd_2021.c2a22f31-bba8-4895-b5bb-345c2a4ada39</t>
  </si>
  <si>
    <t>BU15090308</t>
  </si>
  <si>
    <t>2021BU15090308</t>
  </si>
  <si>
    <t>Verspreide huizen Varsseveld</t>
  </si>
  <si>
    <t>buurt_gegeneraliseerd_2021.3f068acf-4086-4b8b-aee8-b8cefccf260c</t>
  </si>
  <si>
    <t>BU15090309</t>
  </si>
  <si>
    <t>2021BU15090309</t>
  </si>
  <si>
    <t>Verspreide huizen Sinderen</t>
  </si>
  <si>
    <t>buurt_gegeneraliseerd_2021.eed5e8aa-bffc-497f-a51b-21d5582a6913</t>
  </si>
  <si>
    <t>BU15860101</t>
  </si>
  <si>
    <t>2021BU15860101</t>
  </si>
  <si>
    <t>GM1586</t>
  </si>
  <si>
    <t>buurt_gegeneraliseerd_2021.2d3fb036-8567-40c6-851f-7285ee77345b</t>
  </si>
  <si>
    <t>BU15860102</t>
  </si>
  <si>
    <t>2021BU15860102</t>
  </si>
  <si>
    <t>Schatberg</t>
  </si>
  <si>
    <t>buurt_gegeneraliseerd_2021.a5d091fd-b2e0-4d0d-8b45-de79ae9614fd</t>
  </si>
  <si>
    <t>BU15860103</t>
  </si>
  <si>
    <t>2021BU15860103</t>
  </si>
  <si>
    <t>Den Esch</t>
  </si>
  <si>
    <t>buurt_gegeneraliseerd_2021.18435e3c-0837-49be-b178-f3f6040e4c7b</t>
  </si>
  <si>
    <t>BU15860104</t>
  </si>
  <si>
    <t>2021BU15860104</t>
  </si>
  <si>
    <t>Hooiland</t>
  </si>
  <si>
    <t>buurt_gegeneraliseerd_2021.8796374a-cc92-46b1-be75-445d63604ca5</t>
  </si>
  <si>
    <t>BU15860105</t>
  </si>
  <si>
    <t>2021BU15860105</t>
  </si>
  <si>
    <t>buurt_gegeneraliseerd_2021.74d13efb-e0a1-45fd-bf61-1aed4bf28df5</t>
  </si>
  <si>
    <t>BU15860106</t>
  </si>
  <si>
    <t>2021BU15860106</t>
  </si>
  <si>
    <t>Veld Oost</t>
  </si>
  <si>
    <t>buurt_gegeneraliseerd_2021.fcc46a01-1985-4a69-85a8-481c8bf87b51</t>
  </si>
  <si>
    <t>BU15860107</t>
  </si>
  <si>
    <t>2021BU15860107</t>
  </si>
  <si>
    <t>Veld West</t>
  </si>
  <si>
    <t>buurt_gegeneraliseerd_2021.c5085f3a-9460-4a38-9497-adb4607ea954</t>
  </si>
  <si>
    <t>BU15860108</t>
  </si>
  <si>
    <t>2021BU15860108</t>
  </si>
  <si>
    <t>Broek</t>
  </si>
  <si>
    <t>buurt_gegeneraliseerd_2021.c18c7293-396f-4f32-a9ca-5bcb0da4f25d</t>
  </si>
  <si>
    <t>BU15860109</t>
  </si>
  <si>
    <t>2021BU15860109</t>
  </si>
  <si>
    <t>buurt_gegeneraliseerd_2021.ec60994c-8768-4d8c-9cb8-f7435487d58c</t>
  </si>
  <si>
    <t>BU15860110</t>
  </si>
  <si>
    <t>2021BU15860110</t>
  </si>
  <si>
    <t>buurt_gegeneraliseerd_2021.94178ac3-3ccc-41e3-8902-691946910f01</t>
  </si>
  <si>
    <t>BU15860111</t>
  </si>
  <si>
    <t>2021BU15860111</t>
  </si>
  <si>
    <t>Flierbeek</t>
  </si>
  <si>
    <t>buurt_gegeneraliseerd_2021.16cfdd39-4a85-4f29-8d5a-a5563be95a72</t>
  </si>
  <si>
    <t>BU15860112</t>
  </si>
  <si>
    <t>2021BU15860112</t>
  </si>
  <si>
    <t>Lindebrook</t>
  </si>
  <si>
    <t>buurt_gegeneraliseerd_2021.5ad4c81b-27e2-49cc-845a-6844bed385ed</t>
  </si>
  <si>
    <t>BU15860113</t>
  </si>
  <si>
    <t>2021BU15860113</t>
  </si>
  <si>
    <t>Nieuwe Kamp</t>
  </si>
  <si>
    <t>buurt_gegeneraliseerd_2021.31dad761-5315-4a56-a97e-bbdec4b6b826</t>
  </si>
  <si>
    <t>BU15860114</t>
  </si>
  <si>
    <t>2021BU15860114</t>
  </si>
  <si>
    <t>Oude Kamp</t>
  </si>
  <si>
    <t>buurt_gegeneraliseerd_2021.78d56f76-55cb-429a-8f95-73dfa4ca9041</t>
  </si>
  <si>
    <t>BU15860115</t>
  </si>
  <si>
    <t>2021BU15860115</t>
  </si>
  <si>
    <t>De Kamp Zuid</t>
  </si>
  <si>
    <t>buurt_gegeneraliseerd_2021.c6bb58a9-8758-4dc2-a9dc-61d233790699</t>
  </si>
  <si>
    <t>BU15860116</t>
  </si>
  <si>
    <t>2021BU15860116</t>
  </si>
  <si>
    <t>Buitengebied Lichtenvoorde</t>
  </si>
  <si>
    <t>buurt_gegeneraliseerd_2021.e19f6473-110a-4496-b43c-c73d94a5efe1</t>
  </si>
  <si>
    <t>BU15860201</t>
  </si>
  <si>
    <t>2021BU15860201</t>
  </si>
  <si>
    <t>Bebouwde kom Harreveld</t>
  </si>
  <si>
    <t>buurt_gegeneraliseerd_2021.c529a187-814f-4232-9982-6c1dee8a9fbb</t>
  </si>
  <si>
    <t>BU15860202</t>
  </si>
  <si>
    <t>2021BU15860202</t>
  </si>
  <si>
    <t>Buitengebied Harreveld</t>
  </si>
  <si>
    <t>buurt_gegeneraliseerd_2021.e9eb888b-d1c9-4de0-8740-713ee3b01fbf</t>
  </si>
  <si>
    <t>BU15860301</t>
  </si>
  <si>
    <t>2021BU15860301</t>
  </si>
  <si>
    <t>Bebouwde kom Zieuwent</t>
  </si>
  <si>
    <t>buurt_gegeneraliseerd_2021.d7020882-7f84-4db6-8a79-ba1418245af5</t>
  </si>
  <si>
    <t>BU15860302</t>
  </si>
  <si>
    <t>2021BU15860302</t>
  </si>
  <si>
    <t>Buitengebied Zieuwent</t>
  </si>
  <si>
    <t>buurt_gegeneraliseerd_2021.ccd70803-990e-455c-bc50-01ce63ab6135</t>
  </si>
  <si>
    <t>BU15860401</t>
  </si>
  <si>
    <t>2021BU15860401</t>
  </si>
  <si>
    <t>Bebouwde kom Lievelde</t>
  </si>
  <si>
    <t>buurt_gegeneraliseerd_2021.2f7a4b00-1906-44fc-beb5-0f223675cfe3</t>
  </si>
  <si>
    <t>BU15860402</t>
  </si>
  <si>
    <t>2021BU15860402</t>
  </si>
  <si>
    <t>Buitengebied Lievelde</t>
  </si>
  <si>
    <t>buurt_gegeneraliseerd_2021.0b086c2c-0aac-41cf-bedb-9c8223aa6e3c</t>
  </si>
  <si>
    <t>BU15860501</t>
  </si>
  <si>
    <t>2021BU15860501</t>
  </si>
  <si>
    <t>Bebouwde kom Vragender</t>
  </si>
  <si>
    <t>buurt_gegeneraliseerd_2021.0f290c59-603d-4633-98f5-499359e01229</t>
  </si>
  <si>
    <t>BU15860502</t>
  </si>
  <si>
    <t>2021BU15860502</t>
  </si>
  <si>
    <t>Buitengebied Vragender</t>
  </si>
  <si>
    <t>buurt_gegeneraliseerd_2021.33f5a0d6-a727-49e2-acab-f03e72e86da0</t>
  </si>
  <si>
    <t>BU15860601</t>
  </si>
  <si>
    <t>2021BU15860601</t>
  </si>
  <si>
    <t>Binnenstad Groenlo</t>
  </si>
  <si>
    <t>buurt_gegeneraliseerd_2021.9bf2edd1-cf5d-4afc-a0aa-7bbb7b405aaf</t>
  </si>
  <si>
    <t>BU15860602</t>
  </si>
  <si>
    <t>2021BU15860602</t>
  </si>
  <si>
    <t>Het Blik</t>
  </si>
  <si>
    <t>buurt_gegeneraliseerd_2021.8413a7ea-f44a-48ad-91ef-54168b9251bb</t>
  </si>
  <si>
    <t>BU15860603</t>
  </si>
  <si>
    <t>2021BU15860603</t>
  </si>
  <si>
    <t>Noord-West</t>
  </si>
  <si>
    <t>buurt_gegeneraliseerd_2021.f905c8aa-d97e-406f-936a-aa12927a1e4e</t>
  </si>
  <si>
    <t>BU15860604</t>
  </si>
  <si>
    <t>2021BU15860604</t>
  </si>
  <si>
    <t>Banninghof</t>
  </si>
  <si>
    <t>buurt_gegeneraliseerd_2021.c28fcf52-340c-472c-a21f-a048bed3d1a3</t>
  </si>
  <si>
    <t>BU15860605</t>
  </si>
  <si>
    <t>2021BU15860605</t>
  </si>
  <si>
    <t>Papendijk</t>
  </si>
  <si>
    <t>buurt_gegeneraliseerd_2021.c544fa5c-df4c-4add-ad06-0a92089ddef7</t>
  </si>
  <si>
    <t>BU15860606</t>
  </si>
  <si>
    <t>2021BU15860606</t>
  </si>
  <si>
    <t>hartreize</t>
  </si>
  <si>
    <t>buurt_gegeneraliseerd_2021.83bfb489-be1c-47a8-8823-e6f489e1df92</t>
  </si>
  <si>
    <t>BU15860607</t>
  </si>
  <si>
    <t>2021BU15860607</t>
  </si>
  <si>
    <t>Groenlo-Zuid</t>
  </si>
  <si>
    <t>buurt_gegeneraliseerd_2021.9d5ba4c7-9ebf-4451-ac27-943013bb520b</t>
  </si>
  <si>
    <t>BU15860608</t>
  </si>
  <si>
    <t>2021BU15860608</t>
  </si>
  <si>
    <t>Marveld</t>
  </si>
  <si>
    <t>buurt_gegeneraliseerd_2021.a366cc53-36db-415d-b4cb-a66efe09ac41</t>
  </si>
  <si>
    <t>BU15860609</t>
  </si>
  <si>
    <t>2021BU15860609</t>
  </si>
  <si>
    <t>Bedrijventerrein Brandemat</t>
  </si>
  <si>
    <t>buurt_gegeneraliseerd_2021.16d77006-8c38-492c-b6cf-1dda74ff3711</t>
  </si>
  <si>
    <t>BU15860610</t>
  </si>
  <si>
    <t>2021BU15860610</t>
  </si>
  <si>
    <t>Oosteres</t>
  </si>
  <si>
    <t>buurt_gegeneraliseerd_2021.ce92dac7-2c21-4414-951e-1c48a5bbe003</t>
  </si>
  <si>
    <t>BU15860611</t>
  </si>
  <si>
    <t>2021BU15860611</t>
  </si>
  <si>
    <t>Noordrand</t>
  </si>
  <si>
    <t>buurt_gegeneraliseerd_2021.94e98cd1-8bb5-4c6d-a62d-dc51979ef469</t>
  </si>
  <si>
    <t>BU15860612</t>
  </si>
  <si>
    <t>2021BU15860612</t>
  </si>
  <si>
    <t>IndustrieterreinDen Sliem</t>
  </si>
  <si>
    <t>buurt_gegeneraliseerd_2021.d0f7dc41-79f5-405b-ac7a-0d8d223846c7</t>
  </si>
  <si>
    <t>BU15860613</t>
  </si>
  <si>
    <t>2021BU15860613</t>
  </si>
  <si>
    <t>Industrieterrein Laarberg</t>
  </si>
  <si>
    <t>buurt_gegeneraliseerd_2021.85a3cc1f-ccfa-44a6-b700-3099d0ab54d6</t>
  </si>
  <si>
    <t>BU15860614</t>
  </si>
  <si>
    <t>2021BU15860614</t>
  </si>
  <si>
    <t>Zwolle</t>
  </si>
  <si>
    <t>buurt_gegeneraliseerd_2021.dad1b599-c452-488c-b039-9d4b9c19949e</t>
  </si>
  <si>
    <t>BU15860615</t>
  </si>
  <si>
    <t>2021BU15860615</t>
  </si>
  <si>
    <t>Buitengebied Groenlo</t>
  </si>
  <si>
    <t>buurt_gegeneraliseerd_2021.70d1fce8-4efa-41c4-9010-33b9c0aca8e8</t>
  </si>
  <si>
    <t>BU15860701</t>
  </si>
  <si>
    <t>2021BU15860701</t>
  </si>
  <si>
    <t>Bebowde kom Marienvelde</t>
  </si>
  <si>
    <t>buurt_gegeneraliseerd_2021.36fd9e00-f7c9-4092-a0ea-168d858bafba</t>
  </si>
  <si>
    <t>BU15860702</t>
  </si>
  <si>
    <t>2021BU15860702</t>
  </si>
  <si>
    <t>Buitengebied Marienvelde</t>
  </si>
  <si>
    <t>buurt_gegeneraliseerd_2021.2db39826-96e9-49a8-ace4-8a615b5c53a8</t>
  </si>
  <si>
    <t>BU15980101</t>
  </si>
  <si>
    <t>2021BU15980101</t>
  </si>
  <si>
    <t>Berkmeerdijk</t>
  </si>
  <si>
    <t>GM1598</t>
  </si>
  <si>
    <t>buurt_gegeneraliseerd_2021.4dc4cea2-c128-43db-8960-c0c91dc584cb</t>
  </si>
  <si>
    <t>BU15980102</t>
  </si>
  <si>
    <t>2021BU15980102</t>
  </si>
  <si>
    <t>Obdam Verspreide huizen West</t>
  </si>
  <si>
    <t>buurt_gegeneraliseerd_2021.28e72486-11f7-475e-a600-2100046132f6</t>
  </si>
  <si>
    <t>BU15980103</t>
  </si>
  <si>
    <t>2021BU15980103</t>
  </si>
  <si>
    <t>Klipper en omgeving</t>
  </si>
  <si>
    <t>buurt_gegeneraliseerd_2021.6f789347-9af3-4400-b9e8-9d3c967166cf</t>
  </si>
  <si>
    <t>BU15980104</t>
  </si>
  <si>
    <t>2021BU15980104</t>
  </si>
  <si>
    <t>Weerestraat en omgeving</t>
  </si>
  <si>
    <t>buurt_gegeneraliseerd_2021.8b0b42bd-c617-4d09-ba26-d6b89f0fb1fb</t>
  </si>
  <si>
    <t>BU15980105</t>
  </si>
  <si>
    <t>2021BU15980105</t>
  </si>
  <si>
    <t>Handelskade en omgeving</t>
  </si>
  <si>
    <t>buurt_gegeneraliseerd_2021.5927cc1c-af5d-4125-94d5-862367ff2dee</t>
  </si>
  <si>
    <t>BU15980106</t>
  </si>
  <si>
    <t>2021BU15980106</t>
  </si>
  <si>
    <t>Reigerlaan Obdam en omgeving</t>
  </si>
  <si>
    <t>buurt_gegeneraliseerd_2021.e96beb4a-f5b7-4087-9804-b87b8890fd8d</t>
  </si>
  <si>
    <t>BU15980107</t>
  </si>
  <si>
    <t>2021BU15980107</t>
  </si>
  <si>
    <t>Dokter Lohmanstraat en omgeving</t>
  </si>
  <si>
    <t>buurt_gegeneraliseerd_2021.9ad5929c-a93e-433e-972e-5e0e13448e23</t>
  </si>
  <si>
    <t>BU15980108</t>
  </si>
  <si>
    <t>2021BU15980108</t>
  </si>
  <si>
    <t>Bedrijventerrein Braken</t>
  </si>
  <si>
    <t>buurt_gegeneraliseerd_2021.16e9f5ac-d58a-4255-81f4-d272b1f27368</t>
  </si>
  <si>
    <t>BU15980109</t>
  </si>
  <si>
    <t>2021BU15980109</t>
  </si>
  <si>
    <t>Dorpsstraat en omgeving</t>
  </si>
  <si>
    <t>buurt_gegeneraliseerd_2021.9ed25f36-070f-4ec9-94e1-758734e68b50</t>
  </si>
  <si>
    <t>BU15980110</t>
  </si>
  <si>
    <t>2021BU15980110</t>
  </si>
  <si>
    <t>Laan van Meerweijde en omgeving</t>
  </si>
  <si>
    <t>buurt_gegeneraliseerd_2021.528e3d2d-8458-4cf9-a267-c7dd744bdb1a</t>
  </si>
  <si>
    <t>BU15980111</t>
  </si>
  <si>
    <t>2021BU15980111</t>
  </si>
  <si>
    <t>Nijenburglaan en omgeving</t>
  </si>
  <si>
    <t>buurt_gegeneraliseerd_2021.4d8e8bfe-cce5-48e9-bf7e-6f770cb93e43</t>
  </si>
  <si>
    <t>BU15980112</t>
  </si>
  <si>
    <t>2021BU15980112</t>
  </si>
  <si>
    <t>Duinweid en omgeving</t>
  </si>
  <si>
    <t>buurt_gegeneraliseerd_2021.a0aaa697-1f72-41a5-85c9-47758cb3c260</t>
  </si>
  <si>
    <t>BU15980113</t>
  </si>
  <si>
    <t>2021BU15980113</t>
  </si>
  <si>
    <t>Obdam Verspreide huizen Oost</t>
  </si>
  <si>
    <t>buurt_gegeneraliseerd_2021.72369aae-1d77-43f0-87a8-1b7fc6cf9466</t>
  </si>
  <si>
    <t>BU15980201</t>
  </si>
  <si>
    <t>2021BU15980201</t>
  </si>
  <si>
    <t>Hensbroek Verspreide huizen</t>
  </si>
  <si>
    <t>buurt_gegeneraliseerd_2021.c4789b5a-c8fd-4181-b0b6-3cb037d55424</t>
  </si>
  <si>
    <t>BU15980202</t>
  </si>
  <si>
    <t>2021BU15980202</t>
  </si>
  <si>
    <t>Dorpsweg en omgeving</t>
  </si>
  <si>
    <t>buurt_gegeneraliseerd_2021.f1e401f5-540f-49f8-aa9c-57604bf89831</t>
  </si>
  <si>
    <t>BU15980203</t>
  </si>
  <si>
    <t>2021BU15980203</t>
  </si>
  <si>
    <t>Wogmeer West</t>
  </si>
  <si>
    <t>buurt_gegeneraliseerd_2021.60705736-ec2f-4561-a4ea-7ad6908a5c10</t>
  </si>
  <si>
    <t>BU15980301</t>
  </si>
  <si>
    <t>2021BU15980301</t>
  </si>
  <si>
    <t>Wogmeer Oost</t>
  </si>
  <si>
    <t>buurt_gegeneraliseerd_2021.562e23fa-ae07-42fd-a1ef-30efaf0aa677</t>
  </si>
  <si>
    <t>BU15980302</t>
  </si>
  <si>
    <t>2021BU15980302</t>
  </si>
  <si>
    <t>Spierdijk Verspreide huizen</t>
  </si>
  <si>
    <t>buurt_gegeneraliseerd_2021.e45b7c24-c9d8-4e1a-bbdc-ac6e99aba4fb</t>
  </si>
  <si>
    <t>BU15980303</t>
  </si>
  <si>
    <t>2021BU15980303</t>
  </si>
  <si>
    <t>Spierdijkerweg en omgeving</t>
  </si>
  <si>
    <t>buurt_gegeneraliseerd_2021.6f84286c-ce74-489a-b9a7-dffb4b133629</t>
  </si>
  <si>
    <t>BU15980401</t>
  </si>
  <si>
    <t>2021BU15980401</t>
  </si>
  <si>
    <t>Zuidermeer Verspreide huizen West</t>
  </si>
  <si>
    <t>buurt_gegeneraliseerd_2021.60f6c953-e56b-4d6c-8e6e-660a21abd196</t>
  </si>
  <si>
    <t>BU15980402</t>
  </si>
  <si>
    <t>2021BU15980402</t>
  </si>
  <si>
    <t>Zuidermeerweg en omgeving</t>
  </si>
  <si>
    <t>buurt_gegeneraliseerd_2021.3e441e6c-1389-4ae1-9366-54c784105d73</t>
  </si>
  <si>
    <t>BU15980403</t>
  </si>
  <si>
    <t>2021BU15980403</t>
  </si>
  <si>
    <t>Baarsdorpermeer</t>
  </si>
  <si>
    <t>buurt_gegeneraliseerd_2021.3c10a3df-e18a-4d5b-b63a-7dbebf3aa860</t>
  </si>
  <si>
    <t>BU15980501</t>
  </si>
  <si>
    <t>2021BU15980501</t>
  </si>
  <si>
    <t>Bobeldijk en omgeving</t>
  </si>
  <si>
    <t>buurt_gegeneraliseerd_2021.5081aa50-8dd9-4945-bacb-d04cfcad51e7</t>
  </si>
  <si>
    <t>BU15980502</t>
  </si>
  <si>
    <t>2021BU15980502</t>
  </si>
  <si>
    <t>buurt_gegeneraliseerd_2021.d5b267e8-f8ce-4379-9117-6c89a7a8c9f8</t>
  </si>
  <si>
    <t>BU15980503</t>
  </si>
  <si>
    <t>2021BU15980503</t>
  </si>
  <si>
    <t>Kerkebuurt</t>
  </si>
  <si>
    <t>buurt_gegeneraliseerd_2021.6a5cf77a-94e2-4fc6-9875-8c500a6140b5</t>
  </si>
  <si>
    <t>BU15980504</t>
  </si>
  <si>
    <t>2021BU15980504</t>
  </si>
  <si>
    <t>Slagterslaan en omgeving</t>
  </si>
  <si>
    <t>buurt_gegeneraliseerd_2021.b89730b0-7a27-40d9-bddb-f7aa82f8fd10</t>
  </si>
  <si>
    <t>BU15980505</t>
  </si>
  <si>
    <t>2021BU15980505</t>
  </si>
  <si>
    <t>Bruggevaart en omgeving</t>
  </si>
  <si>
    <t>buurt_gegeneraliseerd_2021.fbcfd94b-9e7f-4554-98aa-483f1baa7328</t>
  </si>
  <si>
    <t>BU15980506</t>
  </si>
  <si>
    <t>2021BU15980506</t>
  </si>
  <si>
    <t>buurt_gegeneraliseerd_2021.8e2ec18f-0013-4569-8aed-8ee471ef290b</t>
  </si>
  <si>
    <t>BU15980507</t>
  </si>
  <si>
    <t>2021BU15980507</t>
  </si>
  <si>
    <t>Berkhout Verspreide huizen Zuid</t>
  </si>
  <si>
    <t>buurt_gegeneraliseerd_2021.777b4fc6-253e-42d8-864e-226cac888144</t>
  </si>
  <si>
    <t>BU15980601</t>
  </si>
  <si>
    <t>2021BU15980601</t>
  </si>
  <si>
    <t>buurt_gegeneraliseerd_2021.b0501e19-9dc9-4ac8-926c-2c10f0b5447f</t>
  </si>
  <si>
    <t>BU15980602</t>
  </si>
  <si>
    <t>2021BU15980602</t>
  </si>
  <si>
    <t>Ursem Verspreide huizen Noord</t>
  </si>
  <si>
    <t>buurt_gegeneraliseerd_2021.b7b852d4-ef22-49ec-bdc6-e70d502f0907</t>
  </si>
  <si>
    <t>BU15980603</t>
  </si>
  <si>
    <t>2021BU15980603</t>
  </si>
  <si>
    <t>Reigerlaan Ursem en omgeving</t>
  </si>
  <si>
    <t>buurt_gegeneraliseerd_2021.3f407b79-8697-4e1b-8976-4e835310c0ff</t>
  </si>
  <si>
    <t>BU15980604</t>
  </si>
  <si>
    <t>2021BU15980604</t>
  </si>
  <si>
    <t>Drechterlandsedijk en omgeving</t>
  </si>
  <si>
    <t>buurt_gegeneraliseerd_2021.40c2e425-9ae4-4b38-a62c-02003f0e2798</t>
  </si>
  <si>
    <t>BU15980605</t>
  </si>
  <si>
    <t>2021BU15980605</t>
  </si>
  <si>
    <t>Ruijterstraat en omgeving</t>
  </si>
  <si>
    <t>buurt_gegeneraliseerd_2021.05eecb06-89c8-4d3c-bd81-0f0c015ee41a</t>
  </si>
  <si>
    <t>BU15980606</t>
  </si>
  <si>
    <t>2021BU15980606</t>
  </si>
  <si>
    <t>Zuidgouw en omgeving</t>
  </si>
  <si>
    <t>buurt_gegeneraliseerd_2021.ecb53753-2766-4a6b-b3ff-f5e127b4b9e6</t>
  </si>
  <si>
    <t>BU15980607</t>
  </si>
  <si>
    <t>2021BU15980607</t>
  </si>
  <si>
    <t>Tuinderij en omgeving</t>
  </si>
  <si>
    <t>buurt_gegeneraliseerd_2021.02b35a42-4533-4dc2-a5e2-0df90ec24ee0</t>
  </si>
  <si>
    <t>BU15980608</t>
  </si>
  <si>
    <t>2021BU15980608</t>
  </si>
  <si>
    <t>Geesterland en omgeving</t>
  </si>
  <si>
    <t>buurt_gegeneraliseerd_2021.d21aa575-fc2f-475b-b747-1c40f6b9290a</t>
  </si>
  <si>
    <t>BU15980609</t>
  </si>
  <si>
    <t>2021BU15980609</t>
  </si>
  <si>
    <t>Ursem Verspreide huizen Oost</t>
  </si>
  <si>
    <t>buurt_gegeneraliseerd_2021.175e0c75-84fc-4b8b-b30b-ce8cdef6369c</t>
  </si>
  <si>
    <t>BU15980610</t>
  </si>
  <si>
    <t>2021BU15980610</t>
  </si>
  <si>
    <t>Mijzerdijk</t>
  </si>
  <si>
    <t>buurt_gegeneraliseerd_2021.ef40060a-344e-449f-8ba7-9b07a53aa5ad</t>
  </si>
  <si>
    <t>BU15980701</t>
  </si>
  <si>
    <t>2021BU15980701</t>
  </si>
  <si>
    <t>De Goorn Verspreide huizen</t>
  </si>
  <si>
    <t>buurt_gegeneraliseerd_2021.d810d217-21f3-4387-bfa8-7460ea53d0f9</t>
  </si>
  <si>
    <t>BU15980702</t>
  </si>
  <si>
    <t>2021BU15980702</t>
  </si>
  <si>
    <t>Singel en omgeving</t>
  </si>
  <si>
    <t>buurt_gegeneraliseerd_2021.509e32dd-23d3-4454-935f-7c8d259f7eeb</t>
  </si>
  <si>
    <t>BU15980703</t>
  </si>
  <si>
    <t>2021BU15980703</t>
  </si>
  <si>
    <t>Pastoor Lemeerstraat en omgeving</t>
  </si>
  <si>
    <t>buurt_gegeneraliseerd_2021.ec28c2e0-e0bb-42bc-a71f-83e21aedf8a3</t>
  </si>
  <si>
    <t>BU15980704</t>
  </si>
  <si>
    <t>2021BU15980704</t>
  </si>
  <si>
    <t>De Goorn en omgeving</t>
  </si>
  <si>
    <t>buurt_gegeneraliseerd_2021.1f747275-08ac-48d8-8f78-0199548b1d19</t>
  </si>
  <si>
    <t>BU15980705</t>
  </si>
  <si>
    <t>2021BU15980705</t>
  </si>
  <si>
    <t>Rietgras en omgeving</t>
  </si>
  <si>
    <t>buurt_gegeneraliseerd_2021.09e3bbb1-f590-476a-9927-5c7119f07807</t>
  </si>
  <si>
    <t>BU15980706</t>
  </si>
  <si>
    <t>2021BU15980706</t>
  </si>
  <si>
    <t>Kanteel en omgeving</t>
  </si>
  <si>
    <t>buurt_gegeneraliseerd_2021.979daf3a-6f26-46ef-8615-d74346033b06</t>
  </si>
  <si>
    <t>BU15980707</t>
  </si>
  <si>
    <t>2021BU15980707</t>
  </si>
  <si>
    <t>Kantbeugel en omgeving</t>
  </si>
  <si>
    <t>buurt_gegeneraliseerd_2021.dd25d6b7-270a-4c94-8340-db8c84f4f8c9</t>
  </si>
  <si>
    <t>BU15980708</t>
  </si>
  <si>
    <t>2021BU15980708</t>
  </si>
  <si>
    <t>Bedrijventerrein Vredemaker</t>
  </si>
  <si>
    <t>buurt_gegeneraliseerd_2021.049ed4a5-e38e-4a48-b279-77e7dbb0ddaa</t>
  </si>
  <si>
    <t>BU15980709</t>
  </si>
  <si>
    <t>2021BU15980709</t>
  </si>
  <si>
    <t>De Goorn Buitenroede en omgeving</t>
  </si>
  <si>
    <t>buurt_gegeneraliseerd_2021.c357b049-a70e-4690-91c5-db6df3fde9c9</t>
  </si>
  <si>
    <t>BU15980801</t>
  </si>
  <si>
    <t>2021BU15980801</t>
  </si>
  <si>
    <t>Avenhorn Verspreide huizen West</t>
  </si>
  <si>
    <t>buurt_gegeneraliseerd_2021.f601bc0c-c729-42fb-90b1-189a2563db70</t>
  </si>
  <si>
    <t>BU15980802</t>
  </si>
  <si>
    <t>2021BU15980802</t>
  </si>
  <si>
    <t>West en omgeving</t>
  </si>
  <si>
    <t>buurt_gegeneraliseerd_2021.280dfff0-f26a-4e44-a002-0b43eff38f6f</t>
  </si>
  <si>
    <t>BU15980803</t>
  </si>
  <si>
    <t>2021BU15980803</t>
  </si>
  <si>
    <t>Alver en omgeving</t>
  </si>
  <si>
    <t>buurt_gegeneraliseerd_2021.9f6c5453-b463-4a6c-bcfc-8e32759e2e15</t>
  </si>
  <si>
    <t>BU15980804</t>
  </si>
  <si>
    <t>2021BU15980804</t>
  </si>
  <si>
    <t>Wieken en omgeving</t>
  </si>
  <si>
    <t>buurt_gegeneraliseerd_2021.a8eff8a0-ecb2-43ac-93fd-f473e6abef60</t>
  </si>
  <si>
    <t>BU15980805</t>
  </si>
  <si>
    <t>2021BU15980805</t>
  </si>
  <si>
    <t>Het Veer en omgeving</t>
  </si>
  <si>
    <t>buurt_gegeneraliseerd_2021.5322bd1c-dff6-4be6-89f4-c3b7994c60c2</t>
  </si>
  <si>
    <t>BU15980806</t>
  </si>
  <si>
    <t>2021BU15980806</t>
  </si>
  <si>
    <t>Jaagweg en omgeving</t>
  </si>
  <si>
    <t>buurt_gegeneraliseerd_2021.f0b6842f-d797-46c5-8066-133486520797</t>
  </si>
  <si>
    <t>BU15980807</t>
  </si>
  <si>
    <t>2021BU15980807</t>
  </si>
  <si>
    <t>Avenhorn Buitenroede en omgeving</t>
  </si>
  <si>
    <t>buurt_gegeneraliseerd_2021.c6b5dd34-cad9-41d0-a1f2-210f3e2d36f0</t>
  </si>
  <si>
    <t>BU15980808</t>
  </si>
  <si>
    <t>2021BU15980808</t>
  </si>
  <si>
    <t>Grosthuizen</t>
  </si>
  <si>
    <t>buurt_gegeneraliseerd_2021.562ea86a-ccae-4d15-b692-3b81d0bab739</t>
  </si>
  <si>
    <t>BU15980901</t>
  </si>
  <si>
    <t>2021BU15980901</t>
  </si>
  <si>
    <t>Scharwoude Verspreide huizen</t>
  </si>
  <si>
    <t>buurt_gegeneraliseerd_2021.6a806bae-f9ba-45ac-baf3-1026c3d37a5a</t>
  </si>
  <si>
    <t>BU15980902</t>
  </si>
  <si>
    <t>2021BU15980902</t>
  </si>
  <si>
    <t>Scharwoude en omgeving</t>
  </si>
  <si>
    <t>buurt_gegeneraliseerd_2021.0707b596-6a29-4f95-9508-546c09bd290a</t>
  </si>
  <si>
    <t>BU15981001</t>
  </si>
  <si>
    <t>2021BU15981001</t>
  </si>
  <si>
    <t>Oudendijk Verspreide huizen</t>
  </si>
  <si>
    <t>buurt_gegeneraliseerd_2021.0fbaacd2-58c9-48a1-bf5d-56a3d39ef24f</t>
  </si>
  <si>
    <t>BU15981002</t>
  </si>
  <si>
    <t>2021BU15981002</t>
  </si>
  <si>
    <t>Lange weide en omgeving</t>
  </si>
  <si>
    <t>buurt_gegeneraliseerd_2021.e62b5bef-285d-46c5-998c-fa8207206241</t>
  </si>
  <si>
    <t>BU16400000</t>
  </si>
  <si>
    <t>2021BU16400000</t>
  </si>
  <si>
    <t>Kern Heythuysen</t>
  </si>
  <si>
    <t>GM1640</t>
  </si>
  <si>
    <t>buurt_gegeneraliseerd_2021.e7cf7e93-cbbe-4677-b5d6-f6974ca314db</t>
  </si>
  <si>
    <t>BU16400001</t>
  </si>
  <si>
    <t>2021BU16400001</t>
  </si>
  <si>
    <t>Verspreide huizen Heythuysen</t>
  </si>
  <si>
    <t>buurt_gegeneraliseerd_2021.9d18ba61-1d30-418f-ac8b-e76adaf37c5c</t>
  </si>
  <si>
    <t>BU16400100</t>
  </si>
  <si>
    <t>2021BU16400100</t>
  </si>
  <si>
    <t>Kern Heibloem</t>
  </si>
  <si>
    <t>buurt_gegeneraliseerd_2021.273e851a-aba4-4cdd-af48-747f568dd64f</t>
  </si>
  <si>
    <t>BU16400101</t>
  </si>
  <si>
    <t>2021BU16400101</t>
  </si>
  <si>
    <t>Verspreide huizen Heibloem</t>
  </si>
  <si>
    <t>buurt_gegeneraliseerd_2021.3351fe4b-d729-4bbe-9f6d-a5c806e6668c</t>
  </si>
  <si>
    <t>BU16400200</t>
  </si>
  <si>
    <t>2021BU16400200</t>
  </si>
  <si>
    <t>Kern Roggel</t>
  </si>
  <si>
    <t>buurt_gegeneraliseerd_2021.3a509233-82d2-4bfa-a2b5-37f1bb74c7e2</t>
  </si>
  <si>
    <t>BU16400201</t>
  </si>
  <si>
    <t>2021BU16400201</t>
  </si>
  <si>
    <t>Verspreide huizen Roggel</t>
  </si>
  <si>
    <t>buurt_gegeneraliseerd_2021.3f593fda-f79b-4a41-a8cb-4577a866579b</t>
  </si>
  <si>
    <t>BU16400300</t>
  </si>
  <si>
    <t>2021BU16400300</t>
  </si>
  <si>
    <t>Kern Neer</t>
  </si>
  <si>
    <t>buurt_gegeneraliseerd_2021.7d920ca5-04ca-4443-9a50-3278f62fd556</t>
  </si>
  <si>
    <t>BU16400301</t>
  </si>
  <si>
    <t>2021BU16400301</t>
  </si>
  <si>
    <t>Verspreide huizen Neer</t>
  </si>
  <si>
    <t>buurt_gegeneraliseerd_2021.51fab9c8-29d6-45e7-a907-39a75d922028</t>
  </si>
  <si>
    <t>BU16400400</t>
  </si>
  <si>
    <t>2021BU16400400</t>
  </si>
  <si>
    <t>Kern Nunhem</t>
  </si>
  <si>
    <t>buurt_gegeneraliseerd_2021.3b519210-12d9-4e00-9a98-05528a3993eb</t>
  </si>
  <si>
    <t>BU16400401</t>
  </si>
  <si>
    <t>2021BU16400401</t>
  </si>
  <si>
    <t>Verspreide huizen Nunhem</t>
  </si>
  <si>
    <t>buurt_gegeneraliseerd_2021.389bef39-89c1-4706-8fb2-5bac74f8376a</t>
  </si>
  <si>
    <t>BU16400500</t>
  </si>
  <si>
    <t>2021BU16400500</t>
  </si>
  <si>
    <t>Kern Haelen</t>
  </si>
  <si>
    <t>buurt_gegeneraliseerd_2021.389fec1b-e4dc-4367-8170-bcc4455b48c3</t>
  </si>
  <si>
    <t>BU16400501</t>
  </si>
  <si>
    <t>2021BU16400501</t>
  </si>
  <si>
    <t>Verspreide huizen Haelen</t>
  </si>
  <si>
    <t>buurt_gegeneraliseerd_2021.568d175f-40ae-49a8-bc2e-49eea3aa0647</t>
  </si>
  <si>
    <t>BU16400600</t>
  </si>
  <si>
    <t>2021BU16400600</t>
  </si>
  <si>
    <t>Kern Buggenum</t>
  </si>
  <si>
    <t>buurt_gegeneraliseerd_2021.ac85756f-8141-4558-ad29-22f24a58cff9</t>
  </si>
  <si>
    <t>BU16400601</t>
  </si>
  <si>
    <t>2021BU16400601</t>
  </si>
  <si>
    <t>Verspreide huizen Buggenum</t>
  </si>
  <si>
    <t>buurt_gegeneraliseerd_2021.575fe43d-344b-488e-8cae-5ee0ff6a33e8</t>
  </si>
  <si>
    <t>BU16400700</t>
  </si>
  <si>
    <t>2021BU16400700</t>
  </si>
  <si>
    <t>Kern Horn</t>
  </si>
  <si>
    <t>buurt_gegeneraliseerd_2021.e071138d-a0af-4c5a-9b93-974c9e4ac73c</t>
  </si>
  <si>
    <t>BU16400701</t>
  </si>
  <si>
    <t>2021BU16400701</t>
  </si>
  <si>
    <t>Verspreide huizen Horn</t>
  </si>
  <si>
    <t>buurt_gegeneraliseerd_2021.27ef8c28-c3c3-40f6-a2c8-a75bd34685c8</t>
  </si>
  <si>
    <t>BU16400800</t>
  </si>
  <si>
    <t>2021BU16400800</t>
  </si>
  <si>
    <t>Kern Baexem</t>
  </si>
  <si>
    <t>buurt_gegeneraliseerd_2021.c8887ec7-2339-4ffd-beba-c28c236cddf6</t>
  </si>
  <si>
    <t>BU16400801</t>
  </si>
  <si>
    <t>2021BU16400801</t>
  </si>
  <si>
    <t>Verspreide huizen Baexem</t>
  </si>
  <si>
    <t>buurt_gegeneraliseerd_2021.506839f2-175e-4419-adce-7bc3a140c5bc</t>
  </si>
  <si>
    <t>BU16400900</t>
  </si>
  <si>
    <t>2021BU16400900</t>
  </si>
  <si>
    <t>Kern Kelpen-Oler</t>
  </si>
  <si>
    <t>buurt_gegeneraliseerd_2021.e4c21dbd-78cd-486e-81c3-f6be9f88a802</t>
  </si>
  <si>
    <t>BU16400901</t>
  </si>
  <si>
    <t>2021BU16400901</t>
  </si>
  <si>
    <t>Verspreide huizen Kelpen-Oler</t>
  </si>
  <si>
    <t>buurt_gegeneraliseerd_2021.290bd5aa-4cc6-47e2-9394-f4343b87659e</t>
  </si>
  <si>
    <t>BU16401000</t>
  </si>
  <si>
    <t>2021BU16401000</t>
  </si>
  <si>
    <t>Kern Grathem</t>
  </si>
  <si>
    <t>buurt_gegeneraliseerd_2021.7ed05ed9-f0dc-49fe-ad7a-79289ace68a5</t>
  </si>
  <si>
    <t>BU16401001</t>
  </si>
  <si>
    <t>2021BU16401001</t>
  </si>
  <si>
    <t>Verspreide huizen Grathem</t>
  </si>
  <si>
    <t>buurt_gegeneraliseerd_2021.83071d33-409a-4427-84f7-ec7b45d97648</t>
  </si>
  <si>
    <t>BU16401100</t>
  </si>
  <si>
    <t>2021BU16401100</t>
  </si>
  <si>
    <t>Kern Ell</t>
  </si>
  <si>
    <t>buurt_gegeneraliseerd_2021.a9a1eb66-d040-40f3-b1c9-3008a23117e4</t>
  </si>
  <si>
    <t>BU16401101</t>
  </si>
  <si>
    <t>2021BU16401101</t>
  </si>
  <si>
    <t>Verspreide huizen Ell</t>
  </si>
  <si>
    <t>buurt_gegeneraliseerd_2021.721366d4-0d9d-4b1a-a243-0228f1315868</t>
  </si>
  <si>
    <t>BU16401200</t>
  </si>
  <si>
    <t>2021BU16401200</t>
  </si>
  <si>
    <t>Kern Haler</t>
  </si>
  <si>
    <t>buurt_gegeneraliseerd_2021.35b7182b-af62-4a7e-b526-eff3abc542e5</t>
  </si>
  <si>
    <t>BU16401201</t>
  </si>
  <si>
    <t>2021BU16401201</t>
  </si>
  <si>
    <t>Verspreide huizen Haler</t>
  </si>
  <si>
    <t>buurt_gegeneraliseerd_2021.28ca2df4-b4d2-4be1-b30e-ac30b3445ece</t>
  </si>
  <si>
    <t>BU16401300</t>
  </si>
  <si>
    <t>2021BU16401300</t>
  </si>
  <si>
    <t>Kern Hunsel</t>
  </si>
  <si>
    <t>buurt_gegeneraliseerd_2021.1f0312b3-557a-46ef-b0aa-55174da15c5b</t>
  </si>
  <si>
    <t>BU16401301</t>
  </si>
  <si>
    <t>2021BU16401301</t>
  </si>
  <si>
    <t>Verspreide huizen Hunsel</t>
  </si>
  <si>
    <t>buurt_gegeneraliseerd_2021.60a38c4b-bb68-43cb-998d-5c8c8e7ae139</t>
  </si>
  <si>
    <t>BU16401400</t>
  </si>
  <si>
    <t>2021BU16401400</t>
  </si>
  <si>
    <t>Kern Neeritter</t>
  </si>
  <si>
    <t>buurt_gegeneraliseerd_2021.0eb4d6fb-5d61-498a-bd40-7599005ed2a8</t>
  </si>
  <si>
    <t>BU16401401</t>
  </si>
  <si>
    <t>2021BU16401401</t>
  </si>
  <si>
    <t>Verspreide huizen Neeritter</t>
  </si>
  <si>
    <t>buurt_gegeneraliseerd_2021.fb4041ee-e881-4df2-9025-e1307cbcd5cd</t>
  </si>
  <si>
    <t>BU16401500</t>
  </si>
  <si>
    <t>2021BU16401500</t>
  </si>
  <si>
    <t>Kern Ittervoort</t>
  </si>
  <si>
    <t>buurt_gegeneraliseerd_2021.19e83165-fc2b-48c0-a546-3f5cac895cc9</t>
  </si>
  <si>
    <t>BU16401501</t>
  </si>
  <si>
    <t>2021BU16401501</t>
  </si>
  <si>
    <t>Verspreide huizen Ittervoort</t>
  </si>
  <si>
    <t>buurt_gegeneraliseerd_2021.632d9d1d-167b-4e54-907b-9d3255148df9</t>
  </si>
  <si>
    <t>BU16410000</t>
  </si>
  <si>
    <t>2021BU16410000</t>
  </si>
  <si>
    <t>Maasbracht</t>
  </si>
  <si>
    <t>GM1641</t>
  </si>
  <si>
    <t>buurt_gegeneraliseerd_2021.1cc634e4-fcf0-4f1b-9a1a-2907b4c8e017</t>
  </si>
  <si>
    <t>BU16410001</t>
  </si>
  <si>
    <t>2021BU16410001</t>
  </si>
  <si>
    <t>Brachterbeek</t>
  </si>
  <si>
    <t>buurt_gegeneraliseerd_2021.acadbfb5-3abc-4ea9-b96a-fbeb46cad67c</t>
  </si>
  <si>
    <t>BU16410009</t>
  </si>
  <si>
    <t>2021BU16410009</t>
  </si>
  <si>
    <t>Verspreide huizen Het Vonderen</t>
  </si>
  <si>
    <t>buurt_gegeneraliseerd_2021.9645419c-ee9f-4997-a04e-b87beb938189</t>
  </si>
  <si>
    <t>BU16410100</t>
  </si>
  <si>
    <t>2021BU16410100</t>
  </si>
  <si>
    <t>Linne</t>
  </si>
  <si>
    <t>buurt_gegeneraliseerd_2021.1d70a83f-9104-413c-a433-2170a18610a1</t>
  </si>
  <si>
    <t>BU16410109</t>
  </si>
  <si>
    <t>2021BU16410109</t>
  </si>
  <si>
    <t>Verspreide huizen Linnerveld en Weerd</t>
  </si>
  <si>
    <t>buurt_gegeneraliseerd_2021.e299e6ef-9ac7-44b5-946e-8a3104a264c3</t>
  </si>
  <si>
    <t>BU16410200</t>
  </si>
  <si>
    <t>2021BU16410200</t>
  </si>
  <si>
    <t>Stevensweert waaronder Bilt</t>
  </si>
  <si>
    <t>buurt_gegeneraliseerd_2021.cf8371d5-3d1d-4b4d-a57a-5e48a0288c08</t>
  </si>
  <si>
    <t>BU16410201</t>
  </si>
  <si>
    <t>2021BU16410201</t>
  </si>
  <si>
    <t>Eiland-Brandt</t>
  </si>
  <si>
    <t>buurt_gegeneraliseerd_2021.ea9bca48-59de-42ff-a02c-17a083bd7b67</t>
  </si>
  <si>
    <t>BU16410300</t>
  </si>
  <si>
    <t>2021BU16410300</t>
  </si>
  <si>
    <t>Laak</t>
  </si>
  <si>
    <t>buurt_gegeneraliseerd_2021.0b42ad50-80ae-46f3-bfea-cfd0b0269ce2</t>
  </si>
  <si>
    <t>BU16410301</t>
  </si>
  <si>
    <t>2021BU16410301</t>
  </si>
  <si>
    <t>Ohé</t>
  </si>
  <si>
    <t>buurt_gegeneraliseerd_2021.2e8f73b5-027b-42ac-b963-4def0aaf3bd3</t>
  </si>
  <si>
    <t>BU16410400</t>
  </si>
  <si>
    <t>2021BU16410400</t>
  </si>
  <si>
    <t>Thorn</t>
  </si>
  <si>
    <t>buurt_gegeneraliseerd_2021.a982c693-fa07-41e9-9671-2ea1153e6329</t>
  </si>
  <si>
    <t>BU16410409</t>
  </si>
  <si>
    <t>2021BU16410409</t>
  </si>
  <si>
    <t>Verspreide huizen Thorn</t>
  </si>
  <si>
    <t>buurt_gegeneraliseerd_2021.1221d0ab-a4f1-48d1-a4bf-163640a47179</t>
  </si>
  <si>
    <t>BU16410500</t>
  </si>
  <si>
    <t>2021BU16410500</t>
  </si>
  <si>
    <t>Heel</t>
  </si>
  <si>
    <t>buurt_gegeneraliseerd_2021.85f9028f-0df3-47e0-8c0c-6edec33affd5</t>
  </si>
  <si>
    <t>BU16410501</t>
  </si>
  <si>
    <t>2021BU16410501</t>
  </si>
  <si>
    <t>Panheel</t>
  </si>
  <si>
    <t>buurt_gegeneraliseerd_2021.2f81117a-0b80-46c0-a5b6-ae4d2ad3f9fe</t>
  </si>
  <si>
    <t>BU16410509</t>
  </si>
  <si>
    <t>2021BU16410509</t>
  </si>
  <si>
    <t>Verspreide huizen Heel</t>
  </si>
  <si>
    <t>buurt_gegeneraliseerd_2021.c004afa9-d691-4846-8c51-cf06ffc72ef0</t>
  </si>
  <si>
    <t>BU16410600</t>
  </si>
  <si>
    <t>2021BU16410600</t>
  </si>
  <si>
    <t>Beegden</t>
  </si>
  <si>
    <t>buurt_gegeneraliseerd_2021.301dd289-377c-48fc-a277-a57be3be87e8</t>
  </si>
  <si>
    <t>BU16410700</t>
  </si>
  <si>
    <t>2021BU16410700</t>
  </si>
  <si>
    <t>Wessem</t>
  </si>
  <si>
    <t>buurt_gegeneraliseerd_2021.18970cfb-071c-44e8-8d83-2efac9463bce</t>
  </si>
  <si>
    <t>BU16520000</t>
  </si>
  <si>
    <t>2021BU16520000</t>
  </si>
  <si>
    <t>Gemert-Centrum</t>
  </si>
  <si>
    <t>GM1652</t>
  </si>
  <si>
    <t>buurt_gegeneraliseerd_2021.205f1aa7-dfa5-4034-8b42-80ecc655431e</t>
  </si>
  <si>
    <t>BU16520001</t>
  </si>
  <si>
    <t>2021BU16520001</t>
  </si>
  <si>
    <t>Gemert-Noord</t>
  </si>
  <si>
    <t>buurt_gegeneraliseerd_2021.32357f0e-05d4-4ec2-a286-b602d7f3a1b4</t>
  </si>
  <si>
    <t>BU16520002</t>
  </si>
  <si>
    <t>2021BU16520002</t>
  </si>
  <si>
    <t>Gemert-Oost</t>
  </si>
  <si>
    <t>buurt_gegeneraliseerd_2021.bcab1601-0dfe-4eea-bee6-27e1816d6b8c</t>
  </si>
  <si>
    <t>BU16520003</t>
  </si>
  <si>
    <t>2021BU16520003</t>
  </si>
  <si>
    <t>Industrieterrein Scheiweg</t>
  </si>
  <si>
    <t>buurt_gegeneraliseerd_2021.f9612ba6-f8b7-4956-946d-0e5374e9dc1d</t>
  </si>
  <si>
    <t>BU16520004</t>
  </si>
  <si>
    <t>2021BU16520004</t>
  </si>
  <si>
    <t>Doonheide</t>
  </si>
  <si>
    <t>buurt_gegeneraliseerd_2021.5f3a53ef-3e1e-4633-841b-43d055212b96</t>
  </si>
  <si>
    <t>BU16520007</t>
  </si>
  <si>
    <t>2021BU16520007</t>
  </si>
  <si>
    <t>Verspreide huizen Kampen-Esdonk</t>
  </si>
  <si>
    <t>buurt_gegeneraliseerd_2021.a358dd52-bad2-4b21-8d37-3975229b8de3</t>
  </si>
  <si>
    <t>BU16520008</t>
  </si>
  <si>
    <t>2021BU16520008</t>
  </si>
  <si>
    <t>Verspreide huizen Broekkant</t>
  </si>
  <si>
    <t>buurt_gegeneraliseerd_2021.2e635384-c074-4386-9bbc-d28d2289ac23</t>
  </si>
  <si>
    <t>BU16520009</t>
  </si>
  <si>
    <t>2021BU16520009</t>
  </si>
  <si>
    <t>Verspreide huizen Rooije Hoef</t>
  </si>
  <si>
    <t>buurt_gegeneraliseerd_2021.de001c8c-094e-4e46-afc6-43d789bc8383</t>
  </si>
  <si>
    <t>BU16520100</t>
  </si>
  <si>
    <t>2021BU16520100</t>
  </si>
  <si>
    <t>Handel</t>
  </si>
  <si>
    <t>buurt_gegeneraliseerd_2021.922c3c9d-fa71-4428-a2df-19ee85443a42</t>
  </si>
  <si>
    <t>BU16520108</t>
  </si>
  <si>
    <t>2021BU16520108</t>
  </si>
  <si>
    <t>Verspreide huizen Verreheide</t>
  </si>
  <si>
    <t>buurt_gegeneraliseerd_2021.0c96e2db-3155-4a03-967c-c9a017c13659</t>
  </si>
  <si>
    <t>BU16520109</t>
  </si>
  <si>
    <t>2021BU16520109</t>
  </si>
  <si>
    <t>Verspreide huizen Heereveld</t>
  </si>
  <si>
    <t>buurt_gegeneraliseerd_2021.f293b244-b676-404f-ad0c-64bac4f82a65</t>
  </si>
  <si>
    <t>BU16520200</t>
  </si>
  <si>
    <t>2021BU16520200</t>
  </si>
  <si>
    <t>De Mortel</t>
  </si>
  <si>
    <t>buurt_gegeneraliseerd_2021.9b214414-35e7-4aca-97ba-fc7d612a00bd</t>
  </si>
  <si>
    <t>BU16520208</t>
  </si>
  <si>
    <t>2021BU16520208</t>
  </si>
  <si>
    <t>Verspreide huizen Milschot-Tereyken</t>
  </si>
  <si>
    <t>buurt_gegeneraliseerd_2021.188ef6c8-8297-47fd-95ed-5c80e2fc9b7a</t>
  </si>
  <si>
    <t>BU16520209</t>
  </si>
  <si>
    <t>2021BU16520209</t>
  </si>
  <si>
    <t>Verspreide huizen Mortelse Peel</t>
  </si>
  <si>
    <t>buurt_gegeneraliseerd_2021.5c629329-72db-4395-a847-6fd2089936c5</t>
  </si>
  <si>
    <t>BU16520300</t>
  </si>
  <si>
    <t>2021BU16520300</t>
  </si>
  <si>
    <t>Elsendorp</t>
  </si>
  <si>
    <t>buurt_gegeneraliseerd_2021.64024025-a490-44d6-8243-58232f2d1eb9</t>
  </si>
  <si>
    <t>BU16520309</t>
  </si>
  <si>
    <t>2021BU16520309</t>
  </si>
  <si>
    <t>Verspreide huizen Elsendorp</t>
  </si>
  <si>
    <t>buurt_gegeneraliseerd_2021.adeed310-ec5a-4072-a986-6a35fd47ca22</t>
  </si>
  <si>
    <t>BU16520400</t>
  </si>
  <si>
    <t>2021BU16520400</t>
  </si>
  <si>
    <t>Bakel</t>
  </si>
  <si>
    <t>buurt_gegeneraliseerd_2021.d333e91d-2a1a-4ef4-82aa-eff97f29e289</t>
  </si>
  <si>
    <t>BU16520408</t>
  </si>
  <si>
    <t>2021BU16520408</t>
  </si>
  <si>
    <t>Verspreide huizen Grotelse Heide en Esp</t>
  </si>
  <si>
    <t>buurt_gegeneraliseerd_2021.80bafef4-898e-42e2-86f3-ab7e7f92b416</t>
  </si>
  <si>
    <t>BU16520409</t>
  </si>
  <si>
    <t>2021BU16520409</t>
  </si>
  <si>
    <t>Verspreide huizen ten zuidwesten van Bakel</t>
  </si>
  <si>
    <t>buurt_gegeneraliseerd_2021.3b6390fb-674d-4e9e-940a-54c64f5890c3</t>
  </si>
  <si>
    <t>BU16520500</t>
  </si>
  <si>
    <t>2021BU16520500</t>
  </si>
  <si>
    <t>Milheeze</t>
  </si>
  <si>
    <t>buurt_gegeneraliseerd_2021.8dae74cb-39cb-4497-9c2d-7a6548fbaedf</t>
  </si>
  <si>
    <t>BU16520508</t>
  </si>
  <si>
    <t>2021BU16520508</t>
  </si>
  <si>
    <t>Verspreide huizen Groote Peel</t>
  </si>
  <si>
    <t>buurt_gegeneraliseerd_2021.1608c935-4b7b-40dc-8fd6-b237400fb7b8</t>
  </si>
  <si>
    <t>BU16520509</t>
  </si>
  <si>
    <t>2021BU16520509</t>
  </si>
  <si>
    <t>Verspreide huizen Milheeze</t>
  </si>
  <si>
    <t>buurt_gegeneraliseerd_2021.16620b00-7464-47ba-95dd-b0f5b1e19240</t>
  </si>
  <si>
    <t>BU16520600</t>
  </si>
  <si>
    <t>2021BU16520600</t>
  </si>
  <si>
    <t>De Rips</t>
  </si>
  <si>
    <t>buurt_gegeneraliseerd_2021.1de54b27-0f4c-4475-89d7-b2a85607b8c9</t>
  </si>
  <si>
    <t>BU16520609</t>
  </si>
  <si>
    <t>2021BU16520609</t>
  </si>
  <si>
    <t>Verspreide huizen Rips</t>
  </si>
  <si>
    <t>buurt_gegeneraliseerd_2021.2ce7c83b-2506-46d9-8e8e-fdac963b7222</t>
  </si>
  <si>
    <t>BU16550101</t>
  </si>
  <si>
    <t>2021BU16550101</t>
  </si>
  <si>
    <t>Oud Gastel</t>
  </si>
  <si>
    <t>GM1655</t>
  </si>
  <si>
    <t>buurt_gegeneraliseerd_2021.f5574989-c919-4eaf-a532-5d08d4c85e5f</t>
  </si>
  <si>
    <t>BU16550102</t>
  </si>
  <si>
    <t>2021BU16550102</t>
  </si>
  <si>
    <t>Stoof</t>
  </si>
  <si>
    <t>buurt_gegeneraliseerd_2021.8e73656e-4a40-4436-a115-87fcceaa4da7</t>
  </si>
  <si>
    <t>BU16550109</t>
  </si>
  <si>
    <t>2021BU16550109</t>
  </si>
  <si>
    <t>Verspreide huizen Oud Gastel</t>
  </si>
  <si>
    <t>buurt_gegeneraliseerd_2021.94f6fdd7-0703-41dd-b5a2-c8b56bc1420b</t>
  </si>
  <si>
    <t>BU16550201</t>
  </si>
  <si>
    <t>2021BU16550201</t>
  </si>
  <si>
    <t>Stampersgat</t>
  </si>
  <si>
    <t>buurt_gegeneraliseerd_2021.dd8f5fd4-c688-4872-8e42-6395a9fb9657</t>
  </si>
  <si>
    <t>BU16550209</t>
  </si>
  <si>
    <t>2021BU16550209</t>
  </si>
  <si>
    <t>Verspreide huizen Stampersgat</t>
  </si>
  <si>
    <t>buurt_gegeneraliseerd_2021.b4908c15-4b87-46a9-8224-d9aea9edef57</t>
  </si>
  <si>
    <t>BU16550301</t>
  </si>
  <si>
    <t>2021BU16550301</t>
  </si>
  <si>
    <t>Oudenbosch-Centrum</t>
  </si>
  <si>
    <t>buurt_gegeneraliseerd_2021.5aaf583c-fe96-451a-a8ac-cc384266b30a</t>
  </si>
  <si>
    <t>BU16550302</t>
  </si>
  <si>
    <t>2021BU16550302</t>
  </si>
  <si>
    <t>Pagnevaart</t>
  </si>
  <si>
    <t>buurt_gegeneraliseerd_2021.5e82fe93-5dc0-4307-aa7e-55bfdac3bd00</t>
  </si>
  <si>
    <t>BU16550303</t>
  </si>
  <si>
    <t>2021BU16550303</t>
  </si>
  <si>
    <t>Velletri</t>
  </si>
  <si>
    <t>buurt_gegeneraliseerd_2021.650a05f8-7b45-4df6-acd2-0d4ca7b5e4ad</t>
  </si>
  <si>
    <t>BU16550304</t>
  </si>
  <si>
    <t>2021BU16550304</t>
  </si>
  <si>
    <t>Spui</t>
  </si>
  <si>
    <t>buurt_gegeneraliseerd_2021.2652012f-fa07-45de-8576-a88126a0f72b</t>
  </si>
  <si>
    <t>BU16550305</t>
  </si>
  <si>
    <t>2021BU16550305</t>
  </si>
  <si>
    <t>Albano</t>
  </si>
  <si>
    <t>buurt_gegeneraliseerd_2021.89f98cab-18bf-489c-bc05-f35c8ddd3857</t>
  </si>
  <si>
    <t>BU16550307</t>
  </si>
  <si>
    <t>2021BU16550307</t>
  </si>
  <si>
    <t>Verspreide huizen Kuivezand en omgeving</t>
  </si>
  <si>
    <t>buurt_gegeneraliseerd_2021.940bccb3-5070-4ebc-8574-84f2bd02d1b8</t>
  </si>
  <si>
    <t>BU16550308</t>
  </si>
  <si>
    <t>2021BU16550308</t>
  </si>
  <si>
    <t>Verspreide huizen ten noorden van Oudenbosch</t>
  </si>
  <si>
    <t>buurt_gegeneraliseerd_2021.d026b908-a038-4b35-a2fa-078980086516</t>
  </si>
  <si>
    <t>BU16550309</t>
  </si>
  <si>
    <t>2021BU16550309</t>
  </si>
  <si>
    <t>Verspreide huizen ten zuiden van Oudenbosch</t>
  </si>
  <si>
    <t>buurt_gegeneraliseerd_2021.21fa3c50-3263-45b0-9552-f8ea3518b5c9</t>
  </si>
  <si>
    <t>BU16550401</t>
  </si>
  <si>
    <t>2021BU16550401</t>
  </si>
  <si>
    <t>buurt_gegeneraliseerd_2021.9151d327-698d-49cd-ba01-0aa06baf8f1e</t>
  </si>
  <si>
    <t>BU16550402</t>
  </si>
  <si>
    <t>2021BU16550402</t>
  </si>
  <si>
    <t>Achter 't Hof</t>
  </si>
  <si>
    <t>buurt_gegeneraliseerd_2021.65e3532b-8538-43a6-873a-ab46bf5a8872</t>
  </si>
  <si>
    <t>BU16550403</t>
  </si>
  <si>
    <t>2021BU16550403</t>
  </si>
  <si>
    <t>buurt_gegeneraliseerd_2021.7a197026-e514-4dab-a2f7-c2ec26c6e736</t>
  </si>
  <si>
    <t>BU16550408</t>
  </si>
  <si>
    <t>2021BU16550408</t>
  </si>
  <si>
    <t>Verspreide huizen ten zuiden van Hoeven</t>
  </si>
  <si>
    <t>buurt_gegeneraliseerd_2021.a62b4f05-16e8-4f14-9f61-88ed522f5ea4</t>
  </si>
  <si>
    <t>BU16550409</t>
  </si>
  <si>
    <t>2021BU16550409</t>
  </si>
  <si>
    <t>Verspreide huizen ten noorden van Hoeven</t>
  </si>
  <si>
    <t>buurt_gegeneraliseerd_2021.3e954253-c970-4ff3-87bf-830218b2b0a8</t>
  </si>
  <si>
    <t>BU16550501</t>
  </si>
  <si>
    <t>2021BU16550501</t>
  </si>
  <si>
    <t>Bosschenhoofd</t>
  </si>
  <si>
    <t>buurt_gegeneraliseerd_2021.6c8feebc-0c13-447b-8f4f-30173babe13c</t>
  </si>
  <si>
    <t>BU16550509</t>
  </si>
  <si>
    <t>2021BU16550509</t>
  </si>
  <si>
    <t>Verspreide huizen Bosschenhoofd</t>
  </si>
  <si>
    <t>buurt_gegeneraliseerd_2021.13b2f70d-5552-4b30-8a88-5d32ef9723a5</t>
  </si>
  <si>
    <t>BU16580000</t>
  </si>
  <si>
    <t>2021BU16580000</t>
  </si>
  <si>
    <t>Heeze</t>
  </si>
  <si>
    <t>GM1658</t>
  </si>
  <si>
    <t>buurt_gegeneraliseerd_2021.ca490a0a-7b75-484d-9d8d-49ca998d5501</t>
  </si>
  <si>
    <t>BU16580001</t>
  </si>
  <si>
    <t>2021BU16580001</t>
  </si>
  <si>
    <t>Bedrijventerrein De Poortmannen</t>
  </si>
  <si>
    <t>buurt_gegeneraliseerd_2021.add51bbf-212c-476e-ab87-e1e0c27b3648</t>
  </si>
  <si>
    <t>BU16580009</t>
  </si>
  <si>
    <t>2021BU16580009</t>
  </si>
  <si>
    <t>Verspreide huizen Heeze</t>
  </si>
  <si>
    <t>buurt_gegeneraliseerd_2021.aae306a2-be54-4c48-b48e-5eaded8faa40</t>
  </si>
  <si>
    <t>BU16580100</t>
  </si>
  <si>
    <t>2021BU16580100</t>
  </si>
  <si>
    <t>Leende</t>
  </si>
  <si>
    <t>buurt_gegeneraliseerd_2021.594b9ed9-87fe-4b90-b8ac-1b242cd7bef2</t>
  </si>
  <si>
    <t>BU16580101</t>
  </si>
  <si>
    <t>2021BU16580101</t>
  </si>
  <si>
    <t>Villawijk Boschhoven</t>
  </si>
  <si>
    <t>buurt_gegeneraliseerd_2021.769839ac-0bd0-47b8-bb84-21536d91c160</t>
  </si>
  <si>
    <t>BU16580108</t>
  </si>
  <si>
    <t>2021BU16580108</t>
  </si>
  <si>
    <t>Verspreide huizen Groote Heide</t>
  </si>
  <si>
    <t>buurt_gegeneraliseerd_2021.bed9f4db-5715-4767-b7d4-d99c6ab45fa2</t>
  </si>
  <si>
    <t>BU16580109</t>
  </si>
  <si>
    <t>2021BU16580109</t>
  </si>
  <si>
    <t>Verspreide huizen Zevenhuizense Heide</t>
  </si>
  <si>
    <t>buurt_gegeneraliseerd_2021.bdfd8166-5430-4c34-95e4-a3d5664e77d4</t>
  </si>
  <si>
    <t>BU16580200</t>
  </si>
  <si>
    <t>2021BU16580200</t>
  </si>
  <si>
    <t>Leenderstrijp</t>
  </si>
  <si>
    <t>buurt_gegeneraliseerd_2021.ea552196-9558-423f-aa19-d3ec4f74b889</t>
  </si>
  <si>
    <t>BU16580209</t>
  </si>
  <si>
    <t>2021BU16580209</t>
  </si>
  <si>
    <t>Verspreide huizen Dijkse Heide</t>
  </si>
  <si>
    <t>buurt_gegeneraliseerd_2021.3ba52f0e-3352-4641-881f-3930f1452279</t>
  </si>
  <si>
    <t>BU16580300</t>
  </si>
  <si>
    <t>2021BU16580300</t>
  </si>
  <si>
    <t>Sterksel</t>
  </si>
  <si>
    <t>buurt_gegeneraliseerd_2021.820400e5-f3ab-448a-a35a-346d1ce7ffd1</t>
  </si>
  <si>
    <t>BU16580308</t>
  </si>
  <si>
    <t>2021BU16580308</t>
  </si>
  <si>
    <t>Verspreide huizen ten zuiden van Sterksel</t>
  </si>
  <si>
    <t>buurt_gegeneraliseerd_2021.df70e230-f864-465c-b503-affc29e5b24e</t>
  </si>
  <si>
    <t>BU16580309</t>
  </si>
  <si>
    <t>2021BU16580309</t>
  </si>
  <si>
    <t>Verspreide huizen ten oosten van Sterksel</t>
  </si>
  <si>
    <t>buurt_gegeneraliseerd_2021.bda69867-cb41-4d24-8090-b7dd0f54c613</t>
  </si>
  <si>
    <t>BU16590000</t>
  </si>
  <si>
    <t>2021BU16590000</t>
  </si>
  <si>
    <t>GM1659</t>
  </si>
  <si>
    <t>buurt_gegeneraliseerd_2021.518a3f6f-1de7-4985-a548-484a89dc2ee7</t>
  </si>
  <si>
    <t>BU16590001</t>
  </si>
  <si>
    <t>2021BU16590001</t>
  </si>
  <si>
    <t>Donk</t>
  </si>
  <si>
    <t>buurt_gegeneraliseerd_2021.5f46cfef-ff15-409d-a4ff-5963c79f43f5</t>
  </si>
  <si>
    <t>BU16590002</t>
  </si>
  <si>
    <t>2021BU16590002</t>
  </si>
  <si>
    <t>Bedrijventerrein Beekerheide</t>
  </si>
  <si>
    <t>buurt_gegeneraliseerd_2021.6054866a-4505-40c5-9d82-3fe15e0b559c</t>
  </si>
  <si>
    <t>BU16590003</t>
  </si>
  <si>
    <t>2021BU16590003</t>
  </si>
  <si>
    <t>Bedrijventerrein Bemmer</t>
  </si>
  <si>
    <t>buurt_gegeneraliseerd_2021.144af225-bffe-419a-85a7-a5cb0458ce2b</t>
  </si>
  <si>
    <t>BU16590009</t>
  </si>
  <si>
    <t>2021BU16590009</t>
  </si>
  <si>
    <t>Verspreide huizen Beek en Donk</t>
  </si>
  <si>
    <t>buurt_gegeneraliseerd_2021.59e5ecc0-b907-426f-9118-12402a5e04ab</t>
  </si>
  <si>
    <t>BU16590100</t>
  </si>
  <si>
    <t>2021BU16590100</t>
  </si>
  <si>
    <t>Aarle-Rixtel</t>
  </si>
  <si>
    <t>buurt_gegeneraliseerd_2021.bef1a10f-15e5-4c3e-88bb-42a1c13c0ac8</t>
  </si>
  <si>
    <t>BU16590101</t>
  </si>
  <si>
    <t>2021BU16590101</t>
  </si>
  <si>
    <t>Bedrijventerrein Torenakker</t>
  </si>
  <si>
    <t>buurt_gegeneraliseerd_2021.ffd298d8-8c91-499f-882f-769c1459a073</t>
  </si>
  <si>
    <t>BU16590102</t>
  </si>
  <si>
    <t>2021BU16590102</t>
  </si>
  <si>
    <t>Bedrijventerrein Duivenakker</t>
  </si>
  <si>
    <t>buurt_gegeneraliseerd_2021.a1b49d57-1457-4ee0-ab81-59b1b6c251b4</t>
  </si>
  <si>
    <t>BU16590108</t>
  </si>
  <si>
    <t>2021BU16590108</t>
  </si>
  <si>
    <t>Verspreide huizen Laar en Strijp</t>
  </si>
  <si>
    <t>buurt_gegeneraliseerd_2021.9dc4db81-8f9d-43de-bb40-41663fdbecbe</t>
  </si>
  <si>
    <t>BU16590109</t>
  </si>
  <si>
    <t>2021BU16590109</t>
  </si>
  <si>
    <t>Verspreide huizen Heikant</t>
  </si>
  <si>
    <t>buurt_gegeneraliseerd_2021.73aa58de-5157-426b-9e4b-e6148415492b</t>
  </si>
  <si>
    <t>BU16590200</t>
  </si>
  <si>
    <t>2021BU16590200</t>
  </si>
  <si>
    <t>Lieshout</t>
  </si>
  <si>
    <t>buurt_gegeneraliseerd_2021.40b276f0-1c07-41bd-af32-b60979ffa2ca</t>
  </si>
  <si>
    <t>BU16590201</t>
  </si>
  <si>
    <t>2021BU16590201</t>
  </si>
  <si>
    <t>Industrieterrein Bavaria</t>
  </si>
  <si>
    <t>buurt_gegeneraliseerd_2021.612a114a-72b5-40a3-aa06-a40cab83da99</t>
  </si>
  <si>
    <t>BU16590209</t>
  </si>
  <si>
    <t>2021BU16590209</t>
  </si>
  <si>
    <t>Verspreide huizen Lieshout</t>
  </si>
  <si>
    <t>buurt_gegeneraliseerd_2021.bfce400d-e091-468c-85ea-451005b7be58</t>
  </si>
  <si>
    <t>BU16590300</t>
  </si>
  <si>
    <t>2021BU16590300</t>
  </si>
  <si>
    <t>Mariahout</t>
  </si>
  <si>
    <t>buurt_gegeneraliseerd_2021.025fbb42-6821-4732-9704-d1a5b46ae393</t>
  </si>
  <si>
    <t>BU16590309</t>
  </si>
  <si>
    <t>2021BU16590309</t>
  </si>
  <si>
    <t>Verspreide huizen Mariahout</t>
  </si>
  <si>
    <t>buurt_gegeneraliseerd_2021.ef46f743-0a1a-4020-b4fb-4800f1b7e7fe</t>
  </si>
  <si>
    <t>BU16670000</t>
  </si>
  <si>
    <t>2021BU16670000</t>
  </si>
  <si>
    <t>Reusel</t>
  </si>
  <si>
    <t>GM1667</t>
  </si>
  <si>
    <t>buurt_gegeneraliseerd_2021.84665b60-31eb-436f-b9df-235ce659ea88</t>
  </si>
  <si>
    <t>BU16670001</t>
  </si>
  <si>
    <t>2021BU16670001</t>
  </si>
  <si>
    <t>Voorste Heikant en Weijereind</t>
  </si>
  <si>
    <t>buurt_gegeneraliseerd_2021.2db3b71c-32bc-45ef-9d7a-78b71575a30b</t>
  </si>
  <si>
    <t>BU16670002</t>
  </si>
  <si>
    <t>2021BU16670002</t>
  </si>
  <si>
    <t>De Voort en Achterste Heikant</t>
  </si>
  <si>
    <t>buurt_gegeneraliseerd_2021.1a3e8d9e-bb3c-4a14-aceb-722fd2abd348</t>
  </si>
  <si>
    <t>BU16670008</t>
  </si>
  <si>
    <t>2021BU16670008</t>
  </si>
  <si>
    <t>Buitengebied ten noorden van Reusel</t>
  </si>
  <si>
    <t>buurt_gegeneraliseerd_2021.2fe709e9-2f06-4a4e-a050-27ff16e945de</t>
  </si>
  <si>
    <t>BU16670009</t>
  </si>
  <si>
    <t>2021BU16670009</t>
  </si>
  <si>
    <t>Buitengebied ten zuiden van Reusel</t>
  </si>
  <si>
    <t>buurt_gegeneraliseerd_2021.616c8942-6f33-4c1d-9169-485ab187647b</t>
  </si>
  <si>
    <t>BU16670100</t>
  </si>
  <si>
    <t>2021BU16670100</t>
  </si>
  <si>
    <t>Hooge Mierde</t>
  </si>
  <si>
    <t>buurt_gegeneraliseerd_2021.553acea2-909b-4153-9d15-8bed565391e0</t>
  </si>
  <si>
    <t>BU16670109</t>
  </si>
  <si>
    <t>2021BU16670109</t>
  </si>
  <si>
    <t>Verspreide huizen Hooge Mierde</t>
  </si>
  <si>
    <t>buurt_gegeneraliseerd_2021.01b1cd86-93b2-4275-9bfe-89ffd4304f95</t>
  </si>
  <si>
    <t>BU16670200</t>
  </si>
  <si>
    <t>2021BU16670200</t>
  </si>
  <si>
    <t>Lage Mierde</t>
  </si>
  <si>
    <t>buurt_gegeneraliseerd_2021.d4b45fd5-c5b7-4011-956d-cbedbe9aef2a</t>
  </si>
  <si>
    <t>BU16670209</t>
  </si>
  <si>
    <t>2021BU16670209</t>
  </si>
  <si>
    <t>Verspreide huizen Lage Mierde</t>
  </si>
  <si>
    <t>buurt_gegeneraliseerd_2021.29e8a70f-92e2-4e2d-8109-2bc51c4b3444</t>
  </si>
  <si>
    <t>BU16670300</t>
  </si>
  <si>
    <t>2021BU16670300</t>
  </si>
  <si>
    <t>Hulsel</t>
  </si>
  <si>
    <t>buurt_gegeneraliseerd_2021.35ebc892-828f-487c-9b77-3438d5873e7b</t>
  </si>
  <si>
    <t>BU16670309</t>
  </si>
  <si>
    <t>2021BU16670309</t>
  </si>
  <si>
    <t>Verspreide huizen Hulsel</t>
  </si>
  <si>
    <t>buurt_gegeneraliseerd_2021.2d935754-2166-4f25-a48d-e908257ef318</t>
  </si>
  <si>
    <t>BU16690101</t>
  </si>
  <si>
    <t>2021BU16690101</t>
  </si>
  <si>
    <t>Montfort</t>
  </si>
  <si>
    <t>GM1669</t>
  </si>
  <si>
    <t>buurt_gegeneraliseerd_2021.d919dda2-92cf-4b11-a0c9-499165267c50</t>
  </si>
  <si>
    <t>BU16690109</t>
  </si>
  <si>
    <t>2021BU16690109</t>
  </si>
  <si>
    <t>Buitengebied Montfort</t>
  </si>
  <si>
    <t>buurt_gegeneraliseerd_2021.5beeaaf4-c44e-4249-abe0-38798790719a</t>
  </si>
  <si>
    <t>BU16690201</t>
  </si>
  <si>
    <t>2021BU16690201</t>
  </si>
  <si>
    <t>Sint Odiliënberg</t>
  </si>
  <si>
    <t>buurt_gegeneraliseerd_2021.28212ff5-0730-4cdb-b568-0523179a3794</t>
  </si>
  <si>
    <t>BU16690202</t>
  </si>
  <si>
    <t>2021BU16690202</t>
  </si>
  <si>
    <t>Lerop</t>
  </si>
  <si>
    <t>buurt_gegeneraliseerd_2021.10b7b883-1e51-4893-8624-61a84d7fb402</t>
  </si>
  <si>
    <t>BU16690203</t>
  </si>
  <si>
    <t>2021BU16690203</t>
  </si>
  <si>
    <t>Reutje</t>
  </si>
  <si>
    <t>buurt_gegeneraliseerd_2021.33cc1578-0fb2-4c79-b0cd-76189f034488</t>
  </si>
  <si>
    <t>BU16690204</t>
  </si>
  <si>
    <t>2021BU16690204</t>
  </si>
  <si>
    <t>Paarlo</t>
  </si>
  <si>
    <t>buurt_gegeneraliseerd_2021.51b6c641-5ebd-4aff-89e6-4c9dc2535e29</t>
  </si>
  <si>
    <t>BU16690209</t>
  </si>
  <si>
    <t>2021BU16690209</t>
  </si>
  <si>
    <t>Buitengebied Sint Odiliënberg</t>
  </si>
  <si>
    <t>buurt_gegeneraliseerd_2021.cf650ece-6373-44ba-8937-01086cd22ccb</t>
  </si>
  <si>
    <t>BU16690301</t>
  </si>
  <si>
    <t>2021BU16690301</t>
  </si>
  <si>
    <t>Melick</t>
  </si>
  <si>
    <t>buurt_gegeneraliseerd_2021.568f98b1-0759-4919-a11f-1f533e15bc7c</t>
  </si>
  <si>
    <t>BU16690309</t>
  </si>
  <si>
    <t>2021BU16690309</t>
  </si>
  <si>
    <t>Buitengebied Melick</t>
  </si>
  <si>
    <t>buurt_gegeneraliseerd_2021.15f133e8-e91c-4e0d-825d-a876b0eb651c</t>
  </si>
  <si>
    <t>BU16690401</t>
  </si>
  <si>
    <t>2021BU16690401</t>
  </si>
  <si>
    <t>Posterholt</t>
  </si>
  <si>
    <t>buurt_gegeneraliseerd_2021.398ed81d-4b0d-4ece-8aec-3a20c708c047</t>
  </si>
  <si>
    <t>BU16690402</t>
  </si>
  <si>
    <t>2021BU16690402</t>
  </si>
  <si>
    <t>Holst</t>
  </si>
  <si>
    <t>buurt_gegeneraliseerd_2021.d97c7ccf-9bc7-4537-913d-218f0cb69f50</t>
  </si>
  <si>
    <t>BU16690403</t>
  </si>
  <si>
    <t>2021BU16690403</t>
  </si>
  <si>
    <t>Varst</t>
  </si>
  <si>
    <t>buurt_gegeneraliseerd_2021.653b4663-1b5a-4835-8993-4869fed2654d</t>
  </si>
  <si>
    <t>BU16690404</t>
  </si>
  <si>
    <t>2021BU16690404</t>
  </si>
  <si>
    <t>Borg</t>
  </si>
  <si>
    <t>buurt_gegeneraliseerd_2021.5ecd5e14-60f3-48fa-beb5-148cd0b2423a</t>
  </si>
  <si>
    <t>BU16690409</t>
  </si>
  <si>
    <t>2021BU16690409</t>
  </si>
  <si>
    <t>Buitengebied Posterholt</t>
  </si>
  <si>
    <t>buurt_gegeneraliseerd_2021.78b05078-4fca-449c-b296-7559f8f8ed2b</t>
  </si>
  <si>
    <t>BU16690501</t>
  </si>
  <si>
    <t>2021BU16690501</t>
  </si>
  <si>
    <t>Herkenbosch</t>
  </si>
  <si>
    <t>buurt_gegeneraliseerd_2021.31e4d23c-45b1-46b0-bd26-982584d154fc</t>
  </si>
  <si>
    <t>BU16690502</t>
  </si>
  <si>
    <t>2021BU16690502</t>
  </si>
  <si>
    <t>Bedrijventerrein Stationsweg</t>
  </si>
  <si>
    <t>buurt_gegeneraliseerd_2021.6614d39f-5664-4cb7-934c-9653ae1a0f55</t>
  </si>
  <si>
    <t>BU16690503</t>
  </si>
  <si>
    <t>2021BU16690503</t>
  </si>
  <si>
    <t>Reewoude</t>
  </si>
  <si>
    <t>buurt_gegeneraliseerd_2021.e0ffaaf9-5743-4b9e-96eb-46ff8afae198</t>
  </si>
  <si>
    <t>BU16690509</t>
  </si>
  <si>
    <t>2021BU16690509</t>
  </si>
  <si>
    <t>Buitengebied Herkenbosch</t>
  </si>
  <si>
    <t>buurt_gegeneraliseerd_2021.a8d2822f-1286-46ba-a455-0113aa40f093</t>
  </si>
  <si>
    <t>BU16690601</t>
  </si>
  <si>
    <t>2021BU16690601</t>
  </si>
  <si>
    <t>Vlodrop</t>
  </si>
  <si>
    <t>buurt_gegeneraliseerd_2021.45a2c5de-3b64-413b-b0f0-6bc4c1e59e60</t>
  </si>
  <si>
    <t>BU16690602</t>
  </si>
  <si>
    <t>2021BU16690602</t>
  </si>
  <si>
    <t>Etsberg</t>
  </si>
  <si>
    <t>buurt_gegeneraliseerd_2021.ce9b3b8a-23e8-4bee-a35e-4288b0d6a61a</t>
  </si>
  <si>
    <t>BU16690603</t>
  </si>
  <si>
    <t>2021BU16690603</t>
  </si>
  <si>
    <t>Rothenbach</t>
  </si>
  <si>
    <t>buurt_gegeneraliseerd_2021.76454efb-fe13-413e-9512-0c4f31f372fc</t>
  </si>
  <si>
    <t>BU16690604</t>
  </si>
  <si>
    <t>2021BU16690604</t>
  </si>
  <si>
    <t>Vlodrop Station</t>
  </si>
  <si>
    <t>buurt_gegeneraliseerd_2021.6cd43857-8fb3-4c16-adc8-6279d061c065</t>
  </si>
  <si>
    <t>BU16690605</t>
  </si>
  <si>
    <t>2021BU16690605</t>
  </si>
  <si>
    <t>MERU</t>
  </si>
  <si>
    <t>buurt_gegeneraliseerd_2021.23c1ee10-ce49-41c7-910d-4f811b5bc8cc</t>
  </si>
  <si>
    <t>BU16690609</t>
  </si>
  <si>
    <t>2021BU16690609</t>
  </si>
  <si>
    <t>Buitengebied Vlodrop</t>
  </si>
  <si>
    <t>buurt_gegeneraliseerd_2021.4faece38-3012-4996-b44c-f0d87ca69f62</t>
  </si>
  <si>
    <t>BU16760000</t>
  </si>
  <si>
    <t>2021BU16760000</t>
  </si>
  <si>
    <t>Zierikzee binnen de vesten</t>
  </si>
  <si>
    <t>GM1676</t>
  </si>
  <si>
    <t>buurt_gegeneraliseerd_2021.e12a493f-2d20-4ac1-b59e-5e728b1bb0c8</t>
  </si>
  <si>
    <t>BU16760001</t>
  </si>
  <si>
    <t>2021BU16760001</t>
  </si>
  <si>
    <t>Malta</t>
  </si>
  <si>
    <t>buurt_gegeneraliseerd_2021.efbbfef3-1642-4a17-ac34-4092ae0f0c4f</t>
  </si>
  <si>
    <t>BU16760002</t>
  </si>
  <si>
    <t>2021BU16760002</t>
  </si>
  <si>
    <t>Poortambacht</t>
  </si>
  <si>
    <t>buurt_gegeneraliseerd_2021.3f8b5a22-61a1-4d7e-bf5f-e30eec3fbde0</t>
  </si>
  <si>
    <t>BU16760003</t>
  </si>
  <si>
    <t>2021BU16760003</t>
  </si>
  <si>
    <t>buurt_gegeneraliseerd_2021.571be4b4-5630-44c1-8e43-bf29e8433e1c</t>
  </si>
  <si>
    <t>BU16760004</t>
  </si>
  <si>
    <t>2021BU16760004</t>
  </si>
  <si>
    <t>Kaaskenswater</t>
  </si>
  <si>
    <t>buurt_gegeneraliseerd_2021.98e1e728-f1f2-4d6e-b7a3-3a867b353cb9</t>
  </si>
  <si>
    <t>BU16760007</t>
  </si>
  <si>
    <t>2021BU16760007</t>
  </si>
  <si>
    <t>Verspreide huizen in het Noorden en Westen</t>
  </si>
  <si>
    <t>buurt_gegeneraliseerd_2021.a91c8db4-1c2e-41f2-88f8-bbb235454a63</t>
  </si>
  <si>
    <t>BU16760008</t>
  </si>
  <si>
    <t>2021BU16760008</t>
  </si>
  <si>
    <t>buurt_gegeneraliseerd_2021.503383bd-1890-4a27-a712-0d4b39367cdf</t>
  </si>
  <si>
    <t>BU16760009</t>
  </si>
  <si>
    <t>2021BU16760009</t>
  </si>
  <si>
    <t>buurt_gegeneraliseerd_2021.f4e8ca3c-8317-4a87-ad7d-d368622f5361</t>
  </si>
  <si>
    <t>BU16760100</t>
  </si>
  <si>
    <t>2021BU16760100</t>
  </si>
  <si>
    <t>Brouwershaven</t>
  </si>
  <si>
    <t>buurt_gegeneraliseerd_2021.fff5f4c4-1802-40c2-be67-c4234056e9b3</t>
  </si>
  <si>
    <t>BU16760109</t>
  </si>
  <si>
    <t>2021BU16760109</t>
  </si>
  <si>
    <t>Verspreide huizen Brouwershaven</t>
  </si>
  <si>
    <t>buurt_gegeneraliseerd_2021.f3483e48-abcb-4b72-961e-6f5026a002bf</t>
  </si>
  <si>
    <t>BU16760200</t>
  </si>
  <si>
    <t>2021BU16760200</t>
  </si>
  <si>
    <t>Zonnemaire</t>
  </si>
  <si>
    <t>buurt_gegeneraliseerd_2021.c26fd6fb-9b2e-4e2e-ac80-040a670c0ab9</t>
  </si>
  <si>
    <t>BU16760209</t>
  </si>
  <si>
    <t>2021BU16760209</t>
  </si>
  <si>
    <t>Verspreide huizen Zonnemaire</t>
  </si>
  <si>
    <t>buurt_gegeneraliseerd_2021.f8b8f8f9-1cc8-4180-81b5-68ef05180660</t>
  </si>
  <si>
    <t>BU16760300</t>
  </si>
  <si>
    <t>2021BU16760300</t>
  </si>
  <si>
    <t>Dreischor</t>
  </si>
  <si>
    <t>buurt_gegeneraliseerd_2021.b09a41cb-5abd-4ab3-aeff-7b3ab0a8a555</t>
  </si>
  <si>
    <t>BU16760309</t>
  </si>
  <si>
    <t>2021BU16760309</t>
  </si>
  <si>
    <t>Verspreide huizen Dreischor</t>
  </si>
  <si>
    <t>buurt_gegeneraliseerd_2021.48a30052-5eba-44e3-82e6-bad52a956ead</t>
  </si>
  <si>
    <t>BU16760400</t>
  </si>
  <si>
    <t>2021BU16760400</t>
  </si>
  <si>
    <t>Noordgouwe</t>
  </si>
  <si>
    <t>buurt_gegeneraliseerd_2021.8ab188b3-9558-4cae-8117-3e08cc38729c</t>
  </si>
  <si>
    <t>BU16760401</t>
  </si>
  <si>
    <t>2021BU16760401</t>
  </si>
  <si>
    <t>Schuddebeurs</t>
  </si>
  <si>
    <t>buurt_gegeneraliseerd_2021.10f617a8-235b-4249-8d64-7e4f917dd1a6</t>
  </si>
  <si>
    <t>BU16760409</t>
  </si>
  <si>
    <t>2021BU16760409</t>
  </si>
  <si>
    <t>Verspreide huizen Noordgouwe en Schuddebeurs</t>
  </si>
  <si>
    <t>buurt_gegeneraliseerd_2021.e9332647-ed5e-4ca1-98ef-2093d340011d</t>
  </si>
  <si>
    <t>BU16760500</t>
  </si>
  <si>
    <t>2021BU16760500</t>
  </si>
  <si>
    <t>Bruinisse</t>
  </si>
  <si>
    <t>buurt_gegeneraliseerd_2021.38407962-cb8f-4e49-b11a-4abf98e849ae</t>
  </si>
  <si>
    <t>BU16760501</t>
  </si>
  <si>
    <t>2021BU16760501</t>
  </si>
  <si>
    <t>buurt_gegeneraliseerd_2021.f547c2fc-bf01-46d5-8a74-adecc319c4f9</t>
  </si>
  <si>
    <t>BU16760509</t>
  </si>
  <si>
    <t>2021BU16760509</t>
  </si>
  <si>
    <t>Verspreide huizen Bruinisse</t>
  </si>
  <si>
    <t>buurt_gegeneraliseerd_2021.60035418-5bf3-4a2a-b52c-3b2c58a055f6</t>
  </si>
  <si>
    <t>BU16760600</t>
  </si>
  <si>
    <t>2021BU16760600</t>
  </si>
  <si>
    <t>Nieuwerkerk</t>
  </si>
  <si>
    <t>buurt_gegeneraliseerd_2021.9261feb3-3621-4a6f-ab19-404336014dd9</t>
  </si>
  <si>
    <t>BU16760609</t>
  </si>
  <si>
    <t>2021BU16760609</t>
  </si>
  <si>
    <t>Verspreide huizen Nieuwerkerk</t>
  </si>
  <si>
    <t>buurt_gegeneraliseerd_2021.12a8a7a5-bb72-4693-a5d1-fd5800d1a6b3</t>
  </si>
  <si>
    <t>BU16760700</t>
  </si>
  <si>
    <t>2021BU16760700</t>
  </si>
  <si>
    <t>Oosterland</t>
  </si>
  <si>
    <t>buurt_gegeneraliseerd_2021.655853a7-ff31-4586-a195-dc32352f2db0</t>
  </si>
  <si>
    <t>BU16760701</t>
  </si>
  <si>
    <t>2021BU16760701</t>
  </si>
  <si>
    <t>Sirjansland</t>
  </si>
  <si>
    <t>buurt_gegeneraliseerd_2021.c690fa95-f039-4efd-a37b-acfa197cbfce</t>
  </si>
  <si>
    <t>BU16760708</t>
  </si>
  <si>
    <t>2021BU16760708</t>
  </si>
  <si>
    <t>Verspreide huizen Sirjansland</t>
  </si>
  <si>
    <t>buurt_gegeneraliseerd_2021.7cd793bb-0118-42c4-8b6d-7bcd3b4062b3</t>
  </si>
  <si>
    <t>BU16760709</t>
  </si>
  <si>
    <t>2021BU16760709</t>
  </si>
  <si>
    <t>Verspreide huizen Oosterland</t>
  </si>
  <si>
    <t>buurt_gegeneraliseerd_2021.ecda6dbe-0f4c-4ecb-9003-f89063bbabb2</t>
  </si>
  <si>
    <t>BU16760800</t>
  </si>
  <si>
    <t>2021BU16760800</t>
  </si>
  <si>
    <t>Ouwerkerk</t>
  </si>
  <si>
    <t>buurt_gegeneraliseerd_2021.c9c3ca60-f72e-4dbe-902a-b4469fe2ca08</t>
  </si>
  <si>
    <t>BU16760809</t>
  </si>
  <si>
    <t>2021BU16760809</t>
  </si>
  <si>
    <t>Verspreide huizen Ouwerkerk</t>
  </si>
  <si>
    <t>buurt_gegeneraliseerd_2021.cff073d1-dfae-425f-aa22-6f3ca6e7a551</t>
  </si>
  <si>
    <t>BU16760900</t>
  </si>
  <si>
    <t>2021BU16760900</t>
  </si>
  <si>
    <t>Scharendijke</t>
  </si>
  <si>
    <t>buurt_gegeneraliseerd_2021.74730faa-5c1a-42ef-9719-9a33e732807c</t>
  </si>
  <si>
    <t>BU16760909</t>
  </si>
  <si>
    <t>2021BU16760909</t>
  </si>
  <si>
    <t>Verspreide huizen Scharendijke</t>
  </si>
  <si>
    <t>buurt_gegeneraliseerd_2021.7db1212c-1f41-4737-939f-dc6ef8f25d04</t>
  </si>
  <si>
    <t>BU16761000</t>
  </si>
  <si>
    <t>2021BU16761000</t>
  </si>
  <si>
    <t>Kerkwerve</t>
  </si>
  <si>
    <t>buurt_gegeneraliseerd_2021.b5f5038b-6690-497c-8179-5ff4b14d1b7b</t>
  </si>
  <si>
    <t>BU16761009</t>
  </si>
  <si>
    <t>2021BU16761009</t>
  </si>
  <si>
    <t>Verspreide huizen Kerkwerve</t>
  </si>
  <si>
    <t>buurt_gegeneraliseerd_2021.c3e6c965-94d5-4463-82f6-5f6c33428a7e</t>
  </si>
  <si>
    <t>BU16761100</t>
  </si>
  <si>
    <t>2021BU16761100</t>
  </si>
  <si>
    <t>Ellemeet</t>
  </si>
  <si>
    <t>buurt_gegeneraliseerd_2021.7a2397cf-32db-429e-90cd-daac85f5f242</t>
  </si>
  <si>
    <t>BU16761109</t>
  </si>
  <si>
    <t>2021BU16761109</t>
  </si>
  <si>
    <t>Verspreide huizen ten zuiden van Ellemeet</t>
  </si>
  <si>
    <t>buurt_gegeneraliseerd_2021.bc156aa8-2e41-4f31-94ab-254265e217a4</t>
  </si>
  <si>
    <t>BU16761200</t>
  </si>
  <si>
    <t>2021BU16761200</t>
  </si>
  <si>
    <t>Haamstede</t>
  </si>
  <si>
    <t>buurt_gegeneraliseerd_2021.2bb55ee4-a6c7-4ddd-a5e4-f03d0a4b5b13</t>
  </si>
  <si>
    <t>BU16761201</t>
  </si>
  <si>
    <t>2021BU16761201</t>
  </si>
  <si>
    <t>Burgh</t>
  </si>
  <si>
    <t>buurt_gegeneraliseerd_2021.26aeac92-770a-4145-8de9-b68d4c36ebb6</t>
  </si>
  <si>
    <t>BU16761202</t>
  </si>
  <si>
    <t>2021BU16761202</t>
  </si>
  <si>
    <t>buurt_gegeneraliseerd_2021.4e6b806c-de2d-4ba6-82d2-975fda694c5a</t>
  </si>
  <si>
    <t>BU16761203</t>
  </si>
  <si>
    <t>2021BU16761203</t>
  </si>
  <si>
    <t>Westenschouwen</t>
  </si>
  <si>
    <t>buurt_gegeneraliseerd_2021.c7d485ca-1e4b-4930-8df7-d3a701027bf9</t>
  </si>
  <si>
    <t>BU16761204</t>
  </si>
  <si>
    <t>2021BU16761204</t>
  </si>
  <si>
    <t>Kloosterweg en omgeving</t>
  </si>
  <si>
    <t>buurt_gegeneraliseerd_2021.4a93ad17-0b13-40ce-b2e8-d381eac232e0</t>
  </si>
  <si>
    <t>BU16761205</t>
  </si>
  <si>
    <t>2021BU16761205</t>
  </si>
  <si>
    <t>Nieuw-Haamstede</t>
  </si>
  <si>
    <t>buurt_gegeneraliseerd_2021.845dafd6-cd8f-4447-8e10-85d889f638a9</t>
  </si>
  <si>
    <t>BU16761208</t>
  </si>
  <si>
    <t>2021BU16761208</t>
  </si>
  <si>
    <t>Verspreide huizen in het Kleigebied</t>
  </si>
  <si>
    <t>buurt_gegeneraliseerd_2021.48ce5366-a9c5-4c0c-8c86-04722ab7bc3c</t>
  </si>
  <si>
    <t>BU16761209</t>
  </si>
  <si>
    <t>2021BU16761209</t>
  </si>
  <si>
    <t>Verspreide huizen in het Zandgebied</t>
  </si>
  <si>
    <t>buurt_gegeneraliseerd_2021.e47f59af-b581-4660-ae79-daa89f60b997</t>
  </si>
  <si>
    <t>BU16761300</t>
  </si>
  <si>
    <t>2021BU16761300</t>
  </si>
  <si>
    <t>Renesse</t>
  </si>
  <si>
    <t>buurt_gegeneraliseerd_2021.d0a1108e-35ee-4d93-aa01-71c054bb6eac</t>
  </si>
  <si>
    <t>BU16761301</t>
  </si>
  <si>
    <t>2021BU16761301</t>
  </si>
  <si>
    <t>Oude Moolweg en Laone</t>
  </si>
  <si>
    <t>buurt_gegeneraliseerd_2021.17706ccc-2b62-4a3a-bb35-c5e7bcc923d4</t>
  </si>
  <si>
    <t>BU16761302</t>
  </si>
  <si>
    <t>2021BU16761302</t>
  </si>
  <si>
    <t>Hoogenboomlaan</t>
  </si>
  <si>
    <t>buurt_gegeneraliseerd_2021.6dea7047-93f9-4bd8-ae3f-6cc4925120d1</t>
  </si>
  <si>
    <t>BU16761303</t>
  </si>
  <si>
    <t>2021BU16761303</t>
  </si>
  <si>
    <t>Lagezoom</t>
  </si>
  <si>
    <t>buurt_gegeneraliseerd_2021.bc8c28b1-9c7e-4fa0-b056-f426e62d733f</t>
  </si>
  <si>
    <t>BU16761309</t>
  </si>
  <si>
    <t>2021BU16761309</t>
  </si>
  <si>
    <t>Verspreide huizen ten westen van Renesse</t>
  </si>
  <si>
    <t>buurt_gegeneraliseerd_2021.eb471fc2-86b5-4339-a6a7-562fcd367cee</t>
  </si>
  <si>
    <t>BU16761400</t>
  </si>
  <si>
    <t>2021BU16761400</t>
  </si>
  <si>
    <t>Noordwelle</t>
  </si>
  <si>
    <t>buurt_gegeneraliseerd_2021.c47e773b-756d-42a0-9054-fd0b3db64b8e</t>
  </si>
  <si>
    <t>BU16761409</t>
  </si>
  <si>
    <t>2021BU16761409</t>
  </si>
  <si>
    <t>Verspreide huizen Noordwelle</t>
  </si>
  <si>
    <t>buurt_gegeneraliseerd_2021.f4642389-2e67-4e41-bcc9-7e97e6ef8a54</t>
  </si>
  <si>
    <t>BU16761500</t>
  </si>
  <si>
    <t>2021BU16761500</t>
  </si>
  <si>
    <t>buurt_gegeneraliseerd_2021.7b058a74-b9ee-43ba-a50c-d3f016784fe5</t>
  </si>
  <si>
    <t>BU16761509</t>
  </si>
  <si>
    <t>2021BU16761509</t>
  </si>
  <si>
    <t>buurt_gegeneraliseerd_2021.5202fb21-18e0-4a73-8aa3-c831f0caf8f3</t>
  </si>
  <si>
    <t>BU16800000</t>
  </si>
  <si>
    <t>2021BU16800000</t>
  </si>
  <si>
    <t>Annen</t>
  </si>
  <si>
    <t>GM1680</t>
  </si>
  <si>
    <t>buurt_gegeneraliseerd_2021.8765a117-d3b2-47a2-a101-c1bc11a07fd8</t>
  </si>
  <si>
    <t>BU16800009</t>
  </si>
  <si>
    <t>2021BU16800009</t>
  </si>
  <si>
    <t>Verspreide huizen Annen</t>
  </si>
  <si>
    <t>buurt_gegeneraliseerd_2021.6b4902f0-11d8-4935-89e5-77b8aa0f5809</t>
  </si>
  <si>
    <t>BU16800100</t>
  </si>
  <si>
    <t>2021BU16800100</t>
  </si>
  <si>
    <t>Eext</t>
  </si>
  <si>
    <t>buurt_gegeneraliseerd_2021.7d955214-85f8-4366-ad8a-dbe5d41d1422</t>
  </si>
  <si>
    <t>BU16800109</t>
  </si>
  <si>
    <t>2021BU16800109</t>
  </si>
  <si>
    <t>Verspreide huizen Eext</t>
  </si>
  <si>
    <t>buurt_gegeneraliseerd_2021.14c3c63f-8142-4179-a7fe-2de66fbd4dc7</t>
  </si>
  <si>
    <t>BU16800200</t>
  </si>
  <si>
    <t>2021BU16800200</t>
  </si>
  <si>
    <t>Anloo</t>
  </si>
  <si>
    <t>buurt_gegeneraliseerd_2021.368b6de1-88c3-40d2-b7ce-9f560f9f46f2</t>
  </si>
  <si>
    <t>BU16800209</t>
  </si>
  <si>
    <t>2021BU16800209</t>
  </si>
  <si>
    <t>Verspreide huizen Anloo</t>
  </si>
  <si>
    <t>buurt_gegeneraliseerd_2021.3529f168-9070-478d-98d4-6efbd7c4a325</t>
  </si>
  <si>
    <t>BU16800300</t>
  </si>
  <si>
    <t>2021BU16800300</t>
  </si>
  <si>
    <t>Gasteren</t>
  </si>
  <si>
    <t>buurt_gegeneraliseerd_2021.92a8c508-8f96-482a-aca0-2c72d0506182</t>
  </si>
  <si>
    <t>BU16800309</t>
  </si>
  <si>
    <t>2021BU16800309</t>
  </si>
  <si>
    <t>Verspreide huizen Gasteren</t>
  </si>
  <si>
    <t>buurt_gegeneraliseerd_2021.9d21a583-a1ee-4c87-8e78-a70a75c0b574</t>
  </si>
  <si>
    <t>BU16800400</t>
  </si>
  <si>
    <t>2021BU16800400</t>
  </si>
  <si>
    <t>Anderen</t>
  </si>
  <si>
    <t>buurt_gegeneraliseerd_2021.811b8a67-b1c7-4f74-86eb-e2fc677b489a</t>
  </si>
  <si>
    <t>BU16800409</t>
  </si>
  <si>
    <t>2021BU16800409</t>
  </si>
  <si>
    <t>Verspreide huizen Anderen</t>
  </si>
  <si>
    <t>buurt_gegeneraliseerd_2021.471fff03-5e57-47f0-9750-410f1a0cef78</t>
  </si>
  <si>
    <t>BU16800500</t>
  </si>
  <si>
    <t>2021BU16800500</t>
  </si>
  <si>
    <t>Schipborg</t>
  </si>
  <si>
    <t>buurt_gegeneraliseerd_2021.a9918d08-97f9-461f-96f7-3ebacb414ff3</t>
  </si>
  <si>
    <t>BU16800509</t>
  </si>
  <si>
    <t>2021BU16800509</t>
  </si>
  <si>
    <t>Verspreide huizen Schipborg</t>
  </si>
  <si>
    <t>buurt_gegeneraliseerd_2021.92a18ddb-cfa6-47ca-b813-1c17ab767331</t>
  </si>
  <si>
    <t>BU16800600</t>
  </si>
  <si>
    <t>2021BU16800600</t>
  </si>
  <si>
    <t>Eexterveen</t>
  </si>
  <si>
    <t>buurt_gegeneraliseerd_2021.64ae4691-4d48-4aff-a4d6-386b392009fa</t>
  </si>
  <si>
    <t>BU16800609</t>
  </si>
  <si>
    <t>2021BU16800609</t>
  </si>
  <si>
    <t>Verspreide huizen Eexterveen</t>
  </si>
  <si>
    <t>buurt_gegeneraliseerd_2021.b601d500-ba45-42b1-9272-1d1ea8fa3d0a</t>
  </si>
  <si>
    <t>BU16800700</t>
  </si>
  <si>
    <t>2021BU16800700</t>
  </si>
  <si>
    <t>buurt_gegeneraliseerd_2021.41e7b07f-c859-424c-9f7f-2e7915f16864</t>
  </si>
  <si>
    <t>BU16800709</t>
  </si>
  <si>
    <t>2021BU16800709</t>
  </si>
  <si>
    <t>Verspreide huizen Spijkerboor</t>
  </si>
  <si>
    <t>buurt_gegeneraliseerd_2021.0f46c169-561e-43e9-af65-20a66c8ebf2c</t>
  </si>
  <si>
    <t>BU16800800</t>
  </si>
  <si>
    <t>2021BU16800800</t>
  </si>
  <si>
    <t>Nieuw-Annerveen</t>
  </si>
  <si>
    <t>buurt_gegeneraliseerd_2021.fa708609-c93a-4dc6-a95d-48d07bd5179f</t>
  </si>
  <si>
    <t>BU16800809</t>
  </si>
  <si>
    <t>2021BU16800809</t>
  </si>
  <si>
    <t>Verspreide huizen Nieuw-Annerveen</t>
  </si>
  <si>
    <t>buurt_gegeneraliseerd_2021.b00f6cd1-f687-4c1f-a2f4-68f811d586f6</t>
  </si>
  <si>
    <t>BU16800900</t>
  </si>
  <si>
    <t>2021BU16800900</t>
  </si>
  <si>
    <t>Oud-Annerveen</t>
  </si>
  <si>
    <t>buurt_gegeneraliseerd_2021.a57a91b5-4b63-4896-b1fe-1550852ee23b</t>
  </si>
  <si>
    <t>BU16800909</t>
  </si>
  <si>
    <t>2021BU16800909</t>
  </si>
  <si>
    <t>Verspreide huizen Oud-Annerveen</t>
  </si>
  <si>
    <t>buurt_gegeneraliseerd_2021.f73ada9a-ab0f-4ca6-8f86-791a6c0aafa0</t>
  </si>
  <si>
    <t>BU16801100</t>
  </si>
  <si>
    <t>2021BU16801100</t>
  </si>
  <si>
    <t>Annerveenschekanaal</t>
  </si>
  <si>
    <t>buurt_gegeneraliseerd_2021.de5abebf-7438-4ec5-a91d-839590ce765b</t>
  </si>
  <si>
    <t>BU16801109</t>
  </si>
  <si>
    <t>2021BU16801109</t>
  </si>
  <si>
    <t>Verspreide huizen Annerveenschekanaal</t>
  </si>
  <si>
    <t>buurt_gegeneraliseerd_2021.b56b20b6-f652-4ce4-a310-6fa278339e76</t>
  </si>
  <si>
    <t>BU16801200</t>
  </si>
  <si>
    <t>2021BU16801200</t>
  </si>
  <si>
    <t>Eexterveenschekanaal</t>
  </si>
  <si>
    <t>buurt_gegeneraliseerd_2021.3359a5bd-78b1-4125-9f33-c0fcabc4dc65</t>
  </si>
  <si>
    <t>BU16801209</t>
  </si>
  <si>
    <t>2021BU16801209</t>
  </si>
  <si>
    <t>Verspreide huizen Eexterveenschekanaal</t>
  </si>
  <si>
    <t>buurt_gegeneraliseerd_2021.8cd05bb1-6198-497b-9c7c-7abbb1dcd558</t>
  </si>
  <si>
    <t>BU16801300</t>
  </si>
  <si>
    <t>2021BU16801300</t>
  </si>
  <si>
    <t>Eexterzandvoort</t>
  </si>
  <si>
    <t>buurt_gegeneraliseerd_2021.f57d9b92-9d25-4518-9e32-db647ba10cb4</t>
  </si>
  <si>
    <t>BU16801309</t>
  </si>
  <si>
    <t>2021BU16801309</t>
  </si>
  <si>
    <t>Verspreide huizen Eexterzandvoort</t>
  </si>
  <si>
    <t>buurt_gegeneraliseerd_2021.dc4c9b30-f78d-472a-8cac-996d5bd9c857</t>
  </si>
  <si>
    <t>BU16801400</t>
  </si>
  <si>
    <t>2021BU16801400</t>
  </si>
  <si>
    <t>Gasselte</t>
  </si>
  <si>
    <t>buurt_gegeneraliseerd_2021.ae5f6c6f-9721-46d9-8983-912d94a7a8be</t>
  </si>
  <si>
    <t>BU16801401</t>
  </si>
  <si>
    <t>2021BU16801401</t>
  </si>
  <si>
    <t>Kostvlies</t>
  </si>
  <si>
    <t>buurt_gegeneraliseerd_2021.65e5205f-b4d0-4e6d-ac96-072ca06eb314</t>
  </si>
  <si>
    <t>BU16801409</t>
  </si>
  <si>
    <t>2021BU16801409</t>
  </si>
  <si>
    <t>Verspreide huizen Gasselte</t>
  </si>
  <si>
    <t>buurt_gegeneraliseerd_2021.6d918600-696f-4360-bfe0-4d8a20ee3c11</t>
  </si>
  <si>
    <t>BU16801500</t>
  </si>
  <si>
    <t>2021BU16801500</t>
  </si>
  <si>
    <t>Gasselternijveen</t>
  </si>
  <si>
    <t>buurt_gegeneraliseerd_2021.bcf96c89-51a8-40c0-99ba-251690e83612</t>
  </si>
  <si>
    <t>BU16801501</t>
  </si>
  <si>
    <t>2021BU16801501</t>
  </si>
  <si>
    <t>Gasselterboerveen</t>
  </si>
  <si>
    <t>buurt_gegeneraliseerd_2021.f3223bc5-79a8-4f76-bb7b-446814cb75a1</t>
  </si>
  <si>
    <t>BU16801509</t>
  </si>
  <si>
    <t>2021BU16801509</t>
  </si>
  <si>
    <t>Verspreide huizen Gasselternijveen</t>
  </si>
  <si>
    <t>buurt_gegeneraliseerd_2021.9affd2eb-4afc-4e25-8aed-2be495cea30b</t>
  </si>
  <si>
    <t>BU16801600</t>
  </si>
  <si>
    <t>2021BU16801600</t>
  </si>
  <si>
    <t>Gasselternijveenschemond</t>
  </si>
  <si>
    <t>buurt_gegeneraliseerd_2021.e5423307-5d38-4edc-850f-883c0edf5c20</t>
  </si>
  <si>
    <t>BU16801601</t>
  </si>
  <si>
    <t>2021BU16801601</t>
  </si>
  <si>
    <t>Gasselterboerveenschemond</t>
  </si>
  <si>
    <t>buurt_gegeneraliseerd_2021.ec6f3f63-fd02-4ee9-a79a-eee40b08109a</t>
  </si>
  <si>
    <t>BU16801609</t>
  </si>
  <si>
    <t>2021BU16801609</t>
  </si>
  <si>
    <t>Verspreide huizen Gasselternijveenschemond</t>
  </si>
  <si>
    <t>buurt_gegeneraliseerd_2021.90abe749-9f55-4a0f-adfe-fe4122e4e1c0</t>
  </si>
  <si>
    <t>BU16801700</t>
  </si>
  <si>
    <t>2021BU16801700</t>
  </si>
  <si>
    <t>Gieten</t>
  </si>
  <si>
    <t>buurt_gegeneraliseerd_2021.71ef7bc4-71f4-424d-bab5-0ca59b70a1e7</t>
  </si>
  <si>
    <t>BU16801709</t>
  </si>
  <si>
    <t>2021BU16801709</t>
  </si>
  <si>
    <t>Verspreide huizen Gieten</t>
  </si>
  <si>
    <t>buurt_gegeneraliseerd_2021.42f076d6-9694-4f2d-942b-4bb36f8e67e9</t>
  </si>
  <si>
    <t>BU16801800</t>
  </si>
  <si>
    <t>2021BU16801800</t>
  </si>
  <si>
    <t>Gieterveen</t>
  </si>
  <si>
    <t>buurt_gegeneraliseerd_2021.d626875d-1789-4c72-8ea2-0dbf0b5f76c6</t>
  </si>
  <si>
    <t>BU16801801</t>
  </si>
  <si>
    <t>2021BU16801801</t>
  </si>
  <si>
    <t>Bonnerveen</t>
  </si>
  <si>
    <t>buurt_gegeneraliseerd_2021.71cb1e7a-e2c9-4424-8bc2-2e42fcfab00f</t>
  </si>
  <si>
    <t>BU16801802</t>
  </si>
  <si>
    <t>2021BU16801802</t>
  </si>
  <si>
    <t>Nieuwediep</t>
  </si>
  <si>
    <t>buurt_gegeneraliseerd_2021.3d7d0755-3364-41a5-8e75-74eaccd10264</t>
  </si>
  <si>
    <t>BU16801809</t>
  </si>
  <si>
    <t>2021BU16801809</t>
  </si>
  <si>
    <t>Verspreide huizen Gieterveen</t>
  </si>
  <si>
    <t>buurt_gegeneraliseerd_2021.ce91f3e1-e826-4e28-9bdc-8e24b15f4581</t>
  </si>
  <si>
    <t>BU16801900</t>
  </si>
  <si>
    <t>2021BU16801900</t>
  </si>
  <si>
    <t>Rolde</t>
  </si>
  <si>
    <t>buurt_gegeneraliseerd_2021.01a476ff-de9d-44de-a103-414af6e586e5</t>
  </si>
  <si>
    <t>BU16801901</t>
  </si>
  <si>
    <t>2021BU16801901</t>
  </si>
  <si>
    <t>Ballo</t>
  </si>
  <si>
    <t>buurt_gegeneraliseerd_2021.dda3ca63-babb-4969-a7ea-be191d4f8501</t>
  </si>
  <si>
    <t>BU16801902</t>
  </si>
  <si>
    <t>2021BU16801902</t>
  </si>
  <si>
    <t>Nijlande</t>
  </si>
  <si>
    <t>buurt_gegeneraliseerd_2021.e3606698-645f-489b-b198-b5a205515fe2</t>
  </si>
  <si>
    <t>BU16801903</t>
  </si>
  <si>
    <t>2021BU16801903</t>
  </si>
  <si>
    <t>Deurze</t>
  </si>
  <si>
    <t>buurt_gegeneraliseerd_2021.83803920-4503-4ee2-9af2-b15afd85767e</t>
  </si>
  <si>
    <t>BU16801908</t>
  </si>
  <si>
    <t>2021BU16801908</t>
  </si>
  <si>
    <t>Verspreide huizen Nooitgedacht</t>
  </si>
  <si>
    <t>buurt_gegeneraliseerd_2021.31184b03-0c96-44ff-86e9-19a32e5a45c9</t>
  </si>
  <si>
    <t>BU16801909</t>
  </si>
  <si>
    <t>2021BU16801909</t>
  </si>
  <si>
    <t>Verspreide huizen Rolde</t>
  </si>
  <si>
    <t>buurt_gegeneraliseerd_2021.4eb8b2c1-955a-4321-84d8-15b6c20f03e4</t>
  </si>
  <si>
    <t>BU16802000</t>
  </si>
  <si>
    <t>2021BU16802000</t>
  </si>
  <si>
    <t>Grolloo</t>
  </si>
  <si>
    <t>buurt_gegeneraliseerd_2021.a3bfe4c7-0f89-4aa1-8910-74c0d98b908f</t>
  </si>
  <si>
    <t>BU16802001</t>
  </si>
  <si>
    <t>2021BU16802001</t>
  </si>
  <si>
    <t>Schoonloo</t>
  </si>
  <si>
    <t>buurt_gegeneraliseerd_2021.0d5dbb30-8c63-4e0e-819f-9dbaa06cee8c</t>
  </si>
  <si>
    <t>BU16802008</t>
  </si>
  <si>
    <t>2021BU16802008</t>
  </si>
  <si>
    <t>Verspreide huizen Papenvoort</t>
  </si>
  <si>
    <t>buurt_gegeneraliseerd_2021.906b751c-2e5c-4780-81bb-5d25c4597cbc</t>
  </si>
  <si>
    <t>BU16802009</t>
  </si>
  <si>
    <t>2021BU16802009</t>
  </si>
  <si>
    <t>Verspreide huizen Grolloo</t>
  </si>
  <si>
    <t>buurt_gegeneraliseerd_2021.0e055101-c375-4525-ae8f-3a600c74369c</t>
  </si>
  <si>
    <t>BU16802100</t>
  </si>
  <si>
    <t>2021BU16802100</t>
  </si>
  <si>
    <t>Ekehaar</t>
  </si>
  <si>
    <t>buurt_gegeneraliseerd_2021.63f9ad4f-f970-45d3-ad61-93c51ab2286d</t>
  </si>
  <si>
    <t>BU16802101</t>
  </si>
  <si>
    <t>2021BU16802101</t>
  </si>
  <si>
    <t>Amen</t>
  </si>
  <si>
    <t>buurt_gegeneraliseerd_2021.4d2a85ba-0ec6-4686-b40c-969dd170ca90</t>
  </si>
  <si>
    <t>BU16802109</t>
  </si>
  <si>
    <t>2021BU16802109</t>
  </si>
  <si>
    <t>Verspreide huizen Ekehaar</t>
  </si>
  <si>
    <t>buurt_gegeneraliseerd_2021.fc3c1e3b-2d78-4bfd-926f-ebda626f7789</t>
  </si>
  <si>
    <t>BU16840116</t>
  </si>
  <si>
    <t>2021BU16840116</t>
  </si>
  <si>
    <t>Linden buitengebied</t>
  </si>
  <si>
    <t>GM1684</t>
  </si>
  <si>
    <t>buurt_gegeneraliseerd_2021.39166814-646c-475f-a3a8-3f82e9ba75f2</t>
  </si>
  <si>
    <t>BU16840118</t>
  </si>
  <si>
    <t>2021BU16840118</t>
  </si>
  <si>
    <t>Linden kern</t>
  </si>
  <si>
    <t>buurt_gegeneraliseerd_2021.54061730-cbd8-4d08-89de-4e5473e8f8c4</t>
  </si>
  <si>
    <t>BU16840207</t>
  </si>
  <si>
    <t>2021BU16840207</t>
  </si>
  <si>
    <t>Katwijk buitengebied</t>
  </si>
  <si>
    <t>buurt_gegeneraliseerd_2021.fd9cff82-202f-4da8-808f-f53035dc80da</t>
  </si>
  <si>
    <t>BU16840209</t>
  </si>
  <si>
    <t>2021BU16840209</t>
  </si>
  <si>
    <t>Katwijk kern</t>
  </si>
  <si>
    <t>buurt_gegeneraliseerd_2021.f2f6acc4-ab18-42de-8c46-b22c89248a9c</t>
  </si>
  <si>
    <t>BU16840217</t>
  </si>
  <si>
    <t>2021BU16840217</t>
  </si>
  <si>
    <t>Katwijk havengebied</t>
  </si>
  <si>
    <t>buurt_gegeneraliseerd_2021.ee25c819-2607-4bcd-ba79-9febf2c9629e</t>
  </si>
  <si>
    <t>BU16840303</t>
  </si>
  <si>
    <t>2021BU16840303</t>
  </si>
  <si>
    <t>Vianen kern</t>
  </si>
  <si>
    <t>buurt_gegeneraliseerd_2021.3108a3af-2e18-42ed-a45b-2aa467612719</t>
  </si>
  <si>
    <t>BU16840315</t>
  </si>
  <si>
    <t>2021BU16840315</t>
  </si>
  <si>
    <t>Vianen buitengebied</t>
  </si>
  <si>
    <t>buurt_gegeneraliseerd_2021.560186d2-2cc8-411e-b74b-7fe557f64ec9</t>
  </si>
  <si>
    <t>BU16840410</t>
  </si>
  <si>
    <t>2021BU16840410</t>
  </si>
  <si>
    <t>Beers kern</t>
  </si>
  <si>
    <t>buurt_gegeneraliseerd_2021.99ab6f86-ef58-4145-a28e-ab5f43823d6b</t>
  </si>
  <si>
    <t>BU16840419</t>
  </si>
  <si>
    <t>2021BU16840419</t>
  </si>
  <si>
    <t>Beers buitengebied</t>
  </si>
  <si>
    <t>buurt_gegeneraliseerd_2021.1ddcfbdd-9e16-47b9-8107-bd8a317392cd</t>
  </si>
  <si>
    <t>BU16840601</t>
  </si>
  <si>
    <t>2021BU16840601</t>
  </si>
  <si>
    <t>Cuijk Padbroek</t>
  </si>
  <si>
    <t>buurt_gegeneraliseerd_2021.42897422-716a-4921-89f3-a81378d0aa73</t>
  </si>
  <si>
    <t>BU16840602</t>
  </si>
  <si>
    <t>2021BU16840602</t>
  </si>
  <si>
    <t>Cuijk kern</t>
  </si>
  <si>
    <t>buurt_gegeneraliseerd_2021.407f15ac-26c6-4d4e-aa7f-c4f33d159602</t>
  </si>
  <si>
    <t>BU16840611</t>
  </si>
  <si>
    <t>2021BU16840611</t>
  </si>
  <si>
    <t>Cuijk industriegebied</t>
  </si>
  <si>
    <t>buurt_gegeneraliseerd_2021.ffca71c9-a124-4728-bf79-256ad0cd1ec5</t>
  </si>
  <si>
    <t>BU16840612</t>
  </si>
  <si>
    <t>2021BU16840612</t>
  </si>
  <si>
    <t>Cuijk buitengebied ten westen</t>
  </si>
  <si>
    <t>buurt_gegeneraliseerd_2021.a26697ae-8ec6-42c2-b542-846ddce57d01</t>
  </si>
  <si>
    <t>BU16840613</t>
  </si>
  <si>
    <t>2021BU16840613</t>
  </si>
  <si>
    <t>Cuijk Heeswijkse Kampen</t>
  </si>
  <si>
    <t>buurt_gegeneraliseerd_2021.bb2e7a44-5dd6-4a82-9431-f56d1149394c</t>
  </si>
  <si>
    <t>BU16840614</t>
  </si>
  <si>
    <t>2021BU16840614</t>
  </si>
  <si>
    <t>Cuijk buitengebied ten zuid-westen</t>
  </si>
  <si>
    <t>buurt_gegeneraliseerd_2021.e87a3cdc-10c4-4497-afa8-ec26bb4d288c</t>
  </si>
  <si>
    <t>BU16840620</t>
  </si>
  <si>
    <t>2021BU16840620</t>
  </si>
  <si>
    <t>Cuijk De Valuwe</t>
  </si>
  <si>
    <t>buurt_gegeneraliseerd_2021.2cde7d7f-15bd-412a-b8cf-e2bbcf08e0e9</t>
  </si>
  <si>
    <t>BU16841105</t>
  </si>
  <si>
    <t>2021BU16841105</t>
  </si>
  <si>
    <t>Haps kern</t>
  </si>
  <si>
    <t>buurt_gegeneraliseerd_2021.0b03740f-f4f7-45bf-a30f-239817c435e1</t>
  </si>
  <si>
    <t>BU16841106</t>
  </si>
  <si>
    <t>2021BU16841106</t>
  </si>
  <si>
    <t>Haps buitengebied</t>
  </si>
  <si>
    <t>buurt_gegeneraliseerd_2021.e33c75d7-4581-4e7b-9d5f-b754af7218bf</t>
  </si>
  <si>
    <t>BU16841404</t>
  </si>
  <si>
    <t>2021BU16841404</t>
  </si>
  <si>
    <t>Sint Agatha kern</t>
  </si>
  <si>
    <t>buurt_gegeneraliseerd_2021.d51de580-6cb8-4407-bf03-232a048ed5c0</t>
  </si>
  <si>
    <t>BU16841408</t>
  </si>
  <si>
    <t>2021BU16841408</t>
  </si>
  <si>
    <t>Sint Agatha buitengebied</t>
  </si>
  <si>
    <t>buurt_gegeneraliseerd_2021.33bea9df-2b8d-484b-bb07-819c914e936a</t>
  </si>
  <si>
    <t>BU16850000</t>
  </si>
  <si>
    <t>2021BU16850000</t>
  </si>
  <si>
    <t>Schaijk</t>
  </si>
  <si>
    <t>GM1685</t>
  </si>
  <si>
    <t>buurt_gegeneraliseerd_2021.174e5b04-4bd7-4aa9-a98e-553006289ee3</t>
  </si>
  <si>
    <t>BU16850007</t>
  </si>
  <si>
    <t>2021BU16850007</t>
  </si>
  <si>
    <t>Verspreide huizen Schaijkse Heide</t>
  </si>
  <si>
    <t>buurt_gegeneraliseerd_2021.0f484006-b95b-4201-aa15-30009ef70538</t>
  </si>
  <si>
    <t>BU16850008</t>
  </si>
  <si>
    <t>2021BU16850008</t>
  </si>
  <si>
    <t>Verspreide huizen Mun</t>
  </si>
  <si>
    <t>buurt_gegeneraliseerd_2021.5fc08805-6755-40c5-83c1-400445df46c3</t>
  </si>
  <si>
    <t>BU16850009</t>
  </si>
  <si>
    <t>2021BU16850009</t>
  </si>
  <si>
    <t>buurt_gegeneraliseerd_2021.2b6ee559-2649-476d-ae23-f10eabde962d</t>
  </si>
  <si>
    <t>BU16850100</t>
  </si>
  <si>
    <t>2021BU16850100</t>
  </si>
  <si>
    <t>Reek</t>
  </si>
  <si>
    <t>buurt_gegeneraliseerd_2021.64ed1aaf-163f-4d71-bb71-28979d2cbf88</t>
  </si>
  <si>
    <t>BU16850109</t>
  </si>
  <si>
    <t>2021BU16850109</t>
  </si>
  <si>
    <t>Verspreide huizen Reekse Heide en Bovenland</t>
  </si>
  <si>
    <t>buurt_gegeneraliseerd_2021.72ccd44e-4a1f-4686-b67d-e9996b9e17b7</t>
  </si>
  <si>
    <t>BU16850200</t>
  </si>
  <si>
    <t>2021BU16850200</t>
  </si>
  <si>
    <t>Zeeland</t>
  </si>
  <si>
    <t>buurt_gegeneraliseerd_2021.fc9083f6-8a83-4125-9e59-27a270687d87</t>
  </si>
  <si>
    <t>BU16850201</t>
  </si>
  <si>
    <t>2021BU16850201</t>
  </si>
  <si>
    <t>Nabbegat-Voederheil</t>
  </si>
  <si>
    <t>buurt_gegeneraliseerd_2021.82a2b65b-0e0e-416e-a763-8ff7c8390ad4</t>
  </si>
  <si>
    <t>BU16850202</t>
  </si>
  <si>
    <t>2021BU16850202</t>
  </si>
  <si>
    <t>Oventje</t>
  </si>
  <si>
    <t>buurt_gegeneraliseerd_2021.622300a2-5056-4b02-8a06-59375f43db47</t>
  </si>
  <si>
    <t>BU16850207</t>
  </si>
  <si>
    <t>2021BU16850207</t>
  </si>
  <si>
    <t>Verspreide huizen Trent-Graspeel</t>
  </si>
  <si>
    <t>buurt_gegeneraliseerd_2021.0ea94000-b1c0-4084-ba47-57fff6450491</t>
  </si>
  <si>
    <t>BU16850208</t>
  </si>
  <si>
    <t>2021BU16850208</t>
  </si>
  <si>
    <t>Verspreide huizen Zevenhuis</t>
  </si>
  <si>
    <t>buurt_gegeneraliseerd_2021.72248ab8-71f5-429b-9cb6-bf94ef345284</t>
  </si>
  <si>
    <t>BU16850209</t>
  </si>
  <si>
    <t>2021BU16850209</t>
  </si>
  <si>
    <t>Verspreide huizen Duifhuis-Kreitsberg</t>
  </si>
  <si>
    <t>buurt_gegeneraliseerd_2021.17040421-1ddf-4c7f-8148-e71ddd90d508</t>
  </si>
  <si>
    <t>BU16850909</t>
  </si>
  <si>
    <t>2021BU16850909</t>
  </si>
  <si>
    <t>Verspreide huizen Peel</t>
  </si>
  <si>
    <t>buurt_gegeneraliseerd_2021.431290c2-d077-41bd-8d23-84378e238a4e</t>
  </si>
  <si>
    <t>BU16900000</t>
  </si>
  <si>
    <t>2021BU16900000</t>
  </si>
  <si>
    <t>Zuidwolde kern</t>
  </si>
  <si>
    <t>GM1690</t>
  </si>
  <si>
    <t>buurt_gegeneraliseerd_2021.98cc837a-fdd2-4cab-a845-df1cd9011173</t>
  </si>
  <si>
    <t>BU16900009</t>
  </si>
  <si>
    <t>2021BU16900009</t>
  </si>
  <si>
    <t>Verspreide huizen Zuidwolde</t>
  </si>
  <si>
    <t>buurt_gegeneraliseerd_2021.c136e373-7586-419a-b981-e74f5bb62e99</t>
  </si>
  <si>
    <t>BU16900100</t>
  </si>
  <si>
    <t>2021BU16900100</t>
  </si>
  <si>
    <t>buurt_gegeneraliseerd_2021.d3db5ee5-fa36-4edb-873e-5e5eacadaf70</t>
  </si>
  <si>
    <t>BU16900109</t>
  </si>
  <si>
    <t>2021BU16900109</t>
  </si>
  <si>
    <t>buurt_gegeneraliseerd_2021.50d83877-c5b4-4f78-bb60-f01ce1467a6c</t>
  </si>
  <si>
    <t>BU16900200</t>
  </si>
  <si>
    <t>2021BU16900200</t>
  </si>
  <si>
    <t>Kerkenveld</t>
  </si>
  <si>
    <t>buurt_gegeneraliseerd_2021.e7ddae8e-6ddf-4030-9636-b25df99847ee</t>
  </si>
  <si>
    <t>BU16900209</t>
  </si>
  <si>
    <t>2021BU16900209</t>
  </si>
  <si>
    <t>Verspreide huizen Kerkenveld</t>
  </si>
  <si>
    <t>buurt_gegeneraliseerd_2021.d490d36d-785e-40c6-8193-682bef51459c</t>
  </si>
  <si>
    <t>BU16900300</t>
  </si>
  <si>
    <t>2021BU16900300</t>
  </si>
  <si>
    <t>Drogteropslagen</t>
  </si>
  <si>
    <t>buurt_gegeneraliseerd_2021.675ef19e-1ca7-4df1-9877-fae89f730f10</t>
  </si>
  <si>
    <t>BU16900309</t>
  </si>
  <si>
    <t>2021BU16900309</t>
  </si>
  <si>
    <t>Verspreide huizen Drogteropslagen</t>
  </si>
  <si>
    <t>buurt_gegeneraliseerd_2021.f6c8931a-c71d-48a2-ae30-1d41dcb2afc4</t>
  </si>
  <si>
    <t>BU16900400</t>
  </si>
  <si>
    <t>2021BU16900400</t>
  </si>
  <si>
    <t>Linde</t>
  </si>
  <si>
    <t>buurt_gegeneraliseerd_2021.9a406f93-fdb0-41c8-99c5-38783cf01132</t>
  </si>
  <si>
    <t>BU16900409</t>
  </si>
  <si>
    <t>2021BU16900409</t>
  </si>
  <si>
    <t>Verspreide huizen Linde</t>
  </si>
  <si>
    <t>buurt_gegeneraliseerd_2021.9d71f3c8-7190-4690-8a18-d9739e77c8af</t>
  </si>
  <si>
    <t>BU16900500</t>
  </si>
  <si>
    <t>2021BU16900500</t>
  </si>
  <si>
    <t>Fort</t>
  </si>
  <si>
    <t>buurt_gegeneraliseerd_2021.dd753b9f-5dbd-4366-809a-73c04d536410</t>
  </si>
  <si>
    <t>BU16900509</t>
  </si>
  <si>
    <t>2021BU16900509</t>
  </si>
  <si>
    <t>Verspreide huizen Fort</t>
  </si>
  <si>
    <t>buurt_gegeneraliseerd_2021.8be63bff-aafe-4b32-855c-0e030e6fe5cd</t>
  </si>
  <si>
    <t>BU16900600</t>
  </si>
  <si>
    <t>2021BU16900600</t>
  </si>
  <si>
    <t>Veeningen</t>
  </si>
  <si>
    <t>buurt_gegeneraliseerd_2021.3b5e6ef3-7ef9-44b6-972c-68c1809ed618</t>
  </si>
  <si>
    <t>BU16900609</t>
  </si>
  <si>
    <t>2021BU16900609</t>
  </si>
  <si>
    <t>Verspreide huizen Veeningen</t>
  </si>
  <si>
    <t>buurt_gegeneraliseerd_2021.c3512ab3-d1da-4d9a-83b1-f9ab80242166</t>
  </si>
  <si>
    <t>BU16900700</t>
  </si>
  <si>
    <t>2021BU16900700</t>
  </si>
  <si>
    <t>Echten</t>
  </si>
  <si>
    <t>buurt_gegeneraliseerd_2021.ffb58595-b298-4f8e-a6ed-fb291605fd45</t>
  </si>
  <si>
    <t>BU16900709</t>
  </si>
  <si>
    <t>2021BU16900709</t>
  </si>
  <si>
    <t>Verspreide huizen Echten</t>
  </si>
  <si>
    <t>buurt_gegeneraliseerd_2021.f96593af-d35b-4fdf-ac96-f63bccb9b00e</t>
  </si>
  <si>
    <t>BU16900800</t>
  </si>
  <si>
    <t>2021BU16900800</t>
  </si>
  <si>
    <t>Ruinen</t>
  </si>
  <si>
    <t>buurt_gegeneraliseerd_2021.2b9be5d6-a1a7-4f5b-afd5-7b4f7532c1e2</t>
  </si>
  <si>
    <t>BU16900801</t>
  </si>
  <si>
    <t>2021BU16900801</t>
  </si>
  <si>
    <t>Oldenhave</t>
  </si>
  <si>
    <t>buurt_gegeneraliseerd_2021.0829540b-8ea8-423b-832c-93094260dddf</t>
  </si>
  <si>
    <t>BU16900802</t>
  </si>
  <si>
    <t>2021BU16900802</t>
  </si>
  <si>
    <t>Ruinerweide</t>
  </si>
  <si>
    <t>buurt_gegeneraliseerd_2021.7cbf8ca4-030d-45b3-ae98-03fb9caf360d</t>
  </si>
  <si>
    <t>BU16900803</t>
  </si>
  <si>
    <t>2021BU16900803</t>
  </si>
  <si>
    <t>Leeuwte</t>
  </si>
  <si>
    <t>buurt_gegeneraliseerd_2021.91557c8c-7410-4b4b-9dbb-debb76c01be9</t>
  </si>
  <si>
    <t>BU16900804</t>
  </si>
  <si>
    <t>2021BU16900804</t>
  </si>
  <si>
    <t>buurt_gegeneraliseerd_2021.7ad52eb2-1e0e-4546-822b-26b97d8f9547</t>
  </si>
  <si>
    <t>BU16900809</t>
  </si>
  <si>
    <t>2021BU16900809</t>
  </si>
  <si>
    <t>Verspreide huizen Ruinen</t>
  </si>
  <si>
    <t>buurt_gegeneraliseerd_2021.650979c8-0fa5-444c-b4f2-6ab964f8c9ca</t>
  </si>
  <si>
    <t>BU16900900</t>
  </si>
  <si>
    <t>2021BU16900900</t>
  </si>
  <si>
    <t>Eursinge en Pesse</t>
  </si>
  <si>
    <t>buurt_gegeneraliseerd_2021.1cf3fab6-a409-464a-8d89-d8b4f4b8ab0e</t>
  </si>
  <si>
    <t>BU16900909</t>
  </si>
  <si>
    <t>2021BU16900909</t>
  </si>
  <si>
    <t>Verspreide huizen Pesse</t>
  </si>
  <si>
    <t>buurt_gegeneraliseerd_2021.2aecdaa5-87b8-420d-afc5-cf792f785ac7</t>
  </si>
  <si>
    <t>BU16901000</t>
  </si>
  <si>
    <t>2021BU16901000</t>
  </si>
  <si>
    <t>Ansen</t>
  </si>
  <si>
    <t>buurt_gegeneraliseerd_2021.83f603fa-2a02-46bf-913e-f852eea6b0f1</t>
  </si>
  <si>
    <t>BU16901009</t>
  </si>
  <si>
    <t>2021BU16901009</t>
  </si>
  <si>
    <t>Verspreide huizen Ansen</t>
  </si>
  <si>
    <t>buurt_gegeneraliseerd_2021.f33055cd-56a6-4e60-b30a-2e81b8a4d941</t>
  </si>
  <si>
    <t>BU16901100</t>
  </si>
  <si>
    <t>2021BU16901100</t>
  </si>
  <si>
    <t>Ruinerwold</t>
  </si>
  <si>
    <t>buurt_gegeneraliseerd_2021.c267a29c-ff34-47a6-b516-91ca5e826731</t>
  </si>
  <si>
    <t>BU16901101</t>
  </si>
  <si>
    <t>2021BU16901101</t>
  </si>
  <si>
    <t>Haakswold</t>
  </si>
  <si>
    <t>buurt_gegeneraliseerd_2021.c609a3df-7812-483a-a421-c6fcc5770e41</t>
  </si>
  <si>
    <t>BU16901102</t>
  </si>
  <si>
    <t>2021BU16901102</t>
  </si>
  <si>
    <t>buurt_gegeneraliseerd_2021.cbdd2fda-229e-4ec0-bdfd-59b7f763d800</t>
  </si>
  <si>
    <t>BU16901103</t>
  </si>
  <si>
    <t>2021BU16901103</t>
  </si>
  <si>
    <t>Berghuizen</t>
  </si>
  <si>
    <t>buurt_gegeneraliseerd_2021.24cd00f2-5c9e-4387-ae67-6b62be76f4b8</t>
  </si>
  <si>
    <t>BU16901104</t>
  </si>
  <si>
    <t>2021BU16901104</t>
  </si>
  <si>
    <t>Weerwille</t>
  </si>
  <si>
    <t>buurt_gegeneraliseerd_2021.f3faa109-bdbc-4d45-8e09-5087da10ae59</t>
  </si>
  <si>
    <t>BU16901105</t>
  </si>
  <si>
    <t>2021BU16901105</t>
  </si>
  <si>
    <t>Oosteinde-Buiten</t>
  </si>
  <si>
    <t>buurt_gegeneraliseerd_2021.ebe43bca-a8ca-47ee-8efb-0bc9d3601b46</t>
  </si>
  <si>
    <t>BU16901109</t>
  </si>
  <si>
    <t>2021BU16901109</t>
  </si>
  <si>
    <t>Ruinerwold-Buiten</t>
  </si>
  <si>
    <t>buurt_gegeneraliseerd_2021.39ddf511-f62a-49e1-91c3-ed338322fdb9</t>
  </si>
  <si>
    <t>BU16901200</t>
  </si>
  <si>
    <t>2021BU16901200</t>
  </si>
  <si>
    <t>Koekange</t>
  </si>
  <si>
    <t>buurt_gegeneraliseerd_2021.0a95655a-870a-4202-a13c-d9b2cf37b905</t>
  </si>
  <si>
    <t>BU16901201</t>
  </si>
  <si>
    <t>2021BU16901201</t>
  </si>
  <si>
    <t>Koekange Noord</t>
  </si>
  <si>
    <t>buurt_gegeneraliseerd_2021.691aa6c0-9789-4318-bbc2-cec36d6d681f</t>
  </si>
  <si>
    <t>BU16901202</t>
  </si>
  <si>
    <t>2021BU16901202</t>
  </si>
  <si>
    <t>Koekange Zuid</t>
  </si>
  <si>
    <t>buurt_gegeneraliseerd_2021.cba91e2a-8f7c-4fa4-9760-1b5b9012df20</t>
  </si>
  <si>
    <t>BU16901203</t>
  </si>
  <si>
    <t>2021BU16901203</t>
  </si>
  <si>
    <t>Koekangerveld</t>
  </si>
  <si>
    <t>buurt_gegeneraliseerd_2021.7104fa5a-53b1-4c6e-b49c-9e51335c0809</t>
  </si>
  <si>
    <t>BU16901209</t>
  </si>
  <si>
    <t>2021BU16901209</t>
  </si>
  <si>
    <t>Verspreide huizen Koekange</t>
  </si>
  <si>
    <t>buurt_gegeneraliseerd_2021.926ab8af-5bb3-491b-bdac-9c16944d9055</t>
  </si>
  <si>
    <t>BU16901300</t>
  </si>
  <si>
    <t>2021BU16901300</t>
  </si>
  <si>
    <t>De Wijk</t>
  </si>
  <si>
    <t>buurt_gegeneraliseerd_2021.e5fe4e6d-49ef-4bf0-934c-898eb16279c6</t>
  </si>
  <si>
    <t>BU16901309</t>
  </si>
  <si>
    <t>2021BU16901309</t>
  </si>
  <si>
    <t>Verspreide huizen De Wijk</t>
  </si>
  <si>
    <t>buurt_gegeneraliseerd_2021.12ac298b-ce9c-4669-bff9-7f9b1b209201</t>
  </si>
  <si>
    <t>BU16950000</t>
  </si>
  <si>
    <t>2021BU16950000</t>
  </si>
  <si>
    <t>Kortgene-Dorp</t>
  </si>
  <si>
    <t>GM1695</t>
  </si>
  <si>
    <t>buurt_gegeneraliseerd_2021.7e15d725-9656-4f66-a52f-1f1dbde09dfd</t>
  </si>
  <si>
    <t>BU16950001</t>
  </si>
  <si>
    <t>2021BU16950001</t>
  </si>
  <si>
    <t>Kortgene-Oost</t>
  </si>
  <si>
    <t>buurt_gegeneraliseerd_2021.3cbc150e-914d-4466-a4f0-4db165cbec8e</t>
  </si>
  <si>
    <t>BU16950009</t>
  </si>
  <si>
    <t>2021BU16950009</t>
  </si>
  <si>
    <t>Verspreide huizen Kortgene</t>
  </si>
  <si>
    <t>buurt_gegeneraliseerd_2021.0477c9ce-aeed-4825-8a89-c1cf2e6b9631</t>
  </si>
  <si>
    <t>BU16950100</t>
  </si>
  <si>
    <t>2021BU16950100</t>
  </si>
  <si>
    <t>Colijnsplaat</t>
  </si>
  <si>
    <t>buurt_gegeneraliseerd_2021.94df06e2-034a-4632-9322-4c3d9f6842f5</t>
  </si>
  <si>
    <t>BU16950109</t>
  </si>
  <si>
    <t>2021BU16950109</t>
  </si>
  <si>
    <t>Verspreide huizen Colijnsplaat</t>
  </si>
  <si>
    <t>buurt_gegeneraliseerd_2021.c1b82daf-9c0b-4ef5-a0f3-333a952588dc</t>
  </si>
  <si>
    <t>BU16950200</t>
  </si>
  <si>
    <t>2021BU16950200</t>
  </si>
  <si>
    <t>Kats</t>
  </si>
  <si>
    <t>buurt_gegeneraliseerd_2021.4d33a3e8-6ba6-4a2f-a926-d76fe7255ac5</t>
  </si>
  <si>
    <t>BU16950209</t>
  </si>
  <si>
    <t>2021BU16950209</t>
  </si>
  <si>
    <t>Verspreide huizen Kats</t>
  </si>
  <si>
    <t>buurt_gegeneraliseerd_2021.f338cf1c-9c78-4a93-b074-758f8a0d3d4d</t>
  </si>
  <si>
    <t>BU16950300</t>
  </si>
  <si>
    <t>2021BU16950300</t>
  </si>
  <si>
    <t>Kamperland</t>
  </si>
  <si>
    <t>buurt_gegeneraliseerd_2021.64563446-74f9-4a9e-91ef-fe370b691d36</t>
  </si>
  <si>
    <t>BU16950301</t>
  </si>
  <si>
    <t>2021BU16950301</t>
  </si>
  <si>
    <t>Recreatiegebied Kamperland</t>
  </si>
  <si>
    <t>buurt_gegeneraliseerd_2021.9a77f770-03df-4d6a-84a8-71d5e5ba4242</t>
  </si>
  <si>
    <t>BU16950309</t>
  </si>
  <si>
    <t>2021BU16950309</t>
  </si>
  <si>
    <t>Verspreide huizen Kamperland</t>
  </si>
  <si>
    <t>buurt_gegeneraliseerd_2021.2f1dafd7-10a1-4e8c-be21-4a32b96d2f08</t>
  </si>
  <si>
    <t>BU16950400</t>
  </si>
  <si>
    <t>2021BU16950400</t>
  </si>
  <si>
    <t>Wissenkerke</t>
  </si>
  <si>
    <t>buurt_gegeneraliseerd_2021.bac3d25a-3cf3-4db6-9583-3111f0555909</t>
  </si>
  <si>
    <t>BU16950409</t>
  </si>
  <si>
    <t>2021BU16950409</t>
  </si>
  <si>
    <t>Verspreide huizen Wissenkerke</t>
  </si>
  <si>
    <t>buurt_gegeneraliseerd_2021.ad3f052e-ae6d-4280-9807-e083211dbf1f</t>
  </si>
  <si>
    <t>BU16950500</t>
  </si>
  <si>
    <t>2021BU16950500</t>
  </si>
  <si>
    <t>Geersdijk</t>
  </si>
  <si>
    <t>buurt_gegeneraliseerd_2021.8ed9c00b-bc90-4a3c-9f87-8424f03d7816</t>
  </si>
  <si>
    <t>BU16950509</t>
  </si>
  <si>
    <t>2021BU16950509</t>
  </si>
  <si>
    <t>Verspreide huizen Geersdijk</t>
  </si>
  <si>
    <t>buurt_gegeneraliseerd_2021.040e3676-be0c-4530-83dd-3cc285bf21db</t>
  </si>
  <si>
    <t>BU16960000</t>
  </si>
  <si>
    <t>2021BU16960000</t>
  </si>
  <si>
    <t>'s-Graveland</t>
  </si>
  <si>
    <t>GM1696</t>
  </si>
  <si>
    <t>buurt_gegeneraliseerd_2021.73ded226-bb53-4c57-b850-e32cd371e190</t>
  </si>
  <si>
    <t>BU16960100</t>
  </si>
  <si>
    <t>2021BU16960100</t>
  </si>
  <si>
    <t>Oud-Kortenhoef</t>
  </si>
  <si>
    <t>buurt_gegeneraliseerd_2021.dccc51d4-2021-42e1-b414-20367a226968</t>
  </si>
  <si>
    <t>BU16960101</t>
  </si>
  <si>
    <t>2021BU16960101</t>
  </si>
  <si>
    <t>Rade, Oranjebuurt, Munniksveen en omgeving</t>
  </si>
  <si>
    <t>buurt_gegeneraliseerd_2021.6c9a87f4-b27f-426f-a118-cd42e57f4e9f</t>
  </si>
  <si>
    <t>BU16960102</t>
  </si>
  <si>
    <t>2021BU16960102</t>
  </si>
  <si>
    <t>Moleneind</t>
  </si>
  <si>
    <t>buurt_gegeneraliseerd_2021.12e6c7dc-e6db-418b-86ba-c6edc550aba2</t>
  </si>
  <si>
    <t>BU16960103</t>
  </si>
  <si>
    <t>2021BU16960103</t>
  </si>
  <si>
    <t>Kromme Rade</t>
  </si>
  <si>
    <t>buurt_gegeneraliseerd_2021.e2f8be55-cd06-4d39-8151-222e636663a3</t>
  </si>
  <si>
    <t>BU16960200</t>
  </si>
  <si>
    <t>2021BU16960200</t>
  </si>
  <si>
    <t>Ankeveen</t>
  </si>
  <si>
    <t>buurt_gegeneraliseerd_2021.59163cf2-1f23-4367-a011-f0936985525c</t>
  </si>
  <si>
    <t>BU16960201</t>
  </si>
  <si>
    <t>2021BU16960201</t>
  </si>
  <si>
    <t>Ankeveense Rade</t>
  </si>
  <si>
    <t>buurt_gegeneraliseerd_2021.d132e229-d2d1-4716-ac87-d0b61fce5aee</t>
  </si>
  <si>
    <t>BU16960202</t>
  </si>
  <si>
    <t>2021BU16960202</t>
  </si>
  <si>
    <t>Hollandsch Ankeveen</t>
  </si>
  <si>
    <t>buurt_gegeneraliseerd_2021.ddeedfc1-d10d-42b3-8330-a20a4d966056</t>
  </si>
  <si>
    <t>BU16960300</t>
  </si>
  <si>
    <t>2021BU16960300</t>
  </si>
  <si>
    <t>Oud-Loosdrecht</t>
  </si>
  <si>
    <t>buurt_gegeneraliseerd_2021.fcf4ece9-50d0-48de-9e73-68fae267c9a3</t>
  </si>
  <si>
    <t>BU16960400</t>
  </si>
  <si>
    <t>2021BU16960400</t>
  </si>
  <si>
    <t>Nieuw-Loosdrechtsedijk</t>
  </si>
  <si>
    <t>buurt_gegeneraliseerd_2021.0b5b4df0-538f-480c-9e86-832a25dd5218</t>
  </si>
  <si>
    <t>BU16960401</t>
  </si>
  <si>
    <t>2021BU16960401</t>
  </si>
  <si>
    <t>Muijeveld</t>
  </si>
  <si>
    <t>buurt_gegeneraliseerd_2021.00b74086-3a96-478f-9801-3c0957f80345</t>
  </si>
  <si>
    <t>BU16960402</t>
  </si>
  <si>
    <t>2021BU16960402</t>
  </si>
  <si>
    <t>Boomhoek</t>
  </si>
  <si>
    <t>buurt_gegeneraliseerd_2021.5670f0e7-4964-46d2-b7fd-a687bdd4100f</t>
  </si>
  <si>
    <t>BU16960500</t>
  </si>
  <si>
    <t>2021BU16960500</t>
  </si>
  <si>
    <t>Breukeleveen</t>
  </si>
  <si>
    <t>buurt_gegeneraliseerd_2021.a8ab0fb7-fc23-4fd0-b24a-34a3555d899f</t>
  </si>
  <si>
    <t>BU16960601</t>
  </si>
  <si>
    <t>2021BU16960601</t>
  </si>
  <si>
    <t>Horn- en Kuijerpolder</t>
  </si>
  <si>
    <t>buurt_gegeneraliseerd_2021.8b762d91-d53b-4c02-8705-889706984d5f</t>
  </si>
  <si>
    <t>BU16960602</t>
  </si>
  <si>
    <t>2021BU16960602</t>
  </si>
  <si>
    <t>Blijkpolder</t>
  </si>
  <si>
    <t>buurt_gegeneraliseerd_2021.dab778b5-18b6-42d9-86f6-a19cfdcc1843</t>
  </si>
  <si>
    <t>BU16960603</t>
  </si>
  <si>
    <t>2021BU16960603</t>
  </si>
  <si>
    <t>Horstermeer</t>
  </si>
  <si>
    <t>buurt_gegeneraliseerd_2021.5090ddc1-8580-4516-8cba-2a6a7a6d3980</t>
  </si>
  <si>
    <t>BU16960604</t>
  </si>
  <si>
    <t>2021BU16960604</t>
  </si>
  <si>
    <t>Splegelpolder</t>
  </si>
  <si>
    <t>buurt_gegeneraliseerd_2021.695f0118-b10e-4ec7-898f-3de0e0c7f50a</t>
  </si>
  <si>
    <t>BU16990000</t>
  </si>
  <si>
    <t>2021BU16990000</t>
  </si>
  <si>
    <t>Roden</t>
  </si>
  <si>
    <t>GM1699</t>
  </si>
  <si>
    <t>buurt_gegeneraliseerd_2021.8217a64f-351b-4fb5-956c-e6544333cad8</t>
  </si>
  <si>
    <t>BU16990010</t>
  </si>
  <si>
    <t>2021BU16990010</t>
  </si>
  <si>
    <t>Roden West</t>
  </si>
  <si>
    <t>buurt_gegeneraliseerd_2021.ecac5a77-5b07-44dd-8cff-d7a0a50e370d</t>
  </si>
  <si>
    <t>BU16990020</t>
  </si>
  <si>
    <t>2021BU16990020</t>
  </si>
  <si>
    <t>Industrieterrein Roden</t>
  </si>
  <si>
    <t>buurt_gegeneraliseerd_2021.dd2ee406-442e-49be-9c45-d5bb239d487d</t>
  </si>
  <si>
    <t>BU16990030</t>
  </si>
  <si>
    <t>2021BU16990030</t>
  </si>
  <si>
    <t>Nieuw-Roden</t>
  </si>
  <si>
    <t>buurt_gegeneraliseerd_2021.3b9ad9d0-f027-4d3e-a469-6f2b31cc8c2d</t>
  </si>
  <si>
    <t>BU16990040</t>
  </si>
  <si>
    <t>2021BU16990040</t>
  </si>
  <si>
    <t>Nietap</t>
  </si>
  <si>
    <t>buurt_gegeneraliseerd_2021.65b9a49f-570a-46fc-ace7-85c0f6c4990b</t>
  </si>
  <si>
    <t>BU16990050</t>
  </si>
  <si>
    <t>2021BU16990050</t>
  </si>
  <si>
    <t>Leutingewolde</t>
  </si>
  <si>
    <t>buurt_gegeneraliseerd_2021.dd2f202f-0d90-43fc-957c-870ddd5b26e4</t>
  </si>
  <si>
    <t>BU16990060</t>
  </si>
  <si>
    <t>2021BU16990060</t>
  </si>
  <si>
    <t>Foxwolde</t>
  </si>
  <si>
    <t>buurt_gegeneraliseerd_2021.3e20201a-084e-4c6c-907c-f19fcfa06fda</t>
  </si>
  <si>
    <t>BU16990070</t>
  </si>
  <si>
    <t>2021BU16990070</t>
  </si>
  <si>
    <t>Roderwolde</t>
  </si>
  <si>
    <t>buurt_gegeneraliseerd_2021.032cd066-d44a-4272-80ab-8960fe0ba492</t>
  </si>
  <si>
    <t>BU16990080</t>
  </si>
  <si>
    <t>2021BU16990080</t>
  </si>
  <si>
    <t>Sandebuur</t>
  </si>
  <si>
    <t>buurt_gegeneraliseerd_2021.cb893b51-702a-4726-8d90-5be40abb7b8c</t>
  </si>
  <si>
    <t>BU16990090</t>
  </si>
  <si>
    <t>2021BU16990090</t>
  </si>
  <si>
    <t>Lieveren</t>
  </si>
  <si>
    <t>buurt_gegeneraliseerd_2021.cc72fc24-f793-4ab9-ba26-0fe77d00ab05</t>
  </si>
  <si>
    <t>BU16990100</t>
  </si>
  <si>
    <t>2021BU16990100</t>
  </si>
  <si>
    <t>Roderesch</t>
  </si>
  <si>
    <t>buurt_gegeneraliseerd_2021.304d2639-8e04-4b70-879f-675e054a885a</t>
  </si>
  <si>
    <t>BU16990110</t>
  </si>
  <si>
    <t>2021BU16990110</t>
  </si>
  <si>
    <t>buurt_gegeneraliseerd_2021.29acdb4c-d8e6-491a-8502-6c618204c138</t>
  </si>
  <si>
    <t>BU16990120</t>
  </si>
  <si>
    <t>2021BU16990120</t>
  </si>
  <si>
    <t>Buitengebied Roden Noord</t>
  </si>
  <si>
    <t>buurt_gegeneraliseerd_2021.03fc648d-e949-4f6b-94cb-92728f2c7708</t>
  </si>
  <si>
    <t>BU16990130</t>
  </si>
  <si>
    <t>2021BU16990130</t>
  </si>
  <si>
    <t>Buitengebied Roden Zuid</t>
  </si>
  <si>
    <t>buurt_gegeneraliseerd_2021.ac024c8a-5c5e-4d51-976d-30230ab3f899</t>
  </si>
  <si>
    <t>BU16990140</t>
  </si>
  <si>
    <t>2021BU16990140</t>
  </si>
  <si>
    <t>Buitengebied Roden West</t>
  </si>
  <si>
    <t>buurt_gegeneraliseerd_2021.6d994895-1c24-4c02-aeee-38c3c78a2f64</t>
  </si>
  <si>
    <t>BU16990300</t>
  </si>
  <si>
    <t>2021BU16990300</t>
  </si>
  <si>
    <t>Norg</t>
  </si>
  <si>
    <t>buurt_gegeneraliseerd_2021.77cb7eb8-4335-4f9a-8a6f-9b1f6f6feb9a</t>
  </si>
  <si>
    <t>BU16990310</t>
  </si>
  <si>
    <t>2021BU16990310</t>
  </si>
  <si>
    <t>Een</t>
  </si>
  <si>
    <t>buurt_gegeneraliseerd_2021.e0d6c240-c1ac-4727-b591-330facde0be8</t>
  </si>
  <si>
    <t>BU16990320</t>
  </si>
  <si>
    <t>2021BU16990320</t>
  </si>
  <si>
    <t>Langelo</t>
  </si>
  <si>
    <t>buurt_gegeneraliseerd_2021.3ef02fc8-132b-4bfc-8a91-422965ddbb29</t>
  </si>
  <si>
    <t>BU16990330</t>
  </si>
  <si>
    <t>2021BU16990330</t>
  </si>
  <si>
    <t>Peest</t>
  </si>
  <si>
    <t>buurt_gegeneraliseerd_2021.38c85340-53c8-45c9-84a5-28780fd78a49</t>
  </si>
  <si>
    <t>BU16990340</t>
  </si>
  <si>
    <t>2021BU16990340</t>
  </si>
  <si>
    <t>Zuidvelde</t>
  </si>
  <si>
    <t>buurt_gegeneraliseerd_2021.322e33af-650b-455b-86e0-faebed85b98e</t>
  </si>
  <si>
    <t>BU16990350</t>
  </si>
  <si>
    <t>2021BU16990350</t>
  </si>
  <si>
    <t>Westervelde</t>
  </si>
  <si>
    <t>buurt_gegeneraliseerd_2021.f057f686-4ef8-4d52-a77f-5dfea1a4185c</t>
  </si>
  <si>
    <t>BU16990360</t>
  </si>
  <si>
    <t>2021BU16990360</t>
  </si>
  <si>
    <t>Veenhuizen</t>
  </si>
  <si>
    <t>buurt_gegeneraliseerd_2021.6f6d74ff-3aa7-4c73-940d-19a5429a134d</t>
  </si>
  <si>
    <t>BU16990370</t>
  </si>
  <si>
    <t>2021BU16990370</t>
  </si>
  <si>
    <t>Verspreide huizen Huis ter Heide</t>
  </si>
  <si>
    <t>buurt_gegeneraliseerd_2021.51134e25-b1eb-432a-adcb-f89ee679703e</t>
  </si>
  <si>
    <t>BU16990380</t>
  </si>
  <si>
    <t>2021BU16990380</t>
  </si>
  <si>
    <t>Verspreide huizen Een-West</t>
  </si>
  <si>
    <t>buurt_gegeneraliseerd_2021.1aed859e-e75b-4455-8a08-da10d62bab07</t>
  </si>
  <si>
    <t>BU16990390</t>
  </si>
  <si>
    <t>2021BU16990390</t>
  </si>
  <si>
    <t>Verspreide huizen Norg</t>
  </si>
  <si>
    <t>buurt_gegeneraliseerd_2021.ddc8c3be-8a57-49a7-b29c-f0374f67433c</t>
  </si>
  <si>
    <t>BU16990400</t>
  </si>
  <si>
    <t>2021BU16990400</t>
  </si>
  <si>
    <t>Verspreide huizen Een</t>
  </si>
  <si>
    <t>buurt_gegeneraliseerd_2021.755c1829-ffd1-4e47-b5d8-e31b562d2049</t>
  </si>
  <si>
    <t>BU16990410</t>
  </si>
  <si>
    <t>2021BU16990410</t>
  </si>
  <si>
    <t>Verspreide huizen Langelo</t>
  </si>
  <si>
    <t>buurt_gegeneraliseerd_2021.a5f50bef-6340-44fc-b2ce-1161dc543649</t>
  </si>
  <si>
    <t>BU16990420</t>
  </si>
  <si>
    <t>2021BU16990420</t>
  </si>
  <si>
    <t>Verspreide huizen Peest</t>
  </si>
  <si>
    <t>buurt_gegeneraliseerd_2021.cc5e0822-2e77-471c-bf5c-c6a7c5eb761a</t>
  </si>
  <si>
    <t>BU16990430</t>
  </si>
  <si>
    <t>2021BU16990430</t>
  </si>
  <si>
    <t>Verspreide huizen Zuidvelde</t>
  </si>
  <si>
    <t>buurt_gegeneraliseerd_2021.26a29318-b769-41d9-9f20-a0a895ee5657</t>
  </si>
  <si>
    <t>BU16990440</t>
  </si>
  <si>
    <t>2021BU16990440</t>
  </si>
  <si>
    <t>Verspreide huizen Westervelde</t>
  </si>
  <si>
    <t>buurt_gegeneraliseerd_2021.07c54819-dd30-4f38-9d98-a86e9b5fc77d</t>
  </si>
  <si>
    <t>BU16990450</t>
  </si>
  <si>
    <t>2021BU16990450</t>
  </si>
  <si>
    <t>Verspreide huizen Veenhuizen</t>
  </si>
  <si>
    <t>buurt_gegeneraliseerd_2021.44fd66ef-28f0-4014-b74e-0fce2ff54f70</t>
  </si>
  <si>
    <t>BU16990600</t>
  </si>
  <si>
    <t>2021BU16990600</t>
  </si>
  <si>
    <t>Peize</t>
  </si>
  <si>
    <t>buurt_gegeneraliseerd_2021.6fe3fbb5-fa40-4637-bd9d-715978ef5000</t>
  </si>
  <si>
    <t>BU16990610</t>
  </si>
  <si>
    <t>2021BU16990610</t>
  </si>
  <si>
    <t>buurt_gegeneraliseerd_2021.848403cb-87f9-4853-b9d7-f256623748d1</t>
  </si>
  <si>
    <t>BU16990620</t>
  </si>
  <si>
    <t>2021BU16990620</t>
  </si>
  <si>
    <t>Peizermade</t>
  </si>
  <si>
    <t>buurt_gegeneraliseerd_2021.0eb63565-7484-4254-8229-6daf67f3f317</t>
  </si>
  <si>
    <t>BU16990630</t>
  </si>
  <si>
    <t>2021BU16990630</t>
  </si>
  <si>
    <t>Verspreide huizen Peize Noord</t>
  </si>
  <si>
    <t>buurt_gegeneraliseerd_2021.47d79cf4-eaa7-475c-b18a-d53f974078f1</t>
  </si>
  <si>
    <t>BU17010000</t>
  </si>
  <si>
    <t>2021BU17010000</t>
  </si>
  <si>
    <t>Diever</t>
  </si>
  <si>
    <t>GM1701</t>
  </si>
  <si>
    <t>buurt_gegeneraliseerd_2021.b6bef9d5-6652-4146-9b99-38174dc7120a</t>
  </si>
  <si>
    <t>BU17010003</t>
  </si>
  <si>
    <t>2021BU17010003</t>
  </si>
  <si>
    <t>Wittelte</t>
  </si>
  <si>
    <t>buurt_gegeneraliseerd_2021.79a42053-2771-42ca-8332-9ae7f0dd455b</t>
  </si>
  <si>
    <t>BU17010009</t>
  </si>
  <si>
    <t>2021BU17010009</t>
  </si>
  <si>
    <t>Verspreide huizen Diever</t>
  </si>
  <si>
    <t>buurt_gegeneraliseerd_2021.23dc9e47-73c7-4da4-bca8-b56b5cd289d8</t>
  </si>
  <si>
    <t>BU17010100</t>
  </si>
  <si>
    <t>2021BU17010100</t>
  </si>
  <si>
    <t>Wapse</t>
  </si>
  <si>
    <t>buurt_gegeneraliseerd_2021.ff80ca35-f485-463b-b38c-1f68454841fd</t>
  </si>
  <si>
    <t>BU17010109</t>
  </si>
  <si>
    <t>2021BU17010109</t>
  </si>
  <si>
    <t>Verspreide huizen Wapse</t>
  </si>
  <si>
    <t>buurt_gegeneraliseerd_2021.d4680514-e686-40c3-ac5e-abf5b0541968</t>
  </si>
  <si>
    <t>BU17010200</t>
  </si>
  <si>
    <t>2021BU17010200</t>
  </si>
  <si>
    <t>buurt_gegeneraliseerd_2021.1f5cd690-6be2-4d81-8c7b-e60cefa96056</t>
  </si>
  <si>
    <t>BU17010209</t>
  </si>
  <si>
    <t>2021BU17010209</t>
  </si>
  <si>
    <t>Verspreide huizen Zorgvlied</t>
  </si>
  <si>
    <t>buurt_gegeneraliseerd_2021.bc43f58a-2ac7-4b19-b0c9-aece280e9c48</t>
  </si>
  <si>
    <t>BU17010300</t>
  </si>
  <si>
    <t>2021BU17010300</t>
  </si>
  <si>
    <t>Dwingelo</t>
  </si>
  <si>
    <t>buurt_gegeneraliseerd_2021.92850712-f45f-47b0-8a76-8c88fb8536b9</t>
  </si>
  <si>
    <t>BU17010301</t>
  </si>
  <si>
    <t>2021BU17010301</t>
  </si>
  <si>
    <t>buurt_gegeneraliseerd_2021.849ce1be-f848-496e-87e7-cf6351b3a5ed</t>
  </si>
  <si>
    <t>BU17010302</t>
  </si>
  <si>
    <t>2021BU17010302</t>
  </si>
  <si>
    <t>Stroovledder</t>
  </si>
  <si>
    <t>buurt_gegeneraliseerd_2021.df4ba809-10bc-4571-a4dc-d1b61178810d</t>
  </si>
  <si>
    <t>BU17010303</t>
  </si>
  <si>
    <t>2021BU17010303</t>
  </si>
  <si>
    <t>Dwingelderveld</t>
  </si>
  <si>
    <t>buurt_gegeneraliseerd_2021.8483449c-2721-4127-ba0b-4599a8ada185</t>
  </si>
  <si>
    <t>BU17010309</t>
  </si>
  <si>
    <t>2021BU17010309</t>
  </si>
  <si>
    <t>Verspreide huizen Dwingeloo</t>
  </si>
  <si>
    <t>buurt_gegeneraliseerd_2021.6483e5cb-ec40-431b-a2f8-0797d48930d0</t>
  </si>
  <si>
    <t>BU17010400</t>
  </si>
  <si>
    <t>2021BU17010400</t>
  </si>
  <si>
    <t>Lhee</t>
  </si>
  <si>
    <t>buurt_gegeneraliseerd_2021.d95df200-1d7c-4957-827e-b8ed4c94cd6b</t>
  </si>
  <si>
    <t>BU17010401</t>
  </si>
  <si>
    <t>2021BU17010401</t>
  </si>
  <si>
    <t>Lheebroek</t>
  </si>
  <si>
    <t>buurt_gegeneraliseerd_2021.7c588341-3539-48cb-bf1f-e64afa83cd38</t>
  </si>
  <si>
    <t>BU17010409</t>
  </si>
  <si>
    <t>2021BU17010409</t>
  </si>
  <si>
    <t>Verspreide huizen Lhee</t>
  </si>
  <si>
    <t>buurt_gegeneraliseerd_2021.4d9926ba-8005-4249-b391-3343b4243bdc</t>
  </si>
  <si>
    <t>BU17010500</t>
  </si>
  <si>
    <t>2021BU17010500</t>
  </si>
  <si>
    <t>Eemster</t>
  </si>
  <si>
    <t>buurt_gegeneraliseerd_2021.2b6389c1-6dfe-461f-89c8-6a687074dc90</t>
  </si>
  <si>
    <t>BU17010509</t>
  </si>
  <si>
    <t>2021BU17010509</t>
  </si>
  <si>
    <t>Verspreide huizen Eemster</t>
  </si>
  <si>
    <t>buurt_gegeneraliseerd_2021.1a39690e-80b4-4a52-988f-b09f551401db</t>
  </si>
  <si>
    <t>BU17010600</t>
  </si>
  <si>
    <t>2021BU17010600</t>
  </si>
  <si>
    <t>Geeuwenbrug</t>
  </si>
  <si>
    <t>buurt_gegeneraliseerd_2021.a650576b-3be6-416f-b2b2-01e0ec3a3915</t>
  </si>
  <si>
    <t>BU17010601</t>
  </si>
  <si>
    <t>2021BU17010601</t>
  </si>
  <si>
    <t>Leggeloo</t>
  </si>
  <si>
    <t>buurt_gegeneraliseerd_2021.a8619935-9456-4336-aa98-63adfc9ad832</t>
  </si>
  <si>
    <t>BU17010609</t>
  </si>
  <si>
    <t>2021BU17010609</t>
  </si>
  <si>
    <t>Verspreide huizen Geeuwenbrug</t>
  </si>
  <si>
    <t>buurt_gegeneraliseerd_2021.e9623d0e-50cc-43cf-995c-28dfb9defedb</t>
  </si>
  <si>
    <t>BU17010700</t>
  </si>
  <si>
    <t>2021BU17010700</t>
  </si>
  <si>
    <t>Dieverbrug</t>
  </si>
  <si>
    <t>buurt_gegeneraliseerd_2021.d06d5922-292b-4fca-8093-7a06ac9c5800</t>
  </si>
  <si>
    <t>BU17010709</t>
  </si>
  <si>
    <t>2021BU17010709</t>
  </si>
  <si>
    <t>Verspreide huizen Dieverbrug</t>
  </si>
  <si>
    <t>buurt_gegeneraliseerd_2021.bae1c7ff-d5a0-448f-b48e-2642a3506eda</t>
  </si>
  <si>
    <t>BU17010800</t>
  </si>
  <si>
    <t>2021BU17010800</t>
  </si>
  <si>
    <t>Havelte</t>
  </si>
  <si>
    <t>buurt_gegeneraliseerd_2021.18bded4c-5bfe-4261-8947-ef3158b94750</t>
  </si>
  <si>
    <t>BU17010801</t>
  </si>
  <si>
    <t>2021BU17010801</t>
  </si>
  <si>
    <t>Darp</t>
  </si>
  <si>
    <t>buurt_gegeneraliseerd_2021.f8efc6b0-d8fe-460f-a846-2be3d4f3d333</t>
  </si>
  <si>
    <t>BU17010802</t>
  </si>
  <si>
    <t>2021BU17010802</t>
  </si>
  <si>
    <t>Havelterberg</t>
  </si>
  <si>
    <t>buurt_gegeneraliseerd_2021.5f8f7a25-9b83-4e93-8971-e02e99a92d30</t>
  </si>
  <si>
    <t>BU17010809</t>
  </si>
  <si>
    <t>2021BU17010809</t>
  </si>
  <si>
    <t>Verspreide huizen Havelte</t>
  </si>
  <si>
    <t>buurt_gegeneraliseerd_2021.76d6c807-1c50-4e87-91ea-339b99c3e013</t>
  </si>
  <si>
    <t>BU17010900</t>
  </si>
  <si>
    <t>2021BU17010900</t>
  </si>
  <si>
    <t>Uffelte</t>
  </si>
  <si>
    <t>buurt_gegeneraliseerd_2021.03970a00-3e52-4868-9043-8d75157b316a</t>
  </si>
  <si>
    <t>BU17010909</t>
  </si>
  <si>
    <t>2021BU17010909</t>
  </si>
  <si>
    <t>Verspreide huizen Uffelte</t>
  </si>
  <si>
    <t>buurt_gegeneraliseerd_2021.7e4f6d79-7972-40a6-9e54-e470a47e8709</t>
  </si>
  <si>
    <t>BU17011000</t>
  </si>
  <si>
    <t>2021BU17011000</t>
  </si>
  <si>
    <t>Wapserveen midden</t>
  </si>
  <si>
    <t>buurt_gegeneraliseerd_2021.09c38c21-91ca-4cc6-af7a-d8b205798597</t>
  </si>
  <si>
    <t>BU17011001</t>
  </si>
  <si>
    <t>2021BU17011001</t>
  </si>
  <si>
    <t>Wapserveen-West</t>
  </si>
  <si>
    <t>buurt_gegeneraliseerd_2021.62581e24-e353-4dec-a16d-11afe06be0e7</t>
  </si>
  <si>
    <t>BU17011002</t>
  </si>
  <si>
    <t>2021BU17011002</t>
  </si>
  <si>
    <t>Wapserveen-Oost</t>
  </si>
  <si>
    <t>buurt_gegeneraliseerd_2021.605ac270-20b6-439b-9664-38b813dc55df</t>
  </si>
  <si>
    <t>BU17011009</t>
  </si>
  <si>
    <t>2021BU17011009</t>
  </si>
  <si>
    <t>Verspreide huizen Wapserveen</t>
  </si>
  <si>
    <t>buurt_gegeneraliseerd_2021.bc1c3773-055d-476b-bf03-64e888c0e6a6</t>
  </si>
  <si>
    <t>BU17011100</t>
  </si>
  <si>
    <t>2021BU17011100</t>
  </si>
  <si>
    <t>Vledder</t>
  </si>
  <si>
    <t>buurt_gegeneraliseerd_2021.0dd728c5-3f1c-4c4f-a6b1-79da399fb7be</t>
  </si>
  <si>
    <t>BU17011109</t>
  </si>
  <si>
    <t>2021BU17011109</t>
  </si>
  <si>
    <t>Verspreide huizen Vledder</t>
  </si>
  <si>
    <t>buurt_gegeneraliseerd_2021.0680f6c3-6e68-4805-baf0-c252cecb67cd</t>
  </si>
  <si>
    <t>BU17011200</t>
  </si>
  <si>
    <t>2021BU17011200</t>
  </si>
  <si>
    <t>Frederiksoord</t>
  </si>
  <si>
    <t>buurt_gegeneraliseerd_2021.c68b5538-f639-4dc9-92b3-74c3db95c1e6</t>
  </si>
  <si>
    <t>BU17011209</t>
  </si>
  <si>
    <t>2021BU17011209</t>
  </si>
  <si>
    <t>Verspreide huizen Frederiksoord</t>
  </si>
  <si>
    <t>buurt_gegeneraliseerd_2021.8e014445-4da8-417b-89c6-46cc6b17a759</t>
  </si>
  <si>
    <t>BU17011300</t>
  </si>
  <si>
    <t>2021BU17011300</t>
  </si>
  <si>
    <t>Nijensleek</t>
  </si>
  <si>
    <t>buurt_gegeneraliseerd_2021.fa0aafb1-9986-4eb2-bbb0-33dd8316a413</t>
  </si>
  <si>
    <t>BU17011309</t>
  </si>
  <si>
    <t>2021BU17011309</t>
  </si>
  <si>
    <t>Verspreide huizen Nijensleek</t>
  </si>
  <si>
    <t>buurt_gegeneraliseerd_2021.7b1b0f14-5e43-42ec-84a3-4972dd985afd</t>
  </si>
  <si>
    <t>BU17011400</t>
  </si>
  <si>
    <t>2021BU17011400</t>
  </si>
  <si>
    <t>buurt_gegeneraliseerd_2021.e5fb107b-9d1e-4369-99e0-74d5d0734c5f</t>
  </si>
  <si>
    <t>BU17011409</t>
  </si>
  <si>
    <t>2021BU17011409</t>
  </si>
  <si>
    <t>Verspreide huizen Vledderveen</t>
  </si>
  <si>
    <t>buurt_gegeneraliseerd_2021.d7156f46-9e14-4f7c-b8b2-6dc5c0c2a0be</t>
  </si>
  <si>
    <t>BU17011500</t>
  </si>
  <si>
    <t>2021BU17011500</t>
  </si>
  <si>
    <t>Wilhelminaoord</t>
  </si>
  <si>
    <t>buurt_gegeneraliseerd_2021.3ed58827-5f00-4421-ab44-d5d4ef3c6282</t>
  </si>
  <si>
    <t>BU17011509</t>
  </si>
  <si>
    <t>2021BU17011509</t>
  </si>
  <si>
    <t>Verspreide huizen Wilhelminaoord</t>
  </si>
  <si>
    <t>buurt_gegeneraliseerd_2021.bcce27c8-c532-4f72-a843-661d924a954b</t>
  </si>
  <si>
    <t>BU17011600</t>
  </si>
  <si>
    <t>2021BU17011600</t>
  </si>
  <si>
    <t>Doldersum</t>
  </si>
  <si>
    <t>buurt_gegeneraliseerd_2021.97cd44a9-ced1-443b-889c-85bc56bc74a2</t>
  </si>
  <si>
    <t>BU17011609</t>
  </si>
  <si>
    <t>2021BU17011609</t>
  </si>
  <si>
    <t>Verspreide huizen Doldersum</t>
  </si>
  <si>
    <t>buurt_gegeneraliseerd_2021.5a90ada2-58ec-4667-9fab-c8591729fa45</t>
  </si>
  <si>
    <t>BU17011709</t>
  </si>
  <si>
    <t>2021BU17011709</t>
  </si>
  <si>
    <t>Verspreide huizen Boschoord</t>
  </si>
  <si>
    <t>buurt_gegeneraliseerd_2021.49b88a65-ed67-41e0-8ee3-f1014451c3e1</t>
  </si>
  <si>
    <t>BU17020000</t>
  </si>
  <si>
    <t>2021BU17020000</t>
  </si>
  <si>
    <t>Sint Anthonis</t>
  </si>
  <si>
    <t>GM1702</t>
  </si>
  <si>
    <t>buurt_gegeneraliseerd_2021.0d2c1f6e-3c69-4348-a9ff-b3526d418b47</t>
  </si>
  <si>
    <t>BU17020001</t>
  </si>
  <si>
    <t>2021BU17020001</t>
  </si>
  <si>
    <t>Ledeacker</t>
  </si>
  <si>
    <t>buurt_gegeneraliseerd_2021.e122cd25-14f4-4bd0-be29-fb7ad7118b81</t>
  </si>
  <si>
    <t>BU17020008</t>
  </si>
  <si>
    <t>2021BU17020008</t>
  </si>
  <si>
    <t>Verspreide huizen Ledeacker</t>
  </si>
  <si>
    <t>buurt_gegeneraliseerd_2021.93009a97-8667-4c1d-b9a5-171a3524d1c2</t>
  </si>
  <si>
    <t>BU17020009</t>
  </si>
  <si>
    <t>2021BU17020009</t>
  </si>
  <si>
    <t>Verspreide huizen Sint Anthonis</t>
  </si>
  <si>
    <t>buurt_gegeneraliseerd_2021.650f7ada-3630-421e-a058-95d3afdb6fb1</t>
  </si>
  <si>
    <t>BU17020100</t>
  </si>
  <si>
    <t>2021BU17020100</t>
  </si>
  <si>
    <t>Oploo</t>
  </si>
  <si>
    <t>buurt_gegeneraliseerd_2021.f8a79325-2feb-4cd6-9429-9f7d96bea8ac</t>
  </si>
  <si>
    <t>BU17020109</t>
  </si>
  <si>
    <t>2021BU17020109</t>
  </si>
  <si>
    <t>Verspreide huizen Oploo</t>
  </si>
  <si>
    <t>buurt_gegeneraliseerd_2021.82599f77-84d6-4f13-80c9-14f8e11d8583</t>
  </si>
  <si>
    <t>BU17020200</t>
  </si>
  <si>
    <t>2021BU17020200</t>
  </si>
  <si>
    <t>Westerbeek</t>
  </si>
  <si>
    <t>buurt_gegeneraliseerd_2021.77e9e00c-3edf-4dfd-8cf2-f4e46670056a</t>
  </si>
  <si>
    <t>BU17020209</t>
  </si>
  <si>
    <t>2021BU17020209</t>
  </si>
  <si>
    <t>buurt_gegeneraliseerd_2021.89224f15-f4b4-4ce3-a3ec-03f6b733c7d1</t>
  </si>
  <si>
    <t>BU17020300</t>
  </si>
  <si>
    <t>2021BU17020300</t>
  </si>
  <si>
    <t>Stevensbeek</t>
  </si>
  <si>
    <t>buurt_gegeneraliseerd_2021.72dbc8ac-1320-42a9-a504-58bbdb04f85e</t>
  </si>
  <si>
    <t>BU17020309</t>
  </si>
  <si>
    <t>2021BU17020309</t>
  </si>
  <si>
    <t>buurt_gegeneraliseerd_2021.3a03a8bc-14cf-4d4c-aa6f-57df4f24c6fe</t>
  </si>
  <si>
    <t>BU17020400</t>
  </si>
  <si>
    <t>2021BU17020400</t>
  </si>
  <si>
    <t>Wanroij</t>
  </si>
  <si>
    <t>buurt_gegeneraliseerd_2021.041bca17-a235-422f-98b6-03e528fdb6f8</t>
  </si>
  <si>
    <t>BU17020409</t>
  </si>
  <si>
    <t>2021BU17020409</t>
  </si>
  <si>
    <t>Verspreide huizen Wanroij's Broek</t>
  </si>
  <si>
    <t>buurt_gegeneraliseerd_2021.c3c69733-c298-451e-8a26-0547d556461b</t>
  </si>
  <si>
    <t>BU17020500</t>
  </si>
  <si>
    <t>2021BU17020500</t>
  </si>
  <si>
    <t>Landhorst</t>
  </si>
  <si>
    <t>buurt_gegeneraliseerd_2021.965beb83-d2b2-4e99-ac5d-0804392628e9</t>
  </si>
  <si>
    <t>BU17020509</t>
  </si>
  <si>
    <t>2021BU17020509</t>
  </si>
  <si>
    <t>Verspreide huizen De Peel</t>
  </si>
  <si>
    <t>buurt_gegeneraliseerd_2021.31b8ec01-ec83-4049-a01c-3eca25a68d71</t>
  </si>
  <si>
    <t>BU17050000</t>
  </si>
  <si>
    <t>2021BU17050000</t>
  </si>
  <si>
    <t>Bemmel</t>
  </si>
  <si>
    <t>GM1705</t>
  </si>
  <si>
    <t>buurt_gegeneraliseerd_2021.def58b63-622f-4277-8906-f7f2bee4c416</t>
  </si>
  <si>
    <t>BU17050001</t>
  </si>
  <si>
    <t>2021BU17050001</t>
  </si>
  <si>
    <t>Haalderen</t>
  </si>
  <si>
    <t>buurt_gegeneraliseerd_2021.09c253da-5031-4ea4-8cce-ef84bfcfc6ba</t>
  </si>
  <si>
    <t>BU17050002</t>
  </si>
  <si>
    <t>2021BU17050002</t>
  </si>
  <si>
    <t>Angeren</t>
  </si>
  <si>
    <t>buurt_gegeneraliseerd_2021.9da22e07-c86c-4135-abde-28e4871a7832</t>
  </si>
  <si>
    <t>BU17050003</t>
  </si>
  <si>
    <t>2021BU17050003</t>
  </si>
  <si>
    <t>Doornenburg</t>
  </si>
  <si>
    <t>buurt_gegeneraliseerd_2021.091697f0-d8ad-436c-86be-9df14405f5d2</t>
  </si>
  <si>
    <t>BU17050004</t>
  </si>
  <si>
    <t>2021BU17050004</t>
  </si>
  <si>
    <t>Verspreide huizen Ressen</t>
  </si>
  <si>
    <t>buurt_gegeneraliseerd_2021.b10d3ebe-0118-4ac7-b838-283696a19049</t>
  </si>
  <si>
    <t>BU17050005</t>
  </si>
  <si>
    <t>2021BU17050005</t>
  </si>
  <si>
    <t>Verspreide huizen Angeren</t>
  </si>
  <si>
    <t>buurt_gegeneraliseerd_2021.a68c0c0a-0c99-4fe8-a102-46c2043ee4bd</t>
  </si>
  <si>
    <t>BU17050006</t>
  </si>
  <si>
    <t>2021BU17050006</t>
  </si>
  <si>
    <t>Verspreide huizen Bemmel</t>
  </si>
  <si>
    <t>buurt_gegeneraliseerd_2021.d1db1c0e-102a-4a19-a2eb-ba709cda2c57</t>
  </si>
  <si>
    <t>BU17050007</t>
  </si>
  <si>
    <t>2021BU17050007</t>
  </si>
  <si>
    <t>Verspreide huizen Doornenburg</t>
  </si>
  <si>
    <t>buurt_gegeneraliseerd_2021.46e71b1e-9e6f-47d6-a2ad-4f27b1cacbd2</t>
  </si>
  <si>
    <t>BU17050008</t>
  </si>
  <si>
    <t>2021BU17050008</t>
  </si>
  <si>
    <t>Verspreide huizen Bemmel-Lent</t>
  </si>
  <si>
    <t>buurt_gegeneraliseerd_2021.dca1f33d-e036-4bc9-909d-f00aaa7b723b</t>
  </si>
  <si>
    <t>BU17050009</t>
  </si>
  <si>
    <t>2021BU17050009</t>
  </si>
  <si>
    <t>Verspreide huizen Ambtswaard</t>
  </si>
  <si>
    <t>buurt_gegeneraliseerd_2021.b8608a03-f3ee-4210-a977-2151527d52d9</t>
  </si>
  <si>
    <t>BU17050010</t>
  </si>
  <si>
    <t>2021BU17050010</t>
  </si>
  <si>
    <t>Verspreide huizen Haalderen</t>
  </si>
  <si>
    <t>buurt_gegeneraliseerd_2021.10a7f7d9-b5d4-4984-9f68-2aaab6bc16be</t>
  </si>
  <si>
    <t>BU17050011</t>
  </si>
  <si>
    <t>2021BU17050011</t>
  </si>
  <si>
    <t>Ooijrijkse Polder</t>
  </si>
  <si>
    <t>buurt_gegeneraliseerd_2021.aab338ed-e16a-409f-a5a1-92db3b6eb277</t>
  </si>
  <si>
    <t>BU17050100</t>
  </si>
  <si>
    <t>2021BU17050100</t>
  </si>
  <si>
    <t>Gendt</t>
  </si>
  <si>
    <t>buurt_gegeneraliseerd_2021.51280976-77c6-4ea8-b2e8-ef2335660a2f</t>
  </si>
  <si>
    <t>BU17050101</t>
  </si>
  <si>
    <t>2021BU17050101</t>
  </si>
  <si>
    <t>Buurt Gendt</t>
  </si>
  <si>
    <t>buurt_gegeneraliseerd_2021.24110996-f23b-46e8-96b2-a64ffda98e5c</t>
  </si>
  <si>
    <t>BU17050102</t>
  </si>
  <si>
    <t>2021BU17050102</t>
  </si>
  <si>
    <t>Kommerdijk</t>
  </si>
  <si>
    <t>buurt_gegeneraliseerd_2021.8eac5b81-572f-4d3b-ba57-f8329b073d15</t>
  </si>
  <si>
    <t>BU17050103</t>
  </si>
  <si>
    <t>2021BU17050103</t>
  </si>
  <si>
    <t>Hulhuizen</t>
  </si>
  <si>
    <t>buurt_gegeneraliseerd_2021.0eb9f237-47ae-4ba1-93a9-9057c1189cf1</t>
  </si>
  <si>
    <t>BU17050104</t>
  </si>
  <si>
    <t>2021BU17050104</t>
  </si>
  <si>
    <t>Flieren</t>
  </si>
  <si>
    <t>buurt_gegeneraliseerd_2021.06383e84-bf94-487c-82f9-255a0a25f2a4</t>
  </si>
  <si>
    <t>BU17050108</t>
  </si>
  <si>
    <t>2021BU17050108</t>
  </si>
  <si>
    <t>Verspreide huizen Flieren</t>
  </si>
  <si>
    <t>buurt_gegeneraliseerd_2021.16ac1346-fb47-467d-89d4-ce7bb62d4f3d</t>
  </si>
  <si>
    <t>BU17050109</t>
  </si>
  <si>
    <t>2021BU17050109</t>
  </si>
  <si>
    <t>Verspreide huizen Gendtsche Waarden</t>
  </si>
  <si>
    <t>buurt_gegeneraliseerd_2021.7a377308-2ae5-4dd6-875e-8b97caf8c549</t>
  </si>
  <si>
    <t>BU17050200</t>
  </si>
  <si>
    <t>2021BU17050200</t>
  </si>
  <si>
    <t>Oude Stad Huissen</t>
  </si>
  <si>
    <t>buurt_gegeneraliseerd_2021.167762bf-b12e-4780-824e-66f904995a1b</t>
  </si>
  <si>
    <t>BU17050201</t>
  </si>
  <si>
    <t>2021BU17050201</t>
  </si>
  <si>
    <t>Uitbreiding Stad Huissen</t>
  </si>
  <si>
    <t>buurt_gegeneraliseerd_2021.e96357a1-d642-463f-8a3a-fddec76e8bab</t>
  </si>
  <si>
    <t>BU17050202</t>
  </si>
  <si>
    <t>2021BU17050202</t>
  </si>
  <si>
    <t>buurt_gegeneraliseerd_2021.d33f405f-fcaa-4093-9342-ed20ba6f34b0</t>
  </si>
  <si>
    <t>BU17050203</t>
  </si>
  <si>
    <t>2021BU17050203</t>
  </si>
  <si>
    <t>Zilverkamp</t>
  </si>
  <si>
    <t>buurt_gegeneraliseerd_2021.dc3b1d24-e54c-41fc-a56f-e20697ac1fa5</t>
  </si>
  <si>
    <t>BU17050207</t>
  </si>
  <si>
    <t>2021BU17050207</t>
  </si>
  <si>
    <t>Verspreide huizen Het Zand</t>
  </si>
  <si>
    <t>buurt_gegeneraliseerd_2021.a820a771-337c-419b-a965-98539ce940e6</t>
  </si>
  <si>
    <t>BU17050208</t>
  </si>
  <si>
    <t>2021BU17050208</t>
  </si>
  <si>
    <t>Verspreide huizen Hoeve en Loostraat</t>
  </si>
  <si>
    <t>buurt_gegeneraliseerd_2021.55fcb856-ca7c-462f-adcd-2a9ea729975c</t>
  </si>
  <si>
    <t>BU17050209</t>
  </si>
  <si>
    <t>2021BU17050209</t>
  </si>
  <si>
    <t>Verspreide huizen Uiterwaard</t>
  </si>
  <si>
    <t>buurt_gegeneraliseerd_2021.d556caa2-bad7-43a0-87eb-b4ec390ba230</t>
  </si>
  <si>
    <t>BU17060000</t>
  </si>
  <si>
    <t>2021BU17060000</t>
  </si>
  <si>
    <t>Budel</t>
  </si>
  <si>
    <t>GM1706</t>
  </si>
  <si>
    <t>buurt_gegeneraliseerd_2021.bcc10b51-ac07-42fa-9c27-989919331720</t>
  </si>
  <si>
    <t>BU17060001</t>
  </si>
  <si>
    <t>2021BU17060001</t>
  </si>
  <si>
    <t>Heikant, Meemortel, Bosch</t>
  </si>
  <si>
    <t>buurt_gegeneraliseerd_2021.4af6e73e-536a-4c1c-a4ec-637ee5654e07</t>
  </si>
  <si>
    <t>BU17060002</t>
  </si>
  <si>
    <t>2021BU17060002</t>
  </si>
  <si>
    <t>Keunenhoek Broekkant Schoordijk</t>
  </si>
  <si>
    <t>buurt_gegeneraliseerd_2021.b787cbc3-ce98-445e-8b88-ea531bf1e2fc</t>
  </si>
  <si>
    <t>BU17060008</t>
  </si>
  <si>
    <t>2021BU17060008</t>
  </si>
  <si>
    <t>Verspreide huizen Berg en Toom</t>
  </si>
  <si>
    <t>buurt_gegeneraliseerd_2021.226e1e12-3093-4035-88b7-9ff3b61e6aeb</t>
  </si>
  <si>
    <t>BU17060009</t>
  </si>
  <si>
    <t>2021BU17060009</t>
  </si>
  <si>
    <t>buurt_gegeneraliseerd_2021.eae70d77-3c26-43fa-a0bd-da74186bcdc0</t>
  </si>
  <si>
    <t>BU17060100</t>
  </si>
  <si>
    <t>2021BU17060100</t>
  </si>
  <si>
    <t>Budel-Schoot</t>
  </si>
  <si>
    <t>buurt_gegeneraliseerd_2021.c6f28629-6f87-4f2a-9c58-af0a5bf1214c</t>
  </si>
  <si>
    <t>BU17060101</t>
  </si>
  <si>
    <t>2021BU17060101</t>
  </si>
  <si>
    <t>Klein-Schoot</t>
  </si>
  <si>
    <t>buurt_gegeneraliseerd_2021.da026dce-fa9e-4f3a-a6ad-8ddbb0ce952c</t>
  </si>
  <si>
    <t>BU17060109</t>
  </si>
  <si>
    <t>2021BU17060109</t>
  </si>
  <si>
    <t>buurt_gegeneraliseerd_2021.5be9c3aa-8ebe-43c4-93ec-908a3ec5ca96</t>
  </si>
  <si>
    <t>BU17060200</t>
  </si>
  <si>
    <t>2021BU17060200</t>
  </si>
  <si>
    <t>Budel-Dorplein</t>
  </si>
  <si>
    <t>buurt_gegeneraliseerd_2021.1302cd03-f10b-4596-a6ba-80fae0fbb870</t>
  </si>
  <si>
    <t>BU17060201</t>
  </si>
  <si>
    <t>2021BU17060201</t>
  </si>
  <si>
    <t>Industrieterrein Dorplein</t>
  </si>
  <si>
    <t>buurt_gegeneraliseerd_2021.32f8084b-dc20-49c3-83a2-2425bc302b64</t>
  </si>
  <si>
    <t>BU17060209</t>
  </si>
  <si>
    <t>2021BU17060209</t>
  </si>
  <si>
    <t>Verspreide huizen Budel-Dorplein</t>
  </si>
  <si>
    <t>buurt_gegeneraliseerd_2021.293e2676-1eba-4f94-a8cb-016943b8d7d8</t>
  </si>
  <si>
    <t>BU17060300</t>
  </si>
  <si>
    <t>2021BU17060300</t>
  </si>
  <si>
    <t>Maarheeze</t>
  </si>
  <si>
    <t>buurt_gegeneraliseerd_2021.09d6cbb8-130c-4ca4-ba2d-233c26b78cd2</t>
  </si>
  <si>
    <t>BU17060301</t>
  </si>
  <si>
    <t>2021BU17060301</t>
  </si>
  <si>
    <t>Kamersven</t>
  </si>
  <si>
    <t>buurt_gegeneraliseerd_2021.e3c15731-862b-4d2f-acda-a74fe00134af</t>
  </si>
  <si>
    <t>BU17060302</t>
  </si>
  <si>
    <t>2021BU17060302</t>
  </si>
  <si>
    <t>Industrieterrein Den Engelsman Rondven</t>
  </si>
  <si>
    <t>buurt_gegeneraliseerd_2021.86df11b4-2d3a-4ed1-a964-6099ad21e239</t>
  </si>
  <si>
    <t>BU17060308</t>
  </si>
  <si>
    <t>2021BU17060308</t>
  </si>
  <si>
    <t>Verspreide huizen Hugten</t>
  </si>
  <si>
    <t>buurt_gegeneraliseerd_2021.97550e9b-7e1e-416f-bbb4-e08e609dcd5c</t>
  </si>
  <si>
    <t>BU17060309</t>
  </si>
  <si>
    <t>2021BU17060309</t>
  </si>
  <si>
    <t>Verspreide huizen Maarheeze</t>
  </si>
  <si>
    <t>buurt_gegeneraliseerd_2021.bbe92c33-a041-4221-8291-b9e6af894c40</t>
  </si>
  <si>
    <t>BU17060400</t>
  </si>
  <si>
    <t>2021BU17060400</t>
  </si>
  <si>
    <t>Soerendonk</t>
  </si>
  <si>
    <t>buurt_gegeneraliseerd_2021.5ca13870-fe50-4bbc-9e9e-c78676de7de8</t>
  </si>
  <si>
    <t>BU17060409</t>
  </si>
  <si>
    <t>2021BU17060409</t>
  </si>
  <si>
    <t>Verspreide huizen Soerendonk</t>
  </si>
  <si>
    <t>buurt_gegeneraliseerd_2021.aa0dc881-59c4-48a7-8df5-c9d08f21ebf5</t>
  </si>
  <si>
    <t>BU17060500</t>
  </si>
  <si>
    <t>2021BU17060500</t>
  </si>
  <si>
    <t>Gastel</t>
  </si>
  <si>
    <t>buurt_gegeneraliseerd_2021.ae6b5b8e-c152-4152-9cca-71114437334b</t>
  </si>
  <si>
    <t>BU17060509</t>
  </si>
  <si>
    <t>2021BU17060509</t>
  </si>
  <si>
    <t>Verspreide huizen Gastelse Hei</t>
  </si>
  <si>
    <t>buurt_gegeneraliseerd_2021.0cc77b39-fb43-4989-8509-2dad1aad70c5</t>
  </si>
  <si>
    <t>BU17080001</t>
  </si>
  <si>
    <t>2021BU17080001</t>
  </si>
  <si>
    <t>Centrum Steenwijk</t>
  </si>
  <si>
    <t>GM1708</t>
  </si>
  <si>
    <t>buurt_gegeneraliseerd_2021.3bddcd3c-03fe-4521-a7e9-477cd0bc0e01</t>
  </si>
  <si>
    <t>BU17080002</t>
  </si>
  <si>
    <t>2021BU17080002</t>
  </si>
  <si>
    <t>Steenwijk West</t>
  </si>
  <si>
    <t>buurt_gegeneraliseerd_2021.ae4ccf6f-affe-4e6a-aa6b-25d3b08ad364</t>
  </si>
  <si>
    <t>BU17080003</t>
  </si>
  <si>
    <t>2021BU17080003</t>
  </si>
  <si>
    <t>Steenwijkerdiep</t>
  </si>
  <si>
    <t>buurt_gegeneraliseerd_2021.566cf4bc-7959-484f-9ebc-4f8581e35b84</t>
  </si>
  <si>
    <t>BU17080004</t>
  </si>
  <si>
    <t>2021BU17080004</t>
  </si>
  <si>
    <t>Torenlanden</t>
  </si>
  <si>
    <t>buurt_gegeneraliseerd_2021.c9f131da-6414-45fd-954f-017f614d31ae</t>
  </si>
  <si>
    <t>BU17080005</t>
  </si>
  <si>
    <t>2021BU17080005</t>
  </si>
  <si>
    <t>Oostwijken, De Beitel</t>
  </si>
  <si>
    <t>buurt_gegeneraliseerd_2021.5b617bf1-26e1-4baf-9713-00059542bf36</t>
  </si>
  <si>
    <t>BU17080006</t>
  </si>
  <si>
    <t>2021BU17080006</t>
  </si>
  <si>
    <t>Clingenborgh</t>
  </si>
  <si>
    <t>buurt_gegeneraliseerd_2021.23dc4d4e-7b14-4e83-99a5-ee285d416ce6</t>
  </si>
  <si>
    <t>BU17080007</t>
  </si>
  <si>
    <t>2021BU17080007</t>
  </si>
  <si>
    <t>Dolderkanaal</t>
  </si>
  <si>
    <t>buurt_gegeneraliseerd_2021.30259d67-d625-4110-9925-757c0526fccf</t>
  </si>
  <si>
    <t>BU17080008</t>
  </si>
  <si>
    <t>2021BU17080008</t>
  </si>
  <si>
    <t>Woldmeenthe</t>
  </si>
  <si>
    <t>buurt_gegeneraliseerd_2021.68eee906-b332-40e9-9740-d58c2f0c53a0</t>
  </si>
  <si>
    <t>BU17080009</t>
  </si>
  <si>
    <t>2021BU17080009</t>
  </si>
  <si>
    <t>Oostermeenthe</t>
  </si>
  <si>
    <t>buurt_gegeneraliseerd_2021.d3d6b4a7-74ec-4b75-8812-e1f56ecd0250</t>
  </si>
  <si>
    <t>BU17080010</t>
  </si>
  <si>
    <t>2021BU17080010</t>
  </si>
  <si>
    <t>Meentherand</t>
  </si>
  <si>
    <t>buurt_gegeneraliseerd_2021.45fc9b6c-7b62-4d1a-9782-baaafe97aed3</t>
  </si>
  <si>
    <t>BU17080011</t>
  </si>
  <si>
    <t>2021BU17080011</t>
  </si>
  <si>
    <t>Nieuwe gagels</t>
  </si>
  <si>
    <t>buurt_gegeneraliseerd_2021.2d53fd9a-8452-4e93-8c5f-598296fcf867</t>
  </si>
  <si>
    <t>BU17080012</t>
  </si>
  <si>
    <t>2021BU17080012</t>
  </si>
  <si>
    <t>De gagels</t>
  </si>
  <si>
    <t>buurt_gegeneraliseerd_2021.62ddadd0-88a5-498f-8549-2516889b4265</t>
  </si>
  <si>
    <t>BU17080014</t>
  </si>
  <si>
    <t>2021BU17080014</t>
  </si>
  <si>
    <t>Groot Verlaat</t>
  </si>
  <si>
    <t>buurt_gegeneraliseerd_2021.3a52878a-44c1-4423-a1a9-1c0445786ea5</t>
  </si>
  <si>
    <t>BU17080028</t>
  </si>
  <si>
    <t>2021BU17080028</t>
  </si>
  <si>
    <t>Eeserwold</t>
  </si>
  <si>
    <t>buurt_gegeneraliseerd_2021.808c56b3-54ae-4b99-9693-ce10a30b98fd</t>
  </si>
  <si>
    <t>BU17080029</t>
  </si>
  <si>
    <t>2021BU17080029</t>
  </si>
  <si>
    <t>Paddenpoel en Kornputkwartier</t>
  </si>
  <si>
    <t>buurt_gegeneraliseerd_2021.ba363a7c-cc9d-40a8-99cd-f4f364a6cac7</t>
  </si>
  <si>
    <t>BU17080030</t>
  </si>
  <si>
    <t>2021BU17080030</t>
  </si>
  <si>
    <t>Buitengebied Steenwijk</t>
  </si>
  <si>
    <t>buurt_gegeneraliseerd_2021.19fa8b19-0978-4b18-b43d-4edb07f4c8ae</t>
  </si>
  <si>
    <t>BU17080200</t>
  </si>
  <si>
    <t>2021BU17080200</t>
  </si>
  <si>
    <t>Oldemarkt</t>
  </si>
  <si>
    <t>buurt_gegeneraliseerd_2021.db6aabe3-e2fe-4357-afdc-a05aeb1f563c</t>
  </si>
  <si>
    <t>BU17080201</t>
  </si>
  <si>
    <t>2021BU17080201</t>
  </si>
  <si>
    <t>De Boterberg</t>
  </si>
  <si>
    <t>buurt_gegeneraliseerd_2021.b9d830bc-5a55-4791-9308-38653b73e973</t>
  </si>
  <si>
    <t>BU17080209</t>
  </si>
  <si>
    <t>2021BU17080209</t>
  </si>
  <si>
    <t>Verspreide huizen Oldemarkt</t>
  </si>
  <si>
    <t>buurt_gegeneraliseerd_2021.01d70c46-6825-4a98-b10c-9ead9e31bcd1</t>
  </si>
  <si>
    <t>BU17080300</t>
  </si>
  <si>
    <t>2021BU17080300</t>
  </si>
  <si>
    <t>Kalenberg</t>
  </si>
  <si>
    <t>buurt_gegeneraliseerd_2021.30f4312d-6e95-4cb1-9eb2-31a8f46ad470</t>
  </si>
  <si>
    <t>BU17080309</t>
  </si>
  <si>
    <t>2021BU17080309</t>
  </si>
  <si>
    <t>Verspreide huizen Kalenberg</t>
  </si>
  <si>
    <t>buurt_gegeneraliseerd_2021.dadbf5f9-c947-4a5f-aa08-5e17f821100b</t>
  </si>
  <si>
    <t>BU17080400</t>
  </si>
  <si>
    <t>2021BU17080400</t>
  </si>
  <si>
    <t>Kuinre</t>
  </si>
  <si>
    <t>buurt_gegeneraliseerd_2021.bb5fbb4a-ea3f-479a-8ec2-5f185c311a57</t>
  </si>
  <si>
    <t>BU17080408</t>
  </si>
  <si>
    <t>2021BU17080408</t>
  </si>
  <si>
    <t>Verspreide huizen Lindedijk en Rondebroek</t>
  </si>
  <si>
    <t>buurt_gegeneraliseerd_2021.4eb48980-9804-4f20-88de-30e1fb4d35c6</t>
  </si>
  <si>
    <t>BU17080409</t>
  </si>
  <si>
    <t>2021BU17080409</t>
  </si>
  <si>
    <t>Verspreide huizen Kuinre</t>
  </si>
  <si>
    <t>buurt_gegeneraliseerd_2021.258b8187-df91-4f28-ab7e-597aaaca7a63</t>
  </si>
  <si>
    <t>BU17080500</t>
  </si>
  <si>
    <t>2021BU17080500</t>
  </si>
  <si>
    <t>buurt_gegeneraliseerd_2021.2550d9fe-5c81-481a-a352-2fb39deaf667</t>
  </si>
  <si>
    <t>BU17080501</t>
  </si>
  <si>
    <t>2021BU17080501</t>
  </si>
  <si>
    <t>Dijkdorp Blankenham</t>
  </si>
  <si>
    <t>buurt_gegeneraliseerd_2021.17cb490c-f817-4e21-81ef-f61c1ea93fba</t>
  </si>
  <si>
    <t>BU17080509</t>
  </si>
  <si>
    <t>2021BU17080509</t>
  </si>
  <si>
    <t>Buitengebied Blankenham</t>
  </si>
  <si>
    <t>buurt_gegeneraliseerd_2021.22ce7e81-236d-45df-8004-c36c1d314aac</t>
  </si>
  <si>
    <t>BU17080600</t>
  </si>
  <si>
    <t>2021BU17080600</t>
  </si>
  <si>
    <t>Scheerwolde</t>
  </si>
  <si>
    <t>buurt_gegeneraliseerd_2021.efd00974-81e7-4649-87d4-6f9ced558e42</t>
  </si>
  <si>
    <t>BU17080608</t>
  </si>
  <si>
    <t>2021BU17080608</t>
  </si>
  <si>
    <t>Verspreide huizen polder Gelderingen IJsselham</t>
  </si>
  <si>
    <t>buurt_gegeneraliseerd_2021.3b6d61e8-82c9-43fb-8873-1931fd4bf59e</t>
  </si>
  <si>
    <t>BU17080609</t>
  </si>
  <si>
    <t>2021BU17080609</t>
  </si>
  <si>
    <t>Verspreide huizen Scheerwolde en Wetering</t>
  </si>
  <si>
    <t>buurt_gegeneraliseerd_2021.4c0deeb4-1ef4-4205-9a0a-a46db0af3f38</t>
  </si>
  <si>
    <t>BU17080700</t>
  </si>
  <si>
    <t>2021BU17080700</t>
  </si>
  <si>
    <t>buurt_gegeneraliseerd_2021.b23f3ae7-4352-4619-a3a4-4416970a18d4</t>
  </si>
  <si>
    <t>BU17080701</t>
  </si>
  <si>
    <t>2021BU17080701</t>
  </si>
  <si>
    <t>Moespot-Leeuwte</t>
  </si>
  <si>
    <t>buurt_gegeneraliseerd_2021.e5be28a4-12b9-41d2-b56a-e908fd265b7e</t>
  </si>
  <si>
    <t>BU17080702</t>
  </si>
  <si>
    <t>2021BU17080702</t>
  </si>
  <si>
    <t>Schaarkampen</t>
  </si>
  <si>
    <t>buurt_gegeneraliseerd_2021.b1499302-30d7-48a2-938c-2dead63792c8</t>
  </si>
  <si>
    <t>BU17080709</t>
  </si>
  <si>
    <t>2021BU17080709</t>
  </si>
  <si>
    <t>Verspreide huizen Vollenhove</t>
  </si>
  <si>
    <t>buurt_gegeneraliseerd_2021.293ba334-0d0c-481f-a180-dd62f789bb18</t>
  </si>
  <si>
    <t>BU17080800</t>
  </si>
  <si>
    <t>2021BU17080800</t>
  </si>
  <si>
    <t>Sint Jansklooster</t>
  </si>
  <si>
    <t>buurt_gegeneraliseerd_2021.e58cf3ef-f41d-421d-a70f-1026c384cf1b</t>
  </si>
  <si>
    <t>BU17080808</t>
  </si>
  <si>
    <t>2021BU17080808</t>
  </si>
  <si>
    <t>Verspreide huizen Sint Jansklooster</t>
  </si>
  <si>
    <t>buurt_gegeneraliseerd_2021.a7fa7031-dacb-4aa7-a016-a7568bc27fe7</t>
  </si>
  <si>
    <t>BU17080809</t>
  </si>
  <si>
    <t>2021BU17080809</t>
  </si>
  <si>
    <t>Verspreide huizen Leeuwte (gedeeltelijk)</t>
  </si>
  <si>
    <t>buurt_gegeneraliseerd_2021.e00eff46-4623-4956-b120-ec8a0b58e7c8</t>
  </si>
  <si>
    <t>BU17080810</t>
  </si>
  <si>
    <t>2021BU17080810</t>
  </si>
  <si>
    <t>Tussen Sint Jans Klooster en Heetveld</t>
  </si>
  <si>
    <t>buurt_gegeneraliseerd_2021.e248be11-8a91-499e-86a9-39352d362a69</t>
  </si>
  <si>
    <t>BU17080811</t>
  </si>
  <si>
    <t>2021BU17080811</t>
  </si>
  <si>
    <t>Heetveld</t>
  </si>
  <si>
    <t>buurt_gegeneraliseerd_2021.d4e2ed1d-31d3-4c28-839e-a79ba3fccb0a</t>
  </si>
  <si>
    <t>BU17080812</t>
  </si>
  <si>
    <t>2021BU17080812</t>
  </si>
  <si>
    <t>Verspreide huizen Kadoelen en omgeving</t>
  </si>
  <si>
    <t>buurt_gegeneraliseerd_2021.b5684dcd-ab6d-41a3-abf5-6a55c3655473</t>
  </si>
  <si>
    <t>BU17080813</t>
  </si>
  <si>
    <t>2021BU17080813</t>
  </si>
  <si>
    <t>Verspreide huizen Barsbeek</t>
  </si>
  <si>
    <t>buurt_gegeneraliseerd_2021.5f31867e-4c67-40bd-b08c-59bc6c3ac756</t>
  </si>
  <si>
    <t>BU17081000</t>
  </si>
  <si>
    <t>2021BU17081000</t>
  </si>
  <si>
    <t>Belt-Schutsloot</t>
  </si>
  <si>
    <t>buurt_gegeneraliseerd_2021.4704ea87-dbf7-4b90-96e9-41ce4cb750f6</t>
  </si>
  <si>
    <t>BU17081001</t>
  </si>
  <si>
    <t>2021BU17081001</t>
  </si>
  <si>
    <t>Buitengebied Belt Schutsloot</t>
  </si>
  <si>
    <t>buurt_gegeneraliseerd_2021.0068bf0e-c06c-42f5-8987-7b4e755041d0</t>
  </si>
  <si>
    <t>BU17081100</t>
  </si>
  <si>
    <t>2021BU17081100</t>
  </si>
  <si>
    <t>Wanneperveen</t>
  </si>
  <si>
    <t>buurt_gegeneraliseerd_2021.72517ed9-c25e-4ba3-adf4-8eb3868eb174</t>
  </si>
  <si>
    <t>BU17081102</t>
  </si>
  <si>
    <t>2021BU17081102</t>
  </si>
  <si>
    <t>Blauwehand</t>
  </si>
  <si>
    <t>buurt_gegeneraliseerd_2021.6634e62c-33fd-4131-85d8-e1163eab0ed3</t>
  </si>
  <si>
    <t>BU17081103</t>
  </si>
  <si>
    <t>2021BU17081103</t>
  </si>
  <si>
    <t>Buitengebied Wanneperveen</t>
  </si>
  <si>
    <t>buurt_gegeneraliseerd_2021.c8ab1134-0a5d-443b-9660-1f8aad23c3d3</t>
  </si>
  <si>
    <t>BU17081104</t>
  </si>
  <si>
    <t>2021BU17081104</t>
  </si>
  <si>
    <t>Ronduite</t>
  </si>
  <si>
    <t>buurt_gegeneraliseerd_2021.bd1579c8-e1ba-4889-a8ad-fcd5f9771cf9</t>
  </si>
  <si>
    <t>BU17081105</t>
  </si>
  <si>
    <t>2021BU17081105</t>
  </si>
  <si>
    <t>Dinxterveen</t>
  </si>
  <si>
    <t>buurt_gegeneraliseerd_2021.7ad5a3cc-6d29-4053-9bb2-9297939a7086</t>
  </si>
  <si>
    <t>BU17081106</t>
  </si>
  <si>
    <t>2021BU17081106</t>
  </si>
  <si>
    <t>Roekebos</t>
  </si>
  <si>
    <t>buurt_gegeneraliseerd_2021.188edd2f-fad6-471d-b124-0c94f34b1e1c</t>
  </si>
  <si>
    <t>BU17081107</t>
  </si>
  <si>
    <t>2021BU17081107</t>
  </si>
  <si>
    <t>Klosse</t>
  </si>
  <si>
    <t>buurt_gegeneraliseerd_2021.3345f448-973b-43df-8643-49a8f57d76c7</t>
  </si>
  <si>
    <t>BU17081108</t>
  </si>
  <si>
    <t>2021BU17081108</t>
  </si>
  <si>
    <t>Verspreide huizen Zomerdijk</t>
  </si>
  <si>
    <t>buurt_gegeneraliseerd_2021.a8cb9bc3-7270-4e98-b55a-ec9e1b038678</t>
  </si>
  <si>
    <t>BU17081600</t>
  </si>
  <si>
    <t>2021BU17081600</t>
  </si>
  <si>
    <t>Blokzijl</t>
  </si>
  <si>
    <t>buurt_gegeneraliseerd_2021.fec509a8-419f-4f34-9be6-6af7dbd855e5</t>
  </si>
  <si>
    <t>BU17081601</t>
  </si>
  <si>
    <t>2021BU17081601</t>
  </si>
  <si>
    <t>Scheepsdiep</t>
  </si>
  <si>
    <t>buurt_gegeneraliseerd_2021.5bcb2d92-f6c5-4b27-aa9a-71cee05456f8</t>
  </si>
  <si>
    <t>BU17081608</t>
  </si>
  <si>
    <t>2021BU17081608</t>
  </si>
  <si>
    <t>Verspreide huizen ten noorden van Blokzijl</t>
  </si>
  <si>
    <t>buurt_gegeneraliseerd_2021.e12e102c-cde4-4b14-9215-d8f4a35172b7</t>
  </si>
  <si>
    <t>BU17081609</t>
  </si>
  <si>
    <t>2021BU17081609</t>
  </si>
  <si>
    <t>Verspreide huizen ten zuiden van Blokzijl</t>
  </si>
  <si>
    <t>buurt_gegeneraliseerd_2021.76caf010-35b4-4612-ac01-2f16c76ace91</t>
  </si>
  <si>
    <t>BU17081700</t>
  </si>
  <si>
    <t>2021BU17081700</t>
  </si>
  <si>
    <t>Verspreide huizen polder Halfweg</t>
  </si>
  <si>
    <t>buurt_gegeneraliseerd_2021.c2c1f2fb-058b-4ed9-96df-6a544454486d</t>
  </si>
  <si>
    <t>BU17081701</t>
  </si>
  <si>
    <t>2021BU17081701</t>
  </si>
  <si>
    <t>Verspreide huizen Giethoorn-Noord</t>
  </si>
  <si>
    <t>buurt_gegeneraliseerd_2021.dd93c8a7-3d77-4715-9e42-d80322c55d2d</t>
  </si>
  <si>
    <t>BU17081702</t>
  </si>
  <si>
    <t>2021BU17081702</t>
  </si>
  <si>
    <t>Overig Giethoorn-Noord</t>
  </si>
  <si>
    <t>buurt_gegeneraliseerd_2021.1e6611a5-df95-4a88-949b-4f9862f47fb8</t>
  </si>
  <si>
    <t>BU17081703</t>
  </si>
  <si>
    <t>2021BU17081703</t>
  </si>
  <si>
    <t>Giethoorn-Noord kern</t>
  </si>
  <si>
    <t>buurt_gegeneraliseerd_2021.38082100-cf14-4f13-9071-7953becd7e4d</t>
  </si>
  <si>
    <t>BU17081704</t>
  </si>
  <si>
    <t>2021BU17081704</t>
  </si>
  <si>
    <t>Giethoorn-Zuid</t>
  </si>
  <si>
    <t>buurt_gegeneraliseerd_2021.d52a7542-5b34-4b6f-bf45-326e05d23b7e</t>
  </si>
  <si>
    <t>BU17081705</t>
  </si>
  <si>
    <t>2021BU17081705</t>
  </si>
  <si>
    <t>Verspreide huizen polder Giethoorn-Zuid</t>
  </si>
  <si>
    <t>buurt_gegeneraliseerd_2021.7c2b0db9-e9cb-4050-8703-7325ac52c7d0</t>
  </si>
  <si>
    <t>BU17081706</t>
  </si>
  <si>
    <t>2021BU17081706</t>
  </si>
  <si>
    <t>Dwarsgracht</t>
  </si>
  <si>
    <t>buurt_gegeneraliseerd_2021.97498f22-37d1-41bf-8517-fa59d6d67d51</t>
  </si>
  <si>
    <t>BU17081707</t>
  </si>
  <si>
    <t>2021BU17081707</t>
  </si>
  <si>
    <t>Verspreide huizen Jonen</t>
  </si>
  <si>
    <t>buurt_gegeneraliseerd_2021.63c1b094-099b-466a-bc9c-902724dd4c40</t>
  </si>
  <si>
    <t>BU17081800</t>
  </si>
  <si>
    <t>2021BU17081800</t>
  </si>
  <si>
    <t>Zuidveen</t>
  </si>
  <si>
    <t>buurt_gegeneraliseerd_2021.5bb37ba9-413b-4149-8f60-a6e3f100a31e</t>
  </si>
  <si>
    <t>BU17081801</t>
  </si>
  <si>
    <t>2021BU17081801</t>
  </si>
  <si>
    <t>Buitengebied Zuidveen</t>
  </si>
  <si>
    <t>buurt_gegeneraliseerd_2021.618b72bc-bb57-4c00-b233-6d6ae0cfd7c2</t>
  </si>
  <si>
    <t>BU17081900</t>
  </si>
  <si>
    <t>2021BU17081900</t>
  </si>
  <si>
    <t>Onna</t>
  </si>
  <si>
    <t>buurt_gegeneraliseerd_2021.81bf5f89-cced-4f78-af7d-443fb290b03e</t>
  </si>
  <si>
    <t>BU17081901</t>
  </si>
  <si>
    <t>2021BU17081901</t>
  </si>
  <si>
    <t>Buitengebied Onna</t>
  </si>
  <si>
    <t>buurt_gegeneraliseerd_2021.aca94d7e-d419-4ebe-8ce1-21dbe64db4b7</t>
  </si>
  <si>
    <t>BU17082000</t>
  </si>
  <si>
    <t>2021BU17082000</t>
  </si>
  <si>
    <t>Kallenkote</t>
  </si>
  <si>
    <t>buurt_gegeneraliseerd_2021.e54ea66b-a400-4ea8-9509-146540d53a12</t>
  </si>
  <si>
    <t>BU17082001</t>
  </si>
  <si>
    <t>2021BU17082001</t>
  </si>
  <si>
    <t>Buitengebied Kallenkote</t>
  </si>
  <si>
    <t>buurt_gegeneraliseerd_2021.9e015c8c-fb24-4c2b-946e-484fb8cca42d</t>
  </si>
  <si>
    <t>BU17082100</t>
  </si>
  <si>
    <t>2021BU17082100</t>
  </si>
  <si>
    <t>Eesveen</t>
  </si>
  <si>
    <t>buurt_gegeneraliseerd_2021.78127fe2-cef7-45e6-8629-f6d871587919</t>
  </si>
  <si>
    <t>BU17082101</t>
  </si>
  <si>
    <t>2021BU17082101</t>
  </si>
  <si>
    <t>Buitengebied Eesveen</t>
  </si>
  <si>
    <t>buurt_gegeneraliseerd_2021.9ce30393-227c-4977-872d-0be03a440c6d</t>
  </si>
  <si>
    <t>BU17082200</t>
  </si>
  <si>
    <t>2021BU17082200</t>
  </si>
  <si>
    <t>De Bult</t>
  </si>
  <si>
    <t>buurt_gegeneraliseerd_2021.098f75d3-7ec8-422e-a46a-65070450e0d7</t>
  </si>
  <si>
    <t>BU17082300</t>
  </si>
  <si>
    <t>2021BU17082300</t>
  </si>
  <si>
    <t>Baars</t>
  </si>
  <si>
    <t>buurt_gegeneraliseerd_2021.21a6ba16-9a84-46df-85c2-8a6403d831c4</t>
  </si>
  <si>
    <t>BU17082400</t>
  </si>
  <si>
    <t>2021BU17082400</t>
  </si>
  <si>
    <t>Witte Paarden</t>
  </si>
  <si>
    <t>buurt_gegeneraliseerd_2021.739c80a4-7c90-4340-a6f4-19e3df07ed28</t>
  </si>
  <si>
    <t>BU17082401</t>
  </si>
  <si>
    <t>2021BU17082401</t>
  </si>
  <si>
    <t>Buitengebied Witte Paarden</t>
  </si>
  <si>
    <t>buurt_gegeneraliseerd_2021.3b406d76-17f0-4f3b-b58d-c0488ce0542e</t>
  </si>
  <si>
    <t>BU17082500</t>
  </si>
  <si>
    <t>2021BU17082500</t>
  </si>
  <si>
    <t>De Pol</t>
  </si>
  <si>
    <t>buurt_gegeneraliseerd_2021.3daf63ed-18e9-42ae-9c96-018edea6f0cc</t>
  </si>
  <si>
    <t>BU17082600</t>
  </si>
  <si>
    <t>2021BU17082600</t>
  </si>
  <si>
    <t>buurt_gegeneraliseerd_2021.63a081d3-44c7-4c05-96f2-2b23fd85d621</t>
  </si>
  <si>
    <t>BU17082601</t>
  </si>
  <si>
    <t>2021BU17082601</t>
  </si>
  <si>
    <t>Buitengebied Willemsoord</t>
  </si>
  <si>
    <t>buurt_gegeneraliseerd_2021.16629eb0-d87f-4f2a-9606-03813342fe88</t>
  </si>
  <si>
    <t>BU17082700</t>
  </si>
  <si>
    <t>2021BU17082700</t>
  </si>
  <si>
    <t>Marijenkampen</t>
  </si>
  <si>
    <t>buurt_gegeneraliseerd_2021.830665db-5a1b-4958-99ad-46123ddd1a26</t>
  </si>
  <si>
    <t>BU17082800</t>
  </si>
  <si>
    <t>2021BU17082800</t>
  </si>
  <si>
    <t>Tuk</t>
  </si>
  <si>
    <t>buurt_gegeneraliseerd_2021.8422e9cb-4c97-4c49-b5ab-0c5ce3274b10</t>
  </si>
  <si>
    <t>BU17082801</t>
  </si>
  <si>
    <t>2021BU17082801</t>
  </si>
  <si>
    <t>Buitengebied Tuk</t>
  </si>
  <si>
    <t>buurt_gegeneraliseerd_2021.f3531ea9-6715-44f0-985d-f674feae9f73</t>
  </si>
  <si>
    <t>BU17082900</t>
  </si>
  <si>
    <t>2021BU17082900</t>
  </si>
  <si>
    <t>Steenwijkerwold</t>
  </si>
  <si>
    <t>buurt_gegeneraliseerd_2021.7ccbd811-6051-4eb9-afb5-3ab9e4d804c4</t>
  </si>
  <si>
    <t>BU17082901</t>
  </si>
  <si>
    <t>2021BU17082901</t>
  </si>
  <si>
    <t>Buitengebied Steenwijkerwold</t>
  </si>
  <si>
    <t>buurt_gegeneraliseerd_2021.5ebc2632-79f9-464a-9eaf-e7796bd139c6</t>
  </si>
  <si>
    <t>BU17083000</t>
  </si>
  <si>
    <t>2021BU17083000</t>
  </si>
  <si>
    <t>Basse</t>
  </si>
  <si>
    <t>buurt_gegeneraliseerd_2021.c16744fd-d741-4e69-b6cb-d981ceb79e8f</t>
  </si>
  <si>
    <t>BU17083001</t>
  </si>
  <si>
    <t>2021BU17083001</t>
  </si>
  <si>
    <t>Buitengebied Basse</t>
  </si>
  <si>
    <t>buurt_gegeneraliseerd_2021.aa87bbfc-f8a5-4867-a35c-ca664a41b623</t>
  </si>
  <si>
    <t>BU17083100</t>
  </si>
  <si>
    <t>2021BU17083100</t>
  </si>
  <si>
    <t>Paasloo</t>
  </si>
  <si>
    <t>buurt_gegeneraliseerd_2021.47ea2caa-8d41-46af-92d1-13794c34ce13</t>
  </si>
  <si>
    <t>BU17083200</t>
  </si>
  <si>
    <t>2021BU17083200</t>
  </si>
  <si>
    <t>IJsselham</t>
  </si>
  <si>
    <t>buurt_gegeneraliseerd_2021.52b8cb62-f9db-4f4a-a3ad-145c140a16a5</t>
  </si>
  <si>
    <t>BU17083300</t>
  </si>
  <si>
    <t>2021BU17083300</t>
  </si>
  <si>
    <t>Ossenzijl</t>
  </si>
  <si>
    <t>buurt_gegeneraliseerd_2021.b5ef11f8-b414-47f9-9ca3-0ed6a74db03b</t>
  </si>
  <si>
    <t>BU17083301</t>
  </si>
  <si>
    <t>2021BU17083301</t>
  </si>
  <si>
    <t>Buitengebied Ossenzijl</t>
  </si>
  <si>
    <t>buurt_gegeneraliseerd_2021.f96bf9ee-076d-4a48-8d0f-3e85bf75d0e5</t>
  </si>
  <si>
    <t>BU17083400</t>
  </si>
  <si>
    <t>2021BU17083400</t>
  </si>
  <si>
    <t>buurt_gegeneraliseerd_2021.70ef1669-d004-4691-943b-cd661739129e</t>
  </si>
  <si>
    <t>BU17083401</t>
  </si>
  <si>
    <t>2021BU17083401</t>
  </si>
  <si>
    <t>Buitengebied Wetering</t>
  </si>
  <si>
    <t>buurt_gegeneraliseerd_2021.b934f3c8-0948-4626-aac4-9904703d64ed</t>
  </si>
  <si>
    <t>BU17083500</t>
  </si>
  <si>
    <t>2021BU17083500</t>
  </si>
  <si>
    <t>Nederland</t>
  </si>
  <si>
    <t>buurt_gegeneraliseerd_2021.6fa1ba3f-65c3-400f-aa01-00f91a031522</t>
  </si>
  <si>
    <t>BU17083600</t>
  </si>
  <si>
    <t>2021BU17083600</t>
  </si>
  <si>
    <t>Baarlo</t>
  </si>
  <si>
    <t>buurt_gegeneraliseerd_2021.b5d21f46-4ee2-4d37-9349-7b512b398f98</t>
  </si>
  <si>
    <t>BU17090000</t>
  </si>
  <si>
    <t>2021BU17090000</t>
  </si>
  <si>
    <t>GM1709</t>
  </si>
  <si>
    <t>buurt_gegeneraliseerd_2021.a42bcc2d-6446-4e70-b9e5-9feefb56f46b</t>
  </si>
  <si>
    <t>BU17090001</t>
  </si>
  <si>
    <t>2021BU17090001</t>
  </si>
  <si>
    <t>Torenveld</t>
  </si>
  <si>
    <t>buurt_gegeneraliseerd_2021.f1c69b8e-028d-4aa9-8066-141655d76b06</t>
  </si>
  <si>
    <t>BU17090002</t>
  </si>
  <si>
    <t>2021BU17090002</t>
  </si>
  <si>
    <t>Krooswijk</t>
  </si>
  <si>
    <t>buurt_gegeneraliseerd_2021.5cba29b0-178d-4e2b-9de3-b020ec61de4b</t>
  </si>
  <si>
    <t>BU17090003</t>
  </si>
  <si>
    <t>2021BU17090003</t>
  </si>
  <si>
    <t>Bosselaar</t>
  </si>
  <si>
    <t>buurt_gegeneraliseerd_2021.a647b0ef-11a9-47ed-9286-0f0270bba9da</t>
  </si>
  <si>
    <t>BU17090004</t>
  </si>
  <si>
    <t>2021BU17090004</t>
  </si>
  <si>
    <t>Lindonk</t>
  </si>
  <si>
    <t>buurt_gegeneraliseerd_2021.2b93678b-4df3-4a38-b223-eefe89782311</t>
  </si>
  <si>
    <t>BU17090005</t>
  </si>
  <si>
    <t>2021BU17090005</t>
  </si>
  <si>
    <t>Schansdijk en omgeving</t>
  </si>
  <si>
    <t>buurt_gegeneraliseerd_2021.f18487f9-94a7-4996-97c0-1874846be1c9</t>
  </si>
  <si>
    <t>BU17090006</t>
  </si>
  <si>
    <t>2021BU17090006</t>
  </si>
  <si>
    <t>Zwanengat en omgeving</t>
  </si>
  <si>
    <t>buurt_gegeneraliseerd_2021.21a830dd-cc45-4910-9df1-25eabeebfaa5</t>
  </si>
  <si>
    <t>BU17090008</t>
  </si>
  <si>
    <t>2021BU17090008</t>
  </si>
  <si>
    <t>Verspreide huizen ten westen van Zevenbergen</t>
  </si>
  <si>
    <t>buurt_gegeneraliseerd_2021.1bb20511-c807-4e7a-ba00-6d5302fd495d</t>
  </si>
  <si>
    <t>BU17090009</t>
  </si>
  <si>
    <t>2021BU17090009</t>
  </si>
  <si>
    <t>Verspreide huizen ten oosten van Zevenbergen</t>
  </si>
  <si>
    <t>buurt_gegeneraliseerd_2021.91e1751f-6768-4a9c-bc30-3602e5a97fff</t>
  </si>
  <si>
    <t>BU17090100</t>
  </si>
  <si>
    <t>2021BU17090100</t>
  </si>
  <si>
    <t>Zevenbergschen Hoek</t>
  </si>
  <si>
    <t>buurt_gegeneraliseerd_2021.aa2546d5-8e96-47b8-9a5b-46173a5bc352</t>
  </si>
  <si>
    <t>BU17090109</t>
  </si>
  <si>
    <t>2021BU17090109</t>
  </si>
  <si>
    <t>Verspreide huizen Zevenbergschen Hoek</t>
  </si>
  <si>
    <t>buurt_gegeneraliseerd_2021.c6296995-9de6-440f-a68f-0a802523f75f</t>
  </si>
  <si>
    <t>BU17090200</t>
  </si>
  <si>
    <t>2021BU17090200</t>
  </si>
  <si>
    <t>buurt_gegeneraliseerd_2021.a9e79f99-dcb7-4d28-bc4c-95b7f5c6d506</t>
  </si>
  <si>
    <t>BU17090209</t>
  </si>
  <si>
    <t>2021BU17090209</t>
  </si>
  <si>
    <t>Verspreide huizen Langeweg</t>
  </si>
  <si>
    <t>buurt_gegeneraliseerd_2021.f1e51201-703a-43a7-a131-2562bb7cc958</t>
  </si>
  <si>
    <t>BU17090300</t>
  </si>
  <si>
    <t>2021BU17090300</t>
  </si>
  <si>
    <t>Klundert</t>
  </si>
  <si>
    <t>buurt_gegeneraliseerd_2021.dbdf6c94-c4ec-4b79-905a-b94a84a7ee6c</t>
  </si>
  <si>
    <t>BU17090301</t>
  </si>
  <si>
    <t>2021BU17090301</t>
  </si>
  <si>
    <t>Noordschans</t>
  </si>
  <si>
    <t>buurt_gegeneraliseerd_2021.a87c8493-4f54-457d-8f7d-a2038e6d7232</t>
  </si>
  <si>
    <t>BU17090302</t>
  </si>
  <si>
    <t>2021BU17090302</t>
  </si>
  <si>
    <t>Tonnekreek</t>
  </si>
  <si>
    <t>buurt_gegeneraliseerd_2021.19d94443-a073-484f-a349-e103f9d65f49</t>
  </si>
  <si>
    <t>BU17090303</t>
  </si>
  <si>
    <t>2021BU17090303</t>
  </si>
  <si>
    <t>Industrieterrein Moerdijk</t>
  </si>
  <si>
    <t>buurt_gegeneraliseerd_2021.3840b9be-5cc2-457f-8e3b-8125df88ee63</t>
  </si>
  <si>
    <t>BU17090309</t>
  </si>
  <si>
    <t>2021BU17090309</t>
  </si>
  <si>
    <t>Verspreide huizen Klundert</t>
  </si>
  <si>
    <t>buurt_gegeneraliseerd_2021.5ce918ca-f623-4b3c-85f7-d278901aaa34</t>
  </si>
  <si>
    <t>BU17090400</t>
  </si>
  <si>
    <t>2021BU17090400</t>
  </si>
  <si>
    <t>Moerdijk</t>
  </si>
  <si>
    <t>buurt_gegeneraliseerd_2021.be8d49be-715d-4ed3-b0ef-1d469a11d468</t>
  </si>
  <si>
    <t>BU17090401</t>
  </si>
  <si>
    <t>2021BU17090401</t>
  </si>
  <si>
    <t>Roodevaart</t>
  </si>
  <si>
    <t>buurt_gegeneraliseerd_2021.2097cd97-0a5d-4b3c-961a-8e4e6aadfc12</t>
  </si>
  <si>
    <t>BU17090409</t>
  </si>
  <si>
    <t>2021BU17090409</t>
  </si>
  <si>
    <t>Verspreide huizen Moerdijk</t>
  </si>
  <si>
    <t>buurt_gegeneraliseerd_2021.4c364eb9-f77a-48cf-b21a-e7adaae12bc5</t>
  </si>
  <si>
    <t>BU17090500</t>
  </si>
  <si>
    <t>2021BU17090500</t>
  </si>
  <si>
    <t>Noordhoek</t>
  </si>
  <si>
    <t>buurt_gegeneraliseerd_2021.f0877a3f-027b-4994-acaa-5b21aadf12c2</t>
  </si>
  <si>
    <t>BU17090509</t>
  </si>
  <si>
    <t>2021BU17090509</t>
  </si>
  <si>
    <t>Verspreide huizen Noordhoek</t>
  </si>
  <si>
    <t>buurt_gegeneraliseerd_2021.57fb0989-ce3b-4c66-b5cc-404cd405674d</t>
  </si>
  <si>
    <t>BU17090600</t>
  </si>
  <si>
    <t>2021BU17090600</t>
  </si>
  <si>
    <t>Standdaarbuiten</t>
  </si>
  <si>
    <t>buurt_gegeneraliseerd_2021.b00c4182-1d4c-4e50-abfb-971cd6cf87cd</t>
  </si>
  <si>
    <t>BU17090601</t>
  </si>
  <si>
    <t>2021BU17090601</t>
  </si>
  <si>
    <t>Kreek</t>
  </si>
  <si>
    <t>buurt_gegeneraliseerd_2021.56b04314-f034-4d31-8c2e-12109a38510e</t>
  </si>
  <si>
    <t>BU17090609</t>
  </si>
  <si>
    <t>2021BU17090609</t>
  </si>
  <si>
    <t>Verspreide huizen Standdaarbuiten</t>
  </si>
  <si>
    <t>buurt_gegeneraliseerd_2021.48785567-d688-417f-8cf3-5fe3a3d9c527</t>
  </si>
  <si>
    <t>BU17090700</t>
  </si>
  <si>
    <t>2021BU17090700</t>
  </si>
  <si>
    <t>Fijnaart</t>
  </si>
  <si>
    <t>buurt_gegeneraliseerd_2021.f664545f-8ade-4542-9e24-e664d732bdb3</t>
  </si>
  <si>
    <t>BU17090701</t>
  </si>
  <si>
    <t>2021BU17090701</t>
  </si>
  <si>
    <t>Oudemolen</t>
  </si>
  <si>
    <t>buurt_gegeneraliseerd_2021.891bd399-fadf-4320-a08e-a50125932abf</t>
  </si>
  <si>
    <t>BU17090702</t>
  </si>
  <si>
    <t>2021BU17090702</t>
  </si>
  <si>
    <t>Nieuwemolen met Driehoek</t>
  </si>
  <si>
    <t>buurt_gegeneraliseerd_2021.34fcd857-4ba5-4cc9-8b05-294e3e6cf95a</t>
  </si>
  <si>
    <t>BU17090703</t>
  </si>
  <si>
    <t>2021BU17090703</t>
  </si>
  <si>
    <t>Zwingelspaan</t>
  </si>
  <si>
    <t>buurt_gegeneraliseerd_2021.96d41eda-b8e2-4b68-b2a5-185e95bdf205</t>
  </si>
  <si>
    <t>BU17090709</t>
  </si>
  <si>
    <t>2021BU17090709</t>
  </si>
  <si>
    <t>Verspreide huizen Fijnaart</t>
  </si>
  <si>
    <t>buurt_gegeneraliseerd_2021.8a907a51-e840-4d5d-ac69-3d4f42618bb5</t>
  </si>
  <si>
    <t>BU17090800</t>
  </si>
  <si>
    <t>2021BU17090800</t>
  </si>
  <si>
    <t>Heijningen</t>
  </si>
  <si>
    <t>buurt_gegeneraliseerd_2021.f146a0df-a069-41fb-b4a3-eb8919c0ac68</t>
  </si>
  <si>
    <t>BU17090809</t>
  </si>
  <si>
    <t>2021BU17090809</t>
  </si>
  <si>
    <t>Verspreide huizen Heijningen</t>
  </si>
  <si>
    <t>buurt_gegeneraliseerd_2021.d6e6b1a0-eb4a-4ccd-a570-89cf324fc552</t>
  </si>
  <si>
    <t>BU17090900</t>
  </si>
  <si>
    <t>2021BU17090900</t>
  </si>
  <si>
    <t>Willemstad</t>
  </si>
  <si>
    <t>buurt_gegeneraliseerd_2021.c5a9045d-72aa-472b-affb-e032d7f7b4f0</t>
  </si>
  <si>
    <t>BU17090901</t>
  </si>
  <si>
    <t>2021BU17090901</t>
  </si>
  <si>
    <t>Noordlangeweg</t>
  </si>
  <si>
    <t>buurt_gegeneraliseerd_2021.10e02dba-5da9-452d-acd5-412694f4df99</t>
  </si>
  <si>
    <t>BU17090902</t>
  </si>
  <si>
    <t>2021BU17090902</t>
  </si>
  <si>
    <t>Kloosterblokje</t>
  </si>
  <si>
    <t>buurt_gegeneraliseerd_2021.e0d0fec8-2213-438c-a1fc-f6186507988d</t>
  </si>
  <si>
    <t>BU17090909</t>
  </si>
  <si>
    <t>2021BU17090909</t>
  </si>
  <si>
    <t>Verspreide huizen Willemstad</t>
  </si>
  <si>
    <t>buurt_gegeneraliseerd_2021.ca399fcf-3321-4b4c-8ddd-2269b9eb2a5d</t>
  </si>
  <si>
    <t>BU17091000</t>
  </si>
  <si>
    <t>2021BU17091000</t>
  </si>
  <si>
    <t>Helwijk</t>
  </si>
  <si>
    <t>buurt_gegeneraliseerd_2021.ce78a22b-8e36-4aec-98ad-3bd107e02184</t>
  </si>
  <si>
    <t>BU17091009</t>
  </si>
  <si>
    <t>2021BU17091009</t>
  </si>
  <si>
    <t>Verspreide huizen Helwijk</t>
  </si>
  <si>
    <t>buurt_gegeneraliseerd_2021.72841431-4be4-41b5-85e6-b6c3aedf1164</t>
  </si>
  <si>
    <t>BU17110101</t>
  </si>
  <si>
    <t>2021BU17110101</t>
  </si>
  <si>
    <t>Baakhoven</t>
  </si>
  <si>
    <t>GM1711</t>
  </si>
  <si>
    <t>buurt_gegeneraliseerd_2021.0af6d682-1576-4e8e-ab7d-15073d9d48ce</t>
  </si>
  <si>
    <t>BU17110102</t>
  </si>
  <si>
    <t>2021BU17110102</t>
  </si>
  <si>
    <t>In de Mehre</t>
  </si>
  <si>
    <t>buurt_gegeneraliseerd_2021.88f3b3ca-5b05-474d-95c4-5584b15bce6b</t>
  </si>
  <si>
    <t>BU17110103</t>
  </si>
  <si>
    <t>2021BU17110103</t>
  </si>
  <si>
    <t>Mariaveld</t>
  </si>
  <si>
    <t>buurt_gegeneraliseerd_2021.a075f429-5ae6-49d0-84d3-eeaeb6e45055</t>
  </si>
  <si>
    <t>BU17110104</t>
  </si>
  <si>
    <t>2021BU17110104</t>
  </si>
  <si>
    <t>Middelveld</t>
  </si>
  <si>
    <t>buurt_gegeneraliseerd_2021.1fba414f-16ee-4325-8ada-f407e9e96fd2</t>
  </si>
  <si>
    <t>BU17110105</t>
  </si>
  <si>
    <t>2021BU17110105</t>
  </si>
  <si>
    <t>Munsterveld</t>
  </si>
  <si>
    <t>buurt_gegeneraliseerd_2021.517c3ee2-6722-43c1-aae9-1ecd55c4d2b8</t>
  </si>
  <si>
    <t>BU17110106</t>
  </si>
  <si>
    <t>2021BU17110106</t>
  </si>
  <si>
    <t>Susteren Centrum</t>
  </si>
  <si>
    <t>buurt_gegeneraliseerd_2021.5f0c8e31-d289-46d5-8154-079d5b17c0f1</t>
  </si>
  <si>
    <t>BU17110107</t>
  </si>
  <si>
    <t>2021BU17110107</t>
  </si>
  <si>
    <t>Verspreide huizen Susteren</t>
  </si>
  <si>
    <t>buurt_gegeneraliseerd_2021.9535ccbb-0f1e-45b0-9d67-505808fe2609</t>
  </si>
  <si>
    <t>BU17110108</t>
  </si>
  <si>
    <t>2021BU17110108</t>
  </si>
  <si>
    <t>Wolfskoul</t>
  </si>
  <si>
    <t>buurt_gegeneraliseerd_2021.b6d304d1-1591-4945-8be2-4a2518f7a89a</t>
  </si>
  <si>
    <t>BU17110153</t>
  </si>
  <si>
    <t>2021BU17110153</t>
  </si>
  <si>
    <t>Handelsterrein</t>
  </si>
  <si>
    <t>buurt_gegeneraliseerd_2021.5ea2ce0f-344e-4fe3-90ab-d346c03d7124</t>
  </si>
  <si>
    <t>BU17110209</t>
  </si>
  <si>
    <t>2021BU17110209</t>
  </si>
  <si>
    <t>Dieteren</t>
  </si>
  <si>
    <t>buurt_gegeneraliseerd_2021.497d3c28-89aa-4ed4-ac7d-63b418b4a5cb</t>
  </si>
  <si>
    <t>BU17110210</t>
  </si>
  <si>
    <t>2021BU17110210</t>
  </si>
  <si>
    <t>Verspreide huizen Dieteren</t>
  </si>
  <si>
    <t>buurt_gegeneraliseerd_2021.fa02bb78-515f-41a2-88c3-7c841a8812b0</t>
  </si>
  <si>
    <t>BU17110311</t>
  </si>
  <si>
    <t>2021BU17110311</t>
  </si>
  <si>
    <t>buurt_gegeneraliseerd_2021.adb8d39d-1960-4920-854d-526fcf184665</t>
  </si>
  <si>
    <t>BU17110312</t>
  </si>
  <si>
    <t>2021BU17110312</t>
  </si>
  <si>
    <t>Recreatiepark Hommelheide</t>
  </si>
  <si>
    <t>buurt_gegeneraliseerd_2021.6a99b0c5-23db-4af7-9ad6-dceec809e952</t>
  </si>
  <si>
    <t>BU17110313</t>
  </si>
  <si>
    <t>2021BU17110313</t>
  </si>
  <si>
    <t>Verspreide huizen Heide</t>
  </si>
  <si>
    <t>buurt_gegeneraliseerd_2021.add858e7-5340-4cce-84a7-18a8389be363</t>
  </si>
  <si>
    <t>BU17110414</t>
  </si>
  <si>
    <t>2021BU17110414</t>
  </si>
  <si>
    <t>Illikhoven en Visserweert</t>
  </si>
  <si>
    <t>buurt_gegeneraliseerd_2021.4058e822-3f45-4a08-b500-ee1ff3b58b8b</t>
  </si>
  <si>
    <t>BU17110415</t>
  </si>
  <si>
    <t>2021BU17110415</t>
  </si>
  <si>
    <t>Kokkelert</t>
  </si>
  <si>
    <t>buurt_gegeneraliseerd_2021.d342d4e0-58f7-4e5b-ac8c-e26393c9b43f</t>
  </si>
  <si>
    <t>BU17110416</t>
  </si>
  <si>
    <t>2021BU17110416</t>
  </si>
  <si>
    <t>Oud-Roosteren</t>
  </si>
  <si>
    <t>buurt_gegeneraliseerd_2021.e447c78f-64cf-430c-805e-090ec88de2ff</t>
  </si>
  <si>
    <t>BU17110417</t>
  </si>
  <si>
    <t>2021BU17110417</t>
  </si>
  <si>
    <t>Roosteren</t>
  </si>
  <si>
    <t>buurt_gegeneraliseerd_2021.510565d9-05d7-4214-a47c-2abd9fb07d09</t>
  </si>
  <si>
    <t>BU17110418</t>
  </si>
  <si>
    <t>2021BU17110418</t>
  </si>
  <si>
    <t>Verspreide huizen Illikhoven en Visserweert</t>
  </si>
  <si>
    <t>buurt_gegeneraliseerd_2021.06dc3f6b-4f95-4136-a32f-cf5ec34d4a7e</t>
  </si>
  <si>
    <t>BU17110419</t>
  </si>
  <si>
    <t>2021BU17110419</t>
  </si>
  <si>
    <t>Verspreide huizen Roosteren</t>
  </si>
  <si>
    <t>buurt_gegeneraliseerd_2021.b8f908bf-3eb0-437e-9404-cec82aa8c3a0</t>
  </si>
  <si>
    <t>BU17110456</t>
  </si>
  <si>
    <t>2021BU17110456</t>
  </si>
  <si>
    <t>Buitengebied Oud-Roosteren</t>
  </si>
  <si>
    <t>buurt_gegeneraliseerd_2021.be913139-9f54-4332-9062-05f9928953ed</t>
  </si>
  <si>
    <t>BU17110520</t>
  </si>
  <si>
    <t>2021BU17110520</t>
  </si>
  <si>
    <t>Aasterberg</t>
  </si>
  <si>
    <t>buurt_gegeneraliseerd_2021.02977481-e53d-485c-ab66-cb45c6961a53</t>
  </si>
  <si>
    <t>BU17110521</t>
  </si>
  <si>
    <t>2021BU17110521</t>
  </si>
  <si>
    <t>Berkelaar</t>
  </si>
  <si>
    <t>buurt_gegeneraliseerd_2021.7c3bc3c4-abac-46ad-953d-8d680481d79f</t>
  </si>
  <si>
    <t>BU17110522</t>
  </si>
  <si>
    <t>2021BU17110522</t>
  </si>
  <si>
    <t>De Berk</t>
  </si>
  <si>
    <t>buurt_gegeneraliseerd_2021.24cdb6b2-bbb3-4c64-ab94-9fb24cf99b7d</t>
  </si>
  <si>
    <t>BU17110523</t>
  </si>
  <si>
    <t>2021BU17110523</t>
  </si>
  <si>
    <t>De Loop</t>
  </si>
  <si>
    <t>buurt_gegeneraliseerd_2021.bb67cf6d-495b-4df5-a910-9f6559448e21</t>
  </si>
  <si>
    <t>BU17110524</t>
  </si>
  <si>
    <t>2021BU17110524</t>
  </si>
  <si>
    <t>Echt Centrum</t>
  </si>
  <si>
    <t>buurt_gegeneraliseerd_2021.cc19e5ef-3637-42df-9300-014ea863fa40</t>
  </si>
  <si>
    <t>BU17110525</t>
  </si>
  <si>
    <t>2021BU17110525</t>
  </si>
  <si>
    <t>Echt Noord</t>
  </si>
  <si>
    <t>buurt_gegeneraliseerd_2021.51de2e98-8d97-4af2-9774-bbd1d6f0ed12</t>
  </si>
  <si>
    <t>BU17110526</t>
  </si>
  <si>
    <t>2021BU17110526</t>
  </si>
  <si>
    <t>Gebroek</t>
  </si>
  <si>
    <t>buurt_gegeneraliseerd_2021.b9fb1d87-c3bc-4923-9dcb-4c81118622bb</t>
  </si>
  <si>
    <t>BU17110527</t>
  </si>
  <si>
    <t>2021BU17110527</t>
  </si>
  <si>
    <t>Ophoven</t>
  </si>
  <si>
    <t>buurt_gegeneraliseerd_2021.514ba1e2-fc5a-4f03-b465-959b06a6bb58</t>
  </si>
  <si>
    <t>BU17110528</t>
  </si>
  <si>
    <t>2021BU17110528</t>
  </si>
  <si>
    <t>Businesspark Midden-Limburg</t>
  </si>
  <si>
    <t>buurt_gegeneraliseerd_2021.c27e3376-1fd5-4377-8de3-3238b0634a3c</t>
  </si>
  <si>
    <t>BU17110547</t>
  </si>
  <si>
    <t>2021BU17110547</t>
  </si>
  <si>
    <t>Buitengebied de Berk</t>
  </si>
  <si>
    <t>buurt_gegeneraliseerd_2021.ab80e811-830c-4ac5-9295-d886b071eb0c</t>
  </si>
  <si>
    <t>BU17110548</t>
  </si>
  <si>
    <t>2021BU17110548</t>
  </si>
  <si>
    <t>Buitengebied de Loop</t>
  </si>
  <si>
    <t>buurt_gegeneraliseerd_2021.a801f53c-d1cc-4e8b-8230-27dc0a919d40</t>
  </si>
  <si>
    <t>BU17110549</t>
  </si>
  <si>
    <t>2021BU17110549</t>
  </si>
  <si>
    <t>Buitengebied Gebroek</t>
  </si>
  <si>
    <t>buurt_gegeneraliseerd_2021.a59bd848-d92e-495d-ab85-1e83bbe75752</t>
  </si>
  <si>
    <t>BU17110551</t>
  </si>
  <si>
    <t>2021BU17110551</t>
  </si>
  <si>
    <t>Buitengebied Ophoven</t>
  </si>
  <si>
    <t>buurt_gegeneraliseerd_2021.f5886461-8dfe-466d-a3e2-d5830661a168</t>
  </si>
  <si>
    <t>BU17110554</t>
  </si>
  <si>
    <t>2021BU17110554</t>
  </si>
  <si>
    <t>Buitengebied Berkelaar</t>
  </si>
  <si>
    <t>buurt_gegeneraliseerd_2021.ac009a5a-28fa-4462-8b5b-132216fec2ae</t>
  </si>
  <si>
    <t>BU17110555</t>
  </si>
  <si>
    <t>2021BU17110555</t>
  </si>
  <si>
    <t>Buitengebied Aasterberg</t>
  </si>
  <si>
    <t>buurt_gegeneraliseerd_2021.18813d69-4bbf-4e61-98c5-f10db09b7a78</t>
  </si>
  <si>
    <t>BU17110628</t>
  </si>
  <si>
    <t>2021BU17110628</t>
  </si>
  <si>
    <t>Diergaarde</t>
  </si>
  <si>
    <t>buurt_gegeneraliseerd_2021.179db7c1-b564-4940-aa7f-20ee6f35bb10</t>
  </si>
  <si>
    <t>BU17110629</t>
  </si>
  <si>
    <t>2021BU17110629</t>
  </si>
  <si>
    <t>Echterbosch</t>
  </si>
  <si>
    <t>buurt_gegeneraliseerd_2021.463dc124-27bf-474a-b010-6c780aeef08f</t>
  </si>
  <si>
    <t>BU17110630</t>
  </si>
  <si>
    <t>2021BU17110630</t>
  </si>
  <si>
    <t>Maria Hoop</t>
  </si>
  <si>
    <t>buurt_gegeneraliseerd_2021.047d0751-882f-4732-a872-6f9fabf5dde9</t>
  </si>
  <si>
    <t>BU17110731</t>
  </si>
  <si>
    <t>2021BU17110731</t>
  </si>
  <si>
    <t>Hingen</t>
  </si>
  <si>
    <t>buurt_gegeneraliseerd_2021.8852270a-20f1-4bbf-9d35-d719f371ee50</t>
  </si>
  <si>
    <t>BU17110732</t>
  </si>
  <si>
    <t>2021BU17110732</t>
  </si>
  <si>
    <t>Peij</t>
  </si>
  <si>
    <t>buurt_gegeneraliseerd_2021.0b2ae066-5648-4103-8206-eb5092aafed6</t>
  </si>
  <si>
    <t>BU17110733</t>
  </si>
  <si>
    <t>2021BU17110733</t>
  </si>
  <si>
    <t>Peijerveld</t>
  </si>
  <si>
    <t>buurt_gegeneraliseerd_2021.cbb05dab-2270-4d21-a7b0-a5d0cba135c9</t>
  </si>
  <si>
    <t>BU17110734</t>
  </si>
  <si>
    <t>2021BU17110734</t>
  </si>
  <si>
    <t>Recreatiepark Marisheem</t>
  </si>
  <si>
    <t>buurt_gegeneraliseerd_2021.563ad0fb-dc58-4dcf-8ab2-2040661dcf4b</t>
  </si>
  <si>
    <t>BU17110735</t>
  </si>
  <si>
    <t>2021BU17110735</t>
  </si>
  <si>
    <t>Schilberg</t>
  </si>
  <si>
    <t>buurt_gegeneraliseerd_2021.6fe8faca-9e3f-4bc2-8127-7db0301d0120</t>
  </si>
  <si>
    <t>BU17110750</t>
  </si>
  <si>
    <t>2021BU17110750</t>
  </si>
  <si>
    <t>Buitengebied Hingen</t>
  </si>
  <si>
    <t>buurt_gegeneraliseerd_2021.b8081232-e8db-409a-8ba6-d92188a532b2</t>
  </si>
  <si>
    <t>BU17110836</t>
  </si>
  <si>
    <t>2021BU17110836</t>
  </si>
  <si>
    <t>Liboscherveld</t>
  </si>
  <si>
    <t>buurt_gegeneraliseerd_2021.5fc2ddc1-5302-4cb3-b3e6-7fe12b55c63e</t>
  </si>
  <si>
    <t>BU17110837</t>
  </si>
  <si>
    <t>2021BU17110837</t>
  </si>
  <si>
    <t>Slek</t>
  </si>
  <si>
    <t>buurt_gegeneraliseerd_2021.953bcb13-ff8a-4a3f-a049-4ec8648e73e6</t>
  </si>
  <si>
    <t>BU17110938</t>
  </si>
  <si>
    <t>2021BU17110938</t>
  </si>
  <si>
    <t>Verspreide huizen Nieuwstadt</t>
  </si>
  <si>
    <t>buurt_gegeneraliseerd_2021.bca00b54-0ed4-46f2-a15e-46f1cbd98585</t>
  </si>
  <si>
    <t>BU17110939</t>
  </si>
  <si>
    <t>2021BU17110939</t>
  </si>
  <si>
    <t>Nieuwstadt Centrum</t>
  </si>
  <si>
    <t>buurt_gegeneraliseerd_2021.0155da0f-f62b-4040-ba32-191a5e9ab1d3</t>
  </si>
  <si>
    <t>BU17110940</t>
  </si>
  <si>
    <t>2021BU17110940</t>
  </si>
  <si>
    <t>Cristina</t>
  </si>
  <si>
    <t>buurt_gegeneraliseerd_2021.9f3bce38-2483-447b-8ba3-8a575db6a500</t>
  </si>
  <si>
    <t>BU17111041</t>
  </si>
  <si>
    <t>2021BU17111041</t>
  </si>
  <si>
    <t>Sint Joost</t>
  </si>
  <si>
    <t>buurt_gegeneraliseerd_2021.2256323a-168b-432c-adc6-f665a099910a</t>
  </si>
  <si>
    <t>BU17111042</t>
  </si>
  <si>
    <t>2021BU17111042</t>
  </si>
  <si>
    <t>Verspreide Huizen Sint Joost</t>
  </si>
  <si>
    <t>buurt_gegeneraliseerd_2021.25b1cd67-45b0-4c1a-a0a1-4a876f367a8e</t>
  </si>
  <si>
    <t>BU17111143</t>
  </si>
  <si>
    <t>2021BU17111143</t>
  </si>
  <si>
    <t>Koningsbosch</t>
  </si>
  <si>
    <t>buurt_gegeneraliseerd_2021.e59cfdc2-01ca-4f79-b740-c6c3afec331f</t>
  </si>
  <si>
    <t>BU17111144</t>
  </si>
  <si>
    <t>2021BU17111144</t>
  </si>
  <si>
    <t>Lackerbosch</t>
  </si>
  <si>
    <t>buurt_gegeneraliseerd_2021.f4607053-e2b3-425b-9bc3-bc483cbf66b8</t>
  </si>
  <si>
    <t>BU17111145</t>
  </si>
  <si>
    <t>2021BU17111145</t>
  </si>
  <si>
    <t>Spaanshuisken</t>
  </si>
  <si>
    <t>buurt_gegeneraliseerd_2021.8183fc9f-b788-4504-b93a-21b67c8b9e62</t>
  </si>
  <si>
    <t>BU17111146</t>
  </si>
  <si>
    <t>2021BU17111146</t>
  </si>
  <si>
    <t>Aan het Echterbos</t>
  </si>
  <si>
    <t>buurt_gegeneraliseerd_2021.3a7fbce5-2cbd-4701-844d-18da25916153</t>
  </si>
  <si>
    <t>BU17111152</t>
  </si>
  <si>
    <t>2021BU17111152</t>
  </si>
  <si>
    <t>Buitengebied Spaanshuisken</t>
  </si>
  <si>
    <t>buurt_gegeneraliseerd_2021.86d5a437-869c-42c9-a55c-2460a2a39feb</t>
  </si>
  <si>
    <t>BU17140000</t>
  </si>
  <si>
    <t>2021BU17140000</t>
  </si>
  <si>
    <t>Sluis</t>
  </si>
  <si>
    <t>GM1714</t>
  </si>
  <si>
    <t>buurt_gegeneraliseerd_2021.a5660a7c-ca19-46e5-b7f4-7cc2ad87d1d7</t>
  </si>
  <si>
    <t>BU17140001</t>
  </si>
  <si>
    <t>2021BU17140001</t>
  </si>
  <si>
    <t>Sint Anna ter Muiden</t>
  </si>
  <si>
    <t>buurt_gegeneraliseerd_2021.f525b453-d79b-4e45-9a56-a7d4ff610685</t>
  </si>
  <si>
    <t>BU17140100</t>
  </si>
  <si>
    <t>2021BU17140100</t>
  </si>
  <si>
    <t>Retranchement</t>
  </si>
  <si>
    <t>buurt_gegeneraliseerd_2021.7ef8bfe0-c2dc-49db-8cdc-315ff896cfcd</t>
  </si>
  <si>
    <t>BU17140109</t>
  </si>
  <si>
    <t>2021BU17140109</t>
  </si>
  <si>
    <t>Verspreide huizen Retranchement</t>
  </si>
  <si>
    <t>buurt_gegeneraliseerd_2021.00ced589-4cca-44f9-92d0-91611de9c452</t>
  </si>
  <si>
    <t>BU17140200</t>
  </si>
  <si>
    <t>2021BU17140200</t>
  </si>
  <si>
    <t>Aardenburg</t>
  </si>
  <si>
    <t>buurt_gegeneraliseerd_2021.f47f9efe-dd03-4cc1-a1df-aa0721283138</t>
  </si>
  <si>
    <t>BU17140209</t>
  </si>
  <si>
    <t>2021BU17140209</t>
  </si>
  <si>
    <t>Verspreide huizen Aardenburg</t>
  </si>
  <si>
    <t>buurt_gegeneraliseerd_2021.3db3f520-7464-4c0e-a8a9-51162a240155</t>
  </si>
  <si>
    <t>BU17140300</t>
  </si>
  <si>
    <t>2021BU17140300</t>
  </si>
  <si>
    <t>Eede</t>
  </si>
  <si>
    <t>buurt_gegeneraliseerd_2021.1c51c1cb-f9be-4409-b67e-32345126cfa7</t>
  </si>
  <si>
    <t>BU17140309</t>
  </si>
  <si>
    <t>2021BU17140309</t>
  </si>
  <si>
    <t>Verspreide huizen Eede</t>
  </si>
  <si>
    <t>buurt_gegeneraliseerd_2021.18a91c46-a4bc-46e6-96bb-f3ab9f5e84ae</t>
  </si>
  <si>
    <t>BU17140400</t>
  </si>
  <si>
    <t>2021BU17140400</t>
  </si>
  <si>
    <t>Sint Kruis</t>
  </si>
  <si>
    <t>buurt_gegeneraliseerd_2021.954b3e38-fc06-4f33-a500-b956b007429c</t>
  </si>
  <si>
    <t>BU17140409</t>
  </si>
  <si>
    <t>2021BU17140409</t>
  </si>
  <si>
    <t>Verspreide huizen Sint Kruis</t>
  </si>
  <si>
    <t>buurt_gegeneraliseerd_2021.718b515e-36f4-432e-9771-d9f35deb4c85</t>
  </si>
  <si>
    <t>BU17140500</t>
  </si>
  <si>
    <t>2021BU17140500</t>
  </si>
  <si>
    <t>Oostburg</t>
  </si>
  <si>
    <t>buurt_gegeneraliseerd_2021.f59ca6d7-0b7a-406a-adeb-bae0491a17e6</t>
  </si>
  <si>
    <t>BU17140509</t>
  </si>
  <si>
    <t>2021BU17140509</t>
  </si>
  <si>
    <t>Verspreide huizen Oostburg</t>
  </si>
  <si>
    <t>buurt_gegeneraliseerd_2021.b6c38d2f-0ea8-41ea-b560-3a8125ef550c</t>
  </si>
  <si>
    <t>BU17140600</t>
  </si>
  <si>
    <t>2021BU17140600</t>
  </si>
  <si>
    <t>Zuidzande</t>
  </si>
  <si>
    <t>buurt_gegeneraliseerd_2021.219643f0-93d9-4f8b-8471-f5d7f37eb6a3</t>
  </si>
  <si>
    <t>BU17140609</t>
  </si>
  <si>
    <t>2021BU17140609</t>
  </si>
  <si>
    <t>Verspreide huizen Zuidzande</t>
  </si>
  <si>
    <t>buurt_gegeneraliseerd_2021.d88a67f4-53e9-4cf6-bc9c-7f82ac1422fe</t>
  </si>
  <si>
    <t>BU17140700</t>
  </si>
  <si>
    <t>2021BU17140700</t>
  </si>
  <si>
    <t>Cadzand</t>
  </si>
  <si>
    <t>buurt_gegeneraliseerd_2021.f0bebe32-8b62-49aa-8409-68663d617af9</t>
  </si>
  <si>
    <t>BU17140701</t>
  </si>
  <si>
    <t>2021BU17140701</t>
  </si>
  <si>
    <t>Cadzand-Bad</t>
  </si>
  <si>
    <t>buurt_gegeneraliseerd_2021.47505a0c-6b1b-4207-9ead-f34c6d99f4e1</t>
  </si>
  <si>
    <t>BU17140709</t>
  </si>
  <si>
    <t>2021BU17140709</t>
  </si>
  <si>
    <t>Verspreide huizen Cadzand</t>
  </si>
  <si>
    <t>buurt_gegeneraliseerd_2021.68ad28fc-84fe-454a-9581-286e6eebfac1</t>
  </si>
  <si>
    <t>BU17140800</t>
  </si>
  <si>
    <t>2021BU17140800</t>
  </si>
  <si>
    <t>Nieuwvliet</t>
  </si>
  <si>
    <t>buurt_gegeneraliseerd_2021.62ba4738-d463-4d0e-bd45-583aaac01c2d</t>
  </si>
  <si>
    <t>BU17140801</t>
  </si>
  <si>
    <t>2021BU17140801</t>
  </si>
  <si>
    <t>Nieuwvliet-Bad-Oost en -West</t>
  </si>
  <si>
    <t>buurt_gegeneraliseerd_2021.1e6ee575-4a64-4534-a0a5-b80f56c13e77</t>
  </si>
  <si>
    <t>BU17140809</t>
  </si>
  <si>
    <t>2021BU17140809</t>
  </si>
  <si>
    <t>Verspreide huizen Nieuwvliet</t>
  </si>
  <si>
    <t>buurt_gegeneraliseerd_2021.a8ea2cd0-e061-4263-b482-bcb0d5e4b39d</t>
  </si>
  <si>
    <t>BU17140900</t>
  </si>
  <si>
    <t>2021BU17140900</t>
  </si>
  <si>
    <t>Groede</t>
  </si>
  <si>
    <t>buurt_gegeneraliseerd_2021.c987cdb4-2112-426f-b1ec-4b6a31188f4b</t>
  </si>
  <si>
    <t>BU17140909</t>
  </si>
  <si>
    <t>2021BU17140909</t>
  </si>
  <si>
    <t>Verspreide huizen Groede</t>
  </si>
  <si>
    <t>buurt_gegeneraliseerd_2021.1a3406e2-938f-4101-8460-7127615bc384</t>
  </si>
  <si>
    <t>BU17141000</t>
  </si>
  <si>
    <t>2021BU17141000</t>
  </si>
  <si>
    <t>Breskens</t>
  </si>
  <si>
    <t>buurt_gegeneraliseerd_2021.b351739c-ee67-4393-a67c-ec09f61f0d72</t>
  </si>
  <si>
    <t>BU17141009</t>
  </si>
  <si>
    <t>2021BU17141009</t>
  </si>
  <si>
    <t>Verspreide huizen Breskens</t>
  </si>
  <si>
    <t>buurt_gegeneraliseerd_2021.0c82c472-e297-4b73-82e4-6252fd20c7ff</t>
  </si>
  <si>
    <t>BU17141100</t>
  </si>
  <si>
    <t>2021BU17141100</t>
  </si>
  <si>
    <t>Hoofdplaat</t>
  </si>
  <si>
    <t>buurt_gegeneraliseerd_2021.ea0226d4-2a5a-47b6-a9d4-a86333ab2d3b</t>
  </si>
  <si>
    <t>BU17141101</t>
  </si>
  <si>
    <t>2021BU17141101</t>
  </si>
  <si>
    <t>Nummer Eén en omgeving</t>
  </si>
  <si>
    <t>buurt_gegeneraliseerd_2021.b1f2f17d-33e2-455a-a1c6-7d6d4bfbe23e</t>
  </si>
  <si>
    <t>BU17141108</t>
  </si>
  <si>
    <t>2021BU17141108</t>
  </si>
  <si>
    <t>Verspreide huizen Nummer Eén en Slijkplaat</t>
  </si>
  <si>
    <t>buurt_gegeneraliseerd_2021.88c76b5e-5eb3-4578-9f94-a1eab9a99e72</t>
  </si>
  <si>
    <t>BU17141109</t>
  </si>
  <si>
    <t>2021BU17141109</t>
  </si>
  <si>
    <t>Overige verspreide huizen Hoofdplaat</t>
  </si>
  <si>
    <t>buurt_gegeneraliseerd_2021.dd5bad0b-6625-42f7-89be-6515663adb60</t>
  </si>
  <si>
    <t>BU17141200</t>
  </si>
  <si>
    <t>2021BU17141200</t>
  </si>
  <si>
    <t>IJzendijke</t>
  </si>
  <si>
    <t>buurt_gegeneraliseerd_2021.086adf37-b902-4f78-a089-41d4f90ddda8</t>
  </si>
  <si>
    <t>BU17141209</t>
  </si>
  <si>
    <t>2021BU17141209</t>
  </si>
  <si>
    <t>Verspreide huizen IJzendijke</t>
  </si>
  <si>
    <t>buurt_gegeneraliseerd_2021.ef5a357d-0fbc-4023-a2b2-5385bba336de</t>
  </si>
  <si>
    <t>BU17141300</t>
  </si>
  <si>
    <t>2021BU17141300</t>
  </si>
  <si>
    <t>Schoondijke</t>
  </si>
  <si>
    <t>buurt_gegeneraliseerd_2021.7e701123-6eaf-4382-b333-cf8bde2dd44f</t>
  </si>
  <si>
    <t>BU17141309</t>
  </si>
  <si>
    <t>2021BU17141309</t>
  </si>
  <si>
    <t>Verspreide huizen Schoondijke</t>
  </si>
  <si>
    <t>buurt_gegeneraliseerd_2021.867e13e0-1525-41d2-8ed3-572f0a1afefa</t>
  </si>
  <si>
    <t>BU17141400</t>
  </si>
  <si>
    <t>2021BU17141400</t>
  </si>
  <si>
    <t>Waterlandkerkje</t>
  </si>
  <si>
    <t>buurt_gegeneraliseerd_2021.fe55731c-2f48-4359-af69-08e901c03263</t>
  </si>
  <si>
    <t>BU17141409</t>
  </si>
  <si>
    <t>2021BU17141409</t>
  </si>
  <si>
    <t>Verspreide huizen Waterlandkerkje</t>
  </si>
  <si>
    <t>buurt_gegeneraliseerd_2021.f1a419e0-b98b-4811-972b-d9c889b6a168</t>
  </si>
  <si>
    <t>BU17210101</t>
  </si>
  <si>
    <t>2021BU17210101</t>
  </si>
  <si>
    <t>'t Dorp</t>
  </si>
  <si>
    <t>GM1721</t>
  </si>
  <si>
    <t>buurt_gegeneraliseerd_2021.ede576b0-872d-4bab-9341-6293b1facf48</t>
  </si>
  <si>
    <t>BU17210102</t>
  </si>
  <si>
    <t>2021BU17210102</t>
  </si>
  <si>
    <t>buurt_gegeneraliseerd_2021.5799bd39-139c-4076-be61-ffdb9da07041</t>
  </si>
  <si>
    <t>BU17210103</t>
  </si>
  <si>
    <t>2021BU17210103</t>
  </si>
  <si>
    <t>'t Vijfeiken</t>
  </si>
  <si>
    <t>buurt_gegeneraliseerd_2021.d71a902f-4a7f-4ccb-9c53-0cd84f1cfad3</t>
  </si>
  <si>
    <t>BU17210104</t>
  </si>
  <si>
    <t>2021BU17210104</t>
  </si>
  <si>
    <t>Schoonstraat</t>
  </si>
  <si>
    <t>buurt_gegeneraliseerd_2021.177e5b61-1d28-46ea-b137-8fa8ff5e8e5d</t>
  </si>
  <si>
    <t>BU17210105</t>
  </si>
  <si>
    <t>2021BU17210105</t>
  </si>
  <si>
    <t>Kennedystraat</t>
  </si>
  <si>
    <t>buurt_gegeneraliseerd_2021.c6b72443-dcfe-47db-b975-366b881fe439</t>
  </si>
  <si>
    <t>BU17210106</t>
  </si>
  <si>
    <t>2021BU17210106</t>
  </si>
  <si>
    <t>Den Berg</t>
  </si>
  <si>
    <t>buurt_gegeneraliseerd_2021.e0ba3ad1-b5e6-4e93-92ee-560612b640d2</t>
  </si>
  <si>
    <t>BU17210107</t>
  </si>
  <si>
    <t>2021BU17210107</t>
  </si>
  <si>
    <t>Heelwijk</t>
  </si>
  <si>
    <t>buurt_gegeneraliseerd_2021.fc8e5f00-955f-44da-8658-05d24788b44d</t>
  </si>
  <si>
    <t>BU17210108</t>
  </si>
  <si>
    <t>2021BU17210108</t>
  </si>
  <si>
    <t>buurt_gegeneraliseerd_2021.73063d9d-147b-45d1-8c19-4aa8097a9f5d</t>
  </si>
  <si>
    <t>BU17210109</t>
  </si>
  <si>
    <t>2021BU17210109</t>
  </si>
  <si>
    <t>Monseigneur van Den Hurklaan</t>
  </si>
  <si>
    <t>buurt_gegeneraliseerd_2021.780fed37-3803-44c8-9cac-9bd9ba4763d7</t>
  </si>
  <si>
    <t>BU17210110</t>
  </si>
  <si>
    <t>2021BU17210110</t>
  </si>
  <si>
    <t>Buitenpas - Noordrand</t>
  </si>
  <si>
    <t>buurt_gegeneraliseerd_2021.c51aaa2d-5a98-40cc-a9e5-c1289963b77e</t>
  </si>
  <si>
    <t>BU17210111</t>
  </si>
  <si>
    <t>2021BU17210111</t>
  </si>
  <si>
    <t>De Velft</t>
  </si>
  <si>
    <t>buurt_gegeneraliseerd_2021.a1460d0c-b74e-453f-9e5c-0a97876e070c</t>
  </si>
  <si>
    <t>BU17210112</t>
  </si>
  <si>
    <t>2021BU17210112</t>
  </si>
  <si>
    <t>Bekerbuurt</t>
  </si>
  <si>
    <t>buurt_gegeneraliseerd_2021.7a9aeec8-ca50-4c9a-a6fc-731458e905e3</t>
  </si>
  <si>
    <t>BU17210113</t>
  </si>
  <si>
    <t>2021BU17210113</t>
  </si>
  <si>
    <t>Wagnerplein</t>
  </si>
  <si>
    <t>buurt_gegeneraliseerd_2021.f4c7fd34-044f-4793-8c2a-0e320f2aa680</t>
  </si>
  <si>
    <t>BU17210114</t>
  </si>
  <si>
    <t>2021BU17210114</t>
  </si>
  <si>
    <t>Het Rul</t>
  </si>
  <si>
    <t>buurt_gegeneraliseerd_2021.e569c8e0-a275-4121-bb97-b2d7b38a00ca</t>
  </si>
  <si>
    <t>BU17210115</t>
  </si>
  <si>
    <t>2021BU17210115</t>
  </si>
  <si>
    <t>De Zeis</t>
  </si>
  <si>
    <t>buurt_gegeneraliseerd_2021.b905cc15-3bc5-4a61-bc8e-6199dc505517</t>
  </si>
  <si>
    <t>BU17210116</t>
  </si>
  <si>
    <t>2021BU17210116</t>
  </si>
  <si>
    <t>Graanbuurt</t>
  </si>
  <si>
    <t>buurt_gegeneraliseerd_2021.09a2668b-6177-4f0b-a146-199f46bd2b50</t>
  </si>
  <si>
    <t>BU17210117</t>
  </si>
  <si>
    <t>2021BU17210117</t>
  </si>
  <si>
    <t>De Hoef 1</t>
  </si>
  <si>
    <t>buurt_gegeneraliseerd_2021.a3f3a08a-691a-4a14-b584-b1bf5c736c00</t>
  </si>
  <si>
    <t>BU17210118</t>
  </si>
  <si>
    <t>2021BU17210118</t>
  </si>
  <si>
    <t>De Hoef 2</t>
  </si>
  <si>
    <t>buurt_gegeneraliseerd_2021.b8a6d2f5-7be7-4074-bf74-fdd13ff179e2</t>
  </si>
  <si>
    <t>BU17210119</t>
  </si>
  <si>
    <t>2021BU17210119</t>
  </si>
  <si>
    <t>Broekhoek - Middelste Groes</t>
  </si>
  <si>
    <t>buurt_gegeneraliseerd_2021.cef5455f-4557-4a4c-a677-aebb2c8982c3</t>
  </si>
  <si>
    <t>BU17210120</t>
  </si>
  <si>
    <t>2021BU17210120</t>
  </si>
  <si>
    <t>De Beemd</t>
  </si>
  <si>
    <t>buurt_gegeneraliseerd_2021.86f6ace1-a85c-4b01-8133-c7170a984a36</t>
  </si>
  <si>
    <t>BU17210201</t>
  </si>
  <si>
    <t>2021BU17210201</t>
  </si>
  <si>
    <t>St. Servatius - Schoonstr - Den Dolvert</t>
  </si>
  <si>
    <t>buurt_gegeneraliseerd_2021.1e3e82fd-379b-4115-a027-65c43598be0e</t>
  </si>
  <si>
    <t>BU17210202</t>
  </si>
  <si>
    <t>2021BU17210202</t>
  </si>
  <si>
    <t>buurt_gegeneraliseerd_2021.31c598c2-af52-4574-b74c-e5bab88734f6</t>
  </si>
  <si>
    <t>BU17210203</t>
  </si>
  <si>
    <t>2021BU17210203</t>
  </si>
  <si>
    <t>Heilige Stok - Kerkstraat</t>
  </si>
  <si>
    <t>buurt_gegeneraliseerd_2021.39f69d02-421c-494d-8b84-929186433a10</t>
  </si>
  <si>
    <t>BU17210204</t>
  </si>
  <si>
    <t>2021BU17210204</t>
  </si>
  <si>
    <t>De abdij</t>
  </si>
  <si>
    <t>buurt_gegeneraliseerd_2021.e69fae10-b0bd-4341-9062-3d13163c7cd5</t>
  </si>
  <si>
    <t>BU17210205</t>
  </si>
  <si>
    <t>2021BU17210205</t>
  </si>
  <si>
    <t>Graaf Wernerstraat</t>
  </si>
  <si>
    <t>buurt_gegeneraliseerd_2021.f618e5d0-fe40-439d-8129-1dfb224e2dcf</t>
  </si>
  <si>
    <t>BU17210206</t>
  </si>
  <si>
    <t>2021BU17210206</t>
  </si>
  <si>
    <t>buurt_gegeneraliseerd_2021.8720e2a9-52c9-4e72-9df1-83badc4c1fd6</t>
  </si>
  <si>
    <t>BU17210207</t>
  </si>
  <si>
    <t>2021BU17210207</t>
  </si>
  <si>
    <t>Balledonk</t>
  </si>
  <si>
    <t>buurt_gegeneraliseerd_2021.bf294c3f-cd46-40b6-a14f-a09fddbb6bb9</t>
  </si>
  <si>
    <t>BU17210208</t>
  </si>
  <si>
    <t>2021BU17210208</t>
  </si>
  <si>
    <t>Hopveld - Muggenhoek</t>
  </si>
  <si>
    <t>buurt_gegeneraliseerd_2021.df7ea8c2-eb9a-4265-ae3c-e17afb52f63d</t>
  </si>
  <si>
    <t>BU17210209</t>
  </si>
  <si>
    <t>2021BU17210209</t>
  </si>
  <si>
    <t>Eikenhoek</t>
  </si>
  <si>
    <t>buurt_gegeneraliseerd_2021.d4adf09b-4a55-4a26-bc96-8af1459a9380</t>
  </si>
  <si>
    <t>BU17210210</t>
  </si>
  <si>
    <t>2021BU17210210</t>
  </si>
  <si>
    <t>Heilaren</t>
  </si>
  <si>
    <t>buurt_gegeneraliseerd_2021.b545ba26-a206-4dfb-841a-10cd10a9b7a0</t>
  </si>
  <si>
    <t>BU17210211</t>
  </si>
  <si>
    <t>2021BU17210211</t>
  </si>
  <si>
    <t>Rodenburg</t>
  </si>
  <si>
    <t>buurt_gegeneraliseerd_2021.76da2167-c5e1-4f46-ace7-3bf4625e84b3</t>
  </si>
  <si>
    <t>BU17210301</t>
  </si>
  <si>
    <t>2021BU17210301</t>
  </si>
  <si>
    <t>buurt_gegeneraliseerd_2021.5d110bd9-8ddc-49af-9211-5e133590e954</t>
  </si>
  <si>
    <t>BU17210302</t>
  </si>
  <si>
    <t>2021BU17210302</t>
  </si>
  <si>
    <t>buurt_gegeneraliseerd_2021.183f5695-3c15-444f-be21-a70fc85ac186</t>
  </si>
  <si>
    <t>BU17210303</t>
  </si>
  <si>
    <t>2021BU17210303</t>
  </si>
  <si>
    <t>Kerkveld</t>
  </si>
  <si>
    <t>buurt_gegeneraliseerd_2021.8589548f-5825-4c9c-9409-7f14548ce6a9</t>
  </si>
  <si>
    <t>BU17210304</t>
  </si>
  <si>
    <t>2021BU17210304</t>
  </si>
  <si>
    <t>Donzel</t>
  </si>
  <si>
    <t>buurt_gegeneraliseerd_2021.1c24642c-8ff7-4aee-a510-ea74202f3694</t>
  </si>
  <si>
    <t>BU17210305</t>
  </si>
  <si>
    <t>2021BU17210305</t>
  </si>
  <si>
    <t>Maxend</t>
  </si>
  <si>
    <t>buurt_gegeneraliseerd_2021.8cf51a24-97ab-49cd-a353-bfc1e27aef63</t>
  </si>
  <si>
    <t>BU17210306</t>
  </si>
  <si>
    <t>2021BU17210306</t>
  </si>
  <si>
    <t>Weijen West</t>
  </si>
  <si>
    <t>buurt_gegeneraliseerd_2021.cb89f00c-4546-4b2e-bfbd-b5fc6bbca65c</t>
  </si>
  <si>
    <t>BU17210307</t>
  </si>
  <si>
    <t>2021BU17210307</t>
  </si>
  <si>
    <t>buurt_gegeneraliseerd_2021.e6de336c-73d0-4e70-b0ec-c4fe5e428f7d</t>
  </si>
  <si>
    <t>BU17210308</t>
  </si>
  <si>
    <t>2021BU17210308</t>
  </si>
  <si>
    <t>Van 't Rijk</t>
  </si>
  <si>
    <t>buurt_gegeneraliseerd_2021.e9520d10-31b4-4de5-92a5-1509babbff6b</t>
  </si>
  <si>
    <t>BU17210309</t>
  </si>
  <si>
    <t>2021BU17210309</t>
  </si>
  <si>
    <t>Kleinwijk</t>
  </si>
  <si>
    <t>buurt_gegeneraliseerd_2021.cf14a517-e3ce-4df2-b318-f0a4cce7e321</t>
  </si>
  <si>
    <t>BU17210310</t>
  </si>
  <si>
    <t>2021BU17210310</t>
  </si>
  <si>
    <t>Zwarte Molen</t>
  </si>
  <si>
    <t>buurt_gegeneraliseerd_2021.9f2346be-da3c-4573-984b-663d4eaa1792</t>
  </si>
  <si>
    <t>BU17210401</t>
  </si>
  <si>
    <t>2021BU17210401</t>
  </si>
  <si>
    <t>De Bleeken - 't Grolder</t>
  </si>
  <si>
    <t>buurt_gegeneraliseerd_2021.6be28642-257c-404e-9f75-c4e6b1d9f2b1</t>
  </si>
  <si>
    <t>BU17210402</t>
  </si>
  <si>
    <t>2021BU17210402</t>
  </si>
  <si>
    <t>Zoggel - Berkt</t>
  </si>
  <si>
    <t>buurt_gegeneraliseerd_2021.88c1abc4-0da4-42c5-ba34-e49ff492264b</t>
  </si>
  <si>
    <t>BU17210403</t>
  </si>
  <si>
    <t>2021BU17210403</t>
  </si>
  <si>
    <t>Hooge Wijst - De Vorssel</t>
  </si>
  <si>
    <t>buurt_gegeneraliseerd_2021.11d6b4df-69a1-45d0-b9bf-77d1a500f0ab</t>
  </si>
  <si>
    <t>BU17210501</t>
  </si>
  <si>
    <t>2021BU17210501</t>
  </si>
  <si>
    <t>Beugt</t>
  </si>
  <si>
    <t>buurt_gegeneraliseerd_2021.3a101e3c-6674-4ac0-a5db-60659cc4be84</t>
  </si>
  <si>
    <t>BU17210502</t>
  </si>
  <si>
    <t>2021BU17210502</t>
  </si>
  <si>
    <t>Fokkershoek</t>
  </si>
  <si>
    <t>buurt_gegeneraliseerd_2021.3194936a-9e02-4fa4-9df1-4bfa896305fe</t>
  </si>
  <si>
    <t>BU17210503</t>
  </si>
  <si>
    <t>2021BU17210503</t>
  </si>
  <si>
    <t>Heeswijkse Bosschen</t>
  </si>
  <si>
    <t>buurt_gegeneraliseerd_2021.2f071ab6-ff0a-4002-b82a-641e3ef1c932</t>
  </si>
  <si>
    <t>BU17210504</t>
  </si>
  <si>
    <t>2021BU17210504</t>
  </si>
  <si>
    <t>Hazelberg</t>
  </si>
  <si>
    <t>buurt_gegeneraliseerd_2021.9bc9c71d-89db-45f8-8ed8-e066ae60b6d5</t>
  </si>
  <si>
    <t>BU17210505</t>
  </si>
  <si>
    <t>2021BU17210505</t>
  </si>
  <si>
    <t>Heische Wal - DintherseHoek</t>
  </si>
  <si>
    <t>buurt_gegeneraliseerd_2021.b2d3d45d-c9d2-438c-a3c9-702e6e13d715</t>
  </si>
  <si>
    <t>BU17210506</t>
  </si>
  <si>
    <t>2021BU17210506</t>
  </si>
  <si>
    <t>Loosbroek</t>
  </si>
  <si>
    <t>buurt_gegeneraliseerd_2021.be52cf95-4982-4017-b901-b6c2c8c0beb0</t>
  </si>
  <si>
    <t>BU17210601</t>
  </si>
  <si>
    <t>2021BU17210601</t>
  </si>
  <si>
    <t>Groote Heide</t>
  </si>
  <si>
    <t>buurt_gegeneraliseerd_2021.472b0f3b-2c5e-4517-b796-70a55231921b</t>
  </si>
  <si>
    <t>BU17210602</t>
  </si>
  <si>
    <t>2021BU17210602</t>
  </si>
  <si>
    <t>Vorstenbosch</t>
  </si>
  <si>
    <t>buurt_gegeneraliseerd_2021.c6dcd46e-c59d-4940-839f-6d37ef1086d9</t>
  </si>
  <si>
    <t>BU17210603</t>
  </si>
  <si>
    <t>2021BU17210603</t>
  </si>
  <si>
    <t>Menzel</t>
  </si>
  <si>
    <t>buurt_gegeneraliseerd_2021.981ed65e-f41a-47c7-ae2d-a73a9fe2a63a</t>
  </si>
  <si>
    <t>BU17240001</t>
  </si>
  <si>
    <t>2021BU17240001</t>
  </si>
  <si>
    <t>Broekstraat-Hoek-Lijnt-Eijkereind</t>
  </si>
  <si>
    <t>GM1724</t>
  </si>
  <si>
    <t>buurt_gegeneraliseerd_2021.ca0be267-c343-4253-bb2a-bb7838db5c35</t>
  </si>
  <si>
    <t>BU17240002</t>
  </si>
  <si>
    <t>2021BU17240002</t>
  </si>
  <si>
    <t>Kleine Broekstraat</t>
  </si>
  <si>
    <t>buurt_gegeneraliseerd_2021.f0bdd8e9-eee6-40b9-bfa7-b8ffdb00d404</t>
  </si>
  <si>
    <t>BU17240003</t>
  </si>
  <si>
    <t>2021BU17240003</t>
  </si>
  <si>
    <t>buurt_gegeneraliseerd_2021.32297290-0803-4cfe-9717-3179c6e7a6bc</t>
  </si>
  <si>
    <t>BU17240004</t>
  </si>
  <si>
    <t>2021BU17240004</t>
  </si>
  <si>
    <t>Burgemeester Magneestraat e.o.</t>
  </si>
  <si>
    <t>buurt_gegeneraliseerd_2021.77fd5559-01ca-4153-9bbf-f541554e2852</t>
  </si>
  <si>
    <t>BU17240005</t>
  </si>
  <si>
    <t>2021BU17240005</t>
  </si>
  <si>
    <t>Dokter A.Hoynck van Papendrechtstraat-Dokter Duchateaustraat</t>
  </si>
  <si>
    <t>buurt_gegeneraliseerd_2021.82516c15-6f25-4bd9-8b90-deb66f17f76b</t>
  </si>
  <si>
    <t>BU17240006</t>
  </si>
  <si>
    <t>2021BU17240006</t>
  </si>
  <si>
    <t>Kept e.o.</t>
  </si>
  <si>
    <t>buurt_gegeneraliseerd_2021.14d55546-3918-4ead-a55c-708e44f49b6b</t>
  </si>
  <si>
    <t>BU17240007</t>
  </si>
  <si>
    <t>2021BU17240007</t>
  </si>
  <si>
    <t>Hof</t>
  </si>
  <si>
    <t>buurt_gegeneraliseerd_2021.6f1601a9-ee8e-4c93-91ec-f040ef3821cf</t>
  </si>
  <si>
    <t>BU17240008</t>
  </si>
  <si>
    <t>2021BU17240008</t>
  </si>
  <si>
    <t>Meester Pankenstraat-Riethovensedijk</t>
  </si>
  <si>
    <t>buurt_gegeneraliseerd_2021.91a16c47-9bb1-4830-892a-07a57cd9092b</t>
  </si>
  <si>
    <t>BU17240009</t>
  </si>
  <si>
    <t>2021BU17240009</t>
  </si>
  <si>
    <t>Bucht e.o.</t>
  </si>
  <si>
    <t>buurt_gegeneraliseerd_2021.90edf39a-bb27-45e3-8632-a9be3286b5ca</t>
  </si>
  <si>
    <t>BU17240010</t>
  </si>
  <si>
    <t>2021BU17240010</t>
  </si>
  <si>
    <t>Schutsboom e.o.</t>
  </si>
  <si>
    <t>buurt_gegeneraliseerd_2021.a2ab28bf-de17-4306-8300-1856c1243679</t>
  </si>
  <si>
    <t>BU17240011</t>
  </si>
  <si>
    <t>2021BU17240011</t>
  </si>
  <si>
    <t>Eerselsedijk-Woonbos e.o.</t>
  </si>
  <si>
    <t>buurt_gegeneraliseerd_2021.706c1d22-f3b8-4e3e-b0c7-1ed2dc90331c</t>
  </si>
  <si>
    <t>BU17240012</t>
  </si>
  <si>
    <t>2021BU17240012</t>
  </si>
  <si>
    <t>Van den Valgaetstraat e.o.</t>
  </si>
  <si>
    <t>buurt_gegeneraliseerd_2021.866a55cc-f5d2-4d2f-b773-38e42129df1d</t>
  </si>
  <si>
    <t>BU17240013</t>
  </si>
  <si>
    <t>2021BU17240013</t>
  </si>
  <si>
    <t>Hagelkruis e.o.</t>
  </si>
  <si>
    <t>buurt_gegeneraliseerd_2021.8a5b4a86-0f88-4caa-b92b-bb2bfdf86035</t>
  </si>
  <si>
    <t>BU17240014</t>
  </si>
  <si>
    <t>2021BU17240014</t>
  </si>
  <si>
    <t>Beistervelden</t>
  </si>
  <si>
    <t>buurt_gegeneraliseerd_2021.1a66b567-d785-45d0-9d26-74038c60f1d8</t>
  </si>
  <si>
    <t>BU17240015</t>
  </si>
  <si>
    <t>2021BU17240015</t>
  </si>
  <si>
    <t>De Kabouterberg e.o.</t>
  </si>
  <si>
    <t>buurt_gegeneraliseerd_2021.a5ed9473-553f-4a68-b745-c0bf6d6fb218</t>
  </si>
  <si>
    <t>BU17240016</t>
  </si>
  <si>
    <t>2021BU17240016</t>
  </si>
  <si>
    <t>Eikenberg-Hooge Berkt</t>
  </si>
  <si>
    <t>buurt_gegeneraliseerd_2021.db420a9d-82f0-4bea-a124-98e318a0aef2</t>
  </si>
  <si>
    <t>BU17240017</t>
  </si>
  <si>
    <t>2021BU17240017</t>
  </si>
  <si>
    <t>Industrieterrein ' 't Stoom '</t>
  </si>
  <si>
    <t>buurt_gegeneraliseerd_2021.d4e9a919-2f97-4a51-b7c3-95b8ec2a7554</t>
  </si>
  <si>
    <t>BU17240101</t>
  </si>
  <si>
    <t>2021BU17240101</t>
  </si>
  <si>
    <t>Weebosch</t>
  </si>
  <si>
    <t>buurt_gegeneraliseerd_2021.f50a0011-c62c-4d16-81ce-6d425c0a9840</t>
  </si>
  <si>
    <t>BU17240201</t>
  </si>
  <si>
    <t>2021BU17240201</t>
  </si>
  <si>
    <t>Tiliaans-Weegbree e.o.</t>
  </si>
  <si>
    <t>buurt_gegeneraliseerd_2021.f63b52a6-fe28-41a3-bd3c-003a8a778a48</t>
  </si>
  <si>
    <t>BU17240202</t>
  </si>
  <si>
    <t>2021BU17240202</t>
  </si>
  <si>
    <t>Prins van Luikstraat e.o.</t>
  </si>
  <si>
    <t>buurt_gegeneraliseerd_2021.5c28125a-e162-4554-acc5-0256fbbad1f4</t>
  </si>
  <si>
    <t>BU17240203</t>
  </si>
  <si>
    <t>2021BU17240203</t>
  </si>
  <si>
    <t>Dorpstraat-Sengelsbroeksestraat</t>
  </si>
  <si>
    <t>buurt_gegeneraliseerd_2021.3dd770c1-6679-4af7-9c26-2c1e6aaf49da</t>
  </si>
  <si>
    <t>BU17240204</t>
  </si>
  <si>
    <t>2021BU17240204</t>
  </si>
  <si>
    <t>Hasselsestraat e.o.</t>
  </si>
  <si>
    <t>buurt_gegeneraliseerd_2021.22dfbc77-8eab-49ea-8e94-e4e541dcd76b</t>
  </si>
  <si>
    <t>BU17240205</t>
  </si>
  <si>
    <t>2021BU17240205</t>
  </si>
  <si>
    <t>Kerkstraat e.o.</t>
  </si>
  <si>
    <t>buurt_gegeneraliseerd_2021.1008caec-6aec-40ed-a6c5-db10a6d38494</t>
  </si>
  <si>
    <t>BU17240206</t>
  </si>
  <si>
    <t>2021BU17240206</t>
  </si>
  <si>
    <t>Dorpstraat</t>
  </si>
  <si>
    <t>buurt_gegeneraliseerd_2021.994c4b9b-b3c4-42fd-ac14-d810922601a5</t>
  </si>
  <si>
    <t>BU17240207</t>
  </si>
  <si>
    <t>2021BU17240207</t>
  </si>
  <si>
    <t>Kapellerweg-Rijt</t>
  </si>
  <si>
    <t>buurt_gegeneraliseerd_2021.50434eb2-c31e-4c7d-9a2c-0664bd1be0d6</t>
  </si>
  <si>
    <t>BU17240208</t>
  </si>
  <si>
    <t>2021BU17240208</t>
  </si>
  <si>
    <t>Molenstraat e.o.</t>
  </si>
  <si>
    <t>buurt_gegeneraliseerd_2021.a49ceb23-4fea-4cad-b228-22c8c8e38bc4</t>
  </si>
  <si>
    <t>BU17240209</t>
  </si>
  <si>
    <t>2021BU17240209</t>
  </si>
  <si>
    <t>Industrieterrein 'Loonsebaan'</t>
  </si>
  <si>
    <t>buurt_gegeneraliseerd_2021.59b884de-9a36-426f-82c0-06bb19a92618</t>
  </si>
  <si>
    <t>BU17240210</t>
  </si>
  <si>
    <t>2021BU17240210</t>
  </si>
  <si>
    <t>Boscheind</t>
  </si>
  <si>
    <t>buurt_gegeneraliseerd_2021.05adc587-107c-4234-ba75-3a54b7a3f7af</t>
  </si>
  <si>
    <t>BU17240211</t>
  </si>
  <si>
    <t>2021BU17240211</t>
  </si>
  <si>
    <t>Industrieterrein 'Zoeferbeemd'</t>
  </si>
  <si>
    <t>buurt_gegeneraliseerd_2021.4d20c212-55fd-41f4-8487-7cb2dc50696f</t>
  </si>
  <si>
    <t>BU17240301</t>
  </si>
  <si>
    <t>2021BU17240301</t>
  </si>
  <si>
    <t>Dorpsplein e.o.</t>
  </si>
  <si>
    <t>buurt_gegeneraliseerd_2021.14ad7e34-f70d-474e-9c92-4a936faa95a7</t>
  </si>
  <si>
    <t>BU17240302</t>
  </si>
  <si>
    <t>2021BU17240302</t>
  </si>
  <si>
    <t>Eviestraat-Vlasstraat e.o.</t>
  </si>
  <si>
    <t>buurt_gegeneraliseerd_2021.54f63da5-6cc5-4067-a617-daef543bdfdf</t>
  </si>
  <si>
    <t>BU17240303</t>
  </si>
  <si>
    <t>2021BU17240303</t>
  </si>
  <si>
    <t>Willibrordusstraat e.o.</t>
  </si>
  <si>
    <t>buurt_gegeneraliseerd_2021.e4d2148f-b4fd-4445-810a-d8f27fd523e1</t>
  </si>
  <si>
    <t>BU17240304</t>
  </si>
  <si>
    <t>2021BU17240304</t>
  </si>
  <si>
    <t>Dorpsstraat e.o.</t>
  </si>
  <si>
    <t>buurt_gegeneraliseerd_2021.dbbcf5d7-c7f0-47fa-9ce4-2a566f525185</t>
  </si>
  <si>
    <t>BU17240306</t>
  </si>
  <si>
    <t>2021BU17240306</t>
  </si>
  <si>
    <t>De Hasselt e.o.</t>
  </si>
  <si>
    <t>buurt_gegeneraliseerd_2021.5a82f0b8-3ed4-4cb7-b2e2-9f26bc56133a</t>
  </si>
  <si>
    <t>BU17240307</t>
  </si>
  <si>
    <t>2021BU17240307</t>
  </si>
  <si>
    <t>Walik</t>
  </si>
  <si>
    <t>buurt_gegeneraliseerd_2021.8b716e84-e9ae-4035-8003-47f7ceea8ef4</t>
  </si>
  <si>
    <t>BU17240401</t>
  </si>
  <si>
    <t>2021BU17240401</t>
  </si>
  <si>
    <t>Heijerstraat-Loveren</t>
  </si>
  <si>
    <t>buurt_gegeneraliseerd_2021.55cfefc8-6f43-464a-9df6-7b718e0adbba</t>
  </si>
  <si>
    <t>BU17240402</t>
  </si>
  <si>
    <t>2021BU17240402</t>
  </si>
  <si>
    <t>buurt_gegeneraliseerd_2021.e58124ff-c688-48f4-9156-dbd35c857697</t>
  </si>
  <si>
    <t>BU17240403</t>
  </si>
  <si>
    <t>2021BU17240403</t>
  </si>
  <si>
    <t>Aarperstraat-Lange Akkers</t>
  </si>
  <si>
    <t>buurt_gegeneraliseerd_2021.2643977e-0149-4912-8ff1-715033b8e66a</t>
  </si>
  <si>
    <t>BU17240404</t>
  </si>
  <si>
    <t>2021BU17240404</t>
  </si>
  <si>
    <t>Heuvel</t>
  </si>
  <si>
    <t>buurt_gegeneraliseerd_2021.fbe562f3-3e68-495f-af37-72d8c371c5da</t>
  </si>
  <si>
    <t>BU17240405</t>
  </si>
  <si>
    <t>2021BU17240405</t>
  </si>
  <si>
    <t>Beukenlaan e.o.</t>
  </si>
  <si>
    <t>buurt_gegeneraliseerd_2021.8553782c-a893-46b5-aeb1-d96b39ede84f</t>
  </si>
  <si>
    <t>BU17240406</t>
  </si>
  <si>
    <t>2021BU17240406</t>
  </si>
  <si>
    <t>Hoeverstraat e.o.</t>
  </si>
  <si>
    <t>buurt_gegeneraliseerd_2021.4a8e3ac3-c25b-44a7-9b20-bf454472e306</t>
  </si>
  <si>
    <t>BU17240407</t>
  </si>
  <si>
    <t>2021BU17240407</t>
  </si>
  <si>
    <t>Steenovens</t>
  </si>
  <si>
    <t>buurt_gegeneraliseerd_2021.c87ec3ab-d5a6-4b16-8820-87ef9bc644ed</t>
  </si>
  <si>
    <t>BU17240408</t>
  </si>
  <si>
    <t>2021BU17240408</t>
  </si>
  <si>
    <t>Aan de Heerstraat e.o.</t>
  </si>
  <si>
    <t>buurt_gegeneraliseerd_2021.b7581eab-b2ca-49df-8580-a37c3a9208f7</t>
  </si>
  <si>
    <t>BU17240409</t>
  </si>
  <si>
    <t>2021BU17240409</t>
  </si>
  <si>
    <t>Industrieterrein 'Leemskuilen'</t>
  </si>
  <si>
    <t>buurt_gegeneraliseerd_2021.2a4c5aef-8aa1-4c36-bb02-00207a786573</t>
  </si>
  <si>
    <t>BU17240501</t>
  </si>
  <si>
    <t>2021BU17240501</t>
  </si>
  <si>
    <t>buurt_gegeneraliseerd_2021.7ca3f824-2277-4f49-97ea-a91dd526982e</t>
  </si>
  <si>
    <t>BU17240502</t>
  </si>
  <si>
    <t>2021BU17240502</t>
  </si>
  <si>
    <t>Van den Tillaartstraat e.o.</t>
  </si>
  <si>
    <t>buurt_gegeneraliseerd_2021.2d83d35c-3970-4ecc-9fca-9366b58ee5b8</t>
  </si>
  <si>
    <t>BU17240503</t>
  </si>
  <si>
    <t>2021BU17240503</t>
  </si>
  <si>
    <t>Industrieterrein 'Waterlaat'</t>
  </si>
  <si>
    <t>buurt_gegeneraliseerd_2021.117c08ef-4433-4fad-9896-3b5e355ef372</t>
  </si>
  <si>
    <t>BU17240504</t>
  </si>
  <si>
    <t>2021BU17240504</t>
  </si>
  <si>
    <t>Langveld e.o.</t>
  </si>
  <si>
    <t>buurt_gegeneraliseerd_2021.ce9bd9aa-572c-44e9-8300-62fc53d1aa44</t>
  </si>
  <si>
    <t>BU17240505</t>
  </si>
  <si>
    <t>2021BU17240505</t>
  </si>
  <si>
    <t>Weebosserweg-Breerijt</t>
  </si>
  <si>
    <t>buurt_gegeneraliseerd_2021.f4e2d724-ce5e-44c3-9caa-a210c5a9e7a2</t>
  </si>
  <si>
    <t>BU17240601</t>
  </si>
  <si>
    <t>2021BU17240601</t>
  </si>
  <si>
    <t>Buitengebied Noord 1</t>
  </si>
  <si>
    <t>buurt_gegeneraliseerd_2021.89ca11da-6ca4-4c20-84dc-8eda8a19af63</t>
  </si>
  <si>
    <t>BU17240602</t>
  </si>
  <si>
    <t>2021BU17240602</t>
  </si>
  <si>
    <t>Buitengebied Noord 2</t>
  </si>
  <si>
    <t>buurt_gegeneraliseerd_2021.383eb12a-8c79-48f1-9855-170fc1e67b1a</t>
  </si>
  <si>
    <t>BU17240603</t>
  </si>
  <si>
    <t>2021BU17240603</t>
  </si>
  <si>
    <t>Buitengebied Noord 3</t>
  </si>
  <si>
    <t>buurt_gegeneraliseerd_2021.3a93dd3a-7eb4-4d9b-8004-b63dd48b2ee9</t>
  </si>
  <si>
    <t>BU17240604</t>
  </si>
  <si>
    <t>2021BU17240604</t>
  </si>
  <si>
    <t>Buitengebied Noord 4</t>
  </si>
  <si>
    <t>buurt_gegeneraliseerd_2021.304a7542-e3d9-4673-994c-1fe8caa04fdd</t>
  </si>
  <si>
    <t>BU17240605</t>
  </si>
  <si>
    <t>2021BU17240605</t>
  </si>
  <si>
    <t>Buitengebied Zuid-Oost</t>
  </si>
  <si>
    <t>buurt_gegeneraliseerd_2021.c8aaf895-8e39-437f-b004-4d435808257d</t>
  </si>
  <si>
    <t>BU17240606</t>
  </si>
  <si>
    <t>2021BU17240606</t>
  </si>
  <si>
    <t>Buitengebied Noord-West 1</t>
  </si>
  <si>
    <t>buurt_gegeneraliseerd_2021.b9bde122-a88f-49fa-b506-2f8eb472d247</t>
  </si>
  <si>
    <t>BU17240607</t>
  </si>
  <si>
    <t>2021BU17240607</t>
  </si>
  <si>
    <t>Buitengebied Noord-West 2</t>
  </si>
  <si>
    <t>buurt_gegeneraliseerd_2021.0d8ce822-9584-4c4a-952c-d2f168c069ab</t>
  </si>
  <si>
    <t>BU17240608</t>
  </si>
  <si>
    <t>2021BU17240608</t>
  </si>
  <si>
    <t>Buitengebied Zuid-West</t>
  </si>
  <si>
    <t>buurt_gegeneraliseerd_2021.9cd06a1e-78d5-4b9f-8563-b2131c6eaa98</t>
  </si>
  <si>
    <t>BU17240609</t>
  </si>
  <si>
    <t>2021BU17240609</t>
  </si>
  <si>
    <t>Buitengebied Zuid 1</t>
  </si>
  <si>
    <t>buurt_gegeneraliseerd_2021.4776eec6-9ee4-4004-aaae-db2ad98aeeaf</t>
  </si>
  <si>
    <t>BU17240610</t>
  </si>
  <si>
    <t>2021BU17240610</t>
  </si>
  <si>
    <t>Buitengebied Zuid 2</t>
  </si>
  <si>
    <t>buurt_gegeneraliseerd_2021.96d9d401-d888-4ba1-b98b-8e5b3a144bf2</t>
  </si>
  <si>
    <t>BU17290000</t>
  </si>
  <si>
    <t>2021BU17290000</t>
  </si>
  <si>
    <t>Gulpen</t>
  </si>
  <si>
    <t>GM1729</t>
  </si>
  <si>
    <t>buurt_gegeneraliseerd_2021.2e0a48c0-34d2-4ace-bfdc-eaeef8859a89</t>
  </si>
  <si>
    <t>BU17290001</t>
  </si>
  <si>
    <t>2021BU17290001</t>
  </si>
  <si>
    <t>Ingber-De Hut</t>
  </si>
  <si>
    <t>buurt_gegeneraliseerd_2021.a17324fa-ab3e-4137-a19a-f0f82cfa2ed2</t>
  </si>
  <si>
    <t>BU17290002</t>
  </si>
  <si>
    <t>2021BU17290002</t>
  </si>
  <si>
    <t>Euverem, Pesaken, Billinghuizen en Waterop</t>
  </si>
  <si>
    <t>buurt_gegeneraliseerd_2021.e9a10d48-8bfe-4cb9-8302-0f5401bd4b2b</t>
  </si>
  <si>
    <t>BU17290003</t>
  </si>
  <si>
    <t>2021BU17290003</t>
  </si>
  <si>
    <t>Reijmerstok</t>
  </si>
  <si>
    <t>buurt_gegeneraliseerd_2021.3d2998b8-e809-462e-a4d8-32d1914e002b</t>
  </si>
  <si>
    <t>BU17290009</t>
  </si>
  <si>
    <t>2021BU17290009</t>
  </si>
  <si>
    <t>buurt_gegeneraliseerd_2021.a3543eac-0ae8-4bff-be9a-39468d86cb95</t>
  </si>
  <si>
    <t>BU17290100</t>
  </si>
  <si>
    <t>2021BU17290100</t>
  </si>
  <si>
    <t>Wijlre</t>
  </si>
  <si>
    <t>buurt_gegeneraliseerd_2021.19a23774-a627-40d2-8f14-8ff66a3e877a</t>
  </si>
  <si>
    <t>BU17290101</t>
  </si>
  <si>
    <t>2021BU17290101</t>
  </si>
  <si>
    <t>Etenaken</t>
  </si>
  <si>
    <t>buurt_gegeneraliseerd_2021.b82f6081-34f5-4ff8-aab4-202c13191b21</t>
  </si>
  <si>
    <t>BU17290102</t>
  </si>
  <si>
    <t>2021BU17290102</t>
  </si>
  <si>
    <t>Stokhem-Beertsenhoven</t>
  </si>
  <si>
    <t>buurt_gegeneraliseerd_2021.4c9823c7-3f26-405f-8755-ceda99361a65</t>
  </si>
  <si>
    <t>BU17290103</t>
  </si>
  <si>
    <t>2021BU17290103</t>
  </si>
  <si>
    <t>Elkenrade</t>
  </si>
  <si>
    <t>buurt_gegeneraliseerd_2021.d99d7b78-b45b-4f33-a35d-d36f1f3094d5</t>
  </si>
  <si>
    <t>BU17290109</t>
  </si>
  <si>
    <t>2021BU17290109</t>
  </si>
  <si>
    <t>buurt_gegeneraliseerd_2021.e227528f-2c02-4751-9d3f-313a258e3196</t>
  </si>
  <si>
    <t>BU17290200</t>
  </si>
  <si>
    <t>2021BU17290200</t>
  </si>
  <si>
    <t>Eys-Overeys</t>
  </si>
  <si>
    <t>buurt_gegeneraliseerd_2021.e66cd9a8-ca65-4537-a054-14769ced89d2</t>
  </si>
  <si>
    <t>BU17290201</t>
  </si>
  <si>
    <t>2021BU17290201</t>
  </si>
  <si>
    <t>Trintelen</t>
  </si>
  <si>
    <t>buurt_gegeneraliseerd_2021.2abb5135-773a-49ec-9ecc-020650c6bee2</t>
  </si>
  <si>
    <t>BU17290202</t>
  </si>
  <si>
    <t>2021BU17290202</t>
  </si>
  <si>
    <t>Eyserheide</t>
  </si>
  <si>
    <t>buurt_gegeneraliseerd_2021.b6616f21-af26-4b7a-bb22-252f22f5d232</t>
  </si>
  <si>
    <t>BU17290209</t>
  </si>
  <si>
    <t>2021BU17290209</t>
  </si>
  <si>
    <t>buurt_gegeneraliseerd_2021.d5cc5a99-a841-4fdf-bc92-2c8d15b9ff19</t>
  </si>
  <si>
    <t>BU17290300</t>
  </si>
  <si>
    <t>2021BU17290300</t>
  </si>
  <si>
    <t>Partij-Wittem</t>
  </si>
  <si>
    <t>buurt_gegeneraliseerd_2021.22b38c76-7759-4eb4-b067-b97cd40da9d3</t>
  </si>
  <si>
    <t>BU17290301</t>
  </si>
  <si>
    <t>2021BU17290301</t>
  </si>
  <si>
    <t>Wahlwiller</t>
  </si>
  <si>
    <t>buurt_gegeneraliseerd_2021.9948c5bd-3fce-41d5-b6cf-b573286ab600</t>
  </si>
  <si>
    <t>BU17290302</t>
  </si>
  <si>
    <t>2021BU17290302</t>
  </si>
  <si>
    <t>Nijswiller</t>
  </si>
  <si>
    <t>buurt_gegeneraliseerd_2021.d65d4597-60f9-49b0-90f4-d760e26f38af</t>
  </si>
  <si>
    <t>BU17290309</t>
  </si>
  <si>
    <t>2021BU17290309</t>
  </si>
  <si>
    <t>buurt_gegeneraliseerd_2021.8b38cd33-f4d1-4d5b-855b-f62a16d22711</t>
  </si>
  <si>
    <t>BU17290400</t>
  </si>
  <si>
    <t>2021BU17290400</t>
  </si>
  <si>
    <t>Mechelen</t>
  </si>
  <si>
    <t>buurt_gegeneraliseerd_2021.78d16dc6-421d-4ba5-819d-fbbd7b0b5766</t>
  </si>
  <si>
    <t>BU17290401</t>
  </si>
  <si>
    <t>2021BU17290401</t>
  </si>
  <si>
    <t>Hilleshagen</t>
  </si>
  <si>
    <t>buurt_gegeneraliseerd_2021.fa4d316f-45bd-4e19-a5ac-c8c219c70add</t>
  </si>
  <si>
    <t>BU17290402</t>
  </si>
  <si>
    <t>2021BU17290402</t>
  </si>
  <si>
    <t>Schweiberg-Dal</t>
  </si>
  <si>
    <t>buurt_gegeneraliseerd_2021.913ac238-3301-49fb-b6ce-fd84fba0203e</t>
  </si>
  <si>
    <t>BU17290409</t>
  </si>
  <si>
    <t>2021BU17290409</t>
  </si>
  <si>
    <t>buurt_gegeneraliseerd_2021.59887c9c-f4a5-4732-bc55-3aeb5add6fc8</t>
  </si>
  <si>
    <t>BU17290500</t>
  </si>
  <si>
    <t>2021BU17290500</t>
  </si>
  <si>
    <t>Epen</t>
  </si>
  <si>
    <t>buurt_gegeneraliseerd_2021.fb6895c5-8b69-4a47-8624-649c70c010d4</t>
  </si>
  <si>
    <t>BU17290501</t>
  </si>
  <si>
    <t>2021BU17290501</t>
  </si>
  <si>
    <t>Eperheide</t>
  </si>
  <si>
    <t>buurt_gegeneraliseerd_2021.6cc0eb3a-0cf8-4700-b2b7-ef0a9df6bd4f</t>
  </si>
  <si>
    <t>BU17290509</t>
  </si>
  <si>
    <t>2021BU17290509</t>
  </si>
  <si>
    <t>buurt_gegeneraliseerd_2021.5e1b03df-d3a4-49c2-9b55-ea6723d56e67</t>
  </si>
  <si>
    <t>BU17290600</t>
  </si>
  <si>
    <t>2021BU17290600</t>
  </si>
  <si>
    <t>Slenaken</t>
  </si>
  <si>
    <t>buurt_gegeneraliseerd_2021.908a045f-91c9-4de2-a166-5f54acd7bedc</t>
  </si>
  <si>
    <t>BU17290601</t>
  </si>
  <si>
    <t>2021BU17290601</t>
  </si>
  <si>
    <t>Heijenrade</t>
  </si>
  <si>
    <t>buurt_gegeneraliseerd_2021.1d828f27-8539-4184-9bf8-cb291ef6359b</t>
  </si>
  <si>
    <t>BU17290602</t>
  </si>
  <si>
    <t>2021BU17290602</t>
  </si>
  <si>
    <t>Beutenaken</t>
  </si>
  <si>
    <t>buurt_gegeneraliseerd_2021.c006e809-db15-4ce2-9e8a-1c297e637b2b</t>
  </si>
  <si>
    <t>BU17290603</t>
  </si>
  <si>
    <t>2021BU17290603</t>
  </si>
  <si>
    <t>Schilberg-Hoogcruts</t>
  </si>
  <si>
    <t>buurt_gegeneraliseerd_2021.4f5f23ef-e6ed-4f6c-b6b9-0607075568b2</t>
  </si>
  <si>
    <t>BU17300000</t>
  </si>
  <si>
    <t>2021BU17300000</t>
  </si>
  <si>
    <t>Zuidlaren</t>
  </si>
  <si>
    <t>GM1730</t>
  </si>
  <si>
    <t>buurt_gegeneraliseerd_2021.fdfe402c-4272-4134-9292-1beccabe59e3</t>
  </si>
  <si>
    <t>BU17300001</t>
  </si>
  <si>
    <t>2021BU17300001</t>
  </si>
  <si>
    <t>Zuid-Es</t>
  </si>
  <si>
    <t>buurt_gegeneraliseerd_2021.153a2e97-488c-4b28-9737-d6b123bb40fa</t>
  </si>
  <si>
    <t>BU17300009</t>
  </si>
  <si>
    <t>2021BU17300009</t>
  </si>
  <si>
    <t>Verspreide huizen Zuidlaren</t>
  </si>
  <si>
    <t>buurt_gegeneraliseerd_2021.2aa02d63-fc2a-4e13-8a5b-247a7cacf710</t>
  </si>
  <si>
    <t>BU17300100</t>
  </si>
  <si>
    <t>2021BU17300100</t>
  </si>
  <si>
    <t>De Groeve</t>
  </si>
  <si>
    <t>buurt_gegeneraliseerd_2021.c2083de4-9f96-4635-bdaf-1d836ee72e31</t>
  </si>
  <si>
    <t>BU17300109</t>
  </si>
  <si>
    <t>2021BU17300109</t>
  </si>
  <si>
    <t>Verspreide huizen De Groeve</t>
  </si>
  <si>
    <t>buurt_gegeneraliseerd_2021.b179ebc9-726e-4851-9eb7-24d0a3c5fa38</t>
  </si>
  <si>
    <t>BU17300200</t>
  </si>
  <si>
    <t>2021BU17300200</t>
  </si>
  <si>
    <t>Zuidlaarderveen</t>
  </si>
  <si>
    <t>buurt_gegeneraliseerd_2021.0fb22695-40a5-4142-ab7a-c910ffd347ff</t>
  </si>
  <si>
    <t>BU17300209</t>
  </si>
  <si>
    <t>2021BU17300209</t>
  </si>
  <si>
    <t>Verspreide huizen Zuidlaarderveen</t>
  </si>
  <si>
    <t>buurt_gegeneraliseerd_2021.ce832aa5-62c5-4fff-be4f-a3ad16b9491d</t>
  </si>
  <si>
    <t>BU17300300</t>
  </si>
  <si>
    <t>2021BU17300300</t>
  </si>
  <si>
    <t>Midlaren</t>
  </si>
  <si>
    <t>buurt_gegeneraliseerd_2021.2e081f71-a429-4403-bd69-0a8fed038f55</t>
  </si>
  <si>
    <t>BU17300309</t>
  </si>
  <si>
    <t>2021BU17300309</t>
  </si>
  <si>
    <t>Verspreide huizen Midlaren</t>
  </si>
  <si>
    <t>buurt_gegeneraliseerd_2021.db516758-c51c-4988-877c-3c6849027118</t>
  </si>
  <si>
    <t>BU17300400</t>
  </si>
  <si>
    <t>2021BU17300400</t>
  </si>
  <si>
    <t>Westlaren</t>
  </si>
  <si>
    <t>buurt_gegeneraliseerd_2021.12da32a7-9a6d-47f3-9527-5a9307260436</t>
  </si>
  <si>
    <t>BU17300401</t>
  </si>
  <si>
    <t>2021BU17300401</t>
  </si>
  <si>
    <t>Westlaren Noord</t>
  </si>
  <si>
    <t>buurt_gegeneraliseerd_2021.d7b67f96-0489-4a61-be74-7db18da7ad88</t>
  </si>
  <si>
    <t>BU17300402</t>
  </si>
  <si>
    <t>2021BU17300402</t>
  </si>
  <si>
    <t>Verspreide huizen Westlaren</t>
  </si>
  <si>
    <t>buurt_gegeneraliseerd_2021.c6cb06fa-a0b0-4895-be87-e88e99a07e69</t>
  </si>
  <si>
    <t>BU17300403</t>
  </si>
  <si>
    <t>2021BU17300403</t>
  </si>
  <si>
    <t>Westlaren-West</t>
  </si>
  <si>
    <t>buurt_gegeneraliseerd_2021.7aa58d87-60f1-4a30-9c1a-6646d0f70000</t>
  </si>
  <si>
    <t>BU17300500</t>
  </si>
  <si>
    <t>2021BU17300500</t>
  </si>
  <si>
    <t>Schuilingsoord</t>
  </si>
  <si>
    <t>buurt_gegeneraliseerd_2021.33c2b2e2-4c0c-435c-9340-8dd0fb1f3389</t>
  </si>
  <si>
    <t>BU17300509</t>
  </si>
  <si>
    <t>2021BU17300509</t>
  </si>
  <si>
    <t>Verspreide huizen Schuilingsoord</t>
  </si>
  <si>
    <t>buurt_gegeneraliseerd_2021.23360983-0b22-412c-a8f1-c82c0aef3942</t>
  </si>
  <si>
    <t>BU17300600</t>
  </si>
  <si>
    <t>2021BU17300600</t>
  </si>
  <si>
    <t>Paterswolde</t>
  </si>
  <si>
    <t>buurt_gegeneraliseerd_2021.7b8daf4d-9644-487b-9aba-de012b15d2c4</t>
  </si>
  <si>
    <t>BU17300609</t>
  </si>
  <si>
    <t>2021BU17300609</t>
  </si>
  <si>
    <t>Verspreide huizen Paterswolde</t>
  </si>
  <si>
    <t>buurt_gegeneraliseerd_2021.24a09288-09e0-41d1-940e-ffdff864aae5</t>
  </si>
  <si>
    <t>BU17300700</t>
  </si>
  <si>
    <t>2021BU17300700</t>
  </si>
  <si>
    <t>Eelde</t>
  </si>
  <si>
    <t>buurt_gegeneraliseerd_2021.4146b8f1-4a3c-4b95-9627-53ac1d3d320a</t>
  </si>
  <si>
    <t>BU17300701</t>
  </si>
  <si>
    <t>2021BU17300701</t>
  </si>
  <si>
    <t>Oosterbroek en vliegveld</t>
  </si>
  <si>
    <t>buurt_gegeneraliseerd_2021.e42f2338-61d3-4eb0-b308-1af05e4e6a1f</t>
  </si>
  <si>
    <t>BU17300709</t>
  </si>
  <si>
    <t>2021BU17300709</t>
  </si>
  <si>
    <t>Verspreide huizen Eelde</t>
  </si>
  <si>
    <t>buurt_gegeneraliseerd_2021.69d2b272-1921-406f-959e-3a37614e3c59</t>
  </si>
  <si>
    <t>BU17300800</t>
  </si>
  <si>
    <t>2021BU17300800</t>
  </si>
  <si>
    <t>Eelderwolde</t>
  </si>
  <si>
    <t>buurt_gegeneraliseerd_2021.4179dd37-e8fe-4d55-adc0-70cfce027081</t>
  </si>
  <si>
    <t>BU17300809</t>
  </si>
  <si>
    <t>2021BU17300809</t>
  </si>
  <si>
    <t>Verspreide huizen Eelderwolde</t>
  </si>
  <si>
    <t>buurt_gegeneraliseerd_2021.242c2e0b-6b9b-492f-8a0b-82167a09695b</t>
  </si>
  <si>
    <t>BU17300900</t>
  </si>
  <si>
    <t>2021BU17300900</t>
  </si>
  <si>
    <t>Vries</t>
  </si>
  <si>
    <t>buurt_gegeneraliseerd_2021.ea80404b-00c2-4e9c-8304-ff9e4953d64a</t>
  </si>
  <si>
    <t>BU17300909</t>
  </si>
  <si>
    <t>2021BU17300909</t>
  </si>
  <si>
    <t>Verspreide huizen Vries</t>
  </si>
  <si>
    <t>buurt_gegeneraliseerd_2021.74e28eff-dd8b-4e7a-9d8c-558b579eba03</t>
  </si>
  <si>
    <t>BU17301000</t>
  </si>
  <si>
    <t>2021BU17301000</t>
  </si>
  <si>
    <t>Donderen</t>
  </si>
  <si>
    <t>buurt_gegeneraliseerd_2021.c943437d-ed46-4a0d-95f7-26ef11460b85</t>
  </si>
  <si>
    <t>BU17301009</t>
  </si>
  <si>
    <t>2021BU17301009</t>
  </si>
  <si>
    <t>Verspreide huizen Donderen</t>
  </si>
  <si>
    <t>buurt_gegeneraliseerd_2021.060de2ad-085d-4d11-a5b1-ea7416ff345c</t>
  </si>
  <si>
    <t>BU17301100</t>
  </si>
  <si>
    <t>2021BU17301100</t>
  </si>
  <si>
    <t>Bunne</t>
  </si>
  <si>
    <t>buurt_gegeneraliseerd_2021.5e9dda07-bb17-43ea-b3bb-ae4741509817</t>
  </si>
  <si>
    <t>BU17301101</t>
  </si>
  <si>
    <t>2021BU17301101</t>
  </si>
  <si>
    <t>Winde</t>
  </si>
  <si>
    <t>buurt_gegeneraliseerd_2021.bf789bb5-ccfc-4f92-b477-92fd698488d7</t>
  </si>
  <si>
    <t>BU17301108</t>
  </si>
  <si>
    <t>2021BU17301108</t>
  </si>
  <si>
    <t>Verspreide huizen Winde</t>
  </si>
  <si>
    <t>buurt_gegeneraliseerd_2021.6bb99219-7e69-4758-8696-09118fd8160c</t>
  </si>
  <si>
    <t>BU17301109</t>
  </si>
  <si>
    <t>2021BU17301109</t>
  </si>
  <si>
    <t>Verspreide huizen Bunne</t>
  </si>
  <si>
    <t>buurt_gegeneraliseerd_2021.74f15f78-1b72-4e5f-b641-9984d6c66f46</t>
  </si>
  <si>
    <t>BU17301200</t>
  </si>
  <si>
    <t>2021BU17301200</t>
  </si>
  <si>
    <t>Yde</t>
  </si>
  <si>
    <t>buurt_gegeneraliseerd_2021.e5f37a04-8892-434c-aac9-a301e674cd44</t>
  </si>
  <si>
    <t>BU17301201</t>
  </si>
  <si>
    <t>2021BU17301201</t>
  </si>
  <si>
    <t>buurt_gegeneraliseerd_2021.1fdb797f-dbcd-49ec-bf24-63df9f1dbd93</t>
  </si>
  <si>
    <t>BU17301208</t>
  </si>
  <si>
    <t>2021BU17301208</t>
  </si>
  <si>
    <t>Verspreide huizen De Punt</t>
  </si>
  <si>
    <t>buurt_gegeneraliseerd_2021.b81ee6f7-ed3c-442f-a47a-baf4fbd1a4e7</t>
  </si>
  <si>
    <t>BU17301209</t>
  </si>
  <si>
    <t>2021BU17301209</t>
  </si>
  <si>
    <t>Verspreide huizen Yde</t>
  </si>
  <si>
    <t>buurt_gegeneraliseerd_2021.ce2930ae-df19-4f03-9bb9-9ec8c0605bac</t>
  </si>
  <si>
    <t>BU17301300</t>
  </si>
  <si>
    <t>2021BU17301300</t>
  </si>
  <si>
    <t>Tynaarlo</t>
  </si>
  <si>
    <t>buurt_gegeneraliseerd_2021.92700c8e-e5be-4b9a-a81b-18117e86dad0</t>
  </si>
  <si>
    <t>BU17301309</t>
  </si>
  <si>
    <t>2021BU17301309</t>
  </si>
  <si>
    <t>Verspreide huizen Tynaarlo</t>
  </si>
  <si>
    <t>buurt_gegeneraliseerd_2021.27f019ea-96d6-40f3-add7-8f2b3692969e</t>
  </si>
  <si>
    <t>BU17301400</t>
  </si>
  <si>
    <t>2021BU17301400</t>
  </si>
  <si>
    <t>Zeegse</t>
  </si>
  <si>
    <t>buurt_gegeneraliseerd_2021.9481925e-faa1-45a3-8952-044b1050a8e1</t>
  </si>
  <si>
    <t>BU17301401</t>
  </si>
  <si>
    <t>2021BU17301401</t>
  </si>
  <si>
    <t>buurt_gegeneraliseerd_2021.da27c92f-40ab-430a-9ffa-34dfbcb8e80c</t>
  </si>
  <si>
    <t>BU17301402</t>
  </si>
  <si>
    <t>2021BU17301402</t>
  </si>
  <si>
    <t>Taarlo</t>
  </si>
  <si>
    <t>buurt_gegeneraliseerd_2021.a9244642-b981-4c7d-8239-a71109e8f7cf</t>
  </si>
  <si>
    <t>BU17301407</t>
  </si>
  <si>
    <t>2021BU17301407</t>
  </si>
  <si>
    <t>Verspreide huizen Zeegse</t>
  </si>
  <si>
    <t>buurt_gegeneraliseerd_2021.799badf1-9ae8-4922-882d-52396ce02603</t>
  </si>
  <si>
    <t>BU17301408</t>
  </si>
  <si>
    <t>2021BU17301408</t>
  </si>
  <si>
    <t>Verspreide huizen Oudemolen</t>
  </si>
  <si>
    <t>buurt_gegeneraliseerd_2021.5947c8c1-0c9a-42d1-96a0-5576680f848e</t>
  </si>
  <si>
    <t>BU17301409</t>
  </si>
  <si>
    <t>2021BU17301409</t>
  </si>
  <si>
    <t>Verspreide huizen Taarlo</t>
  </si>
  <si>
    <t>buurt_gegeneraliseerd_2021.2f85b1e1-7693-4979-a032-6ef2fd742605</t>
  </si>
  <si>
    <t>BU17301500</t>
  </si>
  <si>
    <t>2021BU17301500</t>
  </si>
  <si>
    <t>Zeijen</t>
  </si>
  <si>
    <t>buurt_gegeneraliseerd_2021.d16357ef-e748-4718-84ff-cc177e1a282d</t>
  </si>
  <si>
    <t>BU17301509</t>
  </si>
  <si>
    <t>2021BU17301509</t>
  </si>
  <si>
    <t>Verspreide huizen Zeijen</t>
  </si>
  <si>
    <t>buurt_gegeneraliseerd_2021.05b27e41-fab3-48e6-859e-90b480f5c72b</t>
  </si>
  <si>
    <t>BU17310000</t>
  </si>
  <si>
    <t>2021BU17310000</t>
  </si>
  <si>
    <t>Beilen</t>
  </si>
  <si>
    <t>GM1731</t>
  </si>
  <si>
    <t>buurt_gegeneraliseerd_2021.b5134a4b-1f55-478c-8387-070b6c1ff46e</t>
  </si>
  <si>
    <t>BU17310001</t>
  </si>
  <si>
    <t>2021BU17310001</t>
  </si>
  <si>
    <t>Lieving Makkum</t>
  </si>
  <si>
    <t>buurt_gegeneraliseerd_2021.e0a74b7c-fa23-43fc-be2f-c81cb5f5d338</t>
  </si>
  <si>
    <t>BU17310002</t>
  </si>
  <si>
    <t>2021BU17310002</t>
  </si>
  <si>
    <t>Holthe</t>
  </si>
  <si>
    <t>buurt_gegeneraliseerd_2021.0c999d4c-4be5-4122-971a-9c090c7b4150</t>
  </si>
  <si>
    <t>BU17310003</t>
  </si>
  <si>
    <t>2021BU17310003</t>
  </si>
  <si>
    <t>Brunsting</t>
  </si>
  <si>
    <t>buurt_gegeneraliseerd_2021.42bd0d1f-027e-41a4-b1c9-dda848f5cddf</t>
  </si>
  <si>
    <t>BU17310009</t>
  </si>
  <si>
    <t>2021BU17310009</t>
  </si>
  <si>
    <t>Verspreide huizen Beilen</t>
  </si>
  <si>
    <t>buurt_gegeneraliseerd_2021.f184bc31-c783-4b76-ac3b-1db9e1c04500</t>
  </si>
  <si>
    <t>BU17310100</t>
  </si>
  <si>
    <t>2021BU17310100</t>
  </si>
  <si>
    <t>Hijken</t>
  </si>
  <si>
    <t>buurt_gegeneraliseerd_2021.7e50ac04-8558-46b9-9e1f-62b32623819a</t>
  </si>
  <si>
    <t>BU17310101</t>
  </si>
  <si>
    <t>2021BU17310101</t>
  </si>
  <si>
    <t>Oranje</t>
  </si>
  <si>
    <t>buurt_gegeneraliseerd_2021.409215a9-6a93-41da-9f2d-22f0d03731f1</t>
  </si>
  <si>
    <t>BU17310109</t>
  </si>
  <si>
    <t>2021BU17310109</t>
  </si>
  <si>
    <t>Verspreide huizen Hijken</t>
  </si>
  <si>
    <t>buurt_gegeneraliseerd_2021.cf694ca7-66b0-4191-ae46-974272753732</t>
  </si>
  <si>
    <t>BU17310200</t>
  </si>
  <si>
    <t>2021BU17310200</t>
  </si>
  <si>
    <t>Hooghalen</t>
  </si>
  <si>
    <t>buurt_gegeneraliseerd_2021.b0c97960-106e-4636-b0d6-d0e0c09c2447</t>
  </si>
  <si>
    <t>BU17310201</t>
  </si>
  <si>
    <t>2021BU17310201</t>
  </si>
  <si>
    <t>Laaghalen</t>
  </si>
  <si>
    <t>buurt_gegeneraliseerd_2021.27aa0f63-7ba8-4c16-9ac7-6063b2146ae4</t>
  </si>
  <si>
    <t>BU17310209</t>
  </si>
  <si>
    <t>2021BU17310209</t>
  </si>
  <si>
    <t>Verspreide huizen Hooghalen</t>
  </si>
  <si>
    <t>buurt_gegeneraliseerd_2021.af3aa137-b7c4-4e00-862d-c7770e3eb36a</t>
  </si>
  <si>
    <t>BU17310300</t>
  </si>
  <si>
    <t>2021BU17310300</t>
  </si>
  <si>
    <t>Wijster</t>
  </si>
  <si>
    <t>buurt_gegeneraliseerd_2021.56d880e1-bcdb-4f18-afcc-02efb0c1a913</t>
  </si>
  <si>
    <t>BU17310309</t>
  </si>
  <si>
    <t>2021BU17310309</t>
  </si>
  <si>
    <t>Verspreide huizen Wijster</t>
  </si>
  <si>
    <t>buurt_gegeneraliseerd_2021.6c3b1234-6099-4e97-9fe2-7fa88a83737a</t>
  </si>
  <si>
    <t>BU17310400</t>
  </si>
  <si>
    <t>2021BU17310400</t>
  </si>
  <si>
    <t>Spier</t>
  </si>
  <si>
    <t>buurt_gegeneraliseerd_2021.f9cb5931-1624-49d1-bb33-aad67061bf3d</t>
  </si>
  <si>
    <t>BU17310409</t>
  </si>
  <si>
    <t>2021BU17310409</t>
  </si>
  <si>
    <t>Verspreide huizen Spier</t>
  </si>
  <si>
    <t>buurt_gegeneraliseerd_2021.7566ce01-27ee-40a8-bdbf-ffcb10ce5e82</t>
  </si>
  <si>
    <t>BU17310500</t>
  </si>
  <si>
    <t>2021BU17310500</t>
  </si>
  <si>
    <t>Drijber</t>
  </si>
  <si>
    <t>buurt_gegeneraliseerd_2021.8f79774b-b185-49ec-a4cc-0911f8707372</t>
  </si>
  <si>
    <t>BU17310509</t>
  </si>
  <si>
    <t>2021BU17310509</t>
  </si>
  <si>
    <t>Verspreide huizen Drijber</t>
  </si>
  <si>
    <t>buurt_gegeneraliseerd_2021.d32f66e6-8136-4c2b-a133-d08377f7e91c</t>
  </si>
  <si>
    <t>BU17310600</t>
  </si>
  <si>
    <t>2021BU17310600</t>
  </si>
  <si>
    <t>Smilde-Centrum</t>
  </si>
  <si>
    <t>buurt_gegeneraliseerd_2021.cbaba226-29ff-4d93-93e3-07ca7d84bc70</t>
  </si>
  <si>
    <t>BU17310601</t>
  </si>
  <si>
    <t>2021BU17310601</t>
  </si>
  <si>
    <t>Smilde-Noord</t>
  </si>
  <si>
    <t>buurt_gegeneraliseerd_2021.28cab604-40c4-4e8b-9be9-8697654e5aa7</t>
  </si>
  <si>
    <t>BU17310602</t>
  </si>
  <si>
    <t>2021BU17310602</t>
  </si>
  <si>
    <t>Smilde-Zuid</t>
  </si>
  <si>
    <t>buurt_gegeneraliseerd_2021.21c99f11-e7c9-415b-9544-e8e6a11af503</t>
  </si>
  <si>
    <t>BU17310609</t>
  </si>
  <si>
    <t>2021BU17310609</t>
  </si>
  <si>
    <t>Verspreide huizen Smilde</t>
  </si>
  <si>
    <t>buurt_gegeneraliseerd_2021.478fb010-036f-4f8e-a3cc-79ec249679d9</t>
  </si>
  <si>
    <t>BU17310700</t>
  </si>
  <si>
    <t>2021BU17310700</t>
  </si>
  <si>
    <t>Bovensmilde-Centrum</t>
  </si>
  <si>
    <t>buurt_gegeneraliseerd_2021.1308df96-fd47-49b7-a94c-c4b5067b3518</t>
  </si>
  <si>
    <t>BU17310701</t>
  </si>
  <si>
    <t>2021BU17310701</t>
  </si>
  <si>
    <t>Bovensmilde-Noord</t>
  </si>
  <si>
    <t>buurt_gegeneraliseerd_2021.a893ca50-5fb6-4767-bac3-9cb0fcdd9fa2</t>
  </si>
  <si>
    <t>BU17310702</t>
  </si>
  <si>
    <t>2021BU17310702</t>
  </si>
  <si>
    <t>Bovensmilde-Zuid</t>
  </si>
  <si>
    <t>buurt_gegeneraliseerd_2021.418b695d-38f8-4b05-9c8c-259f01ba7b11</t>
  </si>
  <si>
    <t>BU17310709</t>
  </si>
  <si>
    <t>2021BU17310709</t>
  </si>
  <si>
    <t>Verspreide huizen Bovensmilde</t>
  </si>
  <si>
    <t>buurt_gegeneraliseerd_2021.2c3f4487-eaf6-4d96-a3d3-8944e2d88b13</t>
  </si>
  <si>
    <t>BU17310800</t>
  </si>
  <si>
    <t>2021BU17310800</t>
  </si>
  <si>
    <t>Hoogersmilde-Centrum</t>
  </si>
  <si>
    <t>buurt_gegeneraliseerd_2021.50c6a230-eb74-49f2-9e2b-54b2385d37b5</t>
  </si>
  <si>
    <t>BU17310801</t>
  </si>
  <si>
    <t>2021BU17310801</t>
  </si>
  <si>
    <t>Hoogersmilde-Noord</t>
  </si>
  <si>
    <t>buurt_gegeneraliseerd_2021.a067c198-b15d-4f54-8f32-6a12773fe042</t>
  </si>
  <si>
    <t>BU17310802</t>
  </si>
  <si>
    <t>2021BU17310802</t>
  </si>
  <si>
    <t>Hoogersmilde-Zuid</t>
  </si>
  <si>
    <t>buurt_gegeneraliseerd_2021.699d150e-28ca-4205-8f43-7ba680d0668e</t>
  </si>
  <si>
    <t>BU17310809</t>
  </si>
  <si>
    <t>2021BU17310809</t>
  </si>
  <si>
    <t>Verspreide huizen Hoogersmilde</t>
  </si>
  <si>
    <t>buurt_gegeneraliseerd_2021.19bc00f6-7fee-4065-b4f9-2cc829e001bb</t>
  </si>
  <si>
    <t>BU17310900</t>
  </si>
  <si>
    <t>2021BU17310900</t>
  </si>
  <si>
    <t>Westerbork</t>
  </si>
  <si>
    <t>buurt_gegeneraliseerd_2021.5e946fd0-6258-401b-a207-4b6823159738</t>
  </si>
  <si>
    <t>BU17310901</t>
  </si>
  <si>
    <t>2021BU17310901</t>
  </si>
  <si>
    <t>Eursinge</t>
  </si>
  <si>
    <t>buurt_gegeneraliseerd_2021.f498ae32-568f-48de-b9c3-10c03c55e8d5</t>
  </si>
  <si>
    <t>BU17310909</t>
  </si>
  <si>
    <t>2021BU17310909</t>
  </si>
  <si>
    <t>Verspreide huizen Westerbork</t>
  </si>
  <si>
    <t>buurt_gegeneraliseerd_2021.7c173887-abe9-4b8a-8e93-b6e790fd0bc9</t>
  </si>
  <si>
    <t>BU17311000</t>
  </si>
  <si>
    <t>2021BU17311000</t>
  </si>
  <si>
    <t>Elp</t>
  </si>
  <si>
    <t>buurt_gegeneraliseerd_2021.80aced63-cfd9-4df8-892a-cf97e547c4be</t>
  </si>
  <si>
    <t>BU17311001</t>
  </si>
  <si>
    <t>2021BU17311001</t>
  </si>
  <si>
    <t>Zuidveld</t>
  </si>
  <si>
    <t>buurt_gegeneraliseerd_2021.cdfc5d2d-3e2f-4dfb-a907-49ce6afdca88</t>
  </si>
  <si>
    <t>BU17311009</t>
  </si>
  <si>
    <t>2021BU17311009</t>
  </si>
  <si>
    <t>Verspreide huizen Elp</t>
  </si>
  <si>
    <t>buurt_gegeneraliseerd_2021.d82c5527-e5fb-4619-bcf1-f6f62c55abc2</t>
  </si>
  <si>
    <t>BU17311100</t>
  </si>
  <si>
    <t>2021BU17311100</t>
  </si>
  <si>
    <t>Witteveen</t>
  </si>
  <si>
    <t>buurt_gegeneraliseerd_2021.e1fb39cf-8e91-4b92-8006-009dde336cb9</t>
  </si>
  <si>
    <t>BU17311109</t>
  </si>
  <si>
    <t>2021BU17311109</t>
  </si>
  <si>
    <t>Verspreide huizen Witteveen</t>
  </si>
  <si>
    <t>buurt_gegeneraliseerd_2021.865946a3-d42e-4a62-aa02-94813634b977</t>
  </si>
  <si>
    <t>BU17311200</t>
  </si>
  <si>
    <t>2021BU17311200</t>
  </si>
  <si>
    <t>Nieuw-Balinge</t>
  </si>
  <si>
    <t>buurt_gegeneraliseerd_2021.198dcbb7-74a4-4da7-b34b-23d5ce0b0e1e</t>
  </si>
  <si>
    <t>BU17311209</t>
  </si>
  <si>
    <t>2021BU17311209</t>
  </si>
  <si>
    <t>Verspreide huizen Nieuw-Balinge</t>
  </si>
  <si>
    <t>buurt_gegeneraliseerd_2021.eb2e0095-db88-4889-b771-b5d07417da1d</t>
  </si>
  <si>
    <t>BU17311309</t>
  </si>
  <si>
    <t>2021BU17311309</t>
  </si>
  <si>
    <t>buurt_gegeneraliseerd_2021.471296ef-7bd6-4cf0-84e5-b0d9fd212f86</t>
  </si>
  <si>
    <t>BU17311400</t>
  </si>
  <si>
    <t>2021BU17311400</t>
  </si>
  <si>
    <t>Zwiggelte</t>
  </si>
  <si>
    <t>buurt_gegeneraliseerd_2021.dbf78254-078f-401a-a976-d30d8376a775</t>
  </si>
  <si>
    <t>BU17311409</t>
  </si>
  <si>
    <t>2021BU17311409</t>
  </si>
  <si>
    <t>Verspreide huizen Zwiggelte</t>
  </si>
  <si>
    <t>buurt_gegeneraliseerd_2021.8c6f0e7e-4922-4931-8b36-d7935917e7df</t>
  </si>
  <si>
    <t>BU17311500</t>
  </si>
  <si>
    <t>2021BU17311500</t>
  </si>
  <si>
    <t>Orvelte</t>
  </si>
  <si>
    <t>buurt_gegeneraliseerd_2021.29842e35-09ac-4581-80ff-a9563d141d8c</t>
  </si>
  <si>
    <t>BU17311509</t>
  </si>
  <si>
    <t>2021BU17311509</t>
  </si>
  <si>
    <t>Verspreide huizen Orvelte</t>
  </si>
  <si>
    <t>buurt_gegeneraliseerd_2021.ffd6bba5-6f91-47df-91dc-e6bc7f492767</t>
  </si>
  <si>
    <t>BU17311600</t>
  </si>
  <si>
    <t>2021BU17311600</t>
  </si>
  <si>
    <t>Garminge</t>
  </si>
  <si>
    <t>buurt_gegeneraliseerd_2021.3e66156e-6e6a-447e-b06e-c96e347f7f32</t>
  </si>
  <si>
    <t>BU17311601</t>
  </si>
  <si>
    <t>2021BU17311601</t>
  </si>
  <si>
    <t>Balinge</t>
  </si>
  <si>
    <t>buurt_gegeneraliseerd_2021.5ee00694-b76f-4a6e-b75b-b80acdda1241</t>
  </si>
  <si>
    <t>BU17311602</t>
  </si>
  <si>
    <t>2021BU17311602</t>
  </si>
  <si>
    <t>Mantinge</t>
  </si>
  <si>
    <t>buurt_gegeneraliseerd_2021.352e10c3-90ef-4cba-8d9f-0ddb0ade7543</t>
  </si>
  <si>
    <t>BU17311609</t>
  </si>
  <si>
    <t>2021BU17311609</t>
  </si>
  <si>
    <t>Verspreide huizen de Broekstreek</t>
  </si>
  <si>
    <t>buurt_gegeneraliseerd_2021.b2e08c08-94a7-424d-868c-6303c0fded7b</t>
  </si>
  <si>
    <t>BU17350000</t>
  </si>
  <si>
    <t>2021BU17350000</t>
  </si>
  <si>
    <t>Centrum-Goor</t>
  </si>
  <si>
    <t>GM1735</t>
  </si>
  <si>
    <t>buurt_gegeneraliseerd_2021.e29d9dec-f963-40c8-8664-cdd9a490af4d</t>
  </si>
  <si>
    <t>BU17350001</t>
  </si>
  <si>
    <t>2021BU17350001</t>
  </si>
  <si>
    <t>De Whee I</t>
  </si>
  <si>
    <t>buurt_gegeneraliseerd_2021.d548d767-8fc2-484f-9960-460ebe97495c</t>
  </si>
  <si>
    <t>BU17350002</t>
  </si>
  <si>
    <t>2021BU17350002</t>
  </si>
  <si>
    <t>Bungalow-wijk</t>
  </si>
  <si>
    <t>buurt_gegeneraliseerd_2021.5adf20a2-ebc8-4181-ab5c-4b13e7aa0817</t>
  </si>
  <si>
    <t>BU17350003</t>
  </si>
  <si>
    <t>2021BU17350003</t>
  </si>
  <si>
    <t>Heeckeren</t>
  </si>
  <si>
    <t>buurt_gegeneraliseerd_2021.e230f87c-a0fd-4ccf-b270-05530d08f646</t>
  </si>
  <si>
    <t>BU17350004</t>
  </si>
  <si>
    <t>2021BU17350004</t>
  </si>
  <si>
    <t>Dr. Schaepmanbuurt</t>
  </si>
  <si>
    <t>buurt_gegeneraliseerd_2021.a1debddd-dba6-4c7e-8fd9-eef45b68c4ac</t>
  </si>
  <si>
    <t>BU17350005</t>
  </si>
  <si>
    <t>2021BU17350005</t>
  </si>
  <si>
    <t>Gijmink</t>
  </si>
  <si>
    <t>buurt_gegeneraliseerd_2021.1fe75c4a-2c40-4376-b260-56f9e2568b49</t>
  </si>
  <si>
    <t>BU17350006</t>
  </si>
  <si>
    <t>2021BU17350006</t>
  </si>
  <si>
    <t>Waterhoek</t>
  </si>
  <si>
    <t>buurt_gegeneraliseerd_2021.f3847652-f483-4869-935a-d12ac3737a67</t>
  </si>
  <si>
    <t>BU17350007</t>
  </si>
  <si>
    <t>2021BU17350007</t>
  </si>
  <si>
    <t>Industriegebied Spechthorst I</t>
  </si>
  <si>
    <t>buurt_gegeneraliseerd_2021.e088bd58-b1f7-4f77-8a68-a2e7119e9623</t>
  </si>
  <si>
    <t>BU17350008</t>
  </si>
  <si>
    <t>2021BU17350008</t>
  </si>
  <si>
    <t>De Meene</t>
  </si>
  <si>
    <t>buurt_gegeneraliseerd_2021.24f862fb-606d-4892-b26e-078351aecbcb</t>
  </si>
  <si>
    <t>BU17350009</t>
  </si>
  <si>
    <t>2021BU17350009</t>
  </si>
  <si>
    <t>Industriegebied Kevelhammerhoek</t>
  </si>
  <si>
    <t>buurt_gegeneraliseerd_2021.7e53f9e0-85fe-437d-9aae-49afd97c36b9</t>
  </si>
  <si>
    <t>BU17350100</t>
  </si>
  <si>
    <t>2021BU17350100</t>
  </si>
  <si>
    <t>De Whee II-Noord</t>
  </si>
  <si>
    <t>buurt_gegeneraliseerd_2021.e6b71e5b-efb3-404f-93fd-b854d40780db</t>
  </si>
  <si>
    <t>BU17350101</t>
  </si>
  <si>
    <t>2021BU17350101</t>
  </si>
  <si>
    <t>De Whee II-Zuid</t>
  </si>
  <si>
    <t>buurt_gegeneraliseerd_2021.dbff7eb1-db32-4f67-8962-c424b58736aa</t>
  </si>
  <si>
    <t>BU17350102</t>
  </si>
  <si>
    <t>2021BU17350102</t>
  </si>
  <si>
    <t>Industriegebied Spechthorst II</t>
  </si>
  <si>
    <t>buurt_gegeneraliseerd_2021.5ace0a9b-1dbe-4a9f-b79b-c647845b819f</t>
  </si>
  <si>
    <t>BU17350109</t>
  </si>
  <si>
    <t>2021BU17350109</t>
  </si>
  <si>
    <t>Kerspel</t>
  </si>
  <si>
    <t>buurt_gegeneraliseerd_2021.493ff181-50ac-4b41-bb37-eb1e1c3fb832</t>
  </si>
  <si>
    <t>BU17350200</t>
  </si>
  <si>
    <t>2021BU17350200</t>
  </si>
  <si>
    <t>Markelo</t>
  </si>
  <si>
    <t>buurt_gegeneraliseerd_2021.560b5f00-2d18-48e1-a2f1-b4c29db85ae1</t>
  </si>
  <si>
    <t>BU17350206</t>
  </si>
  <si>
    <t>2021BU17350206</t>
  </si>
  <si>
    <t>Verspreide huizen Markelerbroek</t>
  </si>
  <si>
    <t>buurt_gegeneraliseerd_2021.2d82b7cb-2aab-4426-9b01-91e9fd767f44</t>
  </si>
  <si>
    <t>BU17350207</t>
  </si>
  <si>
    <t>2021BU17350207</t>
  </si>
  <si>
    <t>Verspreide huizen Stokkum</t>
  </si>
  <si>
    <t>buurt_gegeneraliseerd_2021.47e0ac1a-541a-447b-afbf-a2203d759b79</t>
  </si>
  <si>
    <t>BU17350208</t>
  </si>
  <si>
    <t>2021BU17350208</t>
  </si>
  <si>
    <t>Verspreide huizen Herike</t>
  </si>
  <si>
    <t>buurt_gegeneraliseerd_2021.4e76d444-9d8d-4839-9589-bb415c6ea07d</t>
  </si>
  <si>
    <t>BU17350209</t>
  </si>
  <si>
    <t>2021BU17350209</t>
  </si>
  <si>
    <t>Verspreide huizen Markelo</t>
  </si>
  <si>
    <t>buurt_gegeneraliseerd_2021.35d5de99-ec25-4c14-8160-8707a085dccb</t>
  </si>
  <si>
    <t>BU17350309</t>
  </si>
  <si>
    <t>2021BU17350309</t>
  </si>
  <si>
    <t>Verspreide huizen Kerspel en Goor</t>
  </si>
  <si>
    <t>buurt_gegeneraliseerd_2021.f1545742-d3b1-431a-977b-99e48cc647d8</t>
  </si>
  <si>
    <t>BU17350407</t>
  </si>
  <si>
    <t>2021BU17350407</t>
  </si>
  <si>
    <t>Verspreide huizen Elsen</t>
  </si>
  <si>
    <t>buurt_gegeneraliseerd_2021.4525db9b-6c20-4767-ada3-4be343cf2296</t>
  </si>
  <si>
    <t>BU17350408</t>
  </si>
  <si>
    <t>2021BU17350408</t>
  </si>
  <si>
    <t>Verspreide huizen Elsenerbroek</t>
  </si>
  <si>
    <t>buurt_gegeneraliseerd_2021.394e86f9-6c9d-470f-982a-18e0bfe2135c</t>
  </si>
  <si>
    <t>BU17350409</t>
  </si>
  <si>
    <t>2021BU17350409</t>
  </si>
  <si>
    <t>Verspreide huizen Elzenerveen en Borkeld</t>
  </si>
  <si>
    <t>buurt_gegeneraliseerd_2021.53bf8a59-afcd-42cc-8f2b-5a42f1e4611e</t>
  </si>
  <si>
    <t>BU17350500</t>
  </si>
  <si>
    <t>2021BU17350500</t>
  </si>
  <si>
    <t>Diepenheim-Noord</t>
  </si>
  <si>
    <t>buurt_gegeneraliseerd_2021.487b2c7d-185e-4b28-bb87-91c36200e509</t>
  </si>
  <si>
    <t>BU17350501</t>
  </si>
  <si>
    <t>2021BU17350501</t>
  </si>
  <si>
    <t>Diepenheim-Zuid</t>
  </si>
  <si>
    <t>buurt_gegeneraliseerd_2021.f8753bd5-f66e-4039-96b5-8ddb11ef3113</t>
  </si>
  <si>
    <t>BU17350508</t>
  </si>
  <si>
    <t>2021BU17350508</t>
  </si>
  <si>
    <t>Verspreide huizen Markvelde</t>
  </si>
  <si>
    <t>buurt_gegeneraliseerd_2021.272fef0c-34cf-436c-8487-aa72808647aa</t>
  </si>
  <si>
    <t>BU17350509</t>
  </si>
  <si>
    <t>2021BU17350509</t>
  </si>
  <si>
    <t>Verspreide huizen Kerspel en Schipbeek</t>
  </si>
  <si>
    <t>buurt_gegeneraliseerd_2021.863dde08-8723-4be3-856b-8dfec53d1d45</t>
  </si>
  <si>
    <t>BU17350600</t>
  </si>
  <si>
    <t>2021BU17350600</t>
  </si>
  <si>
    <t>Delden-Centrum</t>
  </si>
  <si>
    <t>buurt_gegeneraliseerd_2021.b40827f2-adb2-49c3-acf2-e27380bb75f6</t>
  </si>
  <si>
    <t>BU17350601</t>
  </si>
  <si>
    <t>2021BU17350601</t>
  </si>
  <si>
    <t>Oud Zuiderhagen</t>
  </si>
  <si>
    <t>buurt_gegeneraliseerd_2021.4a08ba14-f258-4a03-8ff2-332882bd9d8a</t>
  </si>
  <si>
    <t>BU17350602</t>
  </si>
  <si>
    <t>2021BU17350602</t>
  </si>
  <si>
    <t>Greekerinckskamp</t>
  </si>
  <si>
    <t>buurt_gegeneraliseerd_2021.b2078afd-1e77-4fa1-acb1-87be16dd6a89</t>
  </si>
  <si>
    <t>BU17350603</t>
  </si>
  <si>
    <t>2021BU17350603</t>
  </si>
  <si>
    <t>'t Kip</t>
  </si>
  <si>
    <t>buurt_gegeneraliseerd_2021.dedad67e-2c0d-4233-8c90-12389ec6dceb</t>
  </si>
  <si>
    <t>BU17350604</t>
  </si>
  <si>
    <t>2021BU17350604</t>
  </si>
  <si>
    <t>Schoppenstee</t>
  </si>
  <si>
    <t>buurt_gegeneraliseerd_2021.f418bfc2-57c3-4360-806c-6c8c9acb0059</t>
  </si>
  <si>
    <t>BU17350605</t>
  </si>
  <si>
    <t>2021BU17350605</t>
  </si>
  <si>
    <t>Vogelweiden</t>
  </si>
  <si>
    <t>buurt_gegeneraliseerd_2021.c5aec051-a3bd-4e28-9fb0-72ed3714d9ac</t>
  </si>
  <si>
    <t>BU17350606</t>
  </si>
  <si>
    <t>2021BU17350606</t>
  </si>
  <si>
    <t>Hooijerinkses</t>
  </si>
  <si>
    <t>buurt_gegeneraliseerd_2021.188da5e4-9969-4009-9286-f9e2385c52d2</t>
  </si>
  <si>
    <t>BU17350607</t>
  </si>
  <si>
    <t>2021BU17350607</t>
  </si>
  <si>
    <t>Sint Annabrink</t>
  </si>
  <si>
    <t>buurt_gegeneraliseerd_2021.0dc6fc0c-3fa8-4dc7-8215-d9338b126b0a</t>
  </si>
  <si>
    <t>BU17350608</t>
  </si>
  <si>
    <t>2021BU17350608</t>
  </si>
  <si>
    <t>Rupertserf</t>
  </si>
  <si>
    <t>buurt_gegeneraliseerd_2021.d5e6a399-5a38-4628-a7ba-2c58cbfb1ce7</t>
  </si>
  <si>
    <t>BU17350609</t>
  </si>
  <si>
    <t>2021BU17350609</t>
  </si>
  <si>
    <t>Vossenbrink en De Braak</t>
  </si>
  <si>
    <t>buurt_gegeneraliseerd_2021.5dff812b-147b-42bd-b27d-227b8399bd1b</t>
  </si>
  <si>
    <t>BU17350700</t>
  </si>
  <si>
    <t>2021BU17350700</t>
  </si>
  <si>
    <t>Industrieterrein-Delden</t>
  </si>
  <si>
    <t>buurt_gegeneraliseerd_2021.8aa0996d-2133-4b25-b88a-7241ce8e4951</t>
  </si>
  <si>
    <t>BU17350709</t>
  </si>
  <si>
    <t>2021BU17350709</t>
  </si>
  <si>
    <t>Verspreide huizen Deldeneresch</t>
  </si>
  <si>
    <t>buurt_gegeneraliseerd_2021.44e63ad6-0632-4a2b-951c-8d02f1c73c3a</t>
  </si>
  <si>
    <t>BU17350800</t>
  </si>
  <si>
    <t>2021BU17350800</t>
  </si>
  <si>
    <t>Hengevelde</t>
  </si>
  <si>
    <t>buurt_gegeneraliseerd_2021.a43dc8ab-73ab-4639-904e-4ffc8588dade</t>
  </si>
  <si>
    <t>BU17350805</t>
  </si>
  <si>
    <t>2021BU17350805</t>
  </si>
  <si>
    <t>Verspreide huizen Hengevelde</t>
  </si>
  <si>
    <t>buurt_gegeneraliseerd_2021.1932b52c-fc58-49e3-a2dc-456548b3c6be</t>
  </si>
  <si>
    <t>BU17350806</t>
  </si>
  <si>
    <t>2021BU17350806</t>
  </si>
  <si>
    <t>buurt_gegeneraliseerd_2021.5cb0fe7c-13bf-4b7e-bcde-1d4712d3edbe</t>
  </si>
  <si>
    <t>BU17350807</t>
  </si>
  <si>
    <t>2021BU17350807</t>
  </si>
  <si>
    <t>Verspreide huizen Deldenerbroek</t>
  </si>
  <si>
    <t>buurt_gegeneraliseerd_2021.4a74bde6-aee8-429c-9817-57f19b8c3063</t>
  </si>
  <si>
    <t>BU17350808</t>
  </si>
  <si>
    <t>2021BU17350808</t>
  </si>
  <si>
    <t>Verspreide huizen Azelo</t>
  </si>
  <si>
    <t>buurt_gegeneraliseerd_2021.34e09f73-dad7-46ea-8f6a-0fc313a37113</t>
  </si>
  <si>
    <t>BU17350809</t>
  </si>
  <si>
    <t>2021BU17350809</t>
  </si>
  <si>
    <t>Verspreide huizen Zeldam</t>
  </si>
  <si>
    <t>buurt_gegeneraliseerd_2021.50beda68-65f9-4aee-9748-fb9b22e8ae4b</t>
  </si>
  <si>
    <t>BU17350900</t>
  </si>
  <si>
    <t>2021BU17350900</t>
  </si>
  <si>
    <t>Bentelo kern</t>
  </si>
  <si>
    <t>buurt_gegeneraliseerd_2021.44d81e5e-30b5-4884-99bd-bcfecc11d95e</t>
  </si>
  <si>
    <t>BU17350908</t>
  </si>
  <si>
    <t>2021BU17350908</t>
  </si>
  <si>
    <t>Verspreide huizen Wiene</t>
  </si>
  <si>
    <t>buurt_gegeneraliseerd_2021.bfcd0cbd-7665-44f3-bf96-54c544eb92b6</t>
  </si>
  <si>
    <t>BU17350909</t>
  </si>
  <si>
    <t>2021BU17350909</t>
  </si>
  <si>
    <t>Verspreide huizen Bentelo</t>
  </si>
  <si>
    <t>buurt_gegeneraliseerd_2021.49cf72a5-372d-4ca4-bbde-babfd09f8186</t>
  </si>
  <si>
    <t>BU17400000</t>
  </si>
  <si>
    <t>2021BU17400000</t>
  </si>
  <si>
    <t>Kesteren</t>
  </si>
  <si>
    <t>GM1740</t>
  </si>
  <si>
    <t>buurt_gegeneraliseerd_2021.6e8aa1d4-2ea9-4c04-8c73-d0da890e65d5</t>
  </si>
  <si>
    <t>BU17400001</t>
  </si>
  <si>
    <t>2021BU17400001</t>
  </si>
  <si>
    <t>Opheusden</t>
  </si>
  <si>
    <t>buurt_gegeneraliseerd_2021.71cde99d-5dc7-469e-b3fe-5914b3ac6f78</t>
  </si>
  <si>
    <t>BU17400006</t>
  </si>
  <si>
    <t>2021BU17400006</t>
  </si>
  <si>
    <t>Verspreide huizen Lede en Oudewaard</t>
  </si>
  <si>
    <t>buurt_gegeneraliseerd_2021.4553fb5a-8fc1-4d6b-91f5-468abcad58fb</t>
  </si>
  <si>
    <t>BU17400007</t>
  </si>
  <si>
    <t>2021BU17400007</t>
  </si>
  <si>
    <t>Verspreide huizen Kesteren</t>
  </si>
  <si>
    <t>buurt_gegeneraliseerd_2021.b281f7dc-2a28-4a14-ae57-ab4c6936477c</t>
  </si>
  <si>
    <t>BU17400008</t>
  </si>
  <si>
    <t>2021BU17400008</t>
  </si>
  <si>
    <t>Verspreide huizen Opheusden</t>
  </si>
  <si>
    <t>buurt_gegeneraliseerd_2021.0bdbbda1-5215-436d-b92f-0118be38d3b8</t>
  </si>
  <si>
    <t>BU17400009</t>
  </si>
  <si>
    <t>2021BU17400009</t>
  </si>
  <si>
    <t>buurt_gegeneraliseerd_2021.3ae785aa-ce8f-4754-a8dc-df208749c154</t>
  </si>
  <si>
    <t>BU17400100</t>
  </si>
  <si>
    <t>2021BU17400100</t>
  </si>
  <si>
    <t>Ochten</t>
  </si>
  <si>
    <t>buurt_gegeneraliseerd_2021.2ab7b63b-b2c3-448a-9fd3-ebaa95c8ec31</t>
  </si>
  <si>
    <t>BU17400101</t>
  </si>
  <si>
    <t>2021BU17400101</t>
  </si>
  <si>
    <t>Echteld</t>
  </si>
  <si>
    <t>buurt_gegeneraliseerd_2021.25aa6be7-b64a-4ca0-b5ac-0c620260d43b</t>
  </si>
  <si>
    <t>BU17400102</t>
  </si>
  <si>
    <t>2021BU17400102</t>
  </si>
  <si>
    <t>IJzendoorn</t>
  </si>
  <si>
    <t>buurt_gegeneraliseerd_2021.1d048c4a-194d-4795-b636-cd7e270489fa</t>
  </si>
  <si>
    <t>BU17400103</t>
  </si>
  <si>
    <t>2021BU17400103</t>
  </si>
  <si>
    <t>Pottemsestraat en Groenestraat en omgeving</t>
  </si>
  <si>
    <t>buurt_gegeneraliseerd_2021.0828929d-8dd5-46fc-b8a3-5a38b39fb2eb</t>
  </si>
  <si>
    <t>BU17400106</t>
  </si>
  <si>
    <t>2021BU17400106</t>
  </si>
  <si>
    <t>Verspreide huizen Echteld-Waalbandijk</t>
  </si>
  <si>
    <t>buurt_gegeneraliseerd_2021.2ebd9e7b-a5d7-4594-87f0-ca845ce1c139</t>
  </si>
  <si>
    <t>BU17400107</t>
  </si>
  <si>
    <t>2021BU17400107</t>
  </si>
  <si>
    <t>Verspreide huizen Echteld</t>
  </si>
  <si>
    <t>buurt_gegeneraliseerd_2021.3131b77f-66ef-4490-9734-2751953d0ca0</t>
  </si>
  <si>
    <t>BU17400108</t>
  </si>
  <si>
    <t>2021BU17400108</t>
  </si>
  <si>
    <t>Verspreide huizen IJzendoorn</t>
  </si>
  <si>
    <t>buurt_gegeneraliseerd_2021.ec08d02c-147d-420c-9be5-6afad662e5ee</t>
  </si>
  <si>
    <t>BU17400109</t>
  </si>
  <si>
    <t>2021BU17400109</t>
  </si>
  <si>
    <t>Verspreide huizen Ochten</t>
  </si>
  <si>
    <t>buurt_gegeneraliseerd_2021.6b931848-2e73-45c6-a2de-4089721b24b5</t>
  </si>
  <si>
    <t>BU17400200</t>
  </si>
  <si>
    <t>2021BU17400200</t>
  </si>
  <si>
    <t>Kom Dodewaard met Hien</t>
  </si>
  <si>
    <t>buurt_gegeneraliseerd_2021.8a2dad63-e5e7-4cf6-bbc8-9d8da455c3dd</t>
  </si>
  <si>
    <t>BU17400201</t>
  </si>
  <si>
    <t>2021BU17400201</t>
  </si>
  <si>
    <t>Kom Wely</t>
  </si>
  <si>
    <t>buurt_gegeneraliseerd_2021.1c7c14f0-6d1e-4e12-9e37-e3b10b8b71a6</t>
  </si>
  <si>
    <t>BU17400208</t>
  </si>
  <si>
    <t>2021BU17400208</t>
  </si>
  <si>
    <t>Verspreide huizen Dodewaard-Oost en Wely</t>
  </si>
  <si>
    <t>buurt_gegeneraliseerd_2021.2e77710c-cb24-4ca0-96c0-d71db9727d8b</t>
  </si>
  <si>
    <t>BU17400209</t>
  </si>
  <si>
    <t>2021BU17400209</t>
  </si>
  <si>
    <t>Verspreide huizen Dodewaard-West</t>
  </si>
  <si>
    <t>buurt_gegeneraliseerd_2021.dd1ca00a-7688-40fb-bd52-ca301622ac99</t>
  </si>
  <si>
    <t>BU17420000</t>
  </si>
  <si>
    <t>2021BU17420000</t>
  </si>
  <si>
    <t>Kern-Rijssen</t>
  </si>
  <si>
    <t>GM1742</t>
  </si>
  <si>
    <t>buurt_gegeneraliseerd_2021.d53ce3d8-957a-437d-8902-0db7045211f0</t>
  </si>
  <si>
    <t>BU17420001</t>
  </si>
  <si>
    <t>2021BU17420001</t>
  </si>
  <si>
    <t>Kern rand Noord</t>
  </si>
  <si>
    <t>buurt_gegeneraliseerd_2021.3b80f45c-ce78-4dd7-9e21-7c421c9a634f</t>
  </si>
  <si>
    <t>BU17420002</t>
  </si>
  <si>
    <t>2021BU17420002</t>
  </si>
  <si>
    <t>Kern rand Oost</t>
  </si>
  <si>
    <t>buurt_gegeneraliseerd_2021.c91d4dd2-e892-4b38-bce4-2bcee21c0d4a</t>
  </si>
  <si>
    <t>BU17420003</t>
  </si>
  <si>
    <t>2021BU17420003</t>
  </si>
  <si>
    <t>Kern rand Zuid</t>
  </si>
  <si>
    <t>buurt_gegeneraliseerd_2021.6a3b1a05-661b-4343-9f1b-a68f176fca37</t>
  </si>
  <si>
    <t>BU17420100</t>
  </si>
  <si>
    <t>2021BU17420100</t>
  </si>
  <si>
    <t>Lenfert en omgeving</t>
  </si>
  <si>
    <t>buurt_gegeneraliseerd_2021.c9efbf35-9e07-427b-ad8f-b2985cfed5f1</t>
  </si>
  <si>
    <t>BU17420101</t>
  </si>
  <si>
    <t>2021BU17420101</t>
  </si>
  <si>
    <t>De Delle</t>
  </si>
  <si>
    <t>buurt_gegeneraliseerd_2021.7d1b163d-bf52-4539-bd0e-e4a541fa067d</t>
  </si>
  <si>
    <t>BU17420102</t>
  </si>
  <si>
    <t>2021BU17420102</t>
  </si>
  <si>
    <t>Braakmanslanden</t>
  </si>
  <si>
    <t>buurt_gegeneraliseerd_2021.5dc67901-37d7-4570-872c-bc21d2e12476</t>
  </si>
  <si>
    <t>BU17420104</t>
  </si>
  <si>
    <t>2021BU17420104</t>
  </si>
  <si>
    <t>Dannenberg</t>
  </si>
  <si>
    <t>buurt_gegeneraliseerd_2021.be5eb878-6fd6-4605-b437-f05d38b92223</t>
  </si>
  <si>
    <t>BU17420105</t>
  </si>
  <si>
    <t>2021BU17420105</t>
  </si>
  <si>
    <t>Veeneslagen</t>
  </si>
  <si>
    <t>buurt_gegeneraliseerd_2021.d80420f0-e8cb-477f-896e-d23c79735019</t>
  </si>
  <si>
    <t>BU17420106</t>
  </si>
  <si>
    <t>2021BU17420106</t>
  </si>
  <si>
    <t>Opbroek</t>
  </si>
  <si>
    <t>buurt_gegeneraliseerd_2021.8e80083d-f480-417a-97eb-b7fc2d42b171</t>
  </si>
  <si>
    <t>BU17420207</t>
  </si>
  <si>
    <t>2021BU17420207</t>
  </si>
  <si>
    <t>Verspreide huizen Ligtenberg</t>
  </si>
  <si>
    <t>buurt_gegeneraliseerd_2021.36ee367a-8c33-47fe-bde1-e48563c0c4e6</t>
  </si>
  <si>
    <t>BU17420208</t>
  </si>
  <si>
    <t>2021BU17420208</t>
  </si>
  <si>
    <t>Verspreide huizen Zuidrand en omgeving</t>
  </si>
  <si>
    <t>buurt_gegeneraliseerd_2021.9040c501-ebff-44e6-ba14-47c4b8ef699e</t>
  </si>
  <si>
    <t>BU17420209</t>
  </si>
  <si>
    <t>2021BU17420209</t>
  </si>
  <si>
    <t>Verspreide huizen Nieuwland en omgeving</t>
  </si>
  <si>
    <t>buurt_gegeneraliseerd_2021.fb556197-ad68-43c2-8d10-5b697b0c3877</t>
  </si>
  <si>
    <t>BU17420300</t>
  </si>
  <si>
    <t>2021BU17420300</t>
  </si>
  <si>
    <t>Holten-Kom en De Kol</t>
  </si>
  <si>
    <t>buurt_gegeneraliseerd_2021.983e6db0-e163-4670-9030-cc43a864d7fb</t>
  </si>
  <si>
    <t>BU17420301</t>
  </si>
  <si>
    <t>2021BU17420301</t>
  </si>
  <si>
    <t>Holten-De Haar</t>
  </si>
  <si>
    <t>buurt_gegeneraliseerd_2021.6eb83adb-2d31-4c4d-9736-6c567bef588c</t>
  </si>
  <si>
    <t>BU17420302</t>
  </si>
  <si>
    <t>2021BU17420302</t>
  </si>
  <si>
    <t>Holten ten noorden van de spoorlijn</t>
  </si>
  <si>
    <t>buurt_gegeneraliseerd_2021.c36f805c-a6c4-4cb6-9dee-eb4f2a7d73cf</t>
  </si>
  <si>
    <t>BU17420303</t>
  </si>
  <si>
    <t>2021BU17420303</t>
  </si>
  <si>
    <t>De Holterberg</t>
  </si>
  <si>
    <t>buurt_gegeneraliseerd_2021.1e18696c-dc53-4d68-8163-e8342b652958</t>
  </si>
  <si>
    <t>BU17420304</t>
  </si>
  <si>
    <t>2021BU17420304</t>
  </si>
  <si>
    <t>Villaterrein Look</t>
  </si>
  <si>
    <t>buurt_gegeneraliseerd_2021.65ce3904-ec67-47e2-a108-51a1d2081e57</t>
  </si>
  <si>
    <t>BU17420305</t>
  </si>
  <si>
    <t>2021BU17420305</t>
  </si>
  <si>
    <t>De Beuseberg</t>
  </si>
  <si>
    <t>buurt_gegeneraliseerd_2021.80f2acf4-f1d9-4ea2-8258-c79a4596eb95</t>
  </si>
  <si>
    <t>BU17420308</t>
  </si>
  <si>
    <t>2021BU17420308</t>
  </si>
  <si>
    <t>Lukensveld</t>
  </si>
  <si>
    <t>buurt_gegeneraliseerd_2021.2e7b0da3-9a9d-4bcb-91d2-afb9ce654330</t>
  </si>
  <si>
    <t>BU17420309</t>
  </si>
  <si>
    <t>2021BU17420309</t>
  </si>
  <si>
    <t>Liesen</t>
  </si>
  <si>
    <t>buurt_gegeneraliseerd_2021.0fa8e419-1bda-491f-9321-e7f421771f7d</t>
  </si>
  <si>
    <t>BU17420401</t>
  </si>
  <si>
    <t>2021BU17420401</t>
  </si>
  <si>
    <t>Industrieterrein de Haar</t>
  </si>
  <si>
    <t>buurt_gegeneraliseerd_2021.bdab9f54-0f68-416d-bb05-add3f95fbe42</t>
  </si>
  <si>
    <t>BU17420402</t>
  </si>
  <si>
    <t>2021BU17420402</t>
  </si>
  <si>
    <t>Vletgaarsmaten</t>
  </si>
  <si>
    <t>buurt_gegeneraliseerd_2021.2fe3128e-0ff2-45e3-a1a5-82b0880e9466</t>
  </si>
  <si>
    <t>BU17420500</t>
  </si>
  <si>
    <t>2021BU17420500</t>
  </si>
  <si>
    <t>Buurtschap Neerdorp</t>
  </si>
  <si>
    <t>buurt_gegeneraliseerd_2021.0443374c-8679-4abb-a287-4de60e2e9435</t>
  </si>
  <si>
    <t>BU17420501</t>
  </si>
  <si>
    <t>2021BU17420501</t>
  </si>
  <si>
    <t>Buurtschap Holterbroek</t>
  </si>
  <si>
    <t>buurt_gegeneraliseerd_2021.d2bab905-a72d-4a50-84c3-2ca0c3784862</t>
  </si>
  <si>
    <t>BU17420502</t>
  </si>
  <si>
    <t>2021BU17420502</t>
  </si>
  <si>
    <t>Buurtschap Beuseberg</t>
  </si>
  <si>
    <t>buurt_gegeneraliseerd_2021.7c150ef3-910c-42e1-8f18-9bbf96871342</t>
  </si>
  <si>
    <t>BU17420503</t>
  </si>
  <si>
    <t>2021BU17420503</t>
  </si>
  <si>
    <t>Buurtschap Espelo</t>
  </si>
  <si>
    <t>buurt_gegeneraliseerd_2021.f515ed40-b5c1-4171-842b-a5c688bd062b</t>
  </si>
  <si>
    <t>BU17420504</t>
  </si>
  <si>
    <t>2021BU17420504</t>
  </si>
  <si>
    <t>Buurtschap Borkeld</t>
  </si>
  <si>
    <t>buurt_gegeneraliseerd_2021.e82cff48-91ee-4910-95d7-08d463276520</t>
  </si>
  <si>
    <t>BU17420505</t>
  </si>
  <si>
    <t>2021BU17420505</t>
  </si>
  <si>
    <t>Buurtschap Look</t>
  </si>
  <si>
    <t>buurt_gegeneraliseerd_2021.1ff0b349-830c-4f7d-addf-4e7a7560bf56</t>
  </si>
  <si>
    <t>BU17420506</t>
  </si>
  <si>
    <t>2021BU17420506</t>
  </si>
  <si>
    <t>Buurtschap Holterberg</t>
  </si>
  <si>
    <t>buurt_gegeneraliseerd_2021.d1dbc9dd-68b4-4541-aa56-9532ec81d50d</t>
  </si>
  <si>
    <t>BU17420507</t>
  </si>
  <si>
    <t>2021BU17420507</t>
  </si>
  <si>
    <t>Buurtschap Lichtenberg</t>
  </si>
  <si>
    <t>buurt_gegeneraliseerd_2021.c8debc64-4742-4804-b486-63c39ed3abae</t>
  </si>
  <si>
    <t>BU17420508</t>
  </si>
  <si>
    <t>2021BU17420508</t>
  </si>
  <si>
    <t>Dijkerhoek kern</t>
  </si>
  <si>
    <t>buurt_gegeneraliseerd_2021.3b945692-02e7-4e8a-89fa-4c0fa60c9fe5</t>
  </si>
  <si>
    <t>BU17420509</t>
  </si>
  <si>
    <t>2021BU17420509</t>
  </si>
  <si>
    <t>Verspreide huizen Dijkerhoek</t>
  </si>
  <si>
    <t>buurt_gegeneraliseerd_2021.5b689a02-a190-46dc-8705-284392d1c4e0</t>
  </si>
  <si>
    <t>BU17420701</t>
  </si>
  <si>
    <t>2021BU17420701</t>
  </si>
  <si>
    <t>De Mors en Plaagslagen</t>
  </si>
  <si>
    <t>buurt_gegeneraliseerd_2021.cf77f6b0-3e85-47da-b55b-89f98e928748</t>
  </si>
  <si>
    <t>BU17420801</t>
  </si>
  <si>
    <t>2021BU17420801</t>
  </si>
  <si>
    <t>Zomerhuisjesterrein De Borkeld</t>
  </si>
  <si>
    <t>buurt_gegeneraliseerd_2021.19f16943-4d66-41d0-a3e3-ee4498f217a1</t>
  </si>
  <si>
    <t>BU17710000</t>
  </si>
  <si>
    <t>2021BU17710000</t>
  </si>
  <si>
    <t>GM1771</t>
  </si>
  <si>
    <t>buurt_gegeneraliseerd_2021.37214e6c-b4f0-43e2-9439-4b79e3bc9f7d</t>
  </si>
  <si>
    <t>BU17710001</t>
  </si>
  <si>
    <t>2021BU17710001</t>
  </si>
  <si>
    <t>Skandia</t>
  </si>
  <si>
    <t>buurt_gegeneraliseerd_2021.fede216f-1741-47fb-b55d-81999166c484</t>
  </si>
  <si>
    <t>BU17710002</t>
  </si>
  <si>
    <t>2021BU17710002</t>
  </si>
  <si>
    <t>Akert</t>
  </si>
  <si>
    <t>buurt_gegeneraliseerd_2021.e816862e-f4c9-4270-a5ee-11adc238b123</t>
  </si>
  <si>
    <t>BU17710003</t>
  </si>
  <si>
    <t>2021BU17710003</t>
  </si>
  <si>
    <t>Zesgehuchten</t>
  </si>
  <si>
    <t>buurt_gegeneraliseerd_2021.ffcef2a7-b749-4bfe-b125-f739166d18fd</t>
  </si>
  <si>
    <t>BU17710004</t>
  </si>
  <si>
    <t>2021BU17710004</t>
  </si>
  <si>
    <t>Braakhuizen-Noord</t>
  </si>
  <si>
    <t>buurt_gegeneraliseerd_2021.4a67a5d7-759d-4541-938f-cbc47abbc7ac</t>
  </si>
  <si>
    <t>BU17710005</t>
  </si>
  <si>
    <t>2021BU17710005</t>
  </si>
  <si>
    <t>Braakhuizen-Zuid</t>
  </si>
  <si>
    <t>buurt_gegeneraliseerd_2021.046e96e4-bdbe-48a1-9073-a5d9333180f8</t>
  </si>
  <si>
    <t>BU17710006</t>
  </si>
  <si>
    <t>2021BU17710006</t>
  </si>
  <si>
    <t>Coevering</t>
  </si>
  <si>
    <t>buurt_gegeneraliseerd_2021.5fb6f344-dff4-48ea-b76a-4a9b182509e4</t>
  </si>
  <si>
    <t>BU17710007</t>
  </si>
  <si>
    <t>2021BU17710007</t>
  </si>
  <si>
    <t>Genoenhuis</t>
  </si>
  <si>
    <t>buurt_gegeneraliseerd_2021.9bd910d3-f1e4-494d-9897-e8d6dc0a1910</t>
  </si>
  <si>
    <t>BU17710009</t>
  </si>
  <si>
    <t>2021BU17710009</t>
  </si>
  <si>
    <t>buurt_gegeneraliseerd_2021.54787766-717a-4747-87f1-4d05b89d33db</t>
  </si>
  <si>
    <t>BU17710100</t>
  </si>
  <si>
    <t>2021BU17710100</t>
  </si>
  <si>
    <t>Mierlo</t>
  </si>
  <si>
    <t>buurt_gegeneraliseerd_2021.63304679-b638-4843-88d0-4e2a90b4bf79</t>
  </si>
  <si>
    <t>BU17710109</t>
  </si>
  <si>
    <t>2021BU17710109</t>
  </si>
  <si>
    <t>Verspreide huizen Mierlo</t>
  </si>
  <si>
    <t>buurt_gegeneraliseerd_2021.4850279c-3396-4a98-9143-f0375b539eba</t>
  </si>
  <si>
    <t>BU17730111</t>
  </si>
  <si>
    <t>2021BU17730111</t>
  </si>
  <si>
    <t>Olst Centrum-West</t>
  </si>
  <si>
    <t>GM1773</t>
  </si>
  <si>
    <t>buurt_gegeneraliseerd_2021.5094c18c-3b38-40b0-8b54-20448171f74f</t>
  </si>
  <si>
    <t>BU17730112</t>
  </si>
  <si>
    <t>2021BU17730112</t>
  </si>
  <si>
    <t>Olst Centrum-Oost</t>
  </si>
  <si>
    <t>buurt_gegeneraliseerd_2021.1d22a405-8983-461a-a901-fc4330fb3d41</t>
  </si>
  <si>
    <t>BU17730113</t>
  </si>
  <si>
    <t>2021BU17730113</t>
  </si>
  <si>
    <t>Stationswijk en Industrieweg</t>
  </si>
  <si>
    <t>buurt_gegeneraliseerd_2021.dc1176c1-dceb-4c54-86c0-6212649a6fbf</t>
  </si>
  <si>
    <t>BU17730114</t>
  </si>
  <si>
    <t>2021BU17730114</t>
  </si>
  <si>
    <t>Kortrick en Zonnekamp</t>
  </si>
  <si>
    <t>buurt_gegeneraliseerd_2021.79cc491a-c929-4f3b-bc4c-ef703ff87a6d</t>
  </si>
  <si>
    <t>BU17730115</t>
  </si>
  <si>
    <t>2021BU17730115</t>
  </si>
  <si>
    <t>Buitengebied Olst</t>
  </si>
  <si>
    <t>buurt_gegeneraliseerd_2021.9e87c9cd-c249-47d0-91fb-3b066a73703c</t>
  </si>
  <si>
    <t>BU17730216</t>
  </si>
  <si>
    <t>2021BU17730216</t>
  </si>
  <si>
    <t>Wijhe Centrum</t>
  </si>
  <si>
    <t>buurt_gegeneraliseerd_2021.88b36715-3d00-4178-a8db-ec12de13ca7a</t>
  </si>
  <si>
    <t>BU17730217</t>
  </si>
  <si>
    <t>2021BU17730217</t>
  </si>
  <si>
    <t>Peperkamp en De Enk</t>
  </si>
  <si>
    <t>buurt_gegeneraliseerd_2021.f2592aba-d5ea-4beb-8137-a82cdb3e4d7a</t>
  </si>
  <si>
    <t>BU17730218</t>
  </si>
  <si>
    <t>2021BU17730218</t>
  </si>
  <si>
    <t>Krijtenberg en Noorder Koeslag</t>
  </si>
  <si>
    <t>buurt_gegeneraliseerd_2021.a0de432b-c6da-42a2-af09-f052fbe3aedf</t>
  </si>
  <si>
    <t>BU17730219</t>
  </si>
  <si>
    <t>2021BU17730219</t>
  </si>
  <si>
    <t>Buitengebied Wijhe</t>
  </si>
  <si>
    <t>buurt_gegeneraliseerd_2021.581e92fd-6bae-4c92-af5c-1a4292e34814</t>
  </si>
  <si>
    <t>BU17730320</t>
  </si>
  <si>
    <t>2021BU17730320</t>
  </si>
  <si>
    <t>Wesepe Kern</t>
  </si>
  <si>
    <t>buurt_gegeneraliseerd_2021.67134360-e0da-4594-9954-7f6ea8f771e0</t>
  </si>
  <si>
    <t>BU17730321</t>
  </si>
  <si>
    <t>2021BU17730321</t>
  </si>
  <si>
    <t>Buitengebied Wesepe</t>
  </si>
  <si>
    <t>buurt_gegeneraliseerd_2021.7399e4ae-c3cc-4314-b223-059edeba439e</t>
  </si>
  <si>
    <t>BU17730422</t>
  </si>
  <si>
    <t>2021BU17730422</t>
  </si>
  <si>
    <t>Boskamp Kern</t>
  </si>
  <si>
    <t>buurt_gegeneraliseerd_2021.eb5f653d-95cb-4298-9ac7-9d92b9d043bd</t>
  </si>
  <si>
    <t>BU17730423</t>
  </si>
  <si>
    <t>2021BU17730423</t>
  </si>
  <si>
    <t>Buitengebied Boskamp</t>
  </si>
  <si>
    <t>buurt_gegeneraliseerd_2021.3d1cde2f-0f59-438b-8854-758101385038</t>
  </si>
  <si>
    <t>BU17730524</t>
  </si>
  <si>
    <t>2021BU17730524</t>
  </si>
  <si>
    <t>Boerhaar Kern</t>
  </si>
  <si>
    <t>buurt_gegeneraliseerd_2021.2ee65e79-72d0-43e6-9d1b-fb6075669284</t>
  </si>
  <si>
    <t>BU17730525</t>
  </si>
  <si>
    <t>2021BU17730525</t>
  </si>
  <si>
    <t>Buitengebied Boerhaar</t>
  </si>
  <si>
    <t>buurt_gegeneraliseerd_2021.48de6ddb-4559-4ad8-9e48-892f86959d1a</t>
  </si>
  <si>
    <t>BU17730626</t>
  </si>
  <si>
    <t>2021BU17730626</t>
  </si>
  <si>
    <t>Welsum</t>
  </si>
  <si>
    <t>buurt_gegeneraliseerd_2021.3f5a0d50-9b30-43ed-ba26-4b3b5473c20d</t>
  </si>
  <si>
    <t>BU17730727</t>
  </si>
  <si>
    <t>2021BU17730727</t>
  </si>
  <si>
    <t>Den Nul Kern</t>
  </si>
  <si>
    <t>buurt_gegeneraliseerd_2021.29a0fb10-15da-4d7e-a027-a6ead003c9a2</t>
  </si>
  <si>
    <t>BU17730728</t>
  </si>
  <si>
    <t>2021BU17730728</t>
  </si>
  <si>
    <t>Buitengebied Den Nul</t>
  </si>
  <si>
    <t>buurt_gegeneraliseerd_2021.43eeedb0-6098-4d11-b0fc-1c5098b84ff3</t>
  </si>
  <si>
    <t>BU17730829</t>
  </si>
  <si>
    <t>2021BU17730829</t>
  </si>
  <si>
    <t>Eikelhof</t>
  </si>
  <si>
    <t>buurt_gegeneraliseerd_2021.8daccc9a-bd6b-4c03-be9c-3a4d9c14465e</t>
  </si>
  <si>
    <t>BU17730930</t>
  </si>
  <si>
    <t>2021BU17730930</t>
  </si>
  <si>
    <t>Elshof</t>
  </si>
  <si>
    <t>buurt_gegeneraliseerd_2021.86ff8874-b940-4c11-9491-904bbe2b4e84</t>
  </si>
  <si>
    <t>BU17731031</t>
  </si>
  <si>
    <t>2021BU17731031</t>
  </si>
  <si>
    <t>buurt_gegeneraliseerd_2021.83d5431d-81bb-4b34-8570-38ab3eea7b32</t>
  </si>
  <si>
    <t>BU17731132</t>
  </si>
  <si>
    <t>2021BU17731132</t>
  </si>
  <si>
    <t>buurt_gegeneraliseerd_2021.a304f2f2-008c-48b0-9638-e3a85d7aad09</t>
  </si>
  <si>
    <t>BU17731233</t>
  </si>
  <si>
    <t>2021BU17731233</t>
  </si>
  <si>
    <t>Herxen</t>
  </si>
  <si>
    <t>buurt_gegeneraliseerd_2021.86add1c3-e28f-4468-9258-b54154524527</t>
  </si>
  <si>
    <t>BU17741010</t>
  </si>
  <si>
    <t>2021BU17741010</t>
  </si>
  <si>
    <t>GM1774</t>
  </si>
  <si>
    <t>buurt_gegeneraliseerd_2021.c0b17825-30b9-46c5-b02d-21930d19007f</t>
  </si>
  <si>
    <t>BU17741011</t>
  </si>
  <si>
    <t>2021BU17741011</t>
  </si>
  <si>
    <t>Kerkeres</t>
  </si>
  <si>
    <t>buurt_gegeneraliseerd_2021.069c6f7b-5bbf-4fcf-b132-6d756eacd17d</t>
  </si>
  <si>
    <t>BU17741012</t>
  </si>
  <si>
    <t>2021BU17741012</t>
  </si>
  <si>
    <t>Klokkenberg</t>
  </si>
  <si>
    <t>buurt_gegeneraliseerd_2021.28970813-9ffa-4307-841d-abf6cf01396d</t>
  </si>
  <si>
    <t>BU17741013</t>
  </si>
  <si>
    <t>2021BU17741013</t>
  </si>
  <si>
    <t>Dorper-Es</t>
  </si>
  <si>
    <t>buurt_gegeneraliseerd_2021.55764181-c575-45c2-8a36-6bd8f3f5925f</t>
  </si>
  <si>
    <t>BU17741014</t>
  </si>
  <si>
    <t>2021BU17741014</t>
  </si>
  <si>
    <t>Veldkamp en Borchert</t>
  </si>
  <si>
    <t>buurt_gegeneraliseerd_2021.ed01bb0f-456d-4615-b5ea-2f7724518981</t>
  </si>
  <si>
    <t>BU17741015</t>
  </si>
  <si>
    <t>2021BU17741015</t>
  </si>
  <si>
    <t>Janskamp</t>
  </si>
  <si>
    <t>buurt_gegeneraliseerd_2021.d1a7784f-a8c6-4968-b53c-19c34f8cfeed</t>
  </si>
  <si>
    <t>BU17741017</t>
  </si>
  <si>
    <t>2021BU17741017</t>
  </si>
  <si>
    <t>Diepengoor</t>
  </si>
  <si>
    <t>buurt_gegeneraliseerd_2021.ed35aa40-bf9c-4342-97f0-b8cade70489b</t>
  </si>
  <si>
    <t>BU17741020</t>
  </si>
  <si>
    <t>2021BU17741020</t>
  </si>
  <si>
    <t>'t Pierik</t>
  </si>
  <si>
    <t>buurt_gegeneraliseerd_2021.1dad30a3-1b60-4915-a54a-68a21221ac11</t>
  </si>
  <si>
    <t>BU17741050</t>
  </si>
  <si>
    <t>2021BU17741050</t>
  </si>
  <si>
    <t>Kloppendijk</t>
  </si>
  <si>
    <t>buurt_gegeneraliseerd_2021.6604ef49-6ea7-48ca-b48b-919fe60325ee</t>
  </si>
  <si>
    <t>BU17741051</t>
  </si>
  <si>
    <t>2021BU17741051</t>
  </si>
  <si>
    <t>Sombeek</t>
  </si>
  <si>
    <t>buurt_gegeneraliseerd_2021.5cba40a5-372a-4128-a628-d3c488ec1b85</t>
  </si>
  <si>
    <t>BU17741099</t>
  </si>
  <si>
    <t>2021BU17741099</t>
  </si>
  <si>
    <t>Buitengebied Denekamp</t>
  </si>
  <si>
    <t>buurt_gegeneraliseerd_2021.6d9df927-ee8a-4d98-971b-9d877da59951</t>
  </si>
  <si>
    <t>BU17741110</t>
  </si>
  <si>
    <t>2021BU17741110</t>
  </si>
  <si>
    <t>Lattrop kern</t>
  </si>
  <si>
    <t>buurt_gegeneraliseerd_2021.8847dc26-baef-46d3-8e9e-5f7efd42a5d5</t>
  </si>
  <si>
    <t>BU17741198</t>
  </si>
  <si>
    <t>2021BU17741198</t>
  </si>
  <si>
    <t>Verspreide huizen Breklenkamp</t>
  </si>
  <si>
    <t>buurt_gegeneraliseerd_2021.f4dbe99c-ba73-46f3-82a0-3f350a0ae0bb</t>
  </si>
  <si>
    <t>BU17741199</t>
  </si>
  <si>
    <t>2021BU17741199</t>
  </si>
  <si>
    <t>Verspreide huizen Lattrop</t>
  </si>
  <si>
    <t>buurt_gegeneraliseerd_2021.c15c5de8-6ac6-4730-a1c9-b0ec44d136aa</t>
  </si>
  <si>
    <t>BU17741210</t>
  </si>
  <si>
    <t>2021BU17741210</t>
  </si>
  <si>
    <t>Tilligte kern</t>
  </si>
  <si>
    <t>buurt_gegeneraliseerd_2021.8c4c0fe8-cf2d-4e6d-8299-c51a5b4d38be</t>
  </si>
  <si>
    <t>BU17741299</t>
  </si>
  <si>
    <t>2021BU17741299</t>
  </si>
  <si>
    <t>Verspreide huizen Tilligte</t>
  </si>
  <si>
    <t>buurt_gegeneraliseerd_2021.c73f20b9-bee2-491f-9f50-95ff6e067c6a</t>
  </si>
  <si>
    <t>BU17741398</t>
  </si>
  <si>
    <t>2021BU17741398</t>
  </si>
  <si>
    <t>Verspreide huizen Groot Agelo</t>
  </si>
  <si>
    <t>buurt_gegeneraliseerd_2021.008e7202-a448-4231-9783-ef1acb849fba</t>
  </si>
  <si>
    <t>BU17741399</t>
  </si>
  <si>
    <t>2021BU17741399</t>
  </si>
  <si>
    <t>Verspreide huizen Klein Agelo</t>
  </si>
  <si>
    <t>buurt_gegeneraliseerd_2021.c1ae875e-9c23-4845-a06b-b1ffb8b9733f</t>
  </si>
  <si>
    <t>BU17741410</t>
  </si>
  <si>
    <t>2021BU17741410</t>
  </si>
  <si>
    <t>Noord Deurningen kern</t>
  </si>
  <si>
    <t>buurt_gegeneraliseerd_2021.8b2a20b1-008d-429d-a773-6cadf24ab27b</t>
  </si>
  <si>
    <t>BU17741499</t>
  </si>
  <si>
    <t>2021BU17741499</t>
  </si>
  <si>
    <t>Verspreide huizen Noord Deurningen</t>
  </si>
  <si>
    <t>buurt_gegeneraliseerd_2021.d03f05f9-fcdd-46b8-9ca5-fc69f48cb648</t>
  </si>
  <si>
    <t>BU17741510</t>
  </si>
  <si>
    <t>2021BU17741510</t>
  </si>
  <si>
    <t>Ootmarsum Kern</t>
  </si>
  <si>
    <t>buurt_gegeneraliseerd_2021.3c552609-1c71-4719-8793-f9ab7ad4253e</t>
  </si>
  <si>
    <t>BU17741511</t>
  </si>
  <si>
    <t>2021BU17741511</t>
  </si>
  <si>
    <t>Ootmarsum Randkern</t>
  </si>
  <si>
    <t>buurt_gegeneraliseerd_2021.3da5b70d-7795-473f-81bd-c9cb73f63827</t>
  </si>
  <si>
    <t>BU17741512</t>
  </si>
  <si>
    <t>2021BU17741512</t>
  </si>
  <si>
    <t>Ootmarsum villapark Stobbenkamp</t>
  </si>
  <si>
    <t>buurt_gegeneraliseerd_2021.b2dcbdb5-85c1-4d3f-8c9a-de24c02510b3</t>
  </si>
  <si>
    <t>BU17741513</t>
  </si>
  <si>
    <t>2021BU17741513</t>
  </si>
  <si>
    <t>Ootmarsum Cellenkamp Palthenkamp</t>
  </si>
  <si>
    <t>buurt_gegeneraliseerd_2021.486a06a7-d4f8-4b3f-b83f-6cb511ed34dc</t>
  </si>
  <si>
    <t>BU17741514</t>
  </si>
  <si>
    <t>2021BU17741514</t>
  </si>
  <si>
    <t>Moerbekkenkamp</t>
  </si>
  <si>
    <t>buurt_gegeneraliseerd_2021.80231b11-66c2-4107-ae8e-e3414a5019f1</t>
  </si>
  <si>
    <t>BU17741515</t>
  </si>
  <si>
    <t>2021BU17741515</t>
  </si>
  <si>
    <t>Wildehof</t>
  </si>
  <si>
    <t>buurt_gegeneraliseerd_2021.9672791b-316d-4406-aabf-60250615a334</t>
  </si>
  <si>
    <t>BU17741516</t>
  </si>
  <si>
    <t>2021BU17741516</t>
  </si>
  <si>
    <t>Vinke-Brookhuis</t>
  </si>
  <si>
    <t>buurt_gegeneraliseerd_2021.a8373900-2d80-48f8-86ab-db76f4a1c94b</t>
  </si>
  <si>
    <t>BU17741550</t>
  </si>
  <si>
    <t>2021BU17741550</t>
  </si>
  <si>
    <t>De Mors</t>
  </si>
  <si>
    <t>buurt_gegeneraliseerd_2021.519c67d3-af5b-4b0c-89b1-eb89d0377823</t>
  </si>
  <si>
    <t>BU17741598</t>
  </si>
  <si>
    <t>2021BU17741598</t>
  </si>
  <si>
    <t>Verspreide huizen Ootmarsum-Oost</t>
  </si>
  <si>
    <t>buurt_gegeneraliseerd_2021.2934cfea-1cd6-4825-b7ed-a346d7886bbc</t>
  </si>
  <si>
    <t>BU17741599</t>
  </si>
  <si>
    <t>2021BU17741599</t>
  </si>
  <si>
    <t>Buitengebied Ootmarsum-West</t>
  </si>
  <si>
    <t>buurt_gegeneraliseerd_2021.0a2479aa-163f-43e8-9a77-6b8f699314d8</t>
  </si>
  <si>
    <t>BU17741610</t>
  </si>
  <si>
    <t>2021BU17741610</t>
  </si>
  <si>
    <t>Weerselo</t>
  </si>
  <si>
    <t>buurt_gegeneraliseerd_2021.6936ecfa-8fbd-4889-b145-9295fcdd6281</t>
  </si>
  <si>
    <t>BU17741611</t>
  </si>
  <si>
    <t>2021BU17741611</t>
  </si>
  <si>
    <t>Eertman</t>
  </si>
  <si>
    <t>buurt_gegeneraliseerd_2021.a5b7bc4b-c9f6-4ed8-8acd-f3d2c783bfd0</t>
  </si>
  <si>
    <t>BU17741612</t>
  </si>
  <si>
    <t>2021BU17741612</t>
  </si>
  <si>
    <t>Reestman</t>
  </si>
  <si>
    <t>buurt_gegeneraliseerd_2021.54d9dde8-316c-4c27-918b-9a024ed82fa6</t>
  </si>
  <si>
    <t>BU17741613</t>
  </si>
  <si>
    <t>2021BU17741613</t>
  </si>
  <si>
    <t>'t Stift</t>
  </si>
  <si>
    <t>buurt_gegeneraliseerd_2021.203793ef-0888-4a78-8273-fe73fb0a6abb</t>
  </si>
  <si>
    <t>BU17741614</t>
  </si>
  <si>
    <t>2021BU17741614</t>
  </si>
  <si>
    <t>'t Spikkert</t>
  </si>
  <si>
    <t>buurt_gegeneraliseerd_2021.4526c349-05fc-4217-a7f8-66643a06f50a</t>
  </si>
  <si>
    <t>BU17741650</t>
  </si>
  <si>
    <t>2021BU17741650</t>
  </si>
  <si>
    <t>Echelpoel</t>
  </si>
  <si>
    <t>buurt_gegeneraliseerd_2021.004bac22-88e6-4a16-b1e5-4bb3f8376d19</t>
  </si>
  <si>
    <t>BU17741699</t>
  </si>
  <si>
    <t>2021BU17741699</t>
  </si>
  <si>
    <t>Verspreide huizen Weerselo</t>
  </si>
  <si>
    <t>buurt_gegeneraliseerd_2021.fbc0d832-e1ec-4d79-b344-43c9f7d98311</t>
  </si>
  <si>
    <t>BU17741710</t>
  </si>
  <si>
    <t>2021BU17741710</t>
  </si>
  <si>
    <t>buurt_gegeneraliseerd_2021.4eaafe36-d25b-4f9a-b945-3d347195bf2a</t>
  </si>
  <si>
    <t>BU17741799</t>
  </si>
  <si>
    <t>2021BU17741799</t>
  </si>
  <si>
    <t>Verspreide huizen Rossum</t>
  </si>
  <si>
    <t>buurt_gegeneraliseerd_2021.7249b5ab-8f35-4433-bea1-c199310a1bc4</t>
  </si>
  <si>
    <t>BU17741810</t>
  </si>
  <si>
    <t>2021BU17741810</t>
  </si>
  <si>
    <t>Saasveld</t>
  </si>
  <si>
    <t>buurt_gegeneraliseerd_2021.bb13e9b8-dc63-41e3-b7b7-e9f455448ab1</t>
  </si>
  <si>
    <t>BU17741899</t>
  </si>
  <si>
    <t>2021BU17741899</t>
  </si>
  <si>
    <t>Verspreide huizen Saasveld</t>
  </si>
  <si>
    <t>buurt_gegeneraliseerd_2021.942c2489-3dd5-45e7-9a86-b560beec2b6a</t>
  </si>
  <si>
    <t>BU17741910</t>
  </si>
  <si>
    <t>2021BU17741910</t>
  </si>
  <si>
    <t>Kern Deurningen</t>
  </si>
  <si>
    <t>buurt_gegeneraliseerd_2021.651fd961-64cf-45fc-abe1-8d0fbd843645</t>
  </si>
  <si>
    <t>BU17741999</t>
  </si>
  <si>
    <t>2021BU17741999</t>
  </si>
  <si>
    <t>Verspreide huizen Deurningen</t>
  </si>
  <si>
    <t>buurt_gegeneraliseerd_2021.8f732cf8-eae7-4b57-bd70-c1ab5d321b10</t>
  </si>
  <si>
    <t>BU17742099</t>
  </si>
  <si>
    <t>2021BU17742099</t>
  </si>
  <si>
    <t>Verspreide huizen Nutter</t>
  </si>
  <si>
    <t>buurt_gegeneraliseerd_2021.15ad2c89-a7c8-44fd-8ccc-1bad99157d7e</t>
  </si>
  <si>
    <t>BU17742199</t>
  </si>
  <si>
    <t>2021BU17742199</t>
  </si>
  <si>
    <t>Verspreide huizen Oud Ootmarsum</t>
  </si>
  <si>
    <t>buurt_gegeneraliseerd_2021.0029b310-0a11-4301-bb87-40a888acf526</t>
  </si>
  <si>
    <t>BU17830101</t>
  </si>
  <si>
    <t>2021BU17830101</t>
  </si>
  <si>
    <t>Naaldwijk Centrumgebied</t>
  </si>
  <si>
    <t>GM1783</t>
  </si>
  <si>
    <t>buurt_gegeneraliseerd_2021.7f5a8124-09e1-42b3-b066-1a88d4d6b056</t>
  </si>
  <si>
    <t>BU17830103</t>
  </si>
  <si>
    <t>2021BU17830103</t>
  </si>
  <si>
    <t>Opstal</t>
  </si>
  <si>
    <t>buurt_gegeneraliseerd_2021.63d2d55d-9274-4b87-be81-452160fea877</t>
  </si>
  <si>
    <t>BU17830105</t>
  </si>
  <si>
    <t>2021BU17830105</t>
  </si>
  <si>
    <t>Geestcomplex</t>
  </si>
  <si>
    <t>buurt_gegeneraliseerd_2021.e01bd0d6-0b4a-4595-9a05-ee2a6997d59e</t>
  </si>
  <si>
    <t>BU17830111</t>
  </si>
  <si>
    <t>2021BU17830111</t>
  </si>
  <si>
    <t>Kruisbroek</t>
  </si>
  <si>
    <t>buurt_gegeneraliseerd_2021.e72c5534-ca76-46c3-8f0f-5cfc2885f95c</t>
  </si>
  <si>
    <t>BU17830113</t>
  </si>
  <si>
    <t>2021BU17830113</t>
  </si>
  <si>
    <t>Pijletuinen</t>
  </si>
  <si>
    <t>buurt_gegeneraliseerd_2021.b0c68133-b081-42b3-a435-ab8547fe99ef</t>
  </si>
  <si>
    <t>BU17830154</t>
  </si>
  <si>
    <t>2021BU17830154</t>
  </si>
  <si>
    <t>Buitengebied Naaldwijk</t>
  </si>
  <si>
    <t>buurt_gegeneraliseerd_2021.54129932-8639-4997-8eae-ce674a413893</t>
  </si>
  <si>
    <t>BU17830155</t>
  </si>
  <si>
    <t>2021BU17830155</t>
  </si>
  <si>
    <t>Bedrijventerrein De Woerd</t>
  </si>
  <si>
    <t>buurt_gegeneraliseerd_2021.8a9f54ba-274f-43c3-b7a3-fd926f6f5f72</t>
  </si>
  <si>
    <t>BU17830157</t>
  </si>
  <si>
    <t>2021BU17830157</t>
  </si>
  <si>
    <t>Hoge Bomen</t>
  </si>
  <si>
    <t>buurt_gegeneraliseerd_2021.2c8b9157-da07-49e6-88dd-16c40cd8679f</t>
  </si>
  <si>
    <t>BU17830159</t>
  </si>
  <si>
    <t>2021BU17830159</t>
  </si>
  <si>
    <t>Hoogeland Oost</t>
  </si>
  <si>
    <t>buurt_gegeneraliseerd_2021.6bd4e847-d896-4080-8354-3129a2de5bf2</t>
  </si>
  <si>
    <t>BU17830160</t>
  </si>
  <si>
    <t>2021BU17830160</t>
  </si>
  <si>
    <t>Hoogeland West</t>
  </si>
  <si>
    <t>buurt_gegeneraliseerd_2021.37a9463b-0564-436f-9657-915917d7f7d4</t>
  </si>
  <si>
    <t>BU17830161</t>
  </si>
  <si>
    <t>2021BU17830161</t>
  </si>
  <si>
    <t>Woerdblok</t>
  </si>
  <si>
    <t>buurt_gegeneraliseerd_2021.cae2e01d-3c2f-4e87-834c-f3f38039cb77</t>
  </si>
  <si>
    <t>BU17830201</t>
  </si>
  <si>
    <t>2021BU17830201</t>
  </si>
  <si>
    <t>Honselersdijk centrum</t>
  </si>
  <si>
    <t>buurt_gegeneraliseerd_2021.793cd45f-8f28-4b74-a587-37eef890b590</t>
  </si>
  <si>
    <t>BU17830207</t>
  </si>
  <si>
    <t>2021BU17830207</t>
  </si>
  <si>
    <t>buurt_gegeneraliseerd_2021.1db069af-67ed-4bb8-b1ee-6ae868210fbd</t>
  </si>
  <si>
    <t>BU17830211</t>
  </si>
  <si>
    <t>2021BU17830211</t>
  </si>
  <si>
    <t>buurt_gegeneraliseerd_2021.2ff3f7c0-cdd1-4e55-9f03-ac9984b010f1</t>
  </si>
  <si>
    <t>BU17830251</t>
  </si>
  <si>
    <t>2021BU17830251</t>
  </si>
  <si>
    <t>Bedrijventerrein Honsel</t>
  </si>
  <si>
    <t>buurt_gegeneraliseerd_2021.eb2e7835-47a0-451a-b25a-651d64a99296</t>
  </si>
  <si>
    <t>BU17830253</t>
  </si>
  <si>
    <t>2021BU17830253</t>
  </si>
  <si>
    <t>Achter de Dijk</t>
  </si>
  <si>
    <t>buurt_gegeneraliseerd_2021.7a0ce204-3f72-4561-a0fc-9df02194bd83</t>
  </si>
  <si>
    <t>BU17830256</t>
  </si>
  <si>
    <t>2021BU17830256</t>
  </si>
  <si>
    <t>Bedrijventerrein Bloemenveiling</t>
  </si>
  <si>
    <t>buurt_gegeneraliseerd_2021.157fc260-8fc1-45d4-823b-e08379f97adc</t>
  </si>
  <si>
    <t>BU17830257</t>
  </si>
  <si>
    <t>2021BU17830257</t>
  </si>
  <si>
    <t>Buitengebied Honselersdijk</t>
  </si>
  <si>
    <t>buurt_gegeneraliseerd_2021.eb47ede2-b03f-4c23-9d53-2b76387b4362</t>
  </si>
  <si>
    <t>BU17830301</t>
  </si>
  <si>
    <t>2021BU17830301</t>
  </si>
  <si>
    <t>Woonkern maasdijk</t>
  </si>
  <si>
    <t>buurt_gegeneraliseerd_2021.c26c8593-27eb-4937-b53b-5ed268c0be19</t>
  </si>
  <si>
    <t>BU17830306</t>
  </si>
  <si>
    <t>2021BU17830306</t>
  </si>
  <si>
    <t>Bedrijventerrein De Hoeven</t>
  </si>
  <si>
    <t>buurt_gegeneraliseerd_2021.7e0a2a2a-de99-4325-9558-c0c98624b3ec</t>
  </si>
  <si>
    <t>BU17830351</t>
  </si>
  <si>
    <t>2021BU17830351</t>
  </si>
  <si>
    <t>Bedrijventerrein Honderland &amp; Coldenhove</t>
  </si>
  <si>
    <t>buurt_gegeneraliseerd_2021.fbc3dd4a-f695-4935-b2d8-2d2474493f8e</t>
  </si>
  <si>
    <t>BU17830352</t>
  </si>
  <si>
    <t>2021BU17830352</t>
  </si>
  <si>
    <t>Buitengebied Maasdijk</t>
  </si>
  <si>
    <t>buurt_gegeneraliseerd_2021.b0c1ef1d-016b-410e-831f-6767bfd327c9</t>
  </si>
  <si>
    <t>BU17830401</t>
  </si>
  <si>
    <t>2021BU17830401</t>
  </si>
  <si>
    <t>centrumgebied 's-Gravenzande</t>
  </si>
  <si>
    <t>buurt_gegeneraliseerd_2021.3a8d8aca-a271-4c2c-9701-701441ed02eb</t>
  </si>
  <si>
    <t>BU17830402</t>
  </si>
  <si>
    <t>2021BU17830402</t>
  </si>
  <si>
    <t>Zandevelt</t>
  </si>
  <si>
    <t>buurt_gegeneraliseerd_2021.e0b53a62-e3db-475e-8365-d89bb97e86ae</t>
  </si>
  <si>
    <t>BU17830403</t>
  </si>
  <si>
    <t>2021BU17830403</t>
  </si>
  <si>
    <t>V/d kasteelewijk</t>
  </si>
  <si>
    <t>buurt_gegeneraliseerd_2021.235d8124-2f0b-422f-bbac-22c408b571de</t>
  </si>
  <si>
    <t>BU17830404</t>
  </si>
  <si>
    <t>2021BU17830404</t>
  </si>
  <si>
    <t>Oudeland</t>
  </si>
  <si>
    <t>buurt_gegeneraliseerd_2021.8c666789-9bc1-4314-ada3-85ca5b90ecc4</t>
  </si>
  <si>
    <t>BU17830405</t>
  </si>
  <si>
    <t>2021BU17830405</t>
  </si>
  <si>
    <t>buurt_gegeneraliseerd_2021.21e9f7a0-57ad-450c-863f-c1e8405c366b</t>
  </si>
  <si>
    <t>BU17830406</t>
  </si>
  <si>
    <t>2021BU17830406</t>
  </si>
  <si>
    <t>Vreeburgh</t>
  </si>
  <si>
    <t>buurt_gegeneraliseerd_2021.1b145010-7316-4ea3-95d2-f8244f883b3d</t>
  </si>
  <si>
    <t>BU17830407</t>
  </si>
  <si>
    <t>2021BU17830407</t>
  </si>
  <si>
    <t>Dorp oost</t>
  </si>
  <si>
    <t>buurt_gegeneraliseerd_2021.b55caad3-771b-4a53-a0b3-da5f4f1e3861</t>
  </si>
  <si>
    <t>BU17830408</t>
  </si>
  <si>
    <t>2021BU17830408</t>
  </si>
  <si>
    <t>Nieuwe Vaart</t>
  </si>
  <si>
    <t>buurt_gegeneraliseerd_2021.e4139f85-218d-4c5b-9eae-abf6109e9b83</t>
  </si>
  <si>
    <t>BU17830409</t>
  </si>
  <si>
    <t>2021BU17830409</t>
  </si>
  <si>
    <t>Bedrijventerrein Teylingen</t>
  </si>
  <si>
    <t>buurt_gegeneraliseerd_2021.c3370dbd-de48-4b32-86ef-9417fce18926</t>
  </si>
  <si>
    <t>BU17830410</t>
  </si>
  <si>
    <t>2021BU17830410</t>
  </si>
  <si>
    <t>Heenweg</t>
  </si>
  <si>
    <t>buurt_gegeneraliseerd_2021.3b1f0c27-8cf3-4212-9f92-0d0e36693c06</t>
  </si>
  <si>
    <t>BU17830420</t>
  </si>
  <si>
    <t>2021BU17830420</t>
  </si>
  <si>
    <t>'s-Gravenzande Buitengebied</t>
  </si>
  <si>
    <t>buurt_gegeneraliseerd_2021.5e5c48ef-da6c-4aa2-9665-223dd2abf531</t>
  </si>
  <si>
    <t>BU17830421</t>
  </si>
  <si>
    <t>2021BU17830421</t>
  </si>
  <si>
    <t>Kust 's-Gravenzande</t>
  </si>
  <si>
    <t>buurt_gegeneraliseerd_2021.9b30891b-0764-45ea-b8e0-09eede6d3b34</t>
  </si>
  <si>
    <t>BU17830480</t>
  </si>
  <si>
    <t>2021BU17830480</t>
  </si>
  <si>
    <t>Het Nieuwe water</t>
  </si>
  <si>
    <t>buurt_gegeneraliseerd_2021.ecd61688-68c9-4361-9600-a1d324fd5a35</t>
  </si>
  <si>
    <t>BU17830502</t>
  </si>
  <si>
    <t>2021BU17830502</t>
  </si>
  <si>
    <t>Monster Centrumgebied</t>
  </si>
  <si>
    <t>buurt_gegeneraliseerd_2021.b1770d80-7a19-4d5e-b05f-285b7afb8bd5</t>
  </si>
  <si>
    <t>BU17830504</t>
  </si>
  <si>
    <t>2021BU17830504</t>
  </si>
  <si>
    <t>Kleine Geest en Molenwijk</t>
  </si>
  <si>
    <t>buurt_gegeneraliseerd_2021.9b0003e7-355c-4aed-ba18-a8d478d465f5</t>
  </si>
  <si>
    <t>BU17830505</t>
  </si>
  <si>
    <t>2021BU17830505</t>
  </si>
  <si>
    <t>Zwartenhoek</t>
  </si>
  <si>
    <t>buurt_gegeneraliseerd_2021.8f3ece60-c7f5-4453-9db2-7045461f36aa</t>
  </si>
  <si>
    <t>BU17830506</t>
  </si>
  <si>
    <t>2021BU17830506</t>
  </si>
  <si>
    <t>Grote Geest en Molenwijk</t>
  </si>
  <si>
    <t>buurt_gegeneraliseerd_2021.9d141357-ade2-45c4-81d2-33cd95efd705</t>
  </si>
  <si>
    <t>BU17830507</t>
  </si>
  <si>
    <t>2021BU17830507</t>
  </si>
  <si>
    <t>buurt_gegeneraliseerd_2021.6b78a8c7-54fc-4a9b-aee5-13b442d8fb3f</t>
  </si>
  <si>
    <t>BU17830508</t>
  </si>
  <si>
    <t>2021BU17830508</t>
  </si>
  <si>
    <t>Westlandse Zoom De Duinen</t>
  </si>
  <si>
    <t>buurt_gegeneraliseerd_2021.c89525a0-415c-40aa-a86b-15094bfb66c2</t>
  </si>
  <si>
    <t>BU17830509</t>
  </si>
  <si>
    <t>2021BU17830509</t>
  </si>
  <si>
    <t>Buitengebied Monster</t>
  </si>
  <si>
    <t>buurt_gegeneraliseerd_2021.bd8d09a2-2e75-4e43-bed4-eaade2bf7d0b</t>
  </si>
  <si>
    <t>BU17830510</t>
  </si>
  <si>
    <t>2021BU17830510</t>
  </si>
  <si>
    <t>Westerhonk</t>
  </si>
  <si>
    <t>buurt_gegeneraliseerd_2021.d632b76c-d681-4d45-83be-25e4300cbe5e</t>
  </si>
  <si>
    <t>BU17830511</t>
  </si>
  <si>
    <t>2021BU17830511</t>
  </si>
  <si>
    <t>Bedrijventerrein Vlotlaan</t>
  </si>
  <si>
    <t>buurt_gegeneraliseerd_2021.fc4c69c0-00e4-4c96-aace-8e2049b8f9ae</t>
  </si>
  <si>
    <t>BU17830521</t>
  </si>
  <si>
    <t>2021BU17830521</t>
  </si>
  <si>
    <t>Kust Monster</t>
  </si>
  <si>
    <t>buurt_gegeneraliseerd_2021.648c55f7-a25f-49be-aa84-74a587162c21</t>
  </si>
  <si>
    <t>BU17830601</t>
  </si>
  <si>
    <t>2021BU17830601</t>
  </si>
  <si>
    <t>Kwintsheul-Oost</t>
  </si>
  <si>
    <t>buurt_gegeneraliseerd_2021.48cd3408-8d59-43ff-bfd1-5e3bae2348e6</t>
  </si>
  <si>
    <t>BU17830602</t>
  </si>
  <si>
    <t>2021BU17830602</t>
  </si>
  <si>
    <t>Plan Zuid</t>
  </si>
  <si>
    <t>buurt_gegeneraliseerd_2021.eebe85a1-e7d1-438b-b3d4-dd691d19396d</t>
  </si>
  <si>
    <t>BU17830606</t>
  </si>
  <si>
    <t>2021BU17830606</t>
  </si>
  <si>
    <t>Hofwijk en Oranjehof</t>
  </si>
  <si>
    <t>buurt_gegeneraliseerd_2021.c2709fb3-2dcf-4015-b155-a2bd787a3f19</t>
  </si>
  <si>
    <t>BU17830607</t>
  </si>
  <si>
    <t>2021BU17830607</t>
  </si>
  <si>
    <t>Wateringen Noord en Ambachtshof</t>
  </si>
  <si>
    <t>buurt_gegeneraliseerd_2021.3f0803f5-4578-4144-a5a6-8c56b4aec1b8</t>
  </si>
  <si>
    <t>BU17830608</t>
  </si>
  <si>
    <t>2021BU17830608</t>
  </si>
  <si>
    <t>Suydervelt</t>
  </si>
  <si>
    <t>buurt_gegeneraliseerd_2021.21a65cf8-923d-46cd-a3fd-728e030034f4</t>
  </si>
  <si>
    <t>BU17830609</t>
  </si>
  <si>
    <t>2021BU17830609</t>
  </si>
  <si>
    <t>Buitengebied wateringen</t>
  </si>
  <si>
    <t>buurt_gegeneraliseerd_2021.a12578ec-44a3-4936-86f4-cfb92db6150a</t>
  </si>
  <si>
    <t>BU17830610</t>
  </si>
  <si>
    <t>2021BU17830610</t>
  </si>
  <si>
    <t>Vliettuinen</t>
  </si>
  <si>
    <t>buurt_gegeneraliseerd_2021.d77660cc-c4ab-4b3e-8154-2f101373f23e</t>
  </si>
  <si>
    <t>BU17830611</t>
  </si>
  <si>
    <t>2021BU17830611</t>
  </si>
  <si>
    <t>Essellanden</t>
  </si>
  <si>
    <t>buurt_gegeneraliseerd_2021.9c280bb3-d182-4d66-aeba-8b21006768a7</t>
  </si>
  <si>
    <t>BU17830612</t>
  </si>
  <si>
    <t>2021BU17830612</t>
  </si>
  <si>
    <t>Bedrijventerrein Wateringen</t>
  </si>
  <si>
    <t>buurt_gegeneraliseerd_2021.ce363a9c-975f-4545-9208-5e654cd0243d</t>
  </si>
  <si>
    <t>BU17830701</t>
  </si>
  <si>
    <t>2021BU17830701</t>
  </si>
  <si>
    <t>Buitengebied De Lier</t>
  </si>
  <si>
    <t>buurt_gegeneraliseerd_2021.9873053b-c7af-4056-9621-cb5807f04ac2</t>
  </si>
  <si>
    <t>BU17830702</t>
  </si>
  <si>
    <t>2021BU17830702</t>
  </si>
  <si>
    <t>Bedrijventerrein Westerlee</t>
  </si>
  <si>
    <t>buurt_gegeneraliseerd_2021.2e6deeca-e75d-4ee8-8ef3-cbcaae6aa902</t>
  </si>
  <si>
    <t>BU17830703</t>
  </si>
  <si>
    <t>2021BU17830703</t>
  </si>
  <si>
    <t>De Lier Centrumgebied</t>
  </si>
  <si>
    <t>buurt_gegeneraliseerd_2021.ab7326b4-719f-4b1c-99ab-3dbc53e7843a</t>
  </si>
  <si>
    <t>BU17830710</t>
  </si>
  <si>
    <t>2021BU17830710</t>
  </si>
  <si>
    <t>De Lier West</t>
  </si>
  <si>
    <t>buurt_gegeneraliseerd_2021.3e50eb5e-cf71-4a2f-a84b-6ac648188274</t>
  </si>
  <si>
    <t>BU17830711</t>
  </si>
  <si>
    <t>2021BU17830711</t>
  </si>
  <si>
    <t>Sportpark de Zweth</t>
  </si>
  <si>
    <t>buurt_gegeneraliseerd_2021.0d3d9966-0f8b-4c49-998a-244af7b3a4fd</t>
  </si>
  <si>
    <t>BU17830712</t>
  </si>
  <si>
    <t>2021BU17830712</t>
  </si>
  <si>
    <t>Bleyenburg</t>
  </si>
  <si>
    <t>buurt_gegeneraliseerd_2021.f934eec8-80e7-4870-8b21-60ddac30f8a7</t>
  </si>
  <si>
    <t>BU17830713</t>
  </si>
  <si>
    <t>2021BU17830713</t>
  </si>
  <si>
    <t>Molensloot</t>
  </si>
  <si>
    <t>buurt_gegeneraliseerd_2021.b61308a1-12ad-40bd-b645-f844610c25af</t>
  </si>
  <si>
    <t>BU17830714</t>
  </si>
  <si>
    <t>2021BU17830714</t>
  </si>
  <si>
    <t>Zeehelden van Oranje</t>
  </si>
  <si>
    <t>buurt_gegeneraliseerd_2021.804c1ca2-f7c0-4a41-8b4b-2d88706a1ae5</t>
  </si>
  <si>
    <t>BU17830801</t>
  </si>
  <si>
    <t>2021BU17830801</t>
  </si>
  <si>
    <t>Kwintsheul Centrumgebied</t>
  </si>
  <si>
    <t>buurt_gegeneraliseerd_2021.5239aae1-49cb-4207-9374-2f9a5aae7783</t>
  </si>
  <si>
    <t>BU17830802</t>
  </si>
  <si>
    <t>2021BU17830802</t>
  </si>
  <si>
    <t>Bedrijventerrein Bovendijk</t>
  </si>
  <si>
    <t>buurt_gegeneraliseerd_2021.7df2b792-c449-4719-9052-c3720f1571fc</t>
  </si>
  <si>
    <t>BU17830803</t>
  </si>
  <si>
    <t>2021BU17830803</t>
  </si>
  <si>
    <t>Buitengebied Kwintsheul</t>
  </si>
  <si>
    <t>buurt_gegeneraliseerd_2021.28a4b540-73cf-4a6f-ab53-20f50b353c03</t>
  </si>
  <si>
    <t>BU17830900</t>
  </si>
  <si>
    <t>2021BU17830900</t>
  </si>
  <si>
    <t>Buitengebied Poelldijk-Oost</t>
  </si>
  <si>
    <t>buurt_gegeneraliseerd_2021.90c664c2-c1f5-482a-9c79-49b92ce1b92c</t>
  </si>
  <si>
    <t>BU17830901</t>
  </si>
  <si>
    <t>2021BU17830901</t>
  </si>
  <si>
    <t>Poeldijk Centrumgebied</t>
  </si>
  <si>
    <t>buurt_gegeneraliseerd_2021.644a6412-4c5e-49a2-bbf6-2620bb5cbda0</t>
  </si>
  <si>
    <t>BU17830902</t>
  </si>
  <si>
    <t>2021BU17830902</t>
  </si>
  <si>
    <t>Poeldijk Noord</t>
  </si>
  <si>
    <t>buurt_gegeneraliseerd_2021.4eb8abeb-b42e-4406-9e35-ad505d734f99</t>
  </si>
  <si>
    <t>BU17830903</t>
  </si>
  <si>
    <t>2021BU17830903</t>
  </si>
  <si>
    <t>Westhof en Dijkpolder</t>
  </si>
  <si>
    <t>buurt_gegeneraliseerd_2021.4c7a14dc-5e9f-4712-8998-f2598d0c48e7</t>
  </si>
  <si>
    <t>BU17830904</t>
  </si>
  <si>
    <t>2021BU17830904</t>
  </si>
  <si>
    <t>Bedrijventerrein ABC Westland</t>
  </si>
  <si>
    <t>buurt_gegeneraliseerd_2021.a9dc3ac3-e153-4fa5-b5ea-3d20c54722c7</t>
  </si>
  <si>
    <t>BU17830905</t>
  </si>
  <si>
    <t>2021BU17830905</t>
  </si>
  <si>
    <t>Bedrijventerrein Mercurius</t>
  </si>
  <si>
    <t>buurt_gegeneraliseerd_2021.8d4202cf-aa20-4082-a60d-91e1fe4d9271</t>
  </si>
  <si>
    <t>BU17830966</t>
  </si>
  <si>
    <t>2021BU17830966</t>
  </si>
  <si>
    <t>Buitengebied Poeldijk-West</t>
  </si>
  <si>
    <t>buurt_gegeneraliseerd_2021.22452956-f8ce-4538-948c-3dd80035a0d8</t>
  </si>
  <si>
    <t>BU17831001</t>
  </si>
  <si>
    <t>2021BU17831001</t>
  </si>
  <si>
    <t>Ter Heijde</t>
  </si>
  <si>
    <t>buurt_gegeneraliseerd_2021.26710ac3-ed21-4fbd-92f0-ddae26ddea9d</t>
  </si>
  <si>
    <t>BU18420000</t>
  </si>
  <si>
    <t>2021BU18420000</t>
  </si>
  <si>
    <t>Schipluiden</t>
  </si>
  <si>
    <t>GM1842</t>
  </si>
  <si>
    <t>buurt_gegeneraliseerd_2021.a67d5f45-5446-49d9-8d89-ba1ebc24aff3</t>
  </si>
  <si>
    <t>BU18420001</t>
  </si>
  <si>
    <t>2021BU18420001</t>
  </si>
  <si>
    <t>buurt_gegeneraliseerd_2021.e5b88ba7-1941-4de5-ad09-3edca518b551</t>
  </si>
  <si>
    <t>BU18420002</t>
  </si>
  <si>
    <t>2021BU18420002</t>
  </si>
  <si>
    <t>Hodenpijl</t>
  </si>
  <si>
    <t>buurt_gegeneraliseerd_2021.fe71ab3c-9e5e-464e-bd0e-51c24e79f363</t>
  </si>
  <si>
    <t>BU18420004</t>
  </si>
  <si>
    <t>2021BU18420004</t>
  </si>
  <si>
    <t>Gaag-Schipluiden</t>
  </si>
  <si>
    <t>buurt_gegeneraliseerd_2021.ef6a7f26-405f-48a0-b9b5-bf853f3cc82a</t>
  </si>
  <si>
    <t>BU18420005</t>
  </si>
  <si>
    <t>2021BU18420005</t>
  </si>
  <si>
    <t>Negenhuizen en Zouteveen</t>
  </si>
  <si>
    <t>buurt_gegeneraliseerd_2021.740e8448-7f25-4e31-8e8e-81f73fbd1190</t>
  </si>
  <si>
    <t>BU18420007</t>
  </si>
  <si>
    <t>2021BU18420007</t>
  </si>
  <si>
    <t>'t Woudt</t>
  </si>
  <si>
    <t>buurt_gegeneraliseerd_2021.918c1fe6-2152-40c9-8887-13662302c05e</t>
  </si>
  <si>
    <t>BU18420009</t>
  </si>
  <si>
    <t>2021BU18420009</t>
  </si>
  <si>
    <t>Verspreide huizen Schipluiden</t>
  </si>
  <si>
    <t>buurt_gegeneraliseerd_2021.1b5b81b6-1f2d-42be-8e31-cb229fee4ea6</t>
  </si>
  <si>
    <t>BU18420100</t>
  </si>
  <si>
    <t>2021BU18420100</t>
  </si>
  <si>
    <t>Maasland</t>
  </si>
  <si>
    <t>buurt_gegeneraliseerd_2021.3e469138-e458-45ee-a62f-2a8eafbbb53e</t>
  </si>
  <si>
    <t>BU18420101</t>
  </si>
  <si>
    <t>2021BU18420101</t>
  </si>
  <si>
    <t>Ter Lucht</t>
  </si>
  <si>
    <t>buurt_gegeneraliseerd_2021.683722ae-793d-4cb4-88f5-4292b73ef999</t>
  </si>
  <si>
    <t>BU18420103</t>
  </si>
  <si>
    <t>2021BU18420103</t>
  </si>
  <si>
    <t>Gaag-Maasland</t>
  </si>
  <si>
    <t>buurt_gegeneraliseerd_2021.2c0a3ad0-c8e4-4d65-a915-3272b5dd6c1c</t>
  </si>
  <si>
    <t>BU18420106</t>
  </si>
  <si>
    <t>2021BU18420106</t>
  </si>
  <si>
    <t>Dijkpolder</t>
  </si>
  <si>
    <t>buurt_gegeneraliseerd_2021.8697b762-e6b8-4ea1-80ad-81ce5ddb9ca6</t>
  </si>
  <si>
    <t>BU18420108</t>
  </si>
  <si>
    <t>2021BU18420108</t>
  </si>
  <si>
    <t>Verspreide huizen Dijkpolder</t>
  </si>
  <si>
    <t>buurt_gegeneraliseerd_2021.116a0fc1-cf6b-4324-b6ff-c4ae05d6f877</t>
  </si>
  <si>
    <t>BU18420109</t>
  </si>
  <si>
    <t>2021BU18420109</t>
  </si>
  <si>
    <t>Verspreide huizen Duifpolder en omgeving</t>
  </si>
  <si>
    <t>buurt_gegeneraliseerd_2021.b4bccbe0-462b-4742-a150-86507c2d38ba</t>
  </si>
  <si>
    <t>BU18760000</t>
  </si>
  <si>
    <t>2021BU18760000</t>
  </si>
  <si>
    <t>Hengelo</t>
  </si>
  <si>
    <t>GM1876</t>
  </si>
  <si>
    <t>buurt_gegeneraliseerd_2021.36d44050-63e4-4982-9768-cd2e0c2b8a66</t>
  </si>
  <si>
    <t>BU18760001</t>
  </si>
  <si>
    <t>2021BU18760001</t>
  </si>
  <si>
    <t>Keijenborg</t>
  </si>
  <si>
    <t>buurt_gegeneraliseerd_2021.00a97921-6301-46ec-bd66-8fa224d9bf0c</t>
  </si>
  <si>
    <t>BU18760002</t>
  </si>
  <si>
    <t>2021BU18760002</t>
  </si>
  <si>
    <t>Veldhoek</t>
  </si>
  <si>
    <t>buurt_gegeneraliseerd_2021.559a953a-b50c-4fe6-8a3c-3e0b94f7d8eb</t>
  </si>
  <si>
    <t>BU18760004</t>
  </si>
  <si>
    <t>2021BU18760004</t>
  </si>
  <si>
    <t>Verspreide huizen Keijenborg</t>
  </si>
  <si>
    <t>buurt_gegeneraliseerd_2021.d59f33e5-025a-40b5-a19c-d7071df5a831</t>
  </si>
  <si>
    <t>BU18760005</t>
  </si>
  <si>
    <t>2021BU18760005</t>
  </si>
  <si>
    <t>Verspreide huizen Dunsborg</t>
  </si>
  <si>
    <t>buurt_gegeneraliseerd_2021.f1cb2cc7-0f86-4164-bdef-f8b6ba6bdec7</t>
  </si>
  <si>
    <t>BU18760006</t>
  </si>
  <si>
    <t>2021BU18760006</t>
  </si>
  <si>
    <t>Verspreide huizen Hengelo en Noordink</t>
  </si>
  <si>
    <t>buurt_gegeneraliseerd_2021.798a1f9d-180a-48ee-9b1a-67b55a2f4156</t>
  </si>
  <si>
    <t>BU18760007</t>
  </si>
  <si>
    <t>2021BU18760007</t>
  </si>
  <si>
    <t>Verspreide huizen Bekveld en Gooi</t>
  </si>
  <si>
    <t>buurt_gegeneraliseerd_2021.a89efd2f-6e9a-4de3-a3c1-01713d916b3a</t>
  </si>
  <si>
    <t>BU18760008</t>
  </si>
  <si>
    <t>2021BU18760008</t>
  </si>
  <si>
    <t>Verspreide huizen Varssel</t>
  </si>
  <si>
    <t>buurt_gegeneraliseerd_2021.be67df3a-03c5-47ec-9e8c-143d5ece1bb2</t>
  </si>
  <si>
    <t>BU18760009</t>
  </si>
  <si>
    <t>2021BU18760009</t>
  </si>
  <si>
    <t>Verspreide huizen Zuidelijk bosgebied</t>
  </si>
  <si>
    <t>buurt_gegeneraliseerd_2021.dba1e368-22be-4fb6-b902-c0559e994efe</t>
  </si>
  <si>
    <t>BU18760100</t>
  </si>
  <si>
    <t>2021BU18760100</t>
  </si>
  <si>
    <t>Zelhem</t>
  </si>
  <si>
    <t>buurt_gegeneraliseerd_2021.0ca5eb8d-d6b1-4841-ab98-56fc2cb3d21b</t>
  </si>
  <si>
    <t>BU18760101</t>
  </si>
  <si>
    <t>2021BU18760101</t>
  </si>
  <si>
    <t>Halle</t>
  </si>
  <si>
    <t>buurt_gegeneraliseerd_2021.396ebd8f-4700-4c38-8092-fb841220610c</t>
  </si>
  <si>
    <t>BU18760102</t>
  </si>
  <si>
    <t>2021BU18760102</t>
  </si>
  <si>
    <t>Velswijk</t>
  </si>
  <si>
    <t>buurt_gegeneraliseerd_2021.3604ef36-a7f2-4067-bb28-fa640abc4cfd</t>
  </si>
  <si>
    <t>BU18760103</t>
  </si>
  <si>
    <t>2021BU18760103</t>
  </si>
  <si>
    <t>Verspreide huizen Zelhem</t>
  </si>
  <si>
    <t>buurt_gegeneraliseerd_2021.7ef87f76-a6a7-491f-b756-be1c0bd06c23</t>
  </si>
  <si>
    <t>BU18760104</t>
  </si>
  <si>
    <t>2021BU18760104</t>
  </si>
  <si>
    <t>Verspreide huizen Halle</t>
  </si>
  <si>
    <t>buurt_gegeneraliseerd_2021.3d4a9c0a-257a-46a2-bb0e-432d7985db5d</t>
  </si>
  <si>
    <t>BU18760105</t>
  </si>
  <si>
    <t>2021BU18760105</t>
  </si>
  <si>
    <t>Verspreide huizen Velswijk</t>
  </si>
  <si>
    <t>buurt_gegeneraliseerd_2021.73a82ccd-19ac-45b0-89af-03c1dcc5a3df</t>
  </si>
  <si>
    <t>BU18760200</t>
  </si>
  <si>
    <t>2021BU18760200</t>
  </si>
  <si>
    <t>Vorden</t>
  </si>
  <si>
    <t>buurt_gegeneraliseerd_2021.1ae74083-99d6-485b-9e7a-c7d2304eccfb</t>
  </si>
  <si>
    <t>BU18760201</t>
  </si>
  <si>
    <t>2021BU18760201</t>
  </si>
  <si>
    <t>buurt_gegeneraliseerd_2021.7c4ab368-5f4c-497b-a00e-05d332107ecd</t>
  </si>
  <si>
    <t>BU18760202</t>
  </si>
  <si>
    <t>2021BU18760202</t>
  </si>
  <si>
    <t>Wichmond</t>
  </si>
  <si>
    <t>buurt_gegeneraliseerd_2021.fb94da03-3c86-4dfb-8b80-74f79351407a</t>
  </si>
  <si>
    <t>BU18760203</t>
  </si>
  <si>
    <t>2021BU18760203</t>
  </si>
  <si>
    <t>Verspreide huizen Vierakker</t>
  </si>
  <si>
    <t>buurt_gegeneraliseerd_2021.8ada3e20-4bb7-4041-8f3d-c09670069601</t>
  </si>
  <si>
    <t>BU18760204</t>
  </si>
  <si>
    <t>2021BU18760204</t>
  </si>
  <si>
    <t>Verspreide huizen Wichmond</t>
  </si>
  <si>
    <t>buurt_gegeneraliseerd_2021.a1ddde27-4cfc-4b3e-a035-1d68f9c8fc44</t>
  </si>
  <si>
    <t>BU18760207</t>
  </si>
  <si>
    <t>2021BU18760207</t>
  </si>
  <si>
    <t>Verspreide huizen Linde, Mossel en Wildenborch</t>
  </si>
  <si>
    <t>buurt_gegeneraliseerd_2021.e87097f1-58a6-4606-ae3b-d776adff43e5</t>
  </si>
  <si>
    <t>BU18760208</t>
  </si>
  <si>
    <t>2021BU18760208</t>
  </si>
  <si>
    <t>Verspreide huizen Grote Veld</t>
  </si>
  <si>
    <t>buurt_gegeneraliseerd_2021.12e30e86-8fbf-4582-8662-dc84747e44df</t>
  </si>
  <si>
    <t>BU18760209</t>
  </si>
  <si>
    <t>2021BU18760209</t>
  </si>
  <si>
    <t>Verspreide huizen Delden en Veldwijk</t>
  </si>
  <si>
    <t>buurt_gegeneraliseerd_2021.169098fa-4030-4c94-b40f-91e1fd102a8d</t>
  </si>
  <si>
    <t>BU18760300</t>
  </si>
  <si>
    <t>2021BU18760300</t>
  </si>
  <si>
    <t>Steenderen</t>
  </si>
  <si>
    <t>buurt_gegeneraliseerd_2021.f9a310ec-c60c-429d-b0dc-4e9a90b3d31e</t>
  </si>
  <si>
    <t>BU18760301</t>
  </si>
  <si>
    <t>2021BU18760301</t>
  </si>
  <si>
    <t>Bronkhorst</t>
  </si>
  <si>
    <t>buurt_gegeneraliseerd_2021.503f3a24-3bd1-4c63-90be-2ae3d8ef95aa</t>
  </si>
  <si>
    <t>BU18760302</t>
  </si>
  <si>
    <t>2021BU18760302</t>
  </si>
  <si>
    <t>Baak</t>
  </si>
  <si>
    <t>buurt_gegeneraliseerd_2021.eb499e5d-46a1-4720-8139-f032aab81f37</t>
  </si>
  <si>
    <t>BU18760303</t>
  </si>
  <si>
    <t>2021BU18760303</t>
  </si>
  <si>
    <t>Olburgen</t>
  </si>
  <si>
    <t>buurt_gegeneraliseerd_2021.8cadb0a5-237c-4cfb-bcd0-6cb30c0fef47</t>
  </si>
  <si>
    <t>BU18760304</t>
  </si>
  <si>
    <t>2021BU18760304</t>
  </si>
  <si>
    <t>Rha</t>
  </si>
  <si>
    <t>buurt_gegeneraliseerd_2021.765f56bf-7578-4458-8b30-053fa2d2f6f0</t>
  </si>
  <si>
    <t>BU18760305</t>
  </si>
  <si>
    <t>2021BU18760305</t>
  </si>
  <si>
    <t>Toldijk</t>
  </si>
  <si>
    <t>buurt_gegeneraliseerd_2021.ebb94b3d-6ba1-42c6-aeec-970b688098dd</t>
  </si>
  <si>
    <t>BU18760306</t>
  </si>
  <si>
    <t>2021BU18760306</t>
  </si>
  <si>
    <t>Verspreide huizen Bakerwaard</t>
  </si>
  <si>
    <t>buurt_gegeneraliseerd_2021.cc189b37-6b3d-49f7-88f5-8afcd6b2b1a2</t>
  </si>
  <si>
    <t>BU18760307</t>
  </si>
  <si>
    <t>2021BU18760307</t>
  </si>
  <si>
    <t>Verspreide huizen Olburgen en Rha</t>
  </si>
  <si>
    <t>buurt_gegeneraliseerd_2021.14de3afc-52c2-4a31-9bed-a7e4c5fd9ad1</t>
  </si>
  <si>
    <t>BU18760308</t>
  </si>
  <si>
    <t>2021BU18760308</t>
  </si>
  <si>
    <t>Verspreide huizen Baak</t>
  </si>
  <si>
    <t>buurt_gegeneraliseerd_2021.ad42ed8a-6913-48d0-ab8d-0f8135a39f78</t>
  </si>
  <si>
    <t>BU18760309</t>
  </si>
  <si>
    <t>2021BU18760309</t>
  </si>
  <si>
    <t>Verspreide huizen Toldijk</t>
  </si>
  <si>
    <t>buurt_gegeneraliseerd_2021.0a0c78f3-7276-47c9-bdb2-8fba7e4d1feb</t>
  </si>
  <si>
    <t>BU18760310</t>
  </si>
  <si>
    <t>2021BU18760310</t>
  </si>
  <si>
    <t>Verspreide huizen Steenderen</t>
  </si>
  <si>
    <t>buurt_gegeneraliseerd_2021.96aeafc4-011a-4786-91d6-787bbfb3ee7b</t>
  </si>
  <si>
    <t>BU18760400</t>
  </si>
  <si>
    <t>2021BU18760400</t>
  </si>
  <si>
    <t>Hummelo</t>
  </si>
  <si>
    <t>buurt_gegeneraliseerd_2021.8d585694-5420-42ec-a535-290e1d2efeba</t>
  </si>
  <si>
    <t>BU18760401</t>
  </si>
  <si>
    <t>2021BU18760401</t>
  </si>
  <si>
    <t>Hoog-Keppel</t>
  </si>
  <si>
    <t>buurt_gegeneraliseerd_2021.12850081-1eb4-4e0d-8f11-d0d82ba97032</t>
  </si>
  <si>
    <t>BU18760402</t>
  </si>
  <si>
    <t>2021BU18760402</t>
  </si>
  <si>
    <t>Laag-Keppel</t>
  </si>
  <si>
    <t>buurt_gegeneraliseerd_2021.b1d224c1-ce3d-41b9-8428-1b2586697d27</t>
  </si>
  <si>
    <t>BU18760403</t>
  </si>
  <si>
    <t>2021BU18760403</t>
  </si>
  <si>
    <t>Drempt</t>
  </si>
  <si>
    <t>buurt_gegeneraliseerd_2021.c3cd337b-c0b4-4400-a328-6d2f26709116</t>
  </si>
  <si>
    <t>BU18760404</t>
  </si>
  <si>
    <t>2021BU18760404</t>
  </si>
  <si>
    <t>Achterdrempt</t>
  </si>
  <si>
    <t>buurt_gegeneraliseerd_2021.31b1381a-9704-45b4-b24e-6ebb864762c0</t>
  </si>
  <si>
    <t>BU18760405</t>
  </si>
  <si>
    <t>2021BU18760405</t>
  </si>
  <si>
    <t>Verspreide huizen ten noorden van Drempt</t>
  </si>
  <si>
    <t>buurt_gegeneraliseerd_2021.9ffeef09-9b8f-458d-a7ac-69f3e13826a8</t>
  </si>
  <si>
    <t>BU18760406</t>
  </si>
  <si>
    <t>2021BU18760406</t>
  </si>
  <si>
    <t>Verspreide huizen Hummelo</t>
  </si>
  <si>
    <t>buurt_gegeneraliseerd_2021.0913d723-e00f-4efd-a3f6-64c0a3bbc05b</t>
  </si>
  <si>
    <t>BU18760407</t>
  </si>
  <si>
    <t>2021BU18760407</t>
  </si>
  <si>
    <t>Verspreide huizen Hummelo-Broek</t>
  </si>
  <si>
    <t>buurt_gegeneraliseerd_2021.54205eed-8719-4ffe-9d17-2ba1064a3edf</t>
  </si>
  <si>
    <t>BU18760408</t>
  </si>
  <si>
    <t>2021BU18760408</t>
  </si>
  <si>
    <t>Verspreide huizen ten zuidoosten van Hummelo</t>
  </si>
  <si>
    <t>buurt_gegeneraliseerd_2021.171e7d86-85ed-444f-a880-5e241a69be30</t>
  </si>
  <si>
    <t>BU18760409</t>
  </si>
  <si>
    <t>2021BU18760409</t>
  </si>
  <si>
    <t>Verspreide huizen Hoog-Keppel</t>
  </si>
  <si>
    <t>buurt_gegeneraliseerd_2021.3e0d78d1-6b01-4d05-9f07-d02c3d5bdad9</t>
  </si>
  <si>
    <t>BU18760410</t>
  </si>
  <si>
    <t>2021BU18760410</t>
  </si>
  <si>
    <t>Verspreide huizen Oude IJsselgebied</t>
  </si>
  <si>
    <t>buurt_gegeneraliseerd_2021.0bef4e83-a862-405f-9a26-4875490b6ca2</t>
  </si>
  <si>
    <t>BU18830001</t>
  </si>
  <si>
    <t>2021BU18830001</t>
  </si>
  <si>
    <t>Limbrichterveld</t>
  </si>
  <si>
    <t>GM1883</t>
  </si>
  <si>
    <t>buurt_gegeneraliseerd_2021.7a2a68c5-f28e-43fd-8123-32840db8bb5a</t>
  </si>
  <si>
    <t>BU18830008</t>
  </si>
  <si>
    <t>2021BU18830008</t>
  </si>
  <si>
    <t>Industrieterrein Bergerweg-Rosengarten</t>
  </si>
  <si>
    <t>buurt_gegeneraliseerd_2021.c3b66290-01d3-40e7-960a-51a449f3b49a</t>
  </si>
  <si>
    <t>BU18830100</t>
  </si>
  <si>
    <t>2021BU18830100</t>
  </si>
  <si>
    <t>Sittard-Centrum</t>
  </si>
  <si>
    <t>buurt_gegeneraliseerd_2021.27a9d33a-1a40-4aa8-a445-c024a31e76e4</t>
  </si>
  <si>
    <t>BU18830101</t>
  </si>
  <si>
    <t>2021BU18830101</t>
  </si>
  <si>
    <t>Sanderbout</t>
  </si>
  <si>
    <t>buurt_gegeneraliseerd_2021.b620e6ed-fda2-48e1-ac39-936a14a60cad</t>
  </si>
  <si>
    <t>BU18830102</t>
  </si>
  <si>
    <t>2021BU18830102</t>
  </si>
  <si>
    <t>buurt_gegeneraliseerd_2021.223c14ce-78dc-42ef-9c2a-85d7a27e61f5</t>
  </si>
  <si>
    <t>BU18830103</t>
  </si>
  <si>
    <t>2021BU18830103</t>
  </si>
  <si>
    <t>Kollenberg-Park Leyenbroek</t>
  </si>
  <si>
    <t>buurt_gegeneraliseerd_2021.314ad785-c9d2-42e3-87dd-481bc539d367</t>
  </si>
  <si>
    <t>BU18830109</t>
  </si>
  <si>
    <t>2021BU18830109</t>
  </si>
  <si>
    <t>Omgeving Watersley</t>
  </si>
  <si>
    <t>buurt_gegeneraliseerd_2021.8b234c57-4749-4472-ae55-4265630c1279</t>
  </si>
  <si>
    <t>BU18830200</t>
  </si>
  <si>
    <t>2021BU18830200</t>
  </si>
  <si>
    <t>Overhoven</t>
  </si>
  <si>
    <t>buurt_gegeneraliseerd_2021.2c704f4c-be3f-494c-be36-bdd4da6dfcec</t>
  </si>
  <si>
    <t>BU18830201</t>
  </si>
  <si>
    <t>2021BU18830201</t>
  </si>
  <si>
    <t>Baandert</t>
  </si>
  <si>
    <t>buurt_gegeneraliseerd_2021.19ad019a-0351-4001-ad3f-700a3130bf2e</t>
  </si>
  <si>
    <t>BU18830202</t>
  </si>
  <si>
    <t>2021BU18830202</t>
  </si>
  <si>
    <t>Stadbroek</t>
  </si>
  <si>
    <t>buurt_gegeneraliseerd_2021.7f0a82fa-2861-4f0e-825b-dd0e39a1bfa7</t>
  </si>
  <si>
    <t>BU18830203</t>
  </si>
  <si>
    <t>2021BU18830203</t>
  </si>
  <si>
    <t>Vrangendael</t>
  </si>
  <si>
    <t>buurt_gegeneraliseerd_2021.3954d8e8-f508-4ec0-80f9-aa792868d775</t>
  </si>
  <si>
    <t>BU18830204</t>
  </si>
  <si>
    <t>2021BU18830204</t>
  </si>
  <si>
    <t>Broeksittard</t>
  </si>
  <si>
    <t>buurt_gegeneraliseerd_2021.63f68cc3-9bfc-4adc-bf17-7a4d2516448f</t>
  </si>
  <si>
    <t>BU18830205</t>
  </si>
  <si>
    <t>2021BU18830205</t>
  </si>
  <si>
    <t>Kemperkoul</t>
  </si>
  <si>
    <t>buurt_gegeneraliseerd_2021.b6e2cb13-a6ca-4324-a6c0-bfe31843e5f0</t>
  </si>
  <si>
    <t>BU18830208</t>
  </si>
  <si>
    <t>2021BU18830208</t>
  </si>
  <si>
    <t>Industrieterrein Noord</t>
  </si>
  <si>
    <t>buurt_gegeneraliseerd_2021.b75968f7-86f9-481d-ad82-386a9273a344</t>
  </si>
  <si>
    <t>BU18830209</t>
  </si>
  <si>
    <t>2021BU18830209</t>
  </si>
  <si>
    <t>Omgeving Schwienswei</t>
  </si>
  <si>
    <t>buurt_gegeneraliseerd_2021.3d8930ee-9e56-4c74-94b7-69d9394d52db</t>
  </si>
  <si>
    <t>BU18830300</t>
  </si>
  <si>
    <t>2021BU18830300</t>
  </si>
  <si>
    <t>Munstergeleen</t>
  </si>
  <si>
    <t>buurt_gegeneraliseerd_2021.9f798e40-a8dd-49cf-bdc7-08fb1ba80b67</t>
  </si>
  <si>
    <t>BU18830301</t>
  </si>
  <si>
    <t>2021BU18830301</t>
  </si>
  <si>
    <t>Wintraak</t>
  </si>
  <si>
    <t>buurt_gegeneraliseerd_2021.b0837693-ad5f-4023-be51-77856720a097</t>
  </si>
  <si>
    <t>BU18830400</t>
  </si>
  <si>
    <t>2021BU18830400</t>
  </si>
  <si>
    <t>Guttecoven</t>
  </si>
  <si>
    <t>buurt_gegeneraliseerd_2021.31aea25a-2724-4cf1-bb95-e4c9c44e0422</t>
  </si>
  <si>
    <t>BU18830401</t>
  </si>
  <si>
    <t>2021BU18830401</t>
  </si>
  <si>
    <t>Limbricht</t>
  </si>
  <si>
    <t>buurt_gegeneraliseerd_2021.4a8b3132-9a24-455f-9c73-bff9aeef4b4b</t>
  </si>
  <si>
    <t>BU18830402</t>
  </si>
  <si>
    <t>2021BU18830402</t>
  </si>
  <si>
    <t>Einighausen</t>
  </si>
  <si>
    <t>buurt_gegeneraliseerd_2021.3a08e426-a211-4c6a-8578-832e83c1471a</t>
  </si>
  <si>
    <t>BU18830501</t>
  </si>
  <si>
    <t>2021BU18830501</t>
  </si>
  <si>
    <t>Geleen-Centrum</t>
  </si>
  <si>
    <t>buurt_gegeneraliseerd_2021.88c15b30-c2ad-40e6-8224-f31fcc8f6b75</t>
  </si>
  <si>
    <t>BU18830502</t>
  </si>
  <si>
    <t>2021BU18830502</t>
  </si>
  <si>
    <t>Geleen-Noord</t>
  </si>
  <si>
    <t>buurt_gegeneraliseerd_2021.abf5d6d5-7c8d-49bd-9faf-38f706b1bdd9</t>
  </si>
  <si>
    <t>BU18830503</t>
  </si>
  <si>
    <t>2021BU18830503</t>
  </si>
  <si>
    <t>Lindenheuvel</t>
  </si>
  <si>
    <t>buurt_gegeneraliseerd_2021.be1f97e3-d2c3-4e95-ad93-81deb32079bc</t>
  </si>
  <si>
    <t>BU18830504</t>
  </si>
  <si>
    <t>2021BU18830504</t>
  </si>
  <si>
    <t>Geleen-Zuid</t>
  </si>
  <si>
    <t>buurt_gegeneraliseerd_2021.7e2e19f8-25d5-4166-a145-7ef1697906e9</t>
  </si>
  <si>
    <t>BU18830505</t>
  </si>
  <si>
    <t>2021BU18830505</t>
  </si>
  <si>
    <t>buurt_gegeneraliseerd_2021.cc707768-6d5d-439f-834f-4fb6581ff98d</t>
  </si>
  <si>
    <t>BU18830506</t>
  </si>
  <si>
    <t>2021BU18830506</t>
  </si>
  <si>
    <t>Oud-Geleen en Haesselderveld</t>
  </si>
  <si>
    <t>buurt_gegeneraliseerd_2021.aba59325-6065-423e-b508-d3a7822de755</t>
  </si>
  <si>
    <t>BU18830507</t>
  </si>
  <si>
    <t>2021BU18830507</t>
  </si>
  <si>
    <t>Industriegebied D.S.M. en Graetheide</t>
  </si>
  <si>
    <t>buurt_gegeneraliseerd_2021.093ac45a-8ee5-48b7-b969-bd8092aedb14</t>
  </si>
  <si>
    <t>BU18830601</t>
  </si>
  <si>
    <t>2021BU18830601</t>
  </si>
  <si>
    <t>Holtum</t>
  </si>
  <si>
    <t>buurt_gegeneraliseerd_2021.446c3b5a-af63-47c4-949a-201fc38393d4</t>
  </si>
  <si>
    <t>BU18830602</t>
  </si>
  <si>
    <t>2021BU18830602</t>
  </si>
  <si>
    <t>Buchten</t>
  </si>
  <si>
    <t>buurt_gegeneraliseerd_2021.7a9f7b5d-dab3-4dc9-92bc-0ff439b451ab</t>
  </si>
  <si>
    <t>BU18830603</t>
  </si>
  <si>
    <t>2021BU18830603</t>
  </si>
  <si>
    <t>Born</t>
  </si>
  <si>
    <t>buurt_gegeneraliseerd_2021.50c24576-e0a8-4c2b-82fe-9706df270066</t>
  </si>
  <si>
    <t>BU18830604</t>
  </si>
  <si>
    <t>2021BU18830604</t>
  </si>
  <si>
    <t>Hondsbroek</t>
  </si>
  <si>
    <t>buurt_gegeneraliseerd_2021.e4fd357c-f262-427f-a6f8-ed67f860f5e0</t>
  </si>
  <si>
    <t>BU18830606</t>
  </si>
  <si>
    <t>2021BU18830606</t>
  </si>
  <si>
    <t>Graetheide</t>
  </si>
  <si>
    <t>buurt_gegeneraliseerd_2021.4ef22ddd-66d1-4032-8dc2-8f1475bf74af</t>
  </si>
  <si>
    <t>BU18830607</t>
  </si>
  <si>
    <t>2021BU18830607</t>
  </si>
  <si>
    <t>buurt_gegeneraliseerd_2021.06206ca4-0448-4499-aae9-5d2f03cf862d</t>
  </si>
  <si>
    <t>BU18830609</t>
  </si>
  <si>
    <t>2021BU18830609</t>
  </si>
  <si>
    <t>Omgeving Limbrichterbos-Wolfrath</t>
  </si>
  <si>
    <t>buurt_gegeneraliseerd_2021.723e8172-0fed-4898-bddb-d1ae16d10b23</t>
  </si>
  <si>
    <t>BU18830700</t>
  </si>
  <si>
    <t>2021BU18830700</t>
  </si>
  <si>
    <t>Obbicht</t>
  </si>
  <si>
    <t>buurt_gegeneraliseerd_2021.be7ac09f-67db-4fc5-bea3-db899c91b400</t>
  </si>
  <si>
    <t>BU18830701</t>
  </si>
  <si>
    <t>2021BU18830701</t>
  </si>
  <si>
    <t>Papenhoven</t>
  </si>
  <si>
    <t>buurt_gegeneraliseerd_2021.fe68b288-9410-4999-8327-e926ff3d50a5</t>
  </si>
  <si>
    <t>BU18830702</t>
  </si>
  <si>
    <t>2021BU18830702</t>
  </si>
  <si>
    <t>Grevenbicht</t>
  </si>
  <si>
    <t>buurt_gegeneraliseerd_2021.3fc3d015-3313-47e4-bdb1-f76a0cc9dbf0</t>
  </si>
  <si>
    <t>BU18840000</t>
  </si>
  <si>
    <t>2021BU18840000</t>
  </si>
  <si>
    <t>Roelofarendsveen</t>
  </si>
  <si>
    <t>GM1884</t>
  </si>
  <si>
    <t>buurt_gegeneraliseerd_2021.ca695011-866b-4898-bc61-a7120a6ab08b</t>
  </si>
  <si>
    <t>BU18840001</t>
  </si>
  <si>
    <t>2021BU18840001</t>
  </si>
  <si>
    <t>Oude Wetering</t>
  </si>
  <si>
    <t>buurt_gegeneraliseerd_2021.babaadee-6a85-487e-baad-956c4a184052</t>
  </si>
  <si>
    <t>BU18840002</t>
  </si>
  <si>
    <t>2021BU18840002</t>
  </si>
  <si>
    <t>Roelofarendsveen-Noord</t>
  </si>
  <si>
    <t>buurt_gegeneraliseerd_2021.2eb208ca-888c-43ef-84a9-d85d5a5ef6e4</t>
  </si>
  <si>
    <t>BU18840003</t>
  </si>
  <si>
    <t>2021BU18840003</t>
  </si>
  <si>
    <t>buurt_gegeneraliseerd_2021.c895c2a7-da9a-4513-8033-b281079aae65</t>
  </si>
  <si>
    <t>BU18840004</t>
  </si>
  <si>
    <t>2021BU18840004</t>
  </si>
  <si>
    <t>Tuinbouwgebied</t>
  </si>
  <si>
    <t>buurt_gegeneraliseerd_2021.90bb52d5-bad2-416d-82cf-afc8b5b4a795</t>
  </si>
  <si>
    <t>BU18840101</t>
  </si>
  <si>
    <t>2021BU18840101</t>
  </si>
  <si>
    <t>Nieuwe Wetering</t>
  </si>
  <si>
    <t>buurt_gegeneraliseerd_2021.5294e756-5397-4088-bf5a-c2ea8aacb3e5</t>
  </si>
  <si>
    <t>BU18840102</t>
  </si>
  <si>
    <t>2021BU18840102</t>
  </si>
  <si>
    <t>Rijpwetering</t>
  </si>
  <si>
    <t>buurt_gegeneraliseerd_2021.b69e4ac2-6c92-4b89-9ee1-d2edf9650f2f</t>
  </si>
  <si>
    <t>BU18840104</t>
  </si>
  <si>
    <t>2021BU18840104</t>
  </si>
  <si>
    <t>Oud Ade en Zevenhuizen</t>
  </si>
  <si>
    <t>buurt_gegeneraliseerd_2021.4b5b3e14-e1cc-4bfd-9885-c5ffa187cd5b</t>
  </si>
  <si>
    <t>BU18840105</t>
  </si>
  <si>
    <t>2021BU18840105</t>
  </si>
  <si>
    <t>Kaag</t>
  </si>
  <si>
    <t>buurt_gegeneraliseerd_2021.db546671-7899-4174-80f7-4ddec8920d35</t>
  </si>
  <si>
    <t>BU18840107</t>
  </si>
  <si>
    <t>2021BU18840107</t>
  </si>
  <si>
    <t>Verspreide huizen Veenderpolder</t>
  </si>
  <si>
    <t>buurt_gegeneraliseerd_2021.63b27fd9-2f9f-488b-ae6c-b3a273824da0</t>
  </si>
  <si>
    <t>BU18840109</t>
  </si>
  <si>
    <t>2021BU18840109</t>
  </si>
  <si>
    <t>buurt_gegeneraliseerd_2021.51e32b5a-3189-43ca-b378-2d6f443b3314</t>
  </si>
  <si>
    <t>BU18840200</t>
  </si>
  <si>
    <t>2021BU18840200</t>
  </si>
  <si>
    <t>Woubrugge</t>
  </si>
  <si>
    <t>buurt_gegeneraliseerd_2021.00d844db-b465-45f2-b376-05e5d56d1dd3</t>
  </si>
  <si>
    <t>BU18840201</t>
  </si>
  <si>
    <t>2021BU18840201</t>
  </si>
  <si>
    <t>Ofwegen</t>
  </si>
  <si>
    <t>buurt_gegeneraliseerd_2021.b8cd36b9-bdac-4efd-8310-316a1407dbda</t>
  </si>
  <si>
    <t>BU18840202</t>
  </si>
  <si>
    <t>2021BU18840202</t>
  </si>
  <si>
    <t>Hoogmade</t>
  </si>
  <si>
    <t>buurt_gegeneraliseerd_2021.1eaab61d-da89-4922-8f6f-b53f94cd34c8</t>
  </si>
  <si>
    <t>BU18840203</t>
  </si>
  <si>
    <t>2021BU18840203</t>
  </si>
  <si>
    <t>Woubrugge-West</t>
  </si>
  <si>
    <t>buurt_gegeneraliseerd_2021.b980797a-36ab-4cd1-a011-ad0c6b63c0c4</t>
  </si>
  <si>
    <t>BU18840207</t>
  </si>
  <si>
    <t>2021BU18840207</t>
  </si>
  <si>
    <t>Verspreide huizen Vierambachtspolder</t>
  </si>
  <si>
    <t>buurt_gegeneraliseerd_2021.0df3600e-499d-4ae9-89ec-5d0919f5f6ac</t>
  </si>
  <si>
    <t>BU18840208</t>
  </si>
  <si>
    <t>2021BU18840208</t>
  </si>
  <si>
    <t>Verspreide huizen Oudendijkse polder</t>
  </si>
  <si>
    <t>buurt_gegeneraliseerd_2021.a149e692-58a9-4b62-8bc2-ececa777ffd7</t>
  </si>
  <si>
    <t>BU18840209</t>
  </si>
  <si>
    <t>2021BU18840209</t>
  </si>
  <si>
    <t>buurt_gegeneraliseerd_2021.7beb0a82-daa5-411a-bb95-a9df5830cdd8</t>
  </si>
  <si>
    <t>BU18840300</t>
  </si>
  <si>
    <t>2021BU18840300</t>
  </si>
  <si>
    <t>Rijnsaterwoude</t>
  </si>
  <si>
    <t>buurt_gegeneraliseerd_2021.680be0d8-4732-40eb-98f1-337626685452</t>
  </si>
  <si>
    <t>BU18840309</t>
  </si>
  <si>
    <t>2021BU18840309</t>
  </si>
  <si>
    <t>Verspreide huizen Rijnsaterwoude</t>
  </si>
  <si>
    <t>buurt_gegeneraliseerd_2021.54001efe-0c23-4d64-a39a-fea51948a09a</t>
  </si>
  <si>
    <t>BU18840400</t>
  </si>
  <si>
    <t>2021BU18840400</t>
  </si>
  <si>
    <t>Leimuiden</t>
  </si>
  <si>
    <t>buurt_gegeneraliseerd_2021.21cf1ef8-fb8b-4c53-85b7-7d5647ca231d</t>
  </si>
  <si>
    <t>BU18840402</t>
  </si>
  <si>
    <t>2021BU18840402</t>
  </si>
  <si>
    <t>Vriezekoop</t>
  </si>
  <si>
    <t>buurt_gegeneraliseerd_2021.1a995449-be2a-466e-a119-20befe88a68e</t>
  </si>
  <si>
    <t>BU18840404</t>
  </si>
  <si>
    <t>2021BU18840404</t>
  </si>
  <si>
    <t>Bilderdam</t>
  </si>
  <si>
    <t>buurt_gegeneraliseerd_2021.00cd3a95-f147-44a4-8046-610a265572e3</t>
  </si>
  <si>
    <t>BU18840405</t>
  </si>
  <si>
    <t>2021BU18840405</t>
  </si>
  <si>
    <t>Uitbreiding West</t>
  </si>
  <si>
    <t>buurt_gegeneraliseerd_2021.80960fad-3cfd-43fe-8222-7be5abf14115</t>
  </si>
  <si>
    <t>BU18840407</t>
  </si>
  <si>
    <t>2021BU18840407</t>
  </si>
  <si>
    <t>Verspreide huizen Vriezekoopse polder</t>
  </si>
  <si>
    <t>buurt_gegeneraliseerd_2021.ab013536-5b55-4e18-877e-460eda7a790b</t>
  </si>
  <si>
    <t>BU18840408</t>
  </si>
  <si>
    <t>2021BU18840408</t>
  </si>
  <si>
    <t>Verspreide huizen West</t>
  </si>
  <si>
    <t>buurt_gegeneraliseerd_2021.00c4eaa9-1f69-485d-a341-bfa241458ef1</t>
  </si>
  <si>
    <t>BU18840409</t>
  </si>
  <si>
    <t>2021BU18840409</t>
  </si>
  <si>
    <t>Verspreide huizen Oost</t>
  </si>
  <si>
    <t>buurt_gegeneraliseerd_2021.2453c9e7-75b9-4750-a05c-fdd308cdc630</t>
  </si>
  <si>
    <t>BU18910000</t>
  </si>
  <si>
    <t>2021BU18910000</t>
  </si>
  <si>
    <t>Damwâld</t>
  </si>
  <si>
    <t>GM1891</t>
  </si>
  <si>
    <t>buurt_gegeneraliseerd_2021.7d3e8dc6-1147-42c4-a8f5-2fbbc0ff5fb7</t>
  </si>
  <si>
    <t>BU18910001</t>
  </si>
  <si>
    <t>2021BU18910001</t>
  </si>
  <si>
    <t>Broeksterwâld</t>
  </si>
  <si>
    <t>buurt_gegeneraliseerd_2021.ef46b1ce-53d0-40b3-af2b-aa088f624aa7</t>
  </si>
  <si>
    <t>BU18910002</t>
  </si>
  <si>
    <t>2021BU18910002</t>
  </si>
  <si>
    <t>De Falom</t>
  </si>
  <si>
    <t>buurt_gegeneraliseerd_2021.5e8f500e-b9e0-4dfd-a64c-c89fa71b89b1</t>
  </si>
  <si>
    <t>BU18910008</t>
  </si>
  <si>
    <t>2021BU18910008</t>
  </si>
  <si>
    <t>Verspreide huizen Damwâld</t>
  </si>
  <si>
    <t>buurt_gegeneraliseerd_2021.94432304-f2cc-442f-b912-5efc0b5ce661</t>
  </si>
  <si>
    <t>BU18910009</t>
  </si>
  <si>
    <t>2021BU18910009</t>
  </si>
  <si>
    <t>Verspreide huizen Broeksterwâld</t>
  </si>
  <si>
    <t>buurt_gegeneraliseerd_2021.df3b6da4-8156-46bd-8593-6fdf0058dd93</t>
  </si>
  <si>
    <t>BU18910100</t>
  </si>
  <si>
    <t>2021BU18910100</t>
  </si>
  <si>
    <t>Driezum</t>
  </si>
  <si>
    <t>buurt_gegeneraliseerd_2021.50f50da9-c610-4ac0-9813-f30f20cd4b60</t>
  </si>
  <si>
    <t>BU18910101</t>
  </si>
  <si>
    <t>2021BU18910101</t>
  </si>
  <si>
    <t>Wâlterswâld</t>
  </si>
  <si>
    <t>buurt_gegeneraliseerd_2021.88f8a319-1df5-43e3-bc70-d243954286b9</t>
  </si>
  <si>
    <t>BU18910108</t>
  </si>
  <si>
    <t>2021BU18910108</t>
  </si>
  <si>
    <t>Verspreide huizen Driezum</t>
  </si>
  <si>
    <t>buurt_gegeneraliseerd_2021.c3f48d25-5296-404f-90b3-e8027d43d296</t>
  </si>
  <si>
    <t>BU18910109</t>
  </si>
  <si>
    <t>2021BU18910109</t>
  </si>
  <si>
    <t>Verspreide huizen Wâlterswâld</t>
  </si>
  <si>
    <t>buurt_gegeneraliseerd_2021.786fd388-b2b9-48f8-b89b-d7fad7357a39</t>
  </si>
  <si>
    <t>BU18910200</t>
  </si>
  <si>
    <t>2021BU18910200</t>
  </si>
  <si>
    <t>De Westereen</t>
  </si>
  <si>
    <t>buurt_gegeneraliseerd_2021.e627c4f7-d3ec-4589-ad32-ad695f477413</t>
  </si>
  <si>
    <t>BU18910201</t>
  </si>
  <si>
    <t>2021BU18910201</t>
  </si>
  <si>
    <t>Feanwâlden</t>
  </si>
  <si>
    <t>buurt_gegeneraliseerd_2021.042f92c0-f1e7-47e5-a551-bc8e957569f5</t>
  </si>
  <si>
    <t>BU18910202</t>
  </si>
  <si>
    <t>2021BU18910202</t>
  </si>
  <si>
    <t>Readtsjerk</t>
  </si>
  <si>
    <t>buurt_gegeneraliseerd_2021.7d75235f-8a8d-4246-a64c-beed9f316db7</t>
  </si>
  <si>
    <t>BU18910208</t>
  </si>
  <si>
    <t>2021BU18910208</t>
  </si>
  <si>
    <t>Verspreide huizen De Westereen</t>
  </si>
  <si>
    <t>buurt_gegeneraliseerd_2021.233df02e-206a-45ca-8390-1a9330640c5d</t>
  </si>
  <si>
    <t>BU18910209</t>
  </si>
  <si>
    <t>2021BU18910209</t>
  </si>
  <si>
    <t>Verspreide huizen Feanwâlden</t>
  </si>
  <si>
    <t>buurt_gegeneraliseerd_2021.014111dd-d9f8-414c-a71f-185ef2221a4c</t>
  </si>
  <si>
    <t>BU18910300</t>
  </si>
  <si>
    <t>2021BU18910300</t>
  </si>
  <si>
    <t>Rinsumageast</t>
  </si>
  <si>
    <t>buurt_gegeneraliseerd_2021.770fab5d-cc70-4c7e-b4f8-8ef9e04e254f</t>
  </si>
  <si>
    <t>BU18910301</t>
  </si>
  <si>
    <t>2021BU18910301</t>
  </si>
  <si>
    <t>Sibrandahûs</t>
  </si>
  <si>
    <t>buurt_gegeneraliseerd_2021.3648af81-3ceb-446e-b297-9189468ad301</t>
  </si>
  <si>
    <t>BU18910309</t>
  </si>
  <si>
    <t>2021BU18910309</t>
  </si>
  <si>
    <t>Verspreide huizen Rinsumageast</t>
  </si>
  <si>
    <t>buurt_gegeneraliseerd_2021.9b73199f-1c95-47b7-a6d9-6c985955f628</t>
  </si>
  <si>
    <t>BU18920101</t>
  </si>
  <si>
    <t>2021BU18920101</t>
  </si>
  <si>
    <t>Kern Moerkapelle</t>
  </si>
  <si>
    <t>GM1892</t>
  </si>
  <si>
    <t>buurt_gegeneraliseerd_2021.2f28621f-b713-46e4-985b-94287a88328f</t>
  </si>
  <si>
    <t>BU18920102</t>
  </si>
  <si>
    <t>2021BU18920102</t>
  </si>
  <si>
    <t>Wilde Veenen</t>
  </si>
  <si>
    <t>buurt_gegeneraliseerd_2021.43b07e4d-5058-4416-8d96-0c570a2c7111</t>
  </si>
  <si>
    <t>BU18920103</t>
  </si>
  <si>
    <t>2021BU18920103</t>
  </si>
  <si>
    <t>Moerkapelle-West</t>
  </si>
  <si>
    <t>buurt_gegeneraliseerd_2021.22dd7eb0-7e53-4558-91f6-467a367b2126</t>
  </si>
  <si>
    <t>BU18920104</t>
  </si>
  <si>
    <t>2021BU18920104</t>
  </si>
  <si>
    <t>Moerkapelle-Oost</t>
  </si>
  <si>
    <t>buurt_gegeneraliseerd_2021.6e6302a1-d52e-4a12-958a-c4a7cb1fd1d6</t>
  </si>
  <si>
    <t>BU18920105</t>
  </si>
  <si>
    <t>2021BU18920105</t>
  </si>
  <si>
    <t>Bedrijventerrein Moerkapelle</t>
  </si>
  <si>
    <t>buurt_gegeneraliseerd_2021.48947f10-8382-4e26-bc15-2bf403f54639</t>
  </si>
  <si>
    <t>BU18920106</t>
  </si>
  <si>
    <t>2021BU18920106</t>
  </si>
  <si>
    <t>Moerkapelle kassengebied</t>
  </si>
  <si>
    <t>buurt_gegeneraliseerd_2021.f2c208b2-e2e2-4dd7-85ef-f5e2fe1a60bf</t>
  </si>
  <si>
    <t>BU18920107</t>
  </si>
  <si>
    <t>2021BU18920107</t>
  </si>
  <si>
    <t>Jonge Veenen</t>
  </si>
  <si>
    <t>buurt_gegeneraliseerd_2021.dfd2dbfd-d649-431f-b627-eb34c9af82e7</t>
  </si>
  <si>
    <t>BU18920191</t>
  </si>
  <si>
    <t>2021BU18920191</t>
  </si>
  <si>
    <t>Verspreide bebouwing Moerkapelle</t>
  </si>
  <si>
    <t>buurt_gegeneraliseerd_2021.916abf71-e9e2-4c97-9929-7c72cc94c096</t>
  </si>
  <si>
    <t>BU18920201</t>
  </si>
  <si>
    <t>2021BU18920201</t>
  </si>
  <si>
    <t>Kern Zevenhuizen</t>
  </si>
  <si>
    <t>buurt_gegeneraliseerd_2021.8abdab12-23bb-4dd7-b9f4-9c014c5c7fb9</t>
  </si>
  <si>
    <t>BU18920202</t>
  </si>
  <si>
    <t>2021BU18920202</t>
  </si>
  <si>
    <t>Swanla</t>
  </si>
  <si>
    <t>buurt_gegeneraliseerd_2021.ff2427bb-796e-47f3-b73d-c8b4d6887db5</t>
  </si>
  <si>
    <t>BU18920203</t>
  </si>
  <si>
    <t>2021BU18920203</t>
  </si>
  <si>
    <t>Zevenhuizen Bloemenbuurt</t>
  </si>
  <si>
    <t>buurt_gegeneraliseerd_2021.d5d861ee-f72f-427c-9899-9333426d1383</t>
  </si>
  <si>
    <t>BU18920204</t>
  </si>
  <si>
    <t>2021BU18920204</t>
  </si>
  <si>
    <t>Bedrijventerrein Zevenhuizen</t>
  </si>
  <si>
    <t>buurt_gegeneraliseerd_2021.847c9da7-aa53-4853-9fa2-97024536759e</t>
  </si>
  <si>
    <t>BU18920205</t>
  </si>
  <si>
    <t>2021BU18920205</t>
  </si>
  <si>
    <t>Zevenhuizen-West 1</t>
  </si>
  <si>
    <t>buurt_gegeneraliseerd_2021.d0f78d48-cb51-4e3d-8271-faf30591199f</t>
  </si>
  <si>
    <t>BU18920206</t>
  </si>
  <si>
    <t>2021BU18920206</t>
  </si>
  <si>
    <t>Zevenhuizen-West 2</t>
  </si>
  <si>
    <t>buurt_gegeneraliseerd_2021.d682dcd1-5919-4000-b96f-2b69aa9096d2</t>
  </si>
  <si>
    <t>BU18920207</t>
  </si>
  <si>
    <t>2021BU18920207</t>
  </si>
  <si>
    <t>Recreatiepark De Korenmolen</t>
  </si>
  <si>
    <t>buurt_gegeneraliseerd_2021.25074c76-cf86-4afd-a825-32b4de3a1a8a</t>
  </si>
  <si>
    <t>BU18920208</t>
  </si>
  <si>
    <t>2021BU18920208</t>
  </si>
  <si>
    <t>Recreatiepark De Bonk</t>
  </si>
  <si>
    <t>buurt_gegeneraliseerd_2021.1b0ca37a-6bfe-4577-ab6c-c47251a9aa36</t>
  </si>
  <si>
    <t>BU18920209</t>
  </si>
  <si>
    <t>2021BU18920209</t>
  </si>
  <si>
    <t>Oud Verlaat</t>
  </si>
  <si>
    <t>buurt_gegeneraliseerd_2021.1f51a8db-a48d-463e-8952-cb5816180567</t>
  </si>
  <si>
    <t>BU18920210</t>
  </si>
  <si>
    <t>2021BU18920210</t>
  </si>
  <si>
    <t>Zevenhuizerplas</t>
  </si>
  <si>
    <t>buurt_gegeneraliseerd_2021.4441affd-b035-4a74-a49a-7e7b43955606</t>
  </si>
  <si>
    <t>BU18920211</t>
  </si>
  <si>
    <t>2021BU18920211</t>
  </si>
  <si>
    <t>Zevenhuizen-Zuid</t>
  </si>
  <si>
    <t>buurt_gegeneraliseerd_2021.3c6bf3b9-a37a-43a3-a16b-3c6463675b10</t>
  </si>
  <si>
    <t>BU18920291</t>
  </si>
  <si>
    <t>2021BU18920291</t>
  </si>
  <si>
    <t>Verspreide bebouwing Tweemanspolder</t>
  </si>
  <si>
    <t>buurt_gegeneraliseerd_2021.f9f4488a-ea8d-4ca4-bad1-3ace3e72df95</t>
  </si>
  <si>
    <t>BU18920292</t>
  </si>
  <si>
    <t>2021BU18920292</t>
  </si>
  <si>
    <t>Verspreide bebouwing Zuidplaspolder Zevenhuizen</t>
  </si>
  <si>
    <t>buurt_gegeneraliseerd_2021.14692ddd-7397-4977-8fd8-00e99cf0bab8</t>
  </si>
  <si>
    <t>BU18920293</t>
  </si>
  <si>
    <t>2021BU18920293</t>
  </si>
  <si>
    <t>Verspreide bebouwing Eendragtspolder</t>
  </si>
  <si>
    <t>buurt_gegeneraliseerd_2021.2f802618-c9b4-45b7-b956-054519c2ad84</t>
  </si>
  <si>
    <t>BU18920301</t>
  </si>
  <si>
    <t>2021BU18920301</t>
  </si>
  <si>
    <t>Kern Moordrecht</t>
  </si>
  <si>
    <t>buurt_gegeneraliseerd_2021.98f03f68-a16f-4bc5-b6e3-424bd31f2c3c</t>
  </si>
  <si>
    <t>BU18920302</t>
  </si>
  <si>
    <t>2021BU18920302</t>
  </si>
  <si>
    <t>Moordrecht Bloemenbuurt</t>
  </si>
  <si>
    <t>buurt_gegeneraliseerd_2021.6a684681-5b0e-49d8-b255-32cfd35c1c46</t>
  </si>
  <si>
    <t>BU18920303</t>
  </si>
  <si>
    <t>2021BU18920303</t>
  </si>
  <si>
    <t>buurt_gegeneraliseerd_2021.425daf17-451b-42cd-9ba4-41e472b709f4</t>
  </si>
  <si>
    <t>BU18920304</t>
  </si>
  <si>
    <t>2021BU18920304</t>
  </si>
  <si>
    <t>Staatsliedenbuurt/Vijfakkers</t>
  </si>
  <si>
    <t>buurt_gegeneraliseerd_2021.0c252a32-60e7-44c9-b80f-ce040672aa2e</t>
  </si>
  <si>
    <t>BU18920305</t>
  </si>
  <si>
    <t>2021BU18920305</t>
  </si>
  <si>
    <t>Ambonwijk</t>
  </si>
  <si>
    <t>buurt_gegeneraliseerd_2021.31d85cdf-45c7-4c5f-a9a7-973cd96708c3</t>
  </si>
  <si>
    <t>BU18920306</t>
  </si>
  <si>
    <t>2021BU18920306</t>
  </si>
  <si>
    <t>buurt_gegeneraliseerd_2021.7c132e1b-4027-4c9d-afe9-ec48f66f7390</t>
  </si>
  <si>
    <t>BU18920307</t>
  </si>
  <si>
    <t>2021BU18920307</t>
  </si>
  <si>
    <t>Uiterwaard</t>
  </si>
  <si>
    <t>buurt_gegeneraliseerd_2021.7881815e-d2b3-49ed-8afa-2e3f1ea61a36</t>
  </si>
  <si>
    <t>BU18920308</t>
  </si>
  <si>
    <t>2021BU18920308</t>
  </si>
  <si>
    <t>Bedrijventerrein 't Ambacht</t>
  </si>
  <si>
    <t>buurt_gegeneraliseerd_2021.d2d997c0-ac1f-4bbb-996b-2798dfc1edda</t>
  </si>
  <si>
    <t>BU18920309</t>
  </si>
  <si>
    <t>2021BU18920309</t>
  </si>
  <si>
    <t>Recreatiepark Oosteinde</t>
  </si>
  <si>
    <t>buurt_gegeneraliseerd_2021.8ed77edc-53c7-4b64-b6a4-23dbf3a12ab1</t>
  </si>
  <si>
    <t>BU18920310</t>
  </si>
  <si>
    <t>2021BU18920310</t>
  </si>
  <si>
    <t>Bedrijventerrein Gouwepark</t>
  </si>
  <si>
    <t>buurt_gegeneraliseerd_2021.7c6e5f39-125e-4a34-a13d-a1a6dcd0af43</t>
  </si>
  <si>
    <t>BU18920311</t>
  </si>
  <si>
    <t>2021BU18920311</t>
  </si>
  <si>
    <t>Vijfakkers-Noord</t>
  </si>
  <si>
    <t>buurt_gegeneraliseerd_2021.f179cd1d-11ec-44df-ae60-36bd05baea20</t>
  </si>
  <si>
    <t>BU18920399</t>
  </si>
  <si>
    <t>2021BU18920399</t>
  </si>
  <si>
    <t>Verspreide bebouwing Moordrecht</t>
  </si>
  <si>
    <t>buurt_gegeneraliseerd_2021.b35a6dad-219d-4e0e-81bd-254aecba1df8</t>
  </si>
  <si>
    <t>BU18920401</t>
  </si>
  <si>
    <t>2021BU18920401</t>
  </si>
  <si>
    <t>Kern Nieuwerkerk aan den IJssel</t>
  </si>
  <si>
    <t>buurt_gegeneraliseerd_2021.e6cfe985-10e1-4bd0-918d-9044c0b04d6e</t>
  </si>
  <si>
    <t>BU18920402</t>
  </si>
  <si>
    <t>2021BU18920402</t>
  </si>
  <si>
    <t>Bedrijventerrein De Hooge Veenen</t>
  </si>
  <si>
    <t>buurt_gegeneraliseerd_2021.068257f6-f667-4841-aa6e-897800b9e4eb</t>
  </si>
  <si>
    <t>BU18920403</t>
  </si>
  <si>
    <t>2021BU18920403</t>
  </si>
  <si>
    <t>Zuidplas Kruiden</t>
  </si>
  <si>
    <t>buurt_gegeneraliseerd_2021.b0876afe-90e6-4369-b269-a7c2df722fdb</t>
  </si>
  <si>
    <t>BU18920404</t>
  </si>
  <si>
    <t>2021BU18920404</t>
  </si>
  <si>
    <t>Zuidplas Velden</t>
  </si>
  <si>
    <t>buurt_gegeneraliseerd_2021.072092c2-d4ff-4ef3-8a38-0df636eabe80</t>
  </si>
  <si>
    <t>BU18920405</t>
  </si>
  <si>
    <t>2021BU18920405</t>
  </si>
  <si>
    <t>Kleinpolder</t>
  </si>
  <si>
    <t>buurt_gegeneraliseerd_2021.79ceab53-a32a-4273-b401-085721275d57</t>
  </si>
  <si>
    <t>BU18920406</t>
  </si>
  <si>
    <t>2021BU18920406</t>
  </si>
  <si>
    <t>Kortenoord</t>
  </si>
  <si>
    <t>buurt_gegeneraliseerd_2021.d8d4bfa9-4542-4b9d-ad9b-709ec4f33d46</t>
  </si>
  <si>
    <t>BU18920407</t>
  </si>
  <si>
    <t>2021BU18920407</t>
  </si>
  <si>
    <t>Recreatiepark Klein Hitland</t>
  </si>
  <si>
    <t>buurt_gegeneraliseerd_2021.139c0db5-6161-4742-bcee-f2fe391ebfe1</t>
  </si>
  <si>
    <t>BU18920408</t>
  </si>
  <si>
    <t>2021BU18920408</t>
  </si>
  <si>
    <t>Esse Hoog</t>
  </si>
  <si>
    <t>buurt_gegeneraliseerd_2021.0dc6f2dc-e5fc-4036-bfe1-d4e6ef90ee31</t>
  </si>
  <si>
    <t>BU18920409</t>
  </si>
  <si>
    <t>2021BU18920409</t>
  </si>
  <si>
    <t>Esse Laag</t>
  </si>
  <si>
    <t>buurt_gegeneraliseerd_2021.0b45ecd9-fd54-46f5-9ee0-b27b530929b1</t>
  </si>
  <si>
    <t>BU18920410</t>
  </si>
  <si>
    <t>2021BU18920410</t>
  </si>
  <si>
    <t>buurt_gegeneraliseerd_2021.3f03cb72-2e7c-4cbb-82d7-3a40763002af</t>
  </si>
  <si>
    <t>BU18920411</t>
  </si>
  <si>
    <t>2021BU18920411</t>
  </si>
  <si>
    <t>Dorrestein-Noord</t>
  </si>
  <si>
    <t>buurt_gegeneraliseerd_2021.d8ef135a-86e9-4707-a2df-a50e7bf9cca8</t>
  </si>
  <si>
    <t>BU18920412</t>
  </si>
  <si>
    <t>2021BU18920412</t>
  </si>
  <si>
    <t>Parkzoom</t>
  </si>
  <si>
    <t>buurt_gegeneraliseerd_2021.bc333b2a-3d80-43bb-b060-31374bc9d5f5</t>
  </si>
  <si>
    <t>BU18920413</t>
  </si>
  <si>
    <t>2021BU18920413</t>
  </si>
  <si>
    <t>Esse Zoom Laag</t>
  </si>
  <si>
    <t>buurt_gegeneraliseerd_2021.087a2b67-1855-4e21-95f9-8e5e61e3581e</t>
  </si>
  <si>
    <t>BU18920414</t>
  </si>
  <si>
    <t>2021BU18920414</t>
  </si>
  <si>
    <t>Zuidplas Mossen</t>
  </si>
  <si>
    <t>buurt_gegeneraliseerd_2021.68b01713-f1d4-43fa-9b84-efa35c1bbcca</t>
  </si>
  <si>
    <t>BU18920415</t>
  </si>
  <si>
    <t>2021BU18920415</t>
  </si>
  <si>
    <t>Zuidplas Dalen</t>
  </si>
  <si>
    <t>buurt_gegeneraliseerd_2021.d89e7aa1-ee68-4b99-816d-4f347c0aa29d</t>
  </si>
  <si>
    <t>BU18920416</t>
  </si>
  <si>
    <t>2021BU18920416</t>
  </si>
  <si>
    <t>Dorrestein-Zuid</t>
  </si>
  <si>
    <t>buurt_gegeneraliseerd_2021.b1d4f4de-aaba-4852-82c0-3ac4ee3ced5f</t>
  </si>
  <si>
    <t>BU18920491</t>
  </si>
  <si>
    <t>2021BU18920491</t>
  </si>
  <si>
    <t>Verspreide bebouwing Zuidplaspolder Nieuwerkerk aan den IJss</t>
  </si>
  <si>
    <t>buurt_gegeneraliseerd_2021.2592073e-5f1c-4ff6-b05f-d55dd3be979c</t>
  </si>
  <si>
    <t>BU18920492</t>
  </si>
  <si>
    <t>2021BU18920492</t>
  </si>
  <si>
    <t>Verspreide bebouwing Essepolder</t>
  </si>
  <si>
    <t>buurt_gegeneraliseerd_2021.80591c35-d908-443d-b340-54a1a8281894</t>
  </si>
  <si>
    <t>BU18920493</t>
  </si>
  <si>
    <t>2021BU18920493</t>
  </si>
  <si>
    <t>Verspreide bebouwing Achter Esse</t>
  </si>
  <si>
    <t>buurt_gegeneraliseerd_2021.87d7b396-2f51-4ce8-9d53-ec3a9b5135e5</t>
  </si>
  <si>
    <t>BU18940000</t>
  </si>
  <si>
    <t>2021BU18940000</t>
  </si>
  <si>
    <t>Grashoek</t>
  </si>
  <si>
    <t>GM1894</t>
  </si>
  <si>
    <t>buurt_gegeneraliseerd_2021.3493978f-36e1-48fa-9873-fd039d240b78</t>
  </si>
  <si>
    <t>BU18940001</t>
  </si>
  <si>
    <t>2021BU18940001</t>
  </si>
  <si>
    <t>Koningslust</t>
  </si>
  <si>
    <t>buurt_gegeneraliseerd_2021.119609e8-691d-40db-a3c4-5792b11456c2</t>
  </si>
  <si>
    <t>BU18940002</t>
  </si>
  <si>
    <t>2021BU18940002</t>
  </si>
  <si>
    <t>Kievitsheide</t>
  </si>
  <si>
    <t>buurt_gegeneraliseerd_2021.c826a8af-0b25-44cf-a06f-b4f8d9b88afa</t>
  </si>
  <si>
    <t>BU18940003</t>
  </si>
  <si>
    <t>2021BU18940003</t>
  </si>
  <si>
    <t>Vliegert</t>
  </si>
  <si>
    <t>buurt_gegeneraliseerd_2021.e7917e14-b170-48c8-9ee7-1ea9df6a864d</t>
  </si>
  <si>
    <t>BU18940100</t>
  </si>
  <si>
    <t>2021BU18940100</t>
  </si>
  <si>
    <t>Beringe</t>
  </si>
  <si>
    <t>buurt_gegeneraliseerd_2021.b513988f-2bde-4ab0-871d-e0799707ec9f</t>
  </si>
  <si>
    <t>BU18940101</t>
  </si>
  <si>
    <t>2021BU18940101</t>
  </si>
  <si>
    <t>Panningen</t>
  </si>
  <si>
    <t>buurt_gegeneraliseerd_2021.f37ecef4-9e07-4097-ad51-4ad72f2d2ab1</t>
  </si>
  <si>
    <t>BU18940102</t>
  </si>
  <si>
    <t>2021BU18940102</t>
  </si>
  <si>
    <t>Helden</t>
  </si>
  <si>
    <t>buurt_gegeneraliseerd_2021.15089dae-8f48-4439-9581-ed52726c6fbd</t>
  </si>
  <si>
    <t>BU18940104</t>
  </si>
  <si>
    <t>2021BU18940104</t>
  </si>
  <si>
    <t>Vosberg-Loo</t>
  </si>
  <si>
    <t>buurt_gegeneraliseerd_2021.070e22ae-38c9-4aec-bc1f-d32e6ecf5372</t>
  </si>
  <si>
    <t>BU18940105</t>
  </si>
  <si>
    <t>2021BU18940105</t>
  </si>
  <si>
    <t>Egchel</t>
  </si>
  <si>
    <t>buurt_gegeneraliseerd_2021.93f27753-30be-4ce3-96a4-696511e10801</t>
  </si>
  <si>
    <t>BU18940106</t>
  </si>
  <si>
    <t>2021BU18940106</t>
  </si>
  <si>
    <t>Zelen-Hub</t>
  </si>
  <si>
    <t>buurt_gegeneraliseerd_2021.63560b87-8888-46e9-8d6d-77e41d35fddc</t>
  </si>
  <si>
    <t>BU18940107</t>
  </si>
  <si>
    <t>2021BU18940107</t>
  </si>
  <si>
    <t>Groeze</t>
  </si>
  <si>
    <t>buurt_gegeneraliseerd_2021.bcc20f60-4bda-490e-9523-588cdcd66468</t>
  </si>
  <si>
    <t>BU18940108</t>
  </si>
  <si>
    <t>2021BU18940108</t>
  </si>
  <si>
    <t>Onder-Eindt-Zandberg</t>
  </si>
  <si>
    <t>buurt_gegeneraliseerd_2021.60ec02cf-e0aa-4210-b025-834a10b65149</t>
  </si>
  <si>
    <t>BU18940109</t>
  </si>
  <si>
    <t>2021BU18940109</t>
  </si>
  <si>
    <t>Keup</t>
  </si>
  <si>
    <t>buurt_gegeneraliseerd_2021.71a234ee-40de-4e14-b7eb-f3771c8a76f4</t>
  </si>
  <si>
    <t>BU18940200</t>
  </si>
  <si>
    <t>2021BU18940200</t>
  </si>
  <si>
    <t>Kessel</t>
  </si>
  <si>
    <t>buurt_gegeneraliseerd_2021.b07845b7-a8ca-40e1-939d-071a881ae01e</t>
  </si>
  <si>
    <t>BU18940203</t>
  </si>
  <si>
    <t>2021BU18940203</t>
  </si>
  <si>
    <t>Kesseleik</t>
  </si>
  <si>
    <t>buurt_gegeneraliseerd_2021.20bd566d-c410-4bfe-936d-08a8d5071c1d</t>
  </si>
  <si>
    <t>BU18940204</t>
  </si>
  <si>
    <t>2021BU18940204</t>
  </si>
  <si>
    <t>Hout en Oijen</t>
  </si>
  <si>
    <t>buurt_gegeneraliseerd_2021.95874923-35a1-48d3-b349-08ff94bf24c6</t>
  </si>
  <si>
    <t>BU18940208</t>
  </si>
  <si>
    <t>2021BU18940208</t>
  </si>
  <si>
    <t>Verspreide huizen Kessel</t>
  </si>
  <si>
    <t>buurt_gegeneraliseerd_2021.cbaab09c-f7bc-4f1b-a735-8bcfad3d009e</t>
  </si>
  <si>
    <t>BU18940209</t>
  </si>
  <si>
    <t>2021BU18940209</t>
  </si>
  <si>
    <t>Verspreide huizen Kesseleik</t>
  </si>
  <si>
    <t>buurt_gegeneraliseerd_2021.d6fa9597-3c44-4a8c-ad86-641a11355dc4</t>
  </si>
  <si>
    <t>BU18940300</t>
  </si>
  <si>
    <t>2021BU18940300</t>
  </si>
  <si>
    <t>Maasbree</t>
  </si>
  <si>
    <t>buurt_gegeneraliseerd_2021.ed28c796-d7c3-4d1a-8db6-3e15adab0e33</t>
  </si>
  <si>
    <t>BU18940308</t>
  </si>
  <si>
    <t>2021BU18940308</t>
  </si>
  <si>
    <t>Verspreide huizen ten zuiden van Provinciale weg</t>
  </si>
  <si>
    <t>buurt_gegeneraliseerd_2021.98a8e19a-8943-448a-a9b6-8292c9166714</t>
  </si>
  <si>
    <t>BU18940309</t>
  </si>
  <si>
    <t>2021BU18940309</t>
  </si>
  <si>
    <t>Verspreide huizen ten noorden van Provinciale weg</t>
  </si>
  <si>
    <t>buurt_gegeneraliseerd_2021.7ccbdc62-340b-4359-aed9-5f4dd31ea635</t>
  </si>
  <si>
    <t>BU18940400</t>
  </si>
  <si>
    <t>2021BU18940400</t>
  </si>
  <si>
    <t>buurt_gegeneraliseerd_2021.e487277a-cc58-41db-9b1b-b9b68258bb6c</t>
  </si>
  <si>
    <t>BU18940402</t>
  </si>
  <si>
    <t>2021BU18940402</t>
  </si>
  <si>
    <t>Soeterbeek</t>
  </si>
  <si>
    <t>buurt_gegeneraliseerd_2021.d149414d-eb6c-411a-8c7c-47431f3aa210</t>
  </si>
  <si>
    <t>BU18940403</t>
  </si>
  <si>
    <t>2021BU18940403</t>
  </si>
  <si>
    <t>Bong</t>
  </si>
  <si>
    <t>buurt_gegeneraliseerd_2021.9e0076bb-5621-4d0c-8ec6-74bb7078e7ff</t>
  </si>
  <si>
    <t>BU18940408</t>
  </si>
  <si>
    <t>2021BU18940408</t>
  </si>
  <si>
    <t>Verspreide huizen op Den Hert</t>
  </si>
  <si>
    <t>buurt_gegeneraliseerd_2021.dd9ba4fc-828b-42ce-b8b0-a841d6e886fa</t>
  </si>
  <si>
    <t>BU18940409</t>
  </si>
  <si>
    <t>2021BU18940409</t>
  </si>
  <si>
    <t>Verspreide huizen ten zuiden van Baarlo</t>
  </si>
  <si>
    <t>buurt_gegeneraliseerd_2021.724e7fa9-3936-4d8c-990d-c4afa3c7b11c</t>
  </si>
  <si>
    <t>BU18940500</t>
  </si>
  <si>
    <t>2021BU18940500</t>
  </si>
  <si>
    <t>Meijel</t>
  </si>
  <si>
    <t>buurt_gegeneraliseerd_2021.967bb6f4-3ecd-4401-ac4f-2d32c1f100f2</t>
  </si>
  <si>
    <t>BU18940502</t>
  </si>
  <si>
    <t>2021BU18940502</t>
  </si>
  <si>
    <t>Roggelsedijk</t>
  </si>
  <si>
    <t>buurt_gegeneraliseerd_2021.49026f3e-b344-4f82-b330-c7152f331b80</t>
  </si>
  <si>
    <t>BU18940506</t>
  </si>
  <si>
    <t>2021BU18940506</t>
  </si>
  <si>
    <t>Verspreide huizen Molenbaan en Vieruitersten</t>
  </si>
  <si>
    <t>buurt_gegeneraliseerd_2021.90370b6d-f457-4a1f-8177-72fcdc8ee7ad</t>
  </si>
  <si>
    <t>BU18940507</t>
  </si>
  <si>
    <t>2021BU18940507</t>
  </si>
  <si>
    <t>Verspreide huizen Berg en Nederweerterdijk</t>
  </si>
  <si>
    <t>buurt_gegeneraliseerd_2021.cbf4ef45-3171-4971-9282-cd3041fae351</t>
  </si>
  <si>
    <t>BU18940508</t>
  </si>
  <si>
    <t>2021BU18940508</t>
  </si>
  <si>
    <t>Verspreide huizen Steenoven en Langstraat</t>
  </si>
  <si>
    <t>buurt_gegeneraliseerd_2021.c44b1e71-a5f3-47f2-960d-6c1d94d936a3</t>
  </si>
  <si>
    <t>BU18940509</t>
  </si>
  <si>
    <t>2021BU18940509</t>
  </si>
  <si>
    <t>Verspreide huizen Katsberg en Witdonk</t>
  </si>
  <si>
    <t>buurt_gegeneraliseerd_2021.6fc1cb27-c1ee-4b59-8158-a3947e0bcc6f</t>
  </si>
  <si>
    <t>BU18950000</t>
  </si>
  <si>
    <t>2021BU18950000</t>
  </si>
  <si>
    <t>Winschoten-Centrum</t>
  </si>
  <si>
    <t>GM1895</t>
  </si>
  <si>
    <t>buurt_gegeneraliseerd_2021.ed9133b8-c7e4-4a19-8e61-29d57b2360c9</t>
  </si>
  <si>
    <t>BU18950001</t>
  </si>
  <si>
    <t>2021BU18950001</t>
  </si>
  <si>
    <t>buurt_gegeneraliseerd_2021.22cf981e-b90d-4856-a38d-664dda34a930</t>
  </si>
  <si>
    <t>BU18950002</t>
  </si>
  <si>
    <t>2021BU18950002</t>
  </si>
  <si>
    <t>Winschoten-Noord</t>
  </si>
  <si>
    <t>buurt_gegeneraliseerd_2021.97abfa53-c7e0-4aa6-b83d-96a2055e3d6e</t>
  </si>
  <si>
    <t>BU18950003</t>
  </si>
  <si>
    <t>2021BU18950003</t>
  </si>
  <si>
    <t>Winschoten-Zuid</t>
  </si>
  <si>
    <t>buurt_gegeneraliseerd_2021.bd373e11-0d2e-4a49-afcb-cd05b3d510a0</t>
  </si>
  <si>
    <t>BU18950004</t>
  </si>
  <si>
    <t>2021BU18950004</t>
  </si>
  <si>
    <t>Udesweg-Zuid</t>
  </si>
  <si>
    <t>buurt_gegeneraliseerd_2021.900490e5-a40f-4a73-a167-775f4b5f5972</t>
  </si>
  <si>
    <t>BU18950005</t>
  </si>
  <si>
    <t>2021BU18950005</t>
  </si>
  <si>
    <t>Winschoten-Grintweg</t>
  </si>
  <si>
    <t>buurt_gegeneraliseerd_2021.28ef9202-d72f-4f7f-969b-c359a09d3fd6</t>
  </si>
  <si>
    <t>BU18950006</t>
  </si>
  <si>
    <t>2021BU18950006</t>
  </si>
  <si>
    <t>Winschoten-Bomenbuurt</t>
  </si>
  <si>
    <t>buurt_gegeneraliseerd_2021.7b21d8e7-9787-4b9f-b788-a45e10a7a634</t>
  </si>
  <si>
    <t>BU18950007</t>
  </si>
  <si>
    <t>2021BU18950007</t>
  </si>
  <si>
    <t>Winschoten-Sint Vitusholt-Lanengebied</t>
  </si>
  <si>
    <t>buurt_gegeneraliseerd_2021.890c2da7-1f8e-4f76-8e66-6544b3fe69d6</t>
  </si>
  <si>
    <t>BU18950008</t>
  </si>
  <si>
    <t>2021BU18950008</t>
  </si>
  <si>
    <t>Winschoten-industriegebied</t>
  </si>
  <si>
    <t>buurt_gegeneraliseerd_2021.2e618c24-10ee-4546-9dae-767394c48593</t>
  </si>
  <si>
    <t>BU18950009</t>
  </si>
  <si>
    <t>2021BU18950009</t>
  </si>
  <si>
    <t>Verspreide huizen Winschoten</t>
  </si>
  <si>
    <t>buurt_gegeneraliseerd_2021.bc47b34f-bead-4277-b790-e18bb5a3a748</t>
  </si>
  <si>
    <t>BU18950100</t>
  </si>
  <si>
    <t>2021BU18950100</t>
  </si>
  <si>
    <t>Finsterwolde-Centrum</t>
  </si>
  <si>
    <t>buurt_gegeneraliseerd_2021.ae036b01-ef67-4ecd-a117-3d058ef21582</t>
  </si>
  <si>
    <t>BU18950101</t>
  </si>
  <si>
    <t>2021BU18950101</t>
  </si>
  <si>
    <t>Finsterwolde Hardenberg</t>
  </si>
  <si>
    <t>buurt_gegeneraliseerd_2021.fb088b6b-6aa1-4cfa-8cf9-7a41c8ddb2fa</t>
  </si>
  <si>
    <t>BU18950102</t>
  </si>
  <si>
    <t>2021BU18950102</t>
  </si>
  <si>
    <t>Finsterwolde nieuwbouw</t>
  </si>
  <si>
    <t>buurt_gegeneraliseerd_2021.fab3ca22-a34b-45d3-9344-fed3796f5a40</t>
  </si>
  <si>
    <t>BU18950103</t>
  </si>
  <si>
    <t>2021BU18950103</t>
  </si>
  <si>
    <t>Finsterwolde Ganzedijk</t>
  </si>
  <si>
    <t>buurt_gegeneraliseerd_2021.0f6d0c45-ae9d-458f-9547-0f8698658b6c</t>
  </si>
  <si>
    <t>BU18950104</t>
  </si>
  <si>
    <t>2021BU18950104</t>
  </si>
  <si>
    <t>Verspreide huizen Finsterwolde</t>
  </si>
  <si>
    <t>buurt_gegeneraliseerd_2021.16be44f1-ec08-4cb0-9371-7d81b4961a9c</t>
  </si>
  <si>
    <t>BU18950200</t>
  </si>
  <si>
    <t>2021BU18950200</t>
  </si>
  <si>
    <t>Drieborg-Centrum</t>
  </si>
  <si>
    <t>buurt_gegeneraliseerd_2021.ce195111-6c0d-4f67-8351-2246bb0aec2e</t>
  </si>
  <si>
    <t>BU18950209</t>
  </si>
  <si>
    <t>2021BU18950209</t>
  </si>
  <si>
    <t>Verspreide huizen Drieborg</t>
  </si>
  <si>
    <t>buurt_gegeneraliseerd_2021.2ff51cc0-9ce8-4958-96de-6c25f5303c2c</t>
  </si>
  <si>
    <t>BU18950300</t>
  </si>
  <si>
    <t>2021BU18950300</t>
  </si>
  <si>
    <t>Beerta-Centrum</t>
  </si>
  <si>
    <t>buurt_gegeneraliseerd_2021.2455b650-aac3-4ce9-ac2f-04679cb221af</t>
  </si>
  <si>
    <t>BU18950301</t>
  </si>
  <si>
    <t>2021BU18950301</t>
  </si>
  <si>
    <t>Beerta-Nieuwbouw</t>
  </si>
  <si>
    <t>buurt_gegeneraliseerd_2021.a7d2dbd4-f722-43c5-90c1-6301bcbb29ce</t>
  </si>
  <si>
    <t>BU18950302</t>
  </si>
  <si>
    <t>2021BU18950302</t>
  </si>
  <si>
    <t>Beerta-Centrum-West</t>
  </si>
  <si>
    <t>buurt_gegeneraliseerd_2021.09d43bc1-9e12-4ea4-af5d-5960c3de78eb</t>
  </si>
  <si>
    <t>BU18950309</t>
  </si>
  <si>
    <t>2021BU18950309</t>
  </si>
  <si>
    <t>Verspreide huizen Beerta</t>
  </si>
  <si>
    <t>buurt_gegeneraliseerd_2021.1caaab46-6778-4417-a259-9278be8a21ba</t>
  </si>
  <si>
    <t>BU18950400</t>
  </si>
  <si>
    <t>2021BU18950400</t>
  </si>
  <si>
    <t>Nieuw-Beerta</t>
  </si>
  <si>
    <t>buurt_gegeneraliseerd_2021.9a0bd412-d3d6-49f7-bc6c-d0c5f08f1923</t>
  </si>
  <si>
    <t>BU18950500</t>
  </si>
  <si>
    <t>2021BU18950500</t>
  </si>
  <si>
    <t>Nieuweschans De Bron</t>
  </si>
  <si>
    <t>buurt_gegeneraliseerd_2021.542a9f1e-b4d6-4d7b-a4f1-83dca86e7a26</t>
  </si>
  <si>
    <t>BU18950501</t>
  </si>
  <si>
    <t>2021BU18950501</t>
  </si>
  <si>
    <t>Nieuweschans-Centrum</t>
  </si>
  <si>
    <t>buurt_gegeneraliseerd_2021.3a9fff2f-1e7f-4de0-85b2-79e99f20a2c7</t>
  </si>
  <si>
    <t>BU18950502</t>
  </si>
  <si>
    <t>2021BU18950502</t>
  </si>
  <si>
    <t>Nieuweschans Nieuwbouw</t>
  </si>
  <si>
    <t>buurt_gegeneraliseerd_2021.88fe01b1-0d1b-46de-bf8b-44c50d904ba3</t>
  </si>
  <si>
    <t>BU18950600</t>
  </si>
  <si>
    <t>2021BU18950600</t>
  </si>
  <si>
    <t>Scheemda</t>
  </si>
  <si>
    <t>buurt_gegeneraliseerd_2021.c33d5cf1-8dee-4b6d-b3c0-732ac4f861a7</t>
  </si>
  <si>
    <t>BU18950601</t>
  </si>
  <si>
    <t>2021BU18950601</t>
  </si>
  <si>
    <t>Eexta</t>
  </si>
  <si>
    <t>buurt_gegeneraliseerd_2021.54a58e1a-f4c6-4514-b3f6-4cf4ca49fcc4</t>
  </si>
  <si>
    <t>BU18950602</t>
  </si>
  <si>
    <t>2021BU18950602</t>
  </si>
  <si>
    <t>Heiligerlee</t>
  </si>
  <si>
    <t>buurt_gegeneraliseerd_2021.7b2d0390-bc0f-451c-8cdb-112697edcb87</t>
  </si>
  <si>
    <t>BU18950603</t>
  </si>
  <si>
    <t>2021BU18950603</t>
  </si>
  <si>
    <t>Eexta-Zuid</t>
  </si>
  <si>
    <t>buurt_gegeneraliseerd_2021.fd0a1908-338c-495f-b0f0-59183393344b</t>
  </si>
  <si>
    <t>BU18950604</t>
  </si>
  <si>
    <t>2021BU18950604</t>
  </si>
  <si>
    <t>Scheemdermeer</t>
  </si>
  <si>
    <t>buurt_gegeneraliseerd_2021.f45ffab3-bc97-45e7-bbe5-6d6b70d4045f</t>
  </si>
  <si>
    <t>BU18950605</t>
  </si>
  <si>
    <t>2021BU18950605</t>
  </si>
  <si>
    <t>Napels</t>
  </si>
  <si>
    <t>buurt_gegeneraliseerd_2021.c48ec132-a2f8-47af-aa22-9958acfa5c58</t>
  </si>
  <si>
    <t>BU18950700</t>
  </si>
  <si>
    <t>2021BU18950700</t>
  </si>
  <si>
    <t>Westerlee</t>
  </si>
  <si>
    <t>buurt_gegeneraliseerd_2021.32cae884-1100-4b41-921f-5f8d27ef95bd</t>
  </si>
  <si>
    <t>BU18950708</t>
  </si>
  <si>
    <t>2021BU18950708</t>
  </si>
  <si>
    <t>Verspreide huizen ten zuiden van Westerlee</t>
  </si>
  <si>
    <t>buurt_gegeneraliseerd_2021.e1d47ee5-083c-449a-bbe1-47f15e7b85da</t>
  </si>
  <si>
    <t>BU18950709</t>
  </si>
  <si>
    <t>2021BU18950709</t>
  </si>
  <si>
    <t>Verspreide huizen ten noorden van Westerlee</t>
  </si>
  <si>
    <t>buurt_gegeneraliseerd_2021.4efd7a34-fa38-49a5-9946-a0c32160d45d</t>
  </si>
  <si>
    <t>BU18950800</t>
  </si>
  <si>
    <t>2021BU18950800</t>
  </si>
  <si>
    <t>Nieuw-Scheemda</t>
  </si>
  <si>
    <t>buurt_gegeneraliseerd_2021.730d8ecd-3bb7-4450-b86b-7a132bf49918</t>
  </si>
  <si>
    <t>BU18950801</t>
  </si>
  <si>
    <t>2021BU18950801</t>
  </si>
  <si>
    <t>'t Waar</t>
  </si>
  <si>
    <t>buurt_gegeneraliseerd_2021.ed0bae91-1209-480d-8a42-a4b060c9ed13</t>
  </si>
  <si>
    <t>BU18950802</t>
  </si>
  <si>
    <t>2021BU18950802</t>
  </si>
  <si>
    <t>Hamrikkerweg</t>
  </si>
  <si>
    <t>buurt_gegeneraliseerd_2021.d38a7e11-b9e1-4389-95f9-7735065da8b6</t>
  </si>
  <si>
    <t>BU18950803</t>
  </si>
  <si>
    <t>2021BU18950803</t>
  </si>
  <si>
    <t>Scheemderzwaag</t>
  </si>
  <si>
    <t>buurt_gegeneraliseerd_2021.2d8e2163-11d7-4404-9e8d-c5869fabab31</t>
  </si>
  <si>
    <t>BU18950809</t>
  </si>
  <si>
    <t>2021BU18950809</t>
  </si>
  <si>
    <t>buurt_gegeneraliseerd_2021.99b43904-00dd-4a66-88a9-5975834e9cf6</t>
  </si>
  <si>
    <t>BU18950900</t>
  </si>
  <si>
    <t>2021BU18950900</t>
  </si>
  <si>
    <t>Midwolda</t>
  </si>
  <si>
    <t>buurt_gegeneraliseerd_2021.b9bc6f02-4a16-4973-9265-7011cd4220df</t>
  </si>
  <si>
    <t>BU18950901</t>
  </si>
  <si>
    <t>2021BU18950901</t>
  </si>
  <si>
    <t>Oostwold</t>
  </si>
  <si>
    <t>buurt_gegeneraliseerd_2021.8a6cc016-cc32-45c4-b71a-577657461c78</t>
  </si>
  <si>
    <t>BU18950902</t>
  </si>
  <si>
    <t>2021BU18950902</t>
  </si>
  <si>
    <t>buurt_gegeneraliseerd_2021.5689a53d-9306-45fb-ad72-777a0617aa21</t>
  </si>
  <si>
    <t>BU18950903</t>
  </si>
  <si>
    <t>2021BU18950903</t>
  </si>
  <si>
    <t>Ekamp</t>
  </si>
  <si>
    <t>buurt_gegeneraliseerd_2021.23a32c06-0683-4eba-9f61-3fddf72bbe07</t>
  </si>
  <si>
    <t>BU18950904</t>
  </si>
  <si>
    <t>2021BU18950904</t>
  </si>
  <si>
    <t>Nieuweweg</t>
  </si>
  <si>
    <t>buurt_gegeneraliseerd_2021.475e5e55-1b71-4413-9597-a3e1fdf8ff1e</t>
  </si>
  <si>
    <t>BU18950905</t>
  </si>
  <si>
    <t>2021BU18950905</t>
  </si>
  <si>
    <t>Niesoord</t>
  </si>
  <si>
    <t>buurt_gegeneraliseerd_2021.df69e476-c8f3-4ce5-84ce-8216afbd8fbb</t>
  </si>
  <si>
    <t>BU18950907</t>
  </si>
  <si>
    <t>2021BU18950907</t>
  </si>
  <si>
    <t>Meerland</t>
  </si>
  <si>
    <t>buurt_gegeneraliseerd_2021.6a94bd33-43bf-49e1-bbab-2271457362c8</t>
  </si>
  <si>
    <t>BU18950909</t>
  </si>
  <si>
    <t>2021BU18950909</t>
  </si>
  <si>
    <t>Verspreide huizen Midwolda</t>
  </si>
  <si>
    <t>buurt_gegeneraliseerd_2021.813b24aa-2891-4c66-9a12-ccf9a4f9cd8b</t>
  </si>
  <si>
    <t>BU18951000</t>
  </si>
  <si>
    <t>2021BU18951000</t>
  </si>
  <si>
    <t>Nieuwolda</t>
  </si>
  <si>
    <t>buurt_gegeneraliseerd_2021.5704b511-846f-428a-8129-3a8567052acc</t>
  </si>
  <si>
    <t>BU18951001</t>
  </si>
  <si>
    <t>2021BU18951001</t>
  </si>
  <si>
    <t>buurt_gegeneraliseerd_2021.944a0d93-1321-48e6-ba17-5dec4889bb2f</t>
  </si>
  <si>
    <t>BU18951009</t>
  </si>
  <si>
    <t>2021BU18951009</t>
  </si>
  <si>
    <t>Verspreide huizen Nieuwolda</t>
  </si>
  <si>
    <t>buurt_gegeneraliseerd_2021.e79e587b-604d-491d-af22-723811c84b0a</t>
  </si>
  <si>
    <t>BU18960000</t>
  </si>
  <si>
    <t>2021BU18960000</t>
  </si>
  <si>
    <t>Genemuiden Kern</t>
  </si>
  <si>
    <t>GM1896</t>
  </si>
  <si>
    <t>buurt_gegeneraliseerd_2021.e63d2440-951f-4929-a204-e96bf9de74c5</t>
  </si>
  <si>
    <t>BU18960001</t>
  </si>
  <si>
    <t>2021BU18960001</t>
  </si>
  <si>
    <t>Genemuiden Noord-Oost</t>
  </si>
  <si>
    <t>buurt_gegeneraliseerd_2021.67a01068-a9a5-4caf-b8b4-d6d201476794</t>
  </si>
  <si>
    <t>BU18960008</t>
  </si>
  <si>
    <t>2021BU18960008</t>
  </si>
  <si>
    <t>Cellemuiden</t>
  </si>
  <si>
    <t>buurt_gegeneraliseerd_2021.f01980d3-0be1-4309-8f9a-136f5838b4c8</t>
  </si>
  <si>
    <t>BU18960009</t>
  </si>
  <si>
    <t>2021BU18960009</t>
  </si>
  <si>
    <t>Zuiderzeepolder</t>
  </si>
  <si>
    <t>buurt_gegeneraliseerd_2021.a9b21959-2a29-49c1-a30b-2c78645f4164</t>
  </si>
  <si>
    <t>BU18960010</t>
  </si>
  <si>
    <t>2021BU18960010</t>
  </si>
  <si>
    <t>Genemuiden Industrieterrein</t>
  </si>
  <si>
    <t>buurt_gegeneraliseerd_2021.37082dcf-ffef-4d0b-ba69-ab53c5001891</t>
  </si>
  <si>
    <t>BU18960011</t>
  </si>
  <si>
    <t>2021BU18960011</t>
  </si>
  <si>
    <t>buurt_gegeneraliseerd_2021.c19bef70-93c3-4d63-ac5c-498baddfd52f</t>
  </si>
  <si>
    <t>BU18960012</t>
  </si>
  <si>
    <t>2021BU18960012</t>
  </si>
  <si>
    <t>Achter 't Tag</t>
  </si>
  <si>
    <t>buurt_gegeneraliseerd_2021.6b5499d2-c199-40ad-a1b7-1b0228b9ce24</t>
  </si>
  <si>
    <t>BU18960013</t>
  </si>
  <si>
    <t>2021BU18960013</t>
  </si>
  <si>
    <t>Binnenlanden-West</t>
  </si>
  <si>
    <t>buurt_gegeneraliseerd_2021.5c499011-48d2-45d6-b6bd-a05b1ff5ad43</t>
  </si>
  <si>
    <t>BU18960014</t>
  </si>
  <si>
    <t>2021BU18960014</t>
  </si>
  <si>
    <t>Greente</t>
  </si>
  <si>
    <t>buurt_gegeneraliseerd_2021.1131d2bb-4833-4ee0-b56f-f8c98446a907</t>
  </si>
  <si>
    <t>BU18960100</t>
  </si>
  <si>
    <t>2021BU18960100</t>
  </si>
  <si>
    <t>Kamperzeedijk-Oost</t>
  </si>
  <si>
    <t>buurt_gegeneraliseerd_2021.046c5bb5-591f-464e-a6e6-8fc06f441912</t>
  </si>
  <si>
    <t>BU18960101</t>
  </si>
  <si>
    <t>2021BU18960101</t>
  </si>
  <si>
    <t>Kamperzeedijk-West</t>
  </si>
  <si>
    <t>buurt_gegeneraliseerd_2021.90869772-f8e4-486b-ad20-ae3f20fe0849</t>
  </si>
  <si>
    <t>BU18960108</t>
  </si>
  <si>
    <t>2021BU18960108</t>
  </si>
  <si>
    <t>Landelijk gebied Genemuiden</t>
  </si>
  <si>
    <t>buurt_gegeneraliseerd_2021.5baa01d2-6f97-4c2f-91d9-7732a2efed2b</t>
  </si>
  <si>
    <t>BU18960109</t>
  </si>
  <si>
    <t>2021BU18960109</t>
  </si>
  <si>
    <t>Pieperpolder</t>
  </si>
  <si>
    <t>buurt_gegeneraliseerd_2021.247120c7-a679-4339-82e1-0875b8b5329c</t>
  </si>
  <si>
    <t>BU18960200</t>
  </si>
  <si>
    <t>2021BU18960200</t>
  </si>
  <si>
    <t>Hasselt Kern</t>
  </si>
  <si>
    <t>buurt_gegeneraliseerd_2021.dae1c0aa-22a8-4baa-9a22-4598c509b075</t>
  </si>
  <si>
    <t>BU18960201</t>
  </si>
  <si>
    <t>2021BU18960201</t>
  </si>
  <si>
    <t>Hasselt Dedemsvaart-Zuid</t>
  </si>
  <si>
    <t>buurt_gegeneraliseerd_2021.e1942b28-52b5-4929-844d-ac7bbcbed692</t>
  </si>
  <si>
    <t>BU18960202</t>
  </si>
  <si>
    <t>2021BU18960202</t>
  </si>
  <si>
    <t>Hasselt Dedemsvaart</t>
  </si>
  <si>
    <t>buurt_gegeneraliseerd_2021.683bfa53-ceb3-4725-8bb8-72ed50b7e057</t>
  </si>
  <si>
    <t>BU18960203</t>
  </si>
  <si>
    <t>2021BU18960203</t>
  </si>
  <si>
    <t>Hasselt Industrieterrein</t>
  </si>
  <si>
    <t>buurt_gegeneraliseerd_2021.6849ade2-2c50-4c08-afaa-abc29a946170</t>
  </si>
  <si>
    <t>BU18960204</t>
  </si>
  <si>
    <t>2021BU18960204</t>
  </si>
  <si>
    <t>Nadorst</t>
  </si>
  <si>
    <t>buurt_gegeneraliseerd_2021.1ac168b5-97d6-469a-80d9-ac7ea966211e</t>
  </si>
  <si>
    <t>BU18960205</t>
  </si>
  <si>
    <t>2021BU18960205</t>
  </si>
  <si>
    <t>Ter Wee's Hoek</t>
  </si>
  <si>
    <t>buurt_gegeneraliseerd_2021.524b7759-dbd9-43f6-a333-76d8dfaf453a</t>
  </si>
  <si>
    <t>BU18960206</t>
  </si>
  <si>
    <t>2021BU18960206</t>
  </si>
  <si>
    <t>Molenwaard</t>
  </si>
  <si>
    <t>buurt_gegeneraliseerd_2021.57fa12ef-91e3-4ff4-86c3-5162f9c95671</t>
  </si>
  <si>
    <t>BU18960207</t>
  </si>
  <si>
    <t>2021BU18960207</t>
  </si>
  <si>
    <t>Hasselt om de Weede</t>
  </si>
  <si>
    <t>buurt_gegeneraliseerd_2021.b35121c1-afdb-40ac-a9ea-3dc89f51012b</t>
  </si>
  <si>
    <t>BU18960307</t>
  </si>
  <si>
    <t>2021BU18960307</t>
  </si>
  <si>
    <t>Genne-Overwaters</t>
  </si>
  <si>
    <t>buurt_gegeneraliseerd_2021.be08ddae-15e0-4923-b185-80a0a1846a57</t>
  </si>
  <si>
    <t>BU18960310</t>
  </si>
  <si>
    <t>2021BU18960310</t>
  </si>
  <si>
    <t>Streukel-Holten-Genne</t>
  </si>
  <si>
    <t>buurt_gegeneraliseerd_2021.b479a7f5-8bb5-4e32-9112-1d18b7811625</t>
  </si>
  <si>
    <t>BU18960400</t>
  </si>
  <si>
    <t>2021BU18960400</t>
  </si>
  <si>
    <t>Zwartsluis Kern</t>
  </si>
  <si>
    <t>buurt_gegeneraliseerd_2021.211f6528-a159-4ba7-ba99-54cb3c5a4afe</t>
  </si>
  <si>
    <t>BU18960402</t>
  </si>
  <si>
    <t>2021BU18960402</t>
  </si>
  <si>
    <t>Buitenkwartier</t>
  </si>
  <si>
    <t>buurt_gegeneraliseerd_2021.56af7947-5322-4925-a14f-461fc4873bb3</t>
  </si>
  <si>
    <t>BU18960403</t>
  </si>
  <si>
    <t>2021BU18960403</t>
  </si>
  <si>
    <t>buurt_gegeneraliseerd_2021.19a19104-bb5f-47a6-a91c-f3d721f4f26d</t>
  </si>
  <si>
    <t>BU18960404</t>
  </si>
  <si>
    <t>2021BU18960404</t>
  </si>
  <si>
    <t>Achter het Singel</t>
  </si>
  <si>
    <t>buurt_gegeneraliseerd_2021.a0d720c1-0f05-41d1-888f-b6959eacccc9</t>
  </si>
  <si>
    <t>BU18960405</t>
  </si>
  <si>
    <t>2021BU18960405</t>
  </si>
  <si>
    <t>Zomerdijk</t>
  </si>
  <si>
    <t>buurt_gegeneraliseerd_2021.212af1d5-359d-4b4c-a90e-1536a0f6155a</t>
  </si>
  <si>
    <t>BU18960406</t>
  </si>
  <si>
    <t>2021BU18960406</t>
  </si>
  <si>
    <t>De Nieuwesluis</t>
  </si>
  <si>
    <t>buurt_gegeneraliseerd_2021.eee59ee0-8582-467d-8028-400a2d29a509</t>
  </si>
  <si>
    <t>BU18960407</t>
  </si>
  <si>
    <t>2021BU18960407</t>
  </si>
  <si>
    <t>Zwartsluis Industrieterrein</t>
  </si>
  <si>
    <t>buurt_gegeneraliseerd_2021.dbc49971-211b-465c-99a0-b57dd7f121df</t>
  </si>
  <si>
    <t>BU18960408</t>
  </si>
  <si>
    <t>2021BU18960408</t>
  </si>
  <si>
    <t>De Velde-Zwartewatersklooster</t>
  </si>
  <si>
    <t>buurt_gegeneraliseerd_2021.06af0920-95c9-4f0e-be56-4b8c1bba67b5</t>
  </si>
  <si>
    <t>BU18960409</t>
  </si>
  <si>
    <t>2021BU18960409</t>
  </si>
  <si>
    <t>Landelijk gebied Zwartsluis</t>
  </si>
  <si>
    <t>buurt_gegeneraliseerd_2021.967b76e4-b471-424c-b7d9-028dd922729b</t>
  </si>
  <si>
    <t>BU18960410</t>
  </si>
  <si>
    <t>2021BU18960410</t>
  </si>
  <si>
    <t>Barsbeek</t>
  </si>
  <si>
    <t>buurt_gegeneraliseerd_2021.dfcc6685-ce0f-499b-8a2c-2ed35bbdd54d</t>
  </si>
  <si>
    <t>BU18960500</t>
  </si>
  <si>
    <t>2021BU18960500</t>
  </si>
  <si>
    <t>Mastenbroek</t>
  </si>
  <si>
    <t>buurt_gegeneraliseerd_2021.c4a1a589-d7f2-4b9d-b4ad-c026af17018a</t>
  </si>
  <si>
    <t>BU19000000</t>
  </si>
  <si>
    <t>2021BU19000000</t>
  </si>
  <si>
    <t>Bolsward binnen De Wallen</t>
  </si>
  <si>
    <t>GM1900</t>
  </si>
  <si>
    <t>buurt_gegeneraliseerd_2021.b500a72e-9078-4342-910a-ca4b35745a76</t>
  </si>
  <si>
    <t>BU19000001</t>
  </si>
  <si>
    <t>2021BU19000001</t>
  </si>
  <si>
    <t>Bolsward-Noord</t>
  </si>
  <si>
    <t>buurt_gegeneraliseerd_2021.414c374c-302a-4993-b8ce-a03f8a7ccf59</t>
  </si>
  <si>
    <t>BU19000002</t>
  </si>
  <si>
    <t>2021BU19000002</t>
  </si>
  <si>
    <t>Bolsward-Zuidoost</t>
  </si>
  <si>
    <t>buurt_gegeneraliseerd_2021.46db813d-ee03-475b-bb72-910c2b38d193</t>
  </si>
  <si>
    <t>BU19000003</t>
  </si>
  <si>
    <t>2021BU19000003</t>
  </si>
  <si>
    <t>Bolsward-Zuidwest</t>
  </si>
  <si>
    <t>buurt_gegeneraliseerd_2021.eb64410f-fd19-4f75-8ee7-0652fe7b06df</t>
  </si>
  <si>
    <t>BU19000004</t>
  </si>
  <si>
    <t>2021BU19000004</t>
  </si>
  <si>
    <t>Bolsward-Noordoost</t>
  </si>
  <si>
    <t>buurt_gegeneraliseerd_2021.5f3f1189-bf51-4701-8e8e-c98c9424d1d7</t>
  </si>
  <si>
    <t>BU19000009</t>
  </si>
  <si>
    <t>2021BU19000009</t>
  </si>
  <si>
    <t>Verspreide huizen Bolsward</t>
  </si>
  <si>
    <t>buurt_gegeneraliseerd_2021.a93d4c1d-02de-48bb-9c98-a93686c01faf</t>
  </si>
  <si>
    <t>BU19000101</t>
  </si>
  <si>
    <t>2021BU19000101</t>
  </si>
  <si>
    <t>Sneek binnen de grachten</t>
  </si>
  <si>
    <t>buurt_gegeneraliseerd_2021.53782137-092c-4f15-8573-60ceb68cfe74</t>
  </si>
  <si>
    <t>BU19000102</t>
  </si>
  <si>
    <t>2021BU19000102</t>
  </si>
  <si>
    <t>buurt_gegeneraliseerd_2021.1d837cdb-a67d-4b17-a826-052468b937c7</t>
  </si>
  <si>
    <t>BU19000103</t>
  </si>
  <si>
    <t>2021BU19000103</t>
  </si>
  <si>
    <t>Hemdijk</t>
  </si>
  <si>
    <t>buurt_gegeneraliseerd_2021.2a6b2bfb-d2e9-4c33-98b6-c7fc8b22a94e</t>
  </si>
  <si>
    <t>BU19000104</t>
  </si>
  <si>
    <t>2021BU19000104</t>
  </si>
  <si>
    <t>Noorderhoek I</t>
  </si>
  <si>
    <t>buurt_gegeneraliseerd_2021.c46ed220-3be9-43be-bc1f-4a45b3a4bccf</t>
  </si>
  <si>
    <t>BU19000105</t>
  </si>
  <si>
    <t>2021BU19000105</t>
  </si>
  <si>
    <t>Noorderhoek II</t>
  </si>
  <si>
    <t>buurt_gegeneraliseerd_2021.f947711b-a44d-4a83-818b-1ce669367573</t>
  </si>
  <si>
    <t>BU19000106</t>
  </si>
  <si>
    <t>2021BU19000106</t>
  </si>
  <si>
    <t>Noordoosthoek</t>
  </si>
  <si>
    <t>buurt_gegeneraliseerd_2021.c8bcf6bb-e868-4b28-bc43-3d8d71bbc391</t>
  </si>
  <si>
    <t>BU19000107</t>
  </si>
  <si>
    <t>2021BU19000107</t>
  </si>
  <si>
    <t>Zwetteplan</t>
  </si>
  <si>
    <t>buurt_gegeneraliseerd_2021.29fdd3c5-2ebb-4eb5-945d-cc2f3de356b1</t>
  </si>
  <si>
    <t>BU19000108</t>
  </si>
  <si>
    <t>2021BU19000108</t>
  </si>
  <si>
    <t>buurt_gegeneraliseerd_2021.ef8efd62-5558-4928-9fca-950771dc677b</t>
  </si>
  <si>
    <t>BU19000109</t>
  </si>
  <si>
    <t>2021BU19000109</t>
  </si>
  <si>
    <t>Omgeving Leeuwarderweg en bungalowpark</t>
  </si>
  <si>
    <t>buurt_gegeneraliseerd_2021.8a266313-50bb-4fce-910d-64b0fcce6d46</t>
  </si>
  <si>
    <t>BU19000110</t>
  </si>
  <si>
    <t>2021BU19000110</t>
  </si>
  <si>
    <t>Stadsfenne</t>
  </si>
  <si>
    <t>buurt_gegeneraliseerd_2021.87bb995d-841e-4815-a93c-6d5b02fa428e</t>
  </si>
  <si>
    <t>BU19000111</t>
  </si>
  <si>
    <t>2021BU19000111</t>
  </si>
  <si>
    <t>De Domp</t>
  </si>
  <si>
    <t>buurt_gegeneraliseerd_2021.90b58f4b-5eb7-484b-a438-734d0838e02a</t>
  </si>
  <si>
    <t>BU19000112</t>
  </si>
  <si>
    <t>2021BU19000112</t>
  </si>
  <si>
    <t>buurt_gegeneraliseerd_2021.6fc756e6-4f4a-44ff-9712-4a976f53cdeb</t>
  </si>
  <si>
    <t>BU19000113</t>
  </si>
  <si>
    <t>2021BU19000113</t>
  </si>
  <si>
    <t>Sperkhem en industrieterrein Houkesloot</t>
  </si>
  <si>
    <t>buurt_gegeneraliseerd_2021.99900ccc-4fb9-4ae8-a0b0-6d2d043fb534</t>
  </si>
  <si>
    <t>BU19000114</t>
  </si>
  <si>
    <t>2021BU19000114</t>
  </si>
  <si>
    <t>Lemmerweg-Oost</t>
  </si>
  <si>
    <t>buurt_gegeneraliseerd_2021.62687938-708d-4528-96ef-382aa71759db</t>
  </si>
  <si>
    <t>BU19000115</t>
  </si>
  <si>
    <t>2021BU19000115</t>
  </si>
  <si>
    <t>Lemmerweg-West</t>
  </si>
  <si>
    <t>buurt_gegeneraliseerd_2021.2dcb2e50-9072-4b58-968d-faad208e18dc</t>
  </si>
  <si>
    <t>BU19000116</t>
  </si>
  <si>
    <t>2021BU19000116</t>
  </si>
  <si>
    <t>Tinga</t>
  </si>
  <si>
    <t>buurt_gegeneraliseerd_2021.cc782cf5-c860-4742-9a19-a7698b2f0267</t>
  </si>
  <si>
    <t>BU19000117</t>
  </si>
  <si>
    <t>2021BU19000117</t>
  </si>
  <si>
    <t>Duinterpen</t>
  </si>
  <si>
    <t>buurt_gegeneraliseerd_2021.f6d888ab-7c80-4c77-acf9-b3100e612cc8</t>
  </si>
  <si>
    <t>BU19000118</t>
  </si>
  <si>
    <t>2021BU19000118</t>
  </si>
  <si>
    <t>Offingawier</t>
  </si>
  <si>
    <t>buurt_gegeneraliseerd_2021.0b148eb4-0976-4486-a33a-a4a15744df22</t>
  </si>
  <si>
    <t>BU19000119</t>
  </si>
  <si>
    <t>2021BU19000119</t>
  </si>
  <si>
    <t>Loënga</t>
  </si>
  <si>
    <t>buurt_gegeneraliseerd_2021.9189f06a-c251-47c6-ad48-f37074a932ff</t>
  </si>
  <si>
    <t>BU19000120</t>
  </si>
  <si>
    <t>2021BU19000120</t>
  </si>
  <si>
    <t>IJsbrechtum</t>
  </si>
  <si>
    <t>buurt_gegeneraliseerd_2021.a67de854-b7fa-478d-a344-96911ebd6a87</t>
  </si>
  <si>
    <t>BU19000200</t>
  </si>
  <si>
    <t>2021BU19000200</t>
  </si>
  <si>
    <t>Workum</t>
  </si>
  <si>
    <t>buurt_gegeneraliseerd_2021.544cf514-2f90-4ea9-8f9b-7a5eb442d551</t>
  </si>
  <si>
    <t>BU19000201</t>
  </si>
  <si>
    <t>2021BU19000201</t>
  </si>
  <si>
    <t>Nijhuizum</t>
  </si>
  <si>
    <t>buurt_gegeneraliseerd_2021.b2388d0d-6166-4f6e-b810-dbb6d7c09e66</t>
  </si>
  <si>
    <t>BU19000202</t>
  </si>
  <si>
    <t>2021BU19000202</t>
  </si>
  <si>
    <t>Hindeloopen</t>
  </si>
  <si>
    <t>buurt_gegeneraliseerd_2021.f9b48ca1-a47e-4ae9-8a27-67c209934023</t>
  </si>
  <si>
    <t>BU19000208</t>
  </si>
  <si>
    <t>2021BU19000208</t>
  </si>
  <si>
    <t>Verspreide huizen Workum</t>
  </si>
  <si>
    <t>buurt_gegeneraliseerd_2021.f6edc67d-c41c-4051-b95d-ac08995376da</t>
  </si>
  <si>
    <t>BU19000209</t>
  </si>
  <si>
    <t>2021BU19000209</t>
  </si>
  <si>
    <t>Verspreide huizen Hindeloopen</t>
  </si>
  <si>
    <t>buurt_gegeneraliseerd_2021.f558b61e-3661-4602-8bd7-3a93b07c5d0b</t>
  </si>
  <si>
    <t>BU19000300</t>
  </si>
  <si>
    <t>2021BU19000300</t>
  </si>
  <si>
    <t>Koudum</t>
  </si>
  <si>
    <t>buurt_gegeneraliseerd_2021.93f8b07e-2745-4f02-b50f-24e821f3b56f</t>
  </si>
  <si>
    <t>BU19000301</t>
  </si>
  <si>
    <t>2021BU19000301</t>
  </si>
  <si>
    <t>Heidenschap</t>
  </si>
  <si>
    <t>buurt_gegeneraliseerd_2021.d63527ad-911e-4d0d-830b-39fe75314b49</t>
  </si>
  <si>
    <t>BU19000302</t>
  </si>
  <si>
    <t>2021BU19000302</t>
  </si>
  <si>
    <t>Molkwerum</t>
  </si>
  <si>
    <t>buurt_gegeneraliseerd_2021.8c24f1de-836e-4e33-8c37-13c5b5f0f02d</t>
  </si>
  <si>
    <t>BU19000308</t>
  </si>
  <si>
    <t>2021BU19000308</t>
  </si>
  <si>
    <t>Verspreide huizen Koudum</t>
  </si>
  <si>
    <t>buurt_gegeneraliseerd_2021.9035f9fc-5a9d-4f40-8b8a-e0fd19b9895c</t>
  </si>
  <si>
    <t>BU19000309</t>
  </si>
  <si>
    <t>2021BU19000309</t>
  </si>
  <si>
    <t>Verspreide huizen Molkwerum</t>
  </si>
  <si>
    <t>buurt_gegeneraliseerd_2021.235cdc95-3a40-46ba-a4ed-f9fca017989e</t>
  </si>
  <si>
    <t>BU19000400</t>
  </si>
  <si>
    <t>2021BU19000400</t>
  </si>
  <si>
    <t>Hemelum</t>
  </si>
  <si>
    <t>buurt_gegeneraliseerd_2021.72d9ca77-9d24-4115-8699-9086e4d60de1</t>
  </si>
  <si>
    <t>BU19000401</t>
  </si>
  <si>
    <t>2021BU19000401</t>
  </si>
  <si>
    <t>Warns</t>
  </si>
  <si>
    <t>buurt_gegeneraliseerd_2021.b9d2096d-b9d1-4be2-a71b-2e7c2f971e29</t>
  </si>
  <si>
    <t>BU19000402</t>
  </si>
  <si>
    <t>2021BU19000402</t>
  </si>
  <si>
    <t>Scharl</t>
  </si>
  <si>
    <t>buurt_gegeneraliseerd_2021.cf20bc25-723f-465a-89c1-9c316e68946e</t>
  </si>
  <si>
    <t>BU19000403</t>
  </si>
  <si>
    <t>2021BU19000403</t>
  </si>
  <si>
    <t>Stavoren</t>
  </si>
  <si>
    <t>buurt_gegeneraliseerd_2021.665150f0-6704-4d09-8394-2a278bb40f4e</t>
  </si>
  <si>
    <t>BU19000408</t>
  </si>
  <si>
    <t>2021BU19000408</t>
  </si>
  <si>
    <t>Verspreide huizen Hemelum</t>
  </si>
  <si>
    <t>buurt_gegeneraliseerd_2021.18a02e68-d84a-4aa8-82e2-8777ad8d1451</t>
  </si>
  <si>
    <t>BU19000409</t>
  </si>
  <si>
    <t>2021BU19000409</t>
  </si>
  <si>
    <t>Verspreide huizen Stavoren</t>
  </si>
  <si>
    <t>buurt_gegeneraliseerd_2021.4e7efdf8-6896-42f6-b781-ebe9d382a48b</t>
  </si>
  <si>
    <t>BU19000500</t>
  </si>
  <si>
    <t>2021BU19000500</t>
  </si>
  <si>
    <t>Oud IJlst</t>
  </si>
  <si>
    <t>buurt_gegeneraliseerd_2021.cd2b12f1-5f50-4f5f-a81b-55c91f498602</t>
  </si>
  <si>
    <t>BU19000501</t>
  </si>
  <si>
    <t>2021BU19000501</t>
  </si>
  <si>
    <t>Nijezijl-Roodhem</t>
  </si>
  <si>
    <t>buurt_gegeneraliseerd_2021.94612a00-d36a-47b7-930c-f37bc06f6c72</t>
  </si>
  <si>
    <t>BU19000502</t>
  </si>
  <si>
    <t>2021BU19000502</t>
  </si>
  <si>
    <t>De Rat-Cloosterkamp</t>
  </si>
  <si>
    <t>buurt_gegeneraliseerd_2021.485acb1b-ad2d-4ae0-967e-451b70a67b1e</t>
  </si>
  <si>
    <t>BU19000503</t>
  </si>
  <si>
    <t>2021BU19000503</t>
  </si>
  <si>
    <t>Verspreide huizen IJlst</t>
  </si>
  <si>
    <t>buurt_gegeneraliseerd_2021.1daf428a-da40-4215-8f74-0e5be1415c81</t>
  </si>
  <si>
    <t>BU19000600</t>
  </si>
  <si>
    <t>2021BU19000600</t>
  </si>
  <si>
    <t>Heeg</t>
  </si>
  <si>
    <t>buurt_gegeneraliseerd_2021.3fa0f5b1-f081-44ba-8442-a236e8a06b57</t>
  </si>
  <si>
    <t>BU19000602</t>
  </si>
  <si>
    <t>2021BU19000602</t>
  </si>
  <si>
    <t>Hommerts</t>
  </si>
  <si>
    <t>buurt_gegeneraliseerd_2021.b062facc-c987-43a2-b4fa-0d6044406c5d</t>
  </si>
  <si>
    <t>BU19000603</t>
  </si>
  <si>
    <t>2021BU19000603</t>
  </si>
  <si>
    <t>Jutrijp</t>
  </si>
  <si>
    <t>buurt_gegeneraliseerd_2021.87406572-ff12-430e-9349-f1d517558239</t>
  </si>
  <si>
    <t>BU19000607</t>
  </si>
  <si>
    <t>2021BU19000607</t>
  </si>
  <si>
    <t>Verspreide huizen Heeg</t>
  </si>
  <si>
    <t>buurt_gegeneraliseerd_2021.ffe25e8d-7891-443a-841a-9c6e1501d8d8</t>
  </si>
  <si>
    <t>BU19000608</t>
  </si>
  <si>
    <t>2021BU19000608</t>
  </si>
  <si>
    <t>Verspreide huizen Hommerts</t>
  </si>
  <si>
    <t>buurt_gegeneraliseerd_2021.a58769fd-29e7-45c5-a9f2-dac05ea80b24</t>
  </si>
  <si>
    <t>BU19000609</t>
  </si>
  <si>
    <t>2021BU19000609</t>
  </si>
  <si>
    <t>Verspreide huizen Jutrijp</t>
  </si>
  <si>
    <t>buurt_gegeneraliseerd_2021.9867bd4b-dd7d-4069-b70d-1fc126c5f34b</t>
  </si>
  <si>
    <t>BU19000700</t>
  </si>
  <si>
    <t>2021BU19000700</t>
  </si>
  <si>
    <t>Scharnegoutum</t>
  </si>
  <si>
    <t>buurt_gegeneraliseerd_2021.a9c4a1ab-d174-48d2-a970-b4e4c9729df0</t>
  </si>
  <si>
    <t>BU19000701</t>
  </si>
  <si>
    <t>2021BU19000701</t>
  </si>
  <si>
    <t>Goënga</t>
  </si>
  <si>
    <t>buurt_gegeneraliseerd_2021.3176dbc1-cad1-4572-b2fd-25d4d7f2f57b</t>
  </si>
  <si>
    <t>BU19000702</t>
  </si>
  <si>
    <t>2021BU19000702</t>
  </si>
  <si>
    <t>Gauw</t>
  </si>
  <si>
    <t>buurt_gegeneraliseerd_2021.acf18a95-349a-4321-b890-8814c1e73eb3</t>
  </si>
  <si>
    <t>BU19000706</t>
  </si>
  <si>
    <t>2021BU19000706</t>
  </si>
  <si>
    <t>Verspreide huizen Scharnegoutum</t>
  </si>
  <si>
    <t>buurt_gegeneraliseerd_2021.7546b721-f663-4714-8482-2c88ff054b61</t>
  </si>
  <si>
    <t>BU19000707</t>
  </si>
  <si>
    <t>2021BU19000707</t>
  </si>
  <si>
    <t>Verspreide huizen Goënga</t>
  </si>
  <si>
    <t>buurt_gegeneraliseerd_2021.a939876a-a914-43aa-be37-9cc7ab121f68</t>
  </si>
  <si>
    <t>BU19000708</t>
  </si>
  <si>
    <t>2021BU19000708</t>
  </si>
  <si>
    <t>Verspreide huizen Gauw</t>
  </si>
  <si>
    <t>buurt_gegeneraliseerd_2021.e6a0847a-c996-49d1-ad39-f1117664f013</t>
  </si>
  <si>
    <t>BU19000800</t>
  </si>
  <si>
    <t>2021BU19000800</t>
  </si>
  <si>
    <t>buurt_gegeneraliseerd_2021.00b1de4d-5073-4422-bb96-39b4f7f3dd98</t>
  </si>
  <si>
    <t>BU19000801</t>
  </si>
  <si>
    <t>2021BU19000801</t>
  </si>
  <si>
    <t>Gaastmeer</t>
  </si>
  <si>
    <t>buurt_gegeneraliseerd_2021.f54c598c-ff95-48f7-a86a-fe074d84d0a1</t>
  </si>
  <si>
    <t>BU19000802</t>
  </si>
  <si>
    <t>2021BU19000802</t>
  </si>
  <si>
    <t>Idzega</t>
  </si>
  <si>
    <t>buurt_gegeneraliseerd_2021.e1d32df0-bb6a-47d8-af99-75d74b61c233</t>
  </si>
  <si>
    <t>BU19000804</t>
  </si>
  <si>
    <t>2021BU19000804</t>
  </si>
  <si>
    <t>Sandfirden</t>
  </si>
  <si>
    <t>buurt_gegeneraliseerd_2021.44bcc79d-45ad-4b63-abeb-97b53721fc5a</t>
  </si>
  <si>
    <t>BU19000808</t>
  </si>
  <si>
    <t>2021BU19000808</t>
  </si>
  <si>
    <t>Verspreide huizen Oudega</t>
  </si>
  <si>
    <t>buurt_gegeneraliseerd_2021.8fcd77fa-e925-455c-808a-47c1f6fc8d24</t>
  </si>
  <si>
    <t>BU19000809</t>
  </si>
  <si>
    <t>2021BU19000809</t>
  </si>
  <si>
    <t>Verspreide huizen Gaastmeer</t>
  </si>
  <si>
    <t>buurt_gegeneraliseerd_2021.2d20759c-e3c0-4b46-9aaa-f1f28cbf4a58</t>
  </si>
  <si>
    <t>BU19000900</t>
  </si>
  <si>
    <t>2021BU19000900</t>
  </si>
  <si>
    <t>Oosthem</t>
  </si>
  <si>
    <t>buurt_gegeneraliseerd_2021.b2b967ad-f758-4cad-8376-372e6847e6e5</t>
  </si>
  <si>
    <t>BU19000901</t>
  </si>
  <si>
    <t>2021BU19000901</t>
  </si>
  <si>
    <t>Blauwhuis</t>
  </si>
  <si>
    <t>buurt_gegeneraliseerd_2021.85ffb058-716e-4a0e-a5b9-26ec826adf5e</t>
  </si>
  <si>
    <t>BU19000902</t>
  </si>
  <si>
    <t>2021BU19000902</t>
  </si>
  <si>
    <t>Westhem</t>
  </si>
  <si>
    <t>buurt_gegeneraliseerd_2021.93f6f333-8458-41dc-ae17-7132919abdf5</t>
  </si>
  <si>
    <t>BU19000903</t>
  </si>
  <si>
    <t>2021BU19000903</t>
  </si>
  <si>
    <t>Abbega</t>
  </si>
  <si>
    <t>buurt_gegeneraliseerd_2021.7fd640ec-5bff-47c3-91be-2999e0b51ab1</t>
  </si>
  <si>
    <t>BU19000904</t>
  </si>
  <si>
    <t>2021BU19000904</t>
  </si>
  <si>
    <t>Wolsum</t>
  </si>
  <si>
    <t>buurt_gegeneraliseerd_2021.9d4e785f-577c-4561-8a61-065e13ed733a</t>
  </si>
  <si>
    <t>BU19000905</t>
  </si>
  <si>
    <t>2021BU19000905</t>
  </si>
  <si>
    <t>Greonterp</t>
  </si>
  <si>
    <t>buurt_gegeneraliseerd_2021.97428055-90a6-49a2-9972-0fce1a81def0</t>
  </si>
  <si>
    <t>BU19000906</t>
  </si>
  <si>
    <t>2021BU19000906</t>
  </si>
  <si>
    <t>Verspreide huizen-Greonterp</t>
  </si>
  <si>
    <t>buurt_gegeneraliseerd_2021.2d018a44-d63d-43a2-bd8c-bbc71deda4fc</t>
  </si>
  <si>
    <t>BU19000907</t>
  </si>
  <si>
    <t>2021BU19000907</t>
  </si>
  <si>
    <t>Verspreide huizen-Oosthem</t>
  </si>
  <si>
    <t>buurt_gegeneraliseerd_2021.22e97e39-3d27-46b4-8bd5-b2012491b959</t>
  </si>
  <si>
    <t>BU19000908</t>
  </si>
  <si>
    <t>2021BU19000908</t>
  </si>
  <si>
    <t>Verspreide huizen Abbega</t>
  </si>
  <si>
    <t>buurt_gegeneraliseerd_2021.d4a40534-a8ea-47ee-9218-46b695659a29</t>
  </si>
  <si>
    <t>BU19000909</t>
  </si>
  <si>
    <t>2021BU19000909</t>
  </si>
  <si>
    <t>Verspreide huizen Wolsum</t>
  </si>
  <si>
    <t>buurt_gegeneraliseerd_2021.561ab23c-ba89-456c-b9c0-a64ca1c3c6e0</t>
  </si>
  <si>
    <t>BU19001000</t>
  </si>
  <si>
    <t>2021BU19001000</t>
  </si>
  <si>
    <t>Tirns</t>
  </si>
  <si>
    <t>buurt_gegeneraliseerd_2021.9272c373-eddd-441f-bdcd-984d1a20cd87</t>
  </si>
  <si>
    <t>BU19001001</t>
  </si>
  <si>
    <t>2021BU19001001</t>
  </si>
  <si>
    <t>Nijland</t>
  </si>
  <si>
    <t>buurt_gegeneraliseerd_2021.1b8348fe-11c6-425d-b8cc-b7ceb521dd32</t>
  </si>
  <si>
    <t>BU19001002</t>
  </si>
  <si>
    <t>2021BU19001002</t>
  </si>
  <si>
    <t>Folsgare</t>
  </si>
  <si>
    <t>buurt_gegeneraliseerd_2021.d55e39b9-f02a-4ccd-9081-898be8c59c09</t>
  </si>
  <si>
    <t>BU19001003</t>
  </si>
  <si>
    <t>2021BU19001003</t>
  </si>
  <si>
    <t>Tjalhuizum</t>
  </si>
  <si>
    <t>buurt_gegeneraliseerd_2021.7ef4de8f-e89a-4520-9136-f19af1783329</t>
  </si>
  <si>
    <t>BU19001007</t>
  </si>
  <si>
    <t>2021BU19001007</t>
  </si>
  <si>
    <t>Verspreide huizen Tirns</t>
  </si>
  <si>
    <t>buurt_gegeneraliseerd_2021.9c673d43-cff5-4aab-b7a9-c9c46b879b77</t>
  </si>
  <si>
    <t>BU19001008</t>
  </si>
  <si>
    <t>2021BU19001008</t>
  </si>
  <si>
    <t>Verspreide huizen Nijland</t>
  </si>
  <si>
    <t>buurt_gegeneraliseerd_2021.882cce18-6a0e-4142-9e35-7d74be156a97</t>
  </si>
  <si>
    <t>BU19001100</t>
  </si>
  <si>
    <t>2021BU19001100</t>
  </si>
  <si>
    <t>Oppenhuizen</t>
  </si>
  <si>
    <t>buurt_gegeneraliseerd_2021.28fdd660-36ab-4e74-9044-170e06d92e8a</t>
  </si>
  <si>
    <t>BU19001101</t>
  </si>
  <si>
    <t>2021BU19001101</t>
  </si>
  <si>
    <t>Uitwellingerga</t>
  </si>
  <si>
    <t>buurt_gegeneraliseerd_2021.c94b8b57-3c96-403d-b032-27babad12d01</t>
  </si>
  <si>
    <t>BU19001108</t>
  </si>
  <si>
    <t>2021BU19001108</t>
  </si>
  <si>
    <t>Verspreide huizen Oppenhuizen</t>
  </si>
  <si>
    <t>buurt_gegeneraliseerd_2021.96c9759f-be29-41b4-82fe-d926f0f33289</t>
  </si>
  <si>
    <t>BU19001109</t>
  </si>
  <si>
    <t>2021BU19001109</t>
  </si>
  <si>
    <t>buurt_gegeneraliseerd_2021.05a63524-51f9-4534-8d58-19c81779e673</t>
  </si>
  <si>
    <t>BU19001200</t>
  </si>
  <si>
    <t>2021BU19001200</t>
  </si>
  <si>
    <t>Woudsend</t>
  </si>
  <si>
    <t>buurt_gegeneraliseerd_2021.f4fdae6d-dde9-44b9-b47f-b7f620b90606</t>
  </si>
  <si>
    <t>BU19001201</t>
  </si>
  <si>
    <t>2021BU19001201</t>
  </si>
  <si>
    <t>Indijk</t>
  </si>
  <si>
    <t>buurt_gegeneraliseerd_2021.0681f7b5-a0f1-4110-9492-300b54bd835a</t>
  </si>
  <si>
    <t>BU19001202</t>
  </si>
  <si>
    <t>2021BU19001202</t>
  </si>
  <si>
    <t>IJpecolsga</t>
  </si>
  <si>
    <t>buurt_gegeneraliseerd_2021.759c8cc5-b776-46a5-a6ea-0eff4da86459</t>
  </si>
  <si>
    <t>BU19001203</t>
  </si>
  <si>
    <t>2021BU19001203</t>
  </si>
  <si>
    <t>Smallebrugge</t>
  </si>
  <si>
    <t>buurt_gegeneraliseerd_2021.3f85b4b4-add8-4aaf-8c8b-9951078d619e</t>
  </si>
  <si>
    <t>BU19001204</t>
  </si>
  <si>
    <t>2021BU19001204</t>
  </si>
  <si>
    <t>Koufurderrige</t>
  </si>
  <si>
    <t>buurt_gegeneraliseerd_2021.ebc26b51-84d2-42c8-a6a5-874e1268860b</t>
  </si>
  <si>
    <t>BU19001208</t>
  </si>
  <si>
    <t>2021BU19001208</t>
  </si>
  <si>
    <t>Verspreide huizen Woudsend</t>
  </si>
  <si>
    <t>buurt_gegeneraliseerd_2021.621d00d9-3f91-48af-abc1-f0cece9765de</t>
  </si>
  <si>
    <t>BU19001209</t>
  </si>
  <si>
    <t>2021BU19001209</t>
  </si>
  <si>
    <t>Verspreide huizen Koufurderrige</t>
  </si>
  <si>
    <t>buurt_gegeneraliseerd_2021.07d68adb-531e-4e2a-86cd-6f70ddec1fba</t>
  </si>
  <si>
    <t>BU19001300</t>
  </si>
  <si>
    <t>2021BU19001300</t>
  </si>
  <si>
    <t>Witmarsum</t>
  </si>
  <si>
    <t>buurt_gegeneraliseerd_2021.9a039b64-b78e-457d-a1bd-9cf9d5195cc5</t>
  </si>
  <si>
    <t>BU19001301</t>
  </si>
  <si>
    <t>2021BU19001301</t>
  </si>
  <si>
    <t>Pingjum</t>
  </si>
  <si>
    <t>buurt_gegeneraliseerd_2021.e833bba8-275c-439f-a24f-f69e15c2edd5</t>
  </si>
  <si>
    <t>BU19001302</t>
  </si>
  <si>
    <t>2021BU19001302</t>
  </si>
  <si>
    <t>Kimswerd</t>
  </si>
  <si>
    <t>buurt_gegeneraliseerd_2021.7ff180a5-5a79-420a-8b61-734e1515aa45</t>
  </si>
  <si>
    <t>BU19001303</t>
  </si>
  <si>
    <t>2021BU19001303</t>
  </si>
  <si>
    <t>Arum</t>
  </si>
  <si>
    <t>buurt_gegeneraliseerd_2021.97e2b7b0-70ec-4acc-b34b-680199c5ab19</t>
  </si>
  <si>
    <t>BU19001306</t>
  </si>
  <si>
    <t>2021BU19001306</t>
  </si>
  <si>
    <t>Verspreide huizen Witmarsum</t>
  </si>
  <si>
    <t>buurt_gegeneraliseerd_2021.391ee731-bdf5-4956-bc15-c4f8cafac602</t>
  </si>
  <si>
    <t>BU19001307</t>
  </si>
  <si>
    <t>2021BU19001307</t>
  </si>
  <si>
    <t>Verspreide huizen Pingjum</t>
  </si>
  <si>
    <t>buurt_gegeneraliseerd_2021.f0670383-00f3-4c63-bbd5-050dd7f2e0cf</t>
  </si>
  <si>
    <t>BU19001308</t>
  </si>
  <si>
    <t>2021BU19001308</t>
  </si>
  <si>
    <t>Verspreide huizen Kimswerd</t>
  </si>
  <si>
    <t>buurt_gegeneraliseerd_2021.99cbd277-28e8-4809-847d-1bde93bcfb85</t>
  </si>
  <si>
    <t>BU19001309</t>
  </si>
  <si>
    <t>2021BU19001309</t>
  </si>
  <si>
    <t>Verspreide huizen Arum</t>
  </si>
  <si>
    <t>buurt_gegeneraliseerd_2021.1194b1b7-d1a2-48eb-8ea2-bdc47186cc9c</t>
  </si>
  <si>
    <t>BU19001400</t>
  </si>
  <si>
    <t>2021BU19001400</t>
  </si>
  <si>
    <t>Lollum</t>
  </si>
  <si>
    <t>buurt_gegeneraliseerd_2021.49c7c7d5-8006-4116-9270-e919a74ad377</t>
  </si>
  <si>
    <t>BU19001401</t>
  </si>
  <si>
    <t>2021BU19001401</t>
  </si>
  <si>
    <t>Burgwerd</t>
  </si>
  <si>
    <t>buurt_gegeneraliseerd_2021.650328e5-cbf9-4e58-8281-46b20be22b16</t>
  </si>
  <si>
    <t>BU19001402</t>
  </si>
  <si>
    <t>2021BU19001402</t>
  </si>
  <si>
    <t>Hartwerd</t>
  </si>
  <si>
    <t>buurt_gegeneraliseerd_2021.e6149c69-d2a2-479a-968d-bc608b7227d0</t>
  </si>
  <si>
    <t>BU19001403</t>
  </si>
  <si>
    <t>2021BU19001403</t>
  </si>
  <si>
    <t>Hichtum</t>
  </si>
  <si>
    <t>buurt_gegeneraliseerd_2021.7e863804-d697-4e8b-a079-8bd2346c21ad</t>
  </si>
  <si>
    <t>BU19001404</t>
  </si>
  <si>
    <t>2021BU19001404</t>
  </si>
  <si>
    <t>Schettens</t>
  </si>
  <si>
    <t>buurt_gegeneraliseerd_2021.5910bfd6-76de-4d42-96b0-0e537da505f3</t>
  </si>
  <si>
    <t>BU19001405</t>
  </si>
  <si>
    <t>2021BU19001405</t>
  </si>
  <si>
    <t>Longerhouw</t>
  </si>
  <si>
    <t>buurt_gegeneraliseerd_2021.16fbf95f-6419-4ded-83fb-b2d298d06af0</t>
  </si>
  <si>
    <t>BU19001406</t>
  </si>
  <si>
    <t>2021BU19001406</t>
  </si>
  <si>
    <t>Schraard</t>
  </si>
  <si>
    <t>buurt_gegeneraliseerd_2021.12292938-33a0-4c62-9382-2b3938106332</t>
  </si>
  <si>
    <t>BU19001407</t>
  </si>
  <si>
    <t>2021BU19001407</t>
  </si>
  <si>
    <t>Verspreide huizen Lollum</t>
  </si>
  <si>
    <t>buurt_gegeneraliseerd_2021.70ad0802-085b-44fd-ace2-161e5bd2bd06</t>
  </si>
  <si>
    <t>BU19001408</t>
  </si>
  <si>
    <t>2021BU19001408</t>
  </si>
  <si>
    <t>Verspreide huizen Burgwerd</t>
  </si>
  <si>
    <t>buurt_gegeneraliseerd_2021.d3faa219-bc11-481a-a962-c19d1adbd15f</t>
  </si>
  <si>
    <t>BU19001409</t>
  </si>
  <si>
    <t>2021BU19001409</t>
  </si>
  <si>
    <t>Verspreide huizen Schettens</t>
  </si>
  <si>
    <t>buurt_gegeneraliseerd_2021.c158f27f-ddb6-466b-936a-a282c923dd23</t>
  </si>
  <si>
    <t>BU19001500</t>
  </si>
  <si>
    <t>2021BU19001500</t>
  </si>
  <si>
    <t>Zurich</t>
  </si>
  <si>
    <t>buurt_gegeneraliseerd_2021.c5af1381-c634-47b3-bb8d-906dae4cc4fe</t>
  </si>
  <si>
    <t>BU19001501</t>
  </si>
  <si>
    <t>2021BU19001501</t>
  </si>
  <si>
    <t>Wons</t>
  </si>
  <si>
    <t>buurt_gegeneraliseerd_2021.16ee8bdb-d2d7-4d8a-a5e2-71012e4853ea</t>
  </si>
  <si>
    <t>BU19001502</t>
  </si>
  <si>
    <t>2021BU19001502</t>
  </si>
  <si>
    <t>Cornwerd</t>
  </si>
  <si>
    <t>buurt_gegeneraliseerd_2021.001a4eb8-6190-4d78-a0fe-e95141e24bed</t>
  </si>
  <si>
    <t>BU19001503</t>
  </si>
  <si>
    <t>2021BU19001503</t>
  </si>
  <si>
    <t>Kornwerderzand</t>
  </si>
  <si>
    <t>buurt_gegeneraliseerd_2021.90669f17-406f-41f9-b1ca-a610825c8b66</t>
  </si>
  <si>
    <t>BU19001509</t>
  </si>
  <si>
    <t>2021BU19001509</t>
  </si>
  <si>
    <t>Verspreide huizen Zurich</t>
  </si>
  <si>
    <t>buurt_gegeneraliseerd_2021.ffadacee-d7cf-4625-827d-9fc4b172c923</t>
  </si>
  <si>
    <t>BU19001600</t>
  </si>
  <si>
    <t>2021BU19001600</t>
  </si>
  <si>
    <t>Parrega</t>
  </si>
  <si>
    <t>buurt_gegeneraliseerd_2021.0361dc2d-4816-4172-9fcd-f2091206512a</t>
  </si>
  <si>
    <t>BU19001601</t>
  </si>
  <si>
    <t>2021BU19001601</t>
  </si>
  <si>
    <t>Hieslum</t>
  </si>
  <si>
    <t>buurt_gegeneraliseerd_2021.ec9f0d6b-c6dc-4e57-9ad9-23ac1ea6a7c2</t>
  </si>
  <si>
    <t>BU19001602</t>
  </si>
  <si>
    <t>2021BU19001602</t>
  </si>
  <si>
    <t>Dedgum</t>
  </si>
  <si>
    <t>buurt_gegeneraliseerd_2021.9209cc65-2b13-4f24-a620-7a3252e221fb</t>
  </si>
  <si>
    <t>BU19001603</t>
  </si>
  <si>
    <t>2021BU19001603</t>
  </si>
  <si>
    <t>Tjerkwerd</t>
  </si>
  <si>
    <t>buurt_gegeneraliseerd_2021.25a6b071-55bb-43d5-a228-6c858724e5ee</t>
  </si>
  <si>
    <t>BU19001604</t>
  </si>
  <si>
    <t>2021BU19001604</t>
  </si>
  <si>
    <t>Exmorra</t>
  </si>
  <si>
    <t>buurt_gegeneraliseerd_2021.56c5ddb5-5d75-4955-86c4-8927ea830394</t>
  </si>
  <si>
    <t>BU19001606</t>
  </si>
  <si>
    <t>2021BU19001606</t>
  </si>
  <si>
    <t>Verspreide huizen Parrega</t>
  </si>
  <si>
    <t>buurt_gegeneraliseerd_2021.32936379-e81e-442b-a5f1-95e076811454</t>
  </si>
  <si>
    <t>BU19001607</t>
  </si>
  <si>
    <t>2021BU19001607</t>
  </si>
  <si>
    <t>Verspreide huizen Tjerkwerd</t>
  </si>
  <si>
    <t>buurt_gegeneraliseerd_2021.fd267107-391c-4479-982b-f4ba01317c84</t>
  </si>
  <si>
    <t>BU19001608</t>
  </si>
  <si>
    <t>2021BU19001608</t>
  </si>
  <si>
    <t>Verspreide huizen Exmorra</t>
  </si>
  <si>
    <t>buurt_gegeneraliseerd_2021.27f0985b-b904-4e8d-bc03-0706f22766f3</t>
  </si>
  <si>
    <t>BU19001700</t>
  </si>
  <si>
    <t>2021BU19001700</t>
  </si>
  <si>
    <t>Makkum</t>
  </si>
  <si>
    <t>buurt_gegeneraliseerd_2021.321eab36-c104-4c02-930e-cd743bdb80a0</t>
  </si>
  <si>
    <t>BU19001709</t>
  </si>
  <si>
    <t>2021BU19001709</t>
  </si>
  <si>
    <t>Verspreide huizen Makkum</t>
  </si>
  <si>
    <t>buurt_gegeneraliseerd_2021.ca962fb5-1e2f-4983-9b2a-136e39cf3eb7</t>
  </si>
  <si>
    <t>BU19001800</t>
  </si>
  <si>
    <t>2021BU19001800</t>
  </si>
  <si>
    <t>Idsegahuizum</t>
  </si>
  <si>
    <t>buurt_gegeneraliseerd_2021.620796d5-0b2c-444b-a929-f212730bc8d2</t>
  </si>
  <si>
    <t>BU19001801</t>
  </si>
  <si>
    <t>2021BU19001801</t>
  </si>
  <si>
    <t>Allingawier</t>
  </si>
  <si>
    <t>buurt_gegeneraliseerd_2021.6e030283-a98d-4e87-8724-5f4013a37031</t>
  </si>
  <si>
    <t>BU19001802</t>
  </si>
  <si>
    <t>2021BU19001802</t>
  </si>
  <si>
    <t>Piaam</t>
  </si>
  <si>
    <t>buurt_gegeneraliseerd_2021.6253b876-974d-4983-8afd-bb3f20cbf727</t>
  </si>
  <si>
    <t>BU19001803</t>
  </si>
  <si>
    <t>2021BU19001803</t>
  </si>
  <si>
    <t>Gaast</t>
  </si>
  <si>
    <t>buurt_gegeneraliseerd_2021.f89b3ece-4614-44ed-ae71-0e5c31f262f1</t>
  </si>
  <si>
    <t>BU19001804</t>
  </si>
  <si>
    <t>2021BU19001804</t>
  </si>
  <si>
    <t>Ferwoude</t>
  </si>
  <si>
    <t>buurt_gegeneraliseerd_2021.2dc040f7-93e3-4823-b131-a2ca20470f92</t>
  </si>
  <si>
    <t>BU19001808</t>
  </si>
  <si>
    <t>2021BU19001808</t>
  </si>
  <si>
    <t>Verspreide huizen Ferwoude</t>
  </si>
  <si>
    <t>buurt_gegeneraliseerd_2021.c3539d75-bded-47e4-841e-f436f93ab525</t>
  </si>
  <si>
    <t>BU19001809</t>
  </si>
  <si>
    <t>2021BU19001809</t>
  </si>
  <si>
    <t>Verspreide huizen Gaast</t>
  </si>
  <si>
    <t>buurt_gegeneraliseerd_2021.2b000482-0f55-46ff-bf75-e2f42eaeeff3</t>
  </si>
  <si>
    <t>BU19001900</t>
  </si>
  <si>
    <t>2021BU19001900</t>
  </si>
  <si>
    <t>Raerd</t>
  </si>
  <si>
    <t>buurt_gegeneraliseerd_2021.23ae8603-b8ac-4ede-b278-7d9d8e2b7e23</t>
  </si>
  <si>
    <t>BU19001901</t>
  </si>
  <si>
    <t>2021BU19001901</t>
  </si>
  <si>
    <t>Poppenwier</t>
  </si>
  <si>
    <t>buurt_gegeneraliseerd_2021.bfe999b8-fdc2-4c5d-9cf9-b9c940fe3038</t>
  </si>
  <si>
    <t>BU19001902</t>
  </si>
  <si>
    <t>2021BU19001902</t>
  </si>
  <si>
    <t>Sibrandabuorren</t>
  </si>
  <si>
    <t>buurt_gegeneraliseerd_2021.8bd8aca6-06fa-4b63-963e-d2667caf3a1c</t>
  </si>
  <si>
    <t>BU19001903</t>
  </si>
  <si>
    <t>2021BU19001903</t>
  </si>
  <si>
    <t>Tersoal</t>
  </si>
  <si>
    <t>buurt_gegeneraliseerd_2021.27d8e373-d342-469f-98eb-d56e0f2d4e94</t>
  </si>
  <si>
    <t>BU19001904</t>
  </si>
  <si>
    <t>2021BU19001904</t>
  </si>
  <si>
    <t>Dearsum</t>
  </si>
  <si>
    <t>buurt_gegeneraliseerd_2021.48e3f6a5-c65f-41d1-8aca-4473780b5641</t>
  </si>
  <si>
    <t>BU19002001</t>
  </si>
  <si>
    <t>2021BU19002001</t>
  </si>
  <si>
    <t>Wommels</t>
  </si>
  <si>
    <t>buurt_gegeneraliseerd_2021.13733f37-8966-486a-a3a5-5789f67ec510</t>
  </si>
  <si>
    <t>BU19002002</t>
  </si>
  <si>
    <t>2021BU19002002</t>
  </si>
  <si>
    <t>Easterein</t>
  </si>
  <si>
    <t>buurt_gegeneraliseerd_2021.6483b7ba-3b78-45d2-8e79-1433897a11f1</t>
  </si>
  <si>
    <t>BU19002003</t>
  </si>
  <si>
    <t>2021BU19002003</t>
  </si>
  <si>
    <t>Hinnaard</t>
  </si>
  <si>
    <t>buurt_gegeneraliseerd_2021.dc27defe-adbf-44fd-8601-bac8c7b3df63</t>
  </si>
  <si>
    <t>BU19002004</t>
  </si>
  <si>
    <t>2021BU19002004</t>
  </si>
  <si>
    <t>Itens</t>
  </si>
  <si>
    <t>buurt_gegeneraliseerd_2021.10f07cb6-7a27-418b-8083-aec025ab3713</t>
  </si>
  <si>
    <t>BU19002005</t>
  </si>
  <si>
    <t>2021BU19002005</t>
  </si>
  <si>
    <t>Rien</t>
  </si>
  <si>
    <t>buurt_gegeneraliseerd_2021.562825a9-6a6f-4ce5-85d0-33d1582675d4</t>
  </si>
  <si>
    <t>BU19002006</t>
  </si>
  <si>
    <t>2021BU19002006</t>
  </si>
  <si>
    <t>Lytsewierrum</t>
  </si>
  <si>
    <t>buurt_gegeneraliseerd_2021.9d591ca2-c858-480b-891b-3dfa72ed899f</t>
  </si>
  <si>
    <t>BU19002007</t>
  </si>
  <si>
    <t>2021BU19002007</t>
  </si>
  <si>
    <t>Hidaard</t>
  </si>
  <si>
    <t>buurt_gegeneraliseerd_2021.08c59f7c-f9e1-4174-bcad-1a2a865354ed</t>
  </si>
  <si>
    <t>BU19002008</t>
  </si>
  <si>
    <t>2021BU19002008</t>
  </si>
  <si>
    <t>Reahûs</t>
  </si>
  <si>
    <t>buurt_gegeneraliseerd_2021.ca6a2b93-c9a5-445a-999a-36a680e33615</t>
  </si>
  <si>
    <t>BU19002009</t>
  </si>
  <si>
    <t>2021BU19002009</t>
  </si>
  <si>
    <t>Verspreide huizen Wommels</t>
  </si>
  <si>
    <t>buurt_gegeneraliseerd_2021.a55c1d51-7473-43a1-a222-429db0a70a2c</t>
  </si>
  <si>
    <t>BU19002010</t>
  </si>
  <si>
    <t>2021BU19002010</t>
  </si>
  <si>
    <t>Verspreide huizen Easterein</t>
  </si>
  <si>
    <t>buurt_gegeneraliseerd_2021.601cb038-541a-4175-a1d1-7892f264fc8a</t>
  </si>
  <si>
    <t>BU19002011</t>
  </si>
  <si>
    <t>2021BU19002011</t>
  </si>
  <si>
    <t>Iens</t>
  </si>
  <si>
    <t>buurt_gegeneraliseerd_2021.e9e6c365-a05c-42fd-9179-fb90920e979b</t>
  </si>
  <si>
    <t>BU19002012</t>
  </si>
  <si>
    <t>2021BU19002012</t>
  </si>
  <si>
    <t>Kûbaard</t>
  </si>
  <si>
    <t>buurt_gegeneraliseerd_2021.0ebbc80f-62c6-4836-a7d8-4c6dcc3221b7</t>
  </si>
  <si>
    <t>BU19002013</t>
  </si>
  <si>
    <t>2021BU19002013</t>
  </si>
  <si>
    <t>Waaksens</t>
  </si>
  <si>
    <t>buurt_gegeneraliseerd_2021.21a5f46e-7bf8-4c1d-9a25-51f5d9bbd5ad</t>
  </si>
  <si>
    <t>BU19002014</t>
  </si>
  <si>
    <t>2021BU19002014</t>
  </si>
  <si>
    <t>Verspreide huizen Kûbaard</t>
  </si>
  <si>
    <t>buurt_gegeneraliseerd_2021.404816fc-831e-4a45-add6-a52158373665</t>
  </si>
  <si>
    <t>BU19002015</t>
  </si>
  <si>
    <t>2021BU19002015</t>
  </si>
  <si>
    <t>Britswert</t>
  </si>
  <si>
    <t>buurt_gegeneraliseerd_2021.0278a76c-8a81-4f82-a535-80d7c2c64087</t>
  </si>
  <si>
    <t>BU19002016</t>
  </si>
  <si>
    <t>2021BU19002016</t>
  </si>
  <si>
    <t>Wiuwert</t>
  </si>
  <si>
    <t>buurt_gegeneraliseerd_2021.940497ca-4553-4b35-a2b4-c363dff93ed1</t>
  </si>
  <si>
    <t>BU19002017</t>
  </si>
  <si>
    <t>2021BU19002017</t>
  </si>
  <si>
    <t>Boazum</t>
  </si>
  <si>
    <t>buurt_gegeneraliseerd_2021.57b84429-8b1e-498c-b0ea-c046f29ac297</t>
  </si>
  <si>
    <t>BU19002018</t>
  </si>
  <si>
    <t>2021BU19002018</t>
  </si>
  <si>
    <t>Easterwierrum</t>
  </si>
  <si>
    <t>buurt_gegeneraliseerd_2021.95dfc26c-233c-449b-a20a-e5751069849b</t>
  </si>
  <si>
    <t>BU19002019</t>
  </si>
  <si>
    <t>2021BU19002019</t>
  </si>
  <si>
    <t>Verspreide huizen Boazum</t>
  </si>
  <si>
    <t>buurt_gegeneraliseerd_2021.6f00be69-e4cc-48c2-81fe-ec28f157cb92</t>
  </si>
  <si>
    <t>BU19030000</t>
  </si>
  <si>
    <t>2021BU19030000</t>
  </si>
  <si>
    <t>Eijsden-Breust</t>
  </si>
  <si>
    <t>GM1903</t>
  </si>
  <si>
    <t>buurt_gegeneraliseerd_2021.27cdb2fe-77d3-41d7-a1a6-d333c812a522</t>
  </si>
  <si>
    <t>BU19030001</t>
  </si>
  <si>
    <t>2021BU19030001</t>
  </si>
  <si>
    <t>Mariadorp-Beezepool</t>
  </si>
  <si>
    <t>buurt_gegeneraliseerd_2021.04d15c09-0a9d-4fbe-87a5-f7f827d39b28</t>
  </si>
  <si>
    <t>BU19030002</t>
  </si>
  <si>
    <t>2021BU19030002</t>
  </si>
  <si>
    <t>Withuis-Stationsstraat</t>
  </si>
  <si>
    <t>buurt_gegeneraliseerd_2021.9e9e3599-9969-48d4-a5b7-15dc0513bfa9</t>
  </si>
  <si>
    <t>BU19030003</t>
  </si>
  <si>
    <t>2021BU19030003</t>
  </si>
  <si>
    <t>Mesch</t>
  </si>
  <si>
    <t>buurt_gegeneraliseerd_2021.29f42eeb-3f95-426a-a267-cd4ad7d2c318</t>
  </si>
  <si>
    <t>BU19030004</t>
  </si>
  <si>
    <t>2021BU19030004</t>
  </si>
  <si>
    <t>buurt_gegeneraliseerd_2021.d364171b-c176-45b4-8fa1-7a88c7eca3c0</t>
  </si>
  <si>
    <t>BU19030005</t>
  </si>
  <si>
    <t>2021BU19030005</t>
  </si>
  <si>
    <t>Maarland</t>
  </si>
  <si>
    <t>buurt_gegeneraliseerd_2021.d001c2a5-02ab-4be1-82dc-a327d3b71c1a</t>
  </si>
  <si>
    <t>BU19030009</t>
  </si>
  <si>
    <t>2021BU19030009</t>
  </si>
  <si>
    <t>buurt_gegeneraliseerd_2021.6fa2f11e-039c-4db0-9dd3-f9d2e45bb58a</t>
  </si>
  <si>
    <t>BU19030100</t>
  </si>
  <si>
    <t>2021BU19030100</t>
  </si>
  <si>
    <t>Gronsveld</t>
  </si>
  <si>
    <t>buurt_gegeneraliseerd_2021.f4d4e127-256f-4ebf-9a70-e99d0bd116f0</t>
  </si>
  <si>
    <t>BU19030101</t>
  </si>
  <si>
    <t>2021BU19030101</t>
  </si>
  <si>
    <t>Rijckholt</t>
  </si>
  <si>
    <t>buurt_gegeneraliseerd_2021.16879006-25e6-476a-b078-3fc96058f834</t>
  </si>
  <si>
    <t>BU19030200</t>
  </si>
  <si>
    <t>2021BU19030200</t>
  </si>
  <si>
    <t>Margraten</t>
  </si>
  <si>
    <t>buurt_gegeneraliseerd_2021.c3cfd05d-1b27-407d-b68e-a6c8813ca704</t>
  </si>
  <si>
    <t>BU19030201</t>
  </si>
  <si>
    <t>2021BU19030201</t>
  </si>
  <si>
    <t>buurt_gegeneraliseerd_2021.7d0a8b23-6777-456c-9565-02f5c2d1ea74</t>
  </si>
  <si>
    <t>BU19030202</t>
  </si>
  <si>
    <t>2021BU19030202</t>
  </si>
  <si>
    <t>Groot- en Klein-Welsden</t>
  </si>
  <si>
    <t>buurt_gegeneraliseerd_2021.835278b9-4a8e-4674-9a8b-287016dfdc50</t>
  </si>
  <si>
    <t>BU19030203</t>
  </si>
  <si>
    <t>2021BU19030203</t>
  </si>
  <si>
    <t>'t Rooth</t>
  </si>
  <si>
    <t>buurt_gegeneraliseerd_2021.19e5ec94-5be2-4cbb-8e95-a4f15b0a0389</t>
  </si>
  <si>
    <t>BU19030204</t>
  </si>
  <si>
    <t>2021BU19030204</t>
  </si>
  <si>
    <t>Scheulder</t>
  </si>
  <si>
    <t>buurt_gegeneraliseerd_2021.378ab1c0-58a2-4d05-8912-37dadee59a6a</t>
  </si>
  <si>
    <t>BU19030205</t>
  </si>
  <si>
    <t>2021BU19030205</t>
  </si>
  <si>
    <t>Gasthuis-Wolfshuis</t>
  </si>
  <si>
    <t>buurt_gegeneraliseerd_2021.298e5902-4745-438a-b69e-9d616d32ab0c</t>
  </si>
  <si>
    <t>BU19030300</t>
  </si>
  <si>
    <t>2021BU19030300</t>
  </si>
  <si>
    <t>Cadier</t>
  </si>
  <si>
    <t>buurt_gegeneraliseerd_2021.d550fc17-984f-4ca3-b87b-6e66f6818d4e</t>
  </si>
  <si>
    <t>BU19030301</t>
  </si>
  <si>
    <t>2021BU19030301</t>
  </si>
  <si>
    <t>Sint Antoniusbank</t>
  </si>
  <si>
    <t>buurt_gegeneraliseerd_2021.c91687c3-bd35-42f9-8d72-d539da180b65</t>
  </si>
  <si>
    <t>BU19030302</t>
  </si>
  <si>
    <t>2021BU19030302</t>
  </si>
  <si>
    <t>buurt_gegeneraliseerd_2021.4fd0c906-0227-42f9-883f-515e2d13cf5a</t>
  </si>
  <si>
    <t>BU19030303</t>
  </si>
  <si>
    <t>2021BU19030303</t>
  </si>
  <si>
    <t>Bemelen</t>
  </si>
  <si>
    <t>buurt_gegeneraliseerd_2021.436c1c30-658a-4285-a2f8-8e1cefe6e2ee</t>
  </si>
  <si>
    <t>BU19030304</t>
  </si>
  <si>
    <t>2021BU19030304</t>
  </si>
  <si>
    <t>Honthem</t>
  </si>
  <si>
    <t>buurt_gegeneraliseerd_2021.e2406e3b-cda0-45c0-a5fa-58040b7dd405</t>
  </si>
  <si>
    <t>BU19030309</t>
  </si>
  <si>
    <t>2021BU19030309</t>
  </si>
  <si>
    <t>buurt_gegeneraliseerd_2021.251c7d61-91a1-4c8e-92c0-9ff7de7618dd</t>
  </si>
  <si>
    <t>BU19030400</t>
  </si>
  <si>
    <t>2021BU19030400</t>
  </si>
  <si>
    <t>Sint Geertruid</t>
  </si>
  <si>
    <t>buurt_gegeneraliseerd_2021.a989452b-87b4-4c24-8d67-0c75a099a1d1</t>
  </si>
  <si>
    <t>BU19030401</t>
  </si>
  <si>
    <t>2021BU19030401</t>
  </si>
  <si>
    <t>Eckelrade</t>
  </si>
  <si>
    <t>buurt_gegeneraliseerd_2021.ce86a173-df5f-423b-92a9-786abe2f9561</t>
  </si>
  <si>
    <t>BU19030402</t>
  </si>
  <si>
    <t>2021BU19030402</t>
  </si>
  <si>
    <t>Herkenrade</t>
  </si>
  <si>
    <t>buurt_gegeneraliseerd_2021.7010977c-a089-4633-93be-38c764fc2e06</t>
  </si>
  <si>
    <t>BU19030403</t>
  </si>
  <si>
    <t>2021BU19030403</t>
  </si>
  <si>
    <t>Moerslag-Libeek</t>
  </si>
  <si>
    <t>buurt_gegeneraliseerd_2021.5b70acea-dd65-49f3-a341-0745e6b34b92</t>
  </si>
  <si>
    <t>BU19030404</t>
  </si>
  <si>
    <t>2021BU19030404</t>
  </si>
  <si>
    <t>Bruisterbosch</t>
  </si>
  <si>
    <t>buurt_gegeneraliseerd_2021.3fb966a5-e2bc-4587-8557-b0395e1d8339</t>
  </si>
  <si>
    <t>BU19030409</t>
  </si>
  <si>
    <t>2021BU19030409</t>
  </si>
  <si>
    <t>buurt_gegeneraliseerd_2021.5a06902b-e0eb-40c9-8b83-220f2e835421</t>
  </si>
  <si>
    <t>BU19030500</t>
  </si>
  <si>
    <t>2021BU19030500</t>
  </si>
  <si>
    <t>Mheer</t>
  </si>
  <si>
    <t>buurt_gegeneraliseerd_2021.1e353472-3807-4f88-9715-9d1d70514115</t>
  </si>
  <si>
    <t>BU19030501</t>
  </si>
  <si>
    <t>2021BU19030501</t>
  </si>
  <si>
    <t>Banholt</t>
  </si>
  <si>
    <t>buurt_gegeneraliseerd_2021.445415f7-295b-4646-be02-416f8a2c7e04</t>
  </si>
  <si>
    <t>BU19030502</t>
  </si>
  <si>
    <t>2021BU19030502</t>
  </si>
  <si>
    <t>Noorbeek</t>
  </si>
  <si>
    <t>buurt_gegeneraliseerd_2021.93cc0497-e3f6-4333-8e20-05d3844cf60f</t>
  </si>
  <si>
    <t>BU19030503</t>
  </si>
  <si>
    <t>2021BU19030503</t>
  </si>
  <si>
    <t>Terlinden</t>
  </si>
  <si>
    <t>buurt_gegeneraliseerd_2021.c8a0f8f8-1585-4d66-ab51-e23d378f7185</t>
  </si>
  <si>
    <t>BU19030504</t>
  </si>
  <si>
    <t>2021BU19030504</t>
  </si>
  <si>
    <t>Bergenhuizen en Schey</t>
  </si>
  <si>
    <t>buurt_gegeneraliseerd_2021.bfbaa955-27ed-456f-8f14-8adffb5f2a85</t>
  </si>
  <si>
    <t>BU19030505</t>
  </si>
  <si>
    <t>2021BU19030505</t>
  </si>
  <si>
    <t>Hoogcruts</t>
  </si>
  <si>
    <t>buurt_gegeneraliseerd_2021.527ab981-7e87-4381-b6e6-8f4618efe503</t>
  </si>
  <si>
    <t>BU19030509</t>
  </si>
  <si>
    <t>2021BU19030509</t>
  </si>
  <si>
    <t>buurt_gegeneraliseerd_2021.2612faa2-07de-401a-9efb-3b6148a375fe</t>
  </si>
  <si>
    <t>BU19040101</t>
  </si>
  <si>
    <t>2021BU19040101</t>
  </si>
  <si>
    <t>Maarsseveen</t>
  </si>
  <si>
    <t>GM1904</t>
  </si>
  <si>
    <t>buurt_gegeneraliseerd_2021.cbda1837-b707-4527-bfda-1f611a7e9597</t>
  </si>
  <si>
    <t>BU19040102</t>
  </si>
  <si>
    <t>2021BU19040102</t>
  </si>
  <si>
    <t>Bethunepolder-zuid</t>
  </si>
  <si>
    <t>buurt_gegeneraliseerd_2021.66e43e07-7489-4d1d-8620-36720050a5f7</t>
  </si>
  <si>
    <t>BU19040103</t>
  </si>
  <si>
    <t>2021BU19040103</t>
  </si>
  <si>
    <t>Otterspoorbroek</t>
  </si>
  <si>
    <t>buurt_gegeneraliseerd_2021.2ea01430-34da-4fee-9198-b06913c4c321</t>
  </si>
  <si>
    <t>BU19040104</t>
  </si>
  <si>
    <t>2021BU19040104</t>
  </si>
  <si>
    <t>Op Buuren</t>
  </si>
  <si>
    <t>buurt_gegeneraliseerd_2021.6d8724d4-7e91-45a0-82bc-c8d3ca065e86</t>
  </si>
  <si>
    <t>BU19040105</t>
  </si>
  <si>
    <t>2021BU19040105</t>
  </si>
  <si>
    <t>Zandweg-Oostwaard</t>
  </si>
  <si>
    <t>buurt_gegeneraliseerd_2021.e7f8f8e2-449e-46dc-b79c-55799bef89ce</t>
  </si>
  <si>
    <t>BU19040106</t>
  </si>
  <si>
    <t>2021BU19040106</t>
  </si>
  <si>
    <t>buurt_gegeneraliseerd_2021.c969d0ac-0a1f-4827-855e-bbf92cb4146c</t>
  </si>
  <si>
    <t>BU19040107</t>
  </si>
  <si>
    <t>2021BU19040107</t>
  </si>
  <si>
    <t>Omgeving Goudestein</t>
  </si>
  <si>
    <t>buurt_gegeneraliseerd_2021.2a89225f-1f6f-4643-841e-627f2c67d01c</t>
  </si>
  <si>
    <t>BU19040108</t>
  </si>
  <si>
    <t>2021BU19040108</t>
  </si>
  <si>
    <t>buurt_gegeneraliseerd_2021.63e18288-592b-4c19-b43f-9190f03a60e8</t>
  </si>
  <si>
    <t>BU19040109</t>
  </si>
  <si>
    <t>2021BU19040109</t>
  </si>
  <si>
    <t>Lanenkwartier</t>
  </si>
  <si>
    <t>buurt_gegeneraliseerd_2021.e87b1bfa-dcdc-4dfe-a116-7e07862dcabb</t>
  </si>
  <si>
    <t>BU19040110</t>
  </si>
  <si>
    <t>2021BU19040110</t>
  </si>
  <si>
    <t>Centrum ten zuiden van de Vecht</t>
  </si>
  <si>
    <t>buurt_gegeneraliseerd_2021.90c93167-32e4-4f12-b03b-311f7bd3a341</t>
  </si>
  <si>
    <t>BU19040111</t>
  </si>
  <si>
    <t>2021BU19040111</t>
  </si>
  <si>
    <t>Reizende man</t>
  </si>
  <si>
    <t>buurt_gegeneraliseerd_2021.e297a276-8293-45b2-946c-9490d9b5dc79</t>
  </si>
  <si>
    <t>BU19040112</t>
  </si>
  <si>
    <t>2021BU19040112</t>
  </si>
  <si>
    <t>buurt_gegeneraliseerd_2021.0e010596-4ede-416a-a6c6-978775ecf1be</t>
  </si>
  <si>
    <t>BU19040113</t>
  </si>
  <si>
    <t>2021BU19040113</t>
  </si>
  <si>
    <t>Zogwetering</t>
  </si>
  <si>
    <t>buurt_gegeneraliseerd_2021.f5e5b048-b898-4987-b71a-565ce2f88546</t>
  </si>
  <si>
    <t>BU19040114</t>
  </si>
  <si>
    <t>2021BU19040114</t>
  </si>
  <si>
    <t>Park Vechtenstein</t>
  </si>
  <si>
    <t>buurt_gegeneraliseerd_2021.b8a01317-0425-497e-9e94-f2f953a487e4</t>
  </si>
  <si>
    <t>BU19040115</t>
  </si>
  <si>
    <t>2021BU19040115</t>
  </si>
  <si>
    <t>buurt_gegeneraliseerd_2021.e6c0a034-878c-4303-ba23-93878ef8e2af</t>
  </si>
  <si>
    <t>BU19040116</t>
  </si>
  <si>
    <t>2021BU19040116</t>
  </si>
  <si>
    <t>Hogebrug</t>
  </si>
  <si>
    <t>buurt_gegeneraliseerd_2021.6f10338d-397a-4c08-8f7e-6164a8357ff9</t>
  </si>
  <si>
    <t>BU19040117</t>
  </si>
  <si>
    <t>2021BU19040117</t>
  </si>
  <si>
    <t>Friezenbuurt</t>
  </si>
  <si>
    <t>buurt_gegeneraliseerd_2021.52d24ed5-884e-47a2-bd66-0b3cd169d84d</t>
  </si>
  <si>
    <t>BU19040118</t>
  </si>
  <si>
    <t>2021BU19040118</t>
  </si>
  <si>
    <t>Centrum ten noorden van de Vecht</t>
  </si>
  <si>
    <t>buurt_gegeneraliseerd_2021.70fdb565-9e0a-4895-94de-46e4f4d58177</t>
  </si>
  <si>
    <t>BU19040119</t>
  </si>
  <si>
    <t>2021BU19040119</t>
  </si>
  <si>
    <t>Begraafplaats Maarssen</t>
  </si>
  <si>
    <t>buurt_gegeneraliseerd_2021.d12c793d-ae20-4623-8ea4-7ab9ffa86300</t>
  </si>
  <si>
    <t>BU19040201</t>
  </si>
  <si>
    <t>2021BU19040201</t>
  </si>
  <si>
    <t>Polder Kortrijk</t>
  </si>
  <si>
    <t>buurt_gegeneraliseerd_2021.d7be86c3-0b9f-485d-8a6e-7f120dff7086</t>
  </si>
  <si>
    <t>BU19040202</t>
  </si>
  <si>
    <t>2021BU19040202</t>
  </si>
  <si>
    <t>Polder Breukelen Proosdij</t>
  </si>
  <si>
    <t>buurt_gegeneraliseerd_2021.85553d92-fdc8-4b67-8c27-e8c0b0cc2cfb</t>
  </si>
  <si>
    <t>BU19040203</t>
  </si>
  <si>
    <t>2021BU19040203</t>
  </si>
  <si>
    <t>Polder Klein Oud Aa</t>
  </si>
  <si>
    <t>buurt_gegeneraliseerd_2021.7e5df600-4684-4019-b29c-a363060eaf14</t>
  </si>
  <si>
    <t>BU19040204</t>
  </si>
  <si>
    <t>2021BU19040204</t>
  </si>
  <si>
    <t>Kievitsbuurt</t>
  </si>
  <si>
    <t>buurt_gegeneraliseerd_2021.c6b802df-a7f5-4d1c-925d-f1a3554d4f84</t>
  </si>
  <si>
    <t>BU19040205</t>
  </si>
  <si>
    <t>2021BU19040205</t>
  </si>
  <si>
    <t>Polder Breukelerwaard</t>
  </si>
  <si>
    <t>buurt_gegeneraliseerd_2021.74713c3a-5d7c-41a8-8f9a-5151bf1a489e</t>
  </si>
  <si>
    <t>BU19040206</t>
  </si>
  <si>
    <t>2021BU19040206</t>
  </si>
  <si>
    <t>Polder Nijenrode</t>
  </si>
  <si>
    <t>buurt_gegeneraliseerd_2021.3c3d626e-ad54-4f62-8579-ad8c91e7b142</t>
  </si>
  <si>
    <t>BU19040207</t>
  </si>
  <si>
    <t>2021BU19040207</t>
  </si>
  <si>
    <t>Breukelen Noord</t>
  </si>
  <si>
    <t>buurt_gegeneraliseerd_2021.fedbcc31-1a46-4212-a717-afb172dd70b8</t>
  </si>
  <si>
    <t>BU19040208</t>
  </si>
  <si>
    <t>2021BU19040208</t>
  </si>
  <si>
    <t>Corridor</t>
  </si>
  <si>
    <t>buurt_gegeneraliseerd_2021.f2be0342-d660-4f62-997a-637a74d3e105</t>
  </si>
  <si>
    <t>BU19040209</t>
  </si>
  <si>
    <t>2021BU19040209</t>
  </si>
  <si>
    <t>Landgoed Nijenrode</t>
  </si>
  <si>
    <t>buurt_gegeneraliseerd_2021.9bc71936-9492-4c71-8c81-bbeabad805f1</t>
  </si>
  <si>
    <t>BU19040210</t>
  </si>
  <si>
    <t>2021BU19040210</t>
  </si>
  <si>
    <t>Kanaalzone Zuid Breukelen</t>
  </si>
  <si>
    <t>buurt_gegeneraliseerd_2021.e4ae044f-ddf5-4aff-9f33-fbf04a1ea8c3</t>
  </si>
  <si>
    <t>BU19040211</t>
  </si>
  <si>
    <t>2021BU19040211</t>
  </si>
  <si>
    <t>Scheendijk</t>
  </si>
  <si>
    <t>buurt_gegeneraliseerd_2021.41c3f348-0ec5-4d1e-a619-016046e75cfe</t>
  </si>
  <si>
    <t>BU19040212</t>
  </si>
  <si>
    <t>2021BU19040212</t>
  </si>
  <si>
    <t>Broeckland</t>
  </si>
  <si>
    <t>buurt_gegeneraliseerd_2021.0437ae72-33f7-4245-ab1b-725552c09e76</t>
  </si>
  <si>
    <t>BU19040213</t>
  </si>
  <si>
    <t>2021BU19040213</t>
  </si>
  <si>
    <t>Breukelen Zuid</t>
  </si>
  <si>
    <t>buurt_gegeneraliseerd_2021.3d6326ec-ee0c-4fe6-9e61-dee616caeb7f</t>
  </si>
  <si>
    <t>BU19040214</t>
  </si>
  <si>
    <t>2021BU19040214</t>
  </si>
  <si>
    <t>Kanaalzone Noord Breukelen</t>
  </si>
  <si>
    <t>buurt_gegeneraliseerd_2021.48b92f9f-0fcc-4a7d-a7ec-6fc3e3673ba7</t>
  </si>
  <si>
    <t>BU19040215</t>
  </si>
  <si>
    <t>2021BU19040215</t>
  </si>
  <si>
    <t>Breukelen Midden</t>
  </si>
  <si>
    <t>buurt_gegeneraliseerd_2021.fed75e32-4f19-419f-9e91-dfb1d1b5fc36</t>
  </si>
  <si>
    <t>BU19040216</t>
  </si>
  <si>
    <t>2021BU19040216</t>
  </si>
  <si>
    <t>buurt_gegeneraliseerd_2021.e9c8d69a-72f9-4933-bc25-b2441a5bf9e8</t>
  </si>
  <si>
    <t>BU19040301</t>
  </si>
  <si>
    <t>2021BU19040301</t>
  </si>
  <si>
    <t>Polder Holland</t>
  </si>
  <si>
    <t>buurt_gegeneraliseerd_2021.8c9b3cc7-b8f5-4da3-a9fa-d92fa501c175</t>
  </si>
  <si>
    <t>BU19040302</t>
  </si>
  <si>
    <t>2021BU19040302</t>
  </si>
  <si>
    <t>Polder Garsten</t>
  </si>
  <si>
    <t>buurt_gegeneraliseerd_2021.033bcd4f-6ad0-45d4-893b-cb0bbee8fe45</t>
  </si>
  <si>
    <t>BU19040303</t>
  </si>
  <si>
    <t>2021BU19040303</t>
  </si>
  <si>
    <t>Polder Oud Over</t>
  </si>
  <si>
    <t>buurt_gegeneraliseerd_2021.d9aed287-c2af-4e32-9bdd-b1c6e926a9ae</t>
  </si>
  <si>
    <t>BU19040304</t>
  </si>
  <si>
    <t>2021BU19040304</t>
  </si>
  <si>
    <t>Kanaalzone Loenen aan de Vecht</t>
  </si>
  <si>
    <t>buurt_gegeneraliseerd_2021.fcfe14f6-4a90-45ff-b218-4b4be169f1c2</t>
  </si>
  <si>
    <t>BU19040305</t>
  </si>
  <si>
    <t>2021BU19040305</t>
  </si>
  <si>
    <t>Kanaalzone sector Vreeland</t>
  </si>
  <si>
    <t>buurt_gegeneraliseerd_2021.df46d5da-57da-4239-922d-b9b654643290</t>
  </si>
  <si>
    <t>BU19040306</t>
  </si>
  <si>
    <t>2021BU19040306</t>
  </si>
  <si>
    <t>Mijnden</t>
  </si>
  <si>
    <t>buurt_gegeneraliseerd_2021.14540805-8962-44e8-a589-134edf69e39b</t>
  </si>
  <si>
    <t>BU19040307</t>
  </si>
  <si>
    <t>2021BU19040307</t>
  </si>
  <si>
    <t>Hoefijzer</t>
  </si>
  <si>
    <t>buurt_gegeneraliseerd_2021.92df8cdb-52e0-4967-bc27-3d9ad8f09274</t>
  </si>
  <si>
    <t>BU19040308</t>
  </si>
  <si>
    <t>2021BU19040308</t>
  </si>
  <si>
    <t>Driehoven</t>
  </si>
  <si>
    <t>buurt_gegeneraliseerd_2021.a403be10-442e-4283-9785-6ff44ce954ba</t>
  </si>
  <si>
    <t>BU19040309</t>
  </si>
  <si>
    <t>2021BU19040309</t>
  </si>
  <si>
    <t>Oudover</t>
  </si>
  <si>
    <t>buurt_gegeneraliseerd_2021.0b8a0ec8-6a8c-4eee-98cf-f4052cf3d172</t>
  </si>
  <si>
    <t>BU19040310</t>
  </si>
  <si>
    <t>2021BU19040310</t>
  </si>
  <si>
    <t>Loenen Dorpskern</t>
  </si>
  <si>
    <t>buurt_gegeneraliseerd_2021.0158f6b0-e388-46d0-9891-e0b83d9efcaf</t>
  </si>
  <si>
    <t>BU19040311</t>
  </si>
  <si>
    <t>2021BU19040311</t>
  </si>
  <si>
    <t>Cronenburgh</t>
  </si>
  <si>
    <t>buurt_gegeneraliseerd_2021.77b18b74-f116-4b12-aae3-49943f54cca6</t>
  </si>
  <si>
    <t>BU19040312</t>
  </si>
  <si>
    <t>2021BU19040312</t>
  </si>
  <si>
    <t>Kerklaan</t>
  </si>
  <si>
    <t>buurt_gegeneraliseerd_2021.fde833a8-4214-40dc-9c70-6d6f5702532d</t>
  </si>
  <si>
    <t>BU19040401</t>
  </si>
  <si>
    <t>2021BU19040401</t>
  </si>
  <si>
    <t>Polder Oukoop</t>
  </si>
  <si>
    <t>buurt_gegeneraliseerd_2021.6f240677-5415-47f9-8b23-be01be7b2687</t>
  </si>
  <si>
    <t>BU19040402</t>
  </si>
  <si>
    <t>2021BU19040402</t>
  </si>
  <si>
    <t>Nieuwer Ter Aa</t>
  </si>
  <si>
    <t>buurt_gegeneraliseerd_2021.95d6915d-fe63-4c16-8b1b-ebd2283c3023</t>
  </si>
  <si>
    <t>BU19040501</t>
  </si>
  <si>
    <t>2021BU19040501</t>
  </si>
  <si>
    <t>Polder Portengen</t>
  </si>
  <si>
    <t>buurt_gegeneraliseerd_2021.e69e5007-1107-441d-976d-8de77cbac2c8</t>
  </si>
  <si>
    <t>BU19040502</t>
  </si>
  <si>
    <t>2021BU19040502</t>
  </si>
  <si>
    <t>Polder Groot Oud Aa</t>
  </si>
  <si>
    <t>buurt_gegeneraliseerd_2021.16a5fc3f-9764-4d13-b489-0e6483186b02</t>
  </si>
  <si>
    <t>BU19040503</t>
  </si>
  <si>
    <t>2021BU19040503</t>
  </si>
  <si>
    <t>Polder Spengen</t>
  </si>
  <si>
    <t>buurt_gegeneraliseerd_2021.7d758fb7-b2fa-4ac5-92f6-67e19c5883b5</t>
  </si>
  <si>
    <t>BU19040504</t>
  </si>
  <si>
    <t>2021BU19040504</t>
  </si>
  <si>
    <t>Polder Kockengen</t>
  </si>
  <si>
    <t>buurt_gegeneraliseerd_2021.ebb26b1c-93d9-4180-8914-995c845f0ce2</t>
  </si>
  <si>
    <t>BU19040505</t>
  </si>
  <si>
    <t>2021BU19040505</t>
  </si>
  <si>
    <t>Kockengen Dorp</t>
  </si>
  <si>
    <t>buurt_gegeneraliseerd_2021.98a9bade-4b01-49e1-8a1b-b787d95f4ec9</t>
  </si>
  <si>
    <t>BU19040506</t>
  </si>
  <si>
    <t>2021BU19040506</t>
  </si>
  <si>
    <t>Portengense Brug</t>
  </si>
  <si>
    <t>buurt_gegeneraliseerd_2021.a5c66e00-5569-4c20-9526-e08f3df7182d</t>
  </si>
  <si>
    <t>BU19040507</t>
  </si>
  <si>
    <t>2021BU19040507</t>
  </si>
  <si>
    <t>buurt_gegeneraliseerd_2021.8adfe99c-0e32-4564-a2e3-952444e66f60</t>
  </si>
  <si>
    <t>BU19040508</t>
  </si>
  <si>
    <t>2021BU19040508</t>
  </si>
  <si>
    <t>Groenlust</t>
  </si>
  <si>
    <t>buurt_gegeneraliseerd_2021.983bb497-39a7-438c-ba34-0d38605768a7</t>
  </si>
  <si>
    <t>BU19040509</t>
  </si>
  <si>
    <t>2021BU19040509</t>
  </si>
  <si>
    <t>Vierde kwadrant Kockengen</t>
  </si>
  <si>
    <t>buurt_gegeneraliseerd_2021.04e72aea-4e20-4ac7-adcf-772827ef2ac8</t>
  </si>
  <si>
    <t>BU19040601</t>
  </si>
  <si>
    <t>2021BU19040601</t>
  </si>
  <si>
    <t>Hoeker Polder</t>
  </si>
  <si>
    <t>buurt_gegeneraliseerd_2021.00d7cea9-5272-48aa-ab5f-59c1b81b0e7d</t>
  </si>
  <si>
    <t>BU19040602</t>
  </si>
  <si>
    <t>2021BU19040602</t>
  </si>
  <si>
    <t>Polder Dorssewaard</t>
  </si>
  <si>
    <t>buurt_gegeneraliseerd_2021.f4450867-c331-4e37-9412-3ff095e9b5ff</t>
  </si>
  <si>
    <t>BU19040603</t>
  </si>
  <si>
    <t>2021BU19040603</t>
  </si>
  <si>
    <t>Vreeland Dorp</t>
  </si>
  <si>
    <t>buurt_gegeneraliseerd_2021.8020ce46-9808-4c81-b379-4a5b840924a5</t>
  </si>
  <si>
    <t>BU19040604</t>
  </si>
  <si>
    <t>2021BU19040604</t>
  </si>
  <si>
    <t>Vreeland</t>
  </si>
  <si>
    <t>buurt_gegeneraliseerd_2021.8b078f19-f6b1-46f4-b2be-7a17e3ac3b31</t>
  </si>
  <si>
    <t>BU19040701</t>
  </si>
  <si>
    <t>2021BU19040701</t>
  </si>
  <si>
    <t>Molenpolder</t>
  </si>
  <si>
    <t>buurt_gegeneraliseerd_2021.18e8e7d3-4f1a-4b35-9d88-5f5cc715f304</t>
  </si>
  <si>
    <t>BU19040702</t>
  </si>
  <si>
    <t>2021BU19040702</t>
  </si>
  <si>
    <t>Bethunepolder-Noord</t>
  </si>
  <si>
    <t>buurt_gegeneraliseerd_2021.7a222372-974d-4aca-bc6a-60d6cebbe856</t>
  </si>
  <si>
    <t>BU19040703</t>
  </si>
  <si>
    <t>2021BU19040703</t>
  </si>
  <si>
    <t>Tienhoven-Oud Maarsseveen</t>
  </si>
  <si>
    <t>buurt_gegeneraliseerd_2021.bef2a6cf-d1d2-4540-babd-8e4316150fe6</t>
  </si>
  <si>
    <t>BU19040801</t>
  </si>
  <si>
    <t>2021BU19040801</t>
  </si>
  <si>
    <t>Polder Aetsveld</t>
  </si>
  <si>
    <t>buurt_gegeneraliseerd_2021.a6d92d6b-86f8-4671-a7db-bed493dc9f32</t>
  </si>
  <si>
    <t>BU19040802</t>
  </si>
  <si>
    <t>2021BU19040802</t>
  </si>
  <si>
    <t>Polder Garsten Noord</t>
  </si>
  <si>
    <t>buurt_gegeneraliseerd_2021.3780f223-a2fd-4e0f-bb65-f085c9dee450</t>
  </si>
  <si>
    <t>BU19040803</t>
  </si>
  <si>
    <t>2021BU19040803</t>
  </si>
  <si>
    <t>Kanaalzone sector Nigtevecht</t>
  </si>
  <si>
    <t>buurt_gegeneraliseerd_2021.4b7c90b5-b880-4b7c-8c67-b4b84c82bb67</t>
  </si>
  <si>
    <t>BU19040804</t>
  </si>
  <si>
    <t>2021BU19040804</t>
  </si>
  <si>
    <t>Nigtevecht Dorp</t>
  </si>
  <si>
    <t>buurt_gegeneraliseerd_2021.660cba25-5d4f-4aaa-a3ae-80f797d87d28</t>
  </si>
  <si>
    <t>BU19040805</t>
  </si>
  <si>
    <t>2021BU19040805</t>
  </si>
  <si>
    <t>Nigtevecht Garsten</t>
  </si>
  <si>
    <t>buurt_gegeneraliseerd_2021.9d19059f-06d4-4b2e-ab94-9e99264fa51f</t>
  </si>
  <si>
    <t>BU19040901</t>
  </si>
  <si>
    <t>2021BU19040901</t>
  </si>
  <si>
    <t>Polder Mijnden</t>
  </si>
  <si>
    <t>buurt_gegeneraliseerd_2021.9be1715a-5991-4b5d-8471-55374bf50387</t>
  </si>
  <si>
    <t>BU19040902</t>
  </si>
  <si>
    <t>2021BU19040902</t>
  </si>
  <si>
    <t>Polder Angstelkade</t>
  </si>
  <si>
    <t>buurt_gegeneraliseerd_2021.14821daa-a3c9-40c8-a165-62964965af3e</t>
  </si>
  <si>
    <t>BU19040903</t>
  </si>
  <si>
    <t>2021BU19040903</t>
  </si>
  <si>
    <t>Polder Sticht</t>
  </si>
  <si>
    <t>buurt_gegeneraliseerd_2021.bd79d726-824a-486d-8bdc-2accd0f2c32f</t>
  </si>
  <si>
    <t>BU19040904</t>
  </si>
  <si>
    <t>2021BU19040904</t>
  </si>
  <si>
    <t>Polder Het Honderd</t>
  </si>
  <si>
    <t>buurt_gegeneraliseerd_2021.bb365e9d-f5db-4a6f-b80f-c38325f15dd7</t>
  </si>
  <si>
    <t>BU19040905</t>
  </si>
  <si>
    <t>2021BU19040905</t>
  </si>
  <si>
    <t>Nieuwersluis</t>
  </si>
  <si>
    <t>buurt_gegeneraliseerd_2021.a70ae57b-7ba8-42ea-966b-55dec7b82989</t>
  </si>
  <si>
    <t>BU19040906</t>
  </si>
  <si>
    <t>2021BU19040906</t>
  </si>
  <si>
    <t>Angstelkade</t>
  </si>
  <si>
    <t>buurt_gegeneraliseerd_2021.f958a9bf-97d1-4ee3-b220-c96945ad27cc</t>
  </si>
  <si>
    <t>BU19040907</t>
  </si>
  <si>
    <t>2021BU19040907</t>
  </si>
  <si>
    <t>Kanaalzone sector Nieuwersluis</t>
  </si>
  <si>
    <t>buurt_gegeneraliseerd_2021.89ec0b53-abdd-4d08-9e37-2751d3efca98</t>
  </si>
  <si>
    <t>BU19041001</t>
  </si>
  <si>
    <t>2021BU19041001</t>
  </si>
  <si>
    <t>Poldergebied Loenersloot</t>
  </si>
  <si>
    <t>buurt_gegeneraliseerd_2021.e5b7a263-d589-47b7-bcbb-b48810af45ea</t>
  </si>
  <si>
    <t>BU19041002</t>
  </si>
  <si>
    <t>2021BU19041002</t>
  </si>
  <si>
    <t>Loenersloot Binnenweg</t>
  </si>
  <si>
    <t>buurt_gegeneraliseerd_2021.379bf3f6-656d-4b96-b246-cd11e440f456</t>
  </si>
  <si>
    <t>BU19041003</t>
  </si>
  <si>
    <t>2021BU19041003</t>
  </si>
  <si>
    <t>Loenersloot Dorp</t>
  </si>
  <si>
    <t>buurt_gegeneraliseerd_2021.85457b8b-5979-4427-860f-2d27a03fad12</t>
  </si>
  <si>
    <t>BU19041004</t>
  </si>
  <si>
    <t>2021BU19041004</t>
  </si>
  <si>
    <t>buurt_gegeneraliseerd_2021.eb580cee-ab73-4295-b6a3-d9bfeb5a8c19</t>
  </si>
  <si>
    <t>BU19041101</t>
  </si>
  <si>
    <t>2021BU19041101</t>
  </si>
  <si>
    <t>Oud-Zuilen</t>
  </si>
  <si>
    <t>buurt_gegeneraliseerd_2021.548e0780-5f1b-40ad-a711-684cff6057f0</t>
  </si>
  <si>
    <t>BU19041201</t>
  </si>
  <si>
    <t>2021BU19041201</t>
  </si>
  <si>
    <t>Verbindingswegen</t>
  </si>
  <si>
    <t>buurt_gegeneraliseerd_2021.843d33eb-28ba-490e-a784-268593836136</t>
  </si>
  <si>
    <t>BU19041202</t>
  </si>
  <si>
    <t>2021BU19041202</t>
  </si>
  <si>
    <t>Industrieterrein Maarssenbroek</t>
  </si>
  <si>
    <t>buurt_gegeneraliseerd_2021.fc82f95c-2960-46b5-b7c4-9ab52430446e</t>
  </si>
  <si>
    <t>BU19041203</t>
  </si>
  <si>
    <t>2021BU19041203</t>
  </si>
  <si>
    <t>Fazantenkamp</t>
  </si>
  <si>
    <t>buurt_gegeneraliseerd_2021.3d1abac9-5eb5-4208-9956-7f549e2c2afb</t>
  </si>
  <si>
    <t>BU19041204</t>
  </si>
  <si>
    <t>2021BU19041204</t>
  </si>
  <si>
    <t>Boomstede</t>
  </si>
  <si>
    <t>buurt_gegeneraliseerd_2021.7d7f7175-3c2d-4d24-8ed1-671e4e69e1ae</t>
  </si>
  <si>
    <t>BU19041205</t>
  </si>
  <si>
    <t>2021BU19041205</t>
  </si>
  <si>
    <t>Reigerskamp</t>
  </si>
  <si>
    <t>buurt_gegeneraliseerd_2021.dddb38a6-85af-4865-9920-f21a813eb35c</t>
  </si>
  <si>
    <t>BU19041206</t>
  </si>
  <si>
    <t>2021BU19041206</t>
  </si>
  <si>
    <t>Zwanenkamp</t>
  </si>
  <si>
    <t>buurt_gegeneraliseerd_2021.67dd4a2c-186a-4d36-aa08-cfa6f0837ae7</t>
  </si>
  <si>
    <t>BU19041207</t>
  </si>
  <si>
    <t>2021BU19041207</t>
  </si>
  <si>
    <t>Valkenkamp</t>
  </si>
  <si>
    <t>buurt_gegeneraliseerd_2021.cd0496f7-9624-4022-b95b-16f37435f466</t>
  </si>
  <si>
    <t>BU19041208</t>
  </si>
  <si>
    <t>2021BU19041208</t>
  </si>
  <si>
    <t>Duivenkamp</t>
  </si>
  <si>
    <t>buurt_gegeneraliseerd_2021.39ac13bd-3092-4c84-974e-1fe37d72b67f</t>
  </si>
  <si>
    <t>BU19041209</t>
  </si>
  <si>
    <t>2021BU19041209</t>
  </si>
  <si>
    <t>Bloemstede</t>
  </si>
  <si>
    <t>buurt_gegeneraliseerd_2021.988cddfc-cd49-42aa-857b-87301ee85665</t>
  </si>
  <si>
    <t>BU19041210</t>
  </si>
  <si>
    <t>2021BU19041210</t>
  </si>
  <si>
    <t>Zebraspoor</t>
  </si>
  <si>
    <t>buurt_gegeneraliseerd_2021.817cc114-a46c-4aa0-b94d-b168701e1e38</t>
  </si>
  <si>
    <t>BU19041211</t>
  </si>
  <si>
    <t>2021BU19041211</t>
  </si>
  <si>
    <t>Pauwenkamp</t>
  </si>
  <si>
    <t>buurt_gegeneraliseerd_2021.d75d223a-c608-4960-adb5-13af6eef6ab7</t>
  </si>
  <si>
    <t>BU19041212</t>
  </si>
  <si>
    <t>2021BU19041212</t>
  </si>
  <si>
    <t>Kamelenspoor</t>
  </si>
  <si>
    <t>buurt_gegeneraliseerd_2021.be132683-be52-442d-ad46-2e593c9f7e58</t>
  </si>
  <si>
    <t>BU19041213</t>
  </si>
  <si>
    <t>2021BU19041213</t>
  </si>
  <si>
    <t>Antilopespoor</t>
  </si>
  <si>
    <t>buurt_gegeneraliseerd_2021.54aa0480-5cb1-4727-82b6-c09e1466bb22</t>
  </si>
  <si>
    <t>BU19041214</t>
  </si>
  <si>
    <t>2021BU19041214</t>
  </si>
  <si>
    <t>Bisonspoor</t>
  </si>
  <si>
    <t>buurt_gegeneraliseerd_2021.1624a04f-6d9e-4f8f-9664-fbdaabb6993a</t>
  </si>
  <si>
    <t>BU19041215</t>
  </si>
  <si>
    <t>2021BU19041215</t>
  </si>
  <si>
    <t>Spechtenkamp</t>
  </si>
  <si>
    <t>buurt_gegeneraliseerd_2021.89ed6179-4f94-4409-ad9c-cc7210a48cf4</t>
  </si>
  <si>
    <t>BU19160100</t>
  </si>
  <si>
    <t>2021BU19160100</t>
  </si>
  <si>
    <t>De Zijde</t>
  </si>
  <si>
    <t>GM1916</t>
  </si>
  <si>
    <t>buurt_gegeneraliseerd_2021.bb1f27fa-56ab-4860-b99e-a2e8a51725a2</t>
  </si>
  <si>
    <t>BU19160101</t>
  </si>
  <si>
    <t>2021BU19160101</t>
  </si>
  <si>
    <t>Duivenvoorde</t>
  </si>
  <si>
    <t>buurt_gegeneraliseerd_2021.e96b0e08-6a8d-492e-b571-efb6640aeb06</t>
  </si>
  <si>
    <t>BU19160102</t>
  </si>
  <si>
    <t>2021BU19160102</t>
  </si>
  <si>
    <t>Park Veursehout</t>
  </si>
  <si>
    <t>buurt_gegeneraliseerd_2021.2e1a8984-6514-4601-8e6e-4251b01f6ceb</t>
  </si>
  <si>
    <t>BU19160103</t>
  </si>
  <si>
    <t>2021BU19160103</t>
  </si>
  <si>
    <t>Leidsenhage</t>
  </si>
  <si>
    <t>buurt_gegeneraliseerd_2021.d763c05a-1b2b-4bb7-ad9e-6996f5ab9311</t>
  </si>
  <si>
    <t>BU19160104</t>
  </si>
  <si>
    <t>2021BU19160104</t>
  </si>
  <si>
    <t>Schakenbosch en het Buitengebied</t>
  </si>
  <si>
    <t>buurt_gegeneraliseerd_2021.55fe61a8-5e41-45a8-ae71-4ca110830dc5</t>
  </si>
  <si>
    <t>BU19160200</t>
  </si>
  <si>
    <t>2021BU19160200</t>
  </si>
  <si>
    <t>Prinsenhof hoog</t>
  </si>
  <si>
    <t>buurt_gegeneraliseerd_2021.df8c6eab-c738-4e0e-910e-7645e32a82ea</t>
  </si>
  <si>
    <t>BU19160201</t>
  </si>
  <si>
    <t>2021BU19160201</t>
  </si>
  <si>
    <t>Prinsenhof laag</t>
  </si>
  <si>
    <t>buurt_gegeneraliseerd_2021.cbf9e3ea-a4a3-4fac-8e37-3c99724b1096</t>
  </si>
  <si>
    <t>BU19160300</t>
  </si>
  <si>
    <t>2021BU19160300</t>
  </si>
  <si>
    <t>'t Lien zuid</t>
  </si>
  <si>
    <t>buurt_gegeneraliseerd_2021.e360a375-6d0f-4b09-8714-dac30dba353b</t>
  </si>
  <si>
    <t>BU19160301</t>
  </si>
  <si>
    <t>2021BU19160301</t>
  </si>
  <si>
    <t>De Rietvink / Veursestraatweg</t>
  </si>
  <si>
    <t>buurt_gegeneraliseerd_2021.17b032b6-9e88-4bc8-976c-3c14cc450fb7</t>
  </si>
  <si>
    <t>BU19160302</t>
  </si>
  <si>
    <t>2021BU19160302</t>
  </si>
  <si>
    <t>'t Lien noord</t>
  </si>
  <si>
    <t>buurt_gegeneraliseerd_2021.8a7ab1f5-d230-42a8-80e6-482ecfe4242d</t>
  </si>
  <si>
    <t>BU19160400</t>
  </si>
  <si>
    <t>2021BU19160400</t>
  </si>
  <si>
    <t>Kern Stompwijk</t>
  </si>
  <si>
    <t>buurt_gegeneraliseerd_2021.28de02e1-a1a1-4fb5-a4f6-f2d84325620f</t>
  </si>
  <si>
    <t>BU19160401</t>
  </si>
  <si>
    <t>2021BU19160401</t>
  </si>
  <si>
    <t>Landelijk gebied Stompwijk</t>
  </si>
  <si>
    <t>buurt_gegeneraliseerd_2021.f229a725-616c-4781-a251-00f98ef9b6cc</t>
  </si>
  <si>
    <t>BU19160500</t>
  </si>
  <si>
    <t>2021BU19160500</t>
  </si>
  <si>
    <t>Damcentrum</t>
  </si>
  <si>
    <t>buurt_gegeneraliseerd_2021.3a9a8303-7a43-4b49-be2a-13a7623ee25b</t>
  </si>
  <si>
    <t>BU19160501</t>
  </si>
  <si>
    <t>2021BU19160501</t>
  </si>
  <si>
    <t>Klein Plaspoelpolder</t>
  </si>
  <si>
    <t>buurt_gegeneraliseerd_2021.288a44bc-6d18-4500-b51f-19a0aa8adcdd</t>
  </si>
  <si>
    <t>BU19160502</t>
  </si>
  <si>
    <t>2021BU19160502</t>
  </si>
  <si>
    <t>Leidschendam - Zuid De Tol / 't Hert</t>
  </si>
  <si>
    <t>buurt_gegeneraliseerd_2021.9a53b4f2-0cbc-4ca8-a939-9272576022ce</t>
  </si>
  <si>
    <t>BU19160503</t>
  </si>
  <si>
    <t>2021BU19160503</t>
  </si>
  <si>
    <t>buurt_gegeneraliseerd_2021.eeaaf397-28fa-46b2-bf16-c493c1cc493c</t>
  </si>
  <si>
    <t>BU19160504</t>
  </si>
  <si>
    <t>2021BU19160504</t>
  </si>
  <si>
    <t>Leidschendam - Zuid De Oude Bleijck</t>
  </si>
  <si>
    <t>buurt_gegeneraliseerd_2021.038fa70e-3d2d-46d4-9f98-bfd667b400cb</t>
  </si>
  <si>
    <t>BU19160600</t>
  </si>
  <si>
    <t>2021BU19160600</t>
  </si>
  <si>
    <t>De Heuvel zuid</t>
  </si>
  <si>
    <t>buurt_gegeneraliseerd_2021.6d13cec6-f98b-45b1-bcd2-e7f734241252</t>
  </si>
  <si>
    <t>BU19160601</t>
  </si>
  <si>
    <t>2021BU19160601</t>
  </si>
  <si>
    <t>Amstelwijk</t>
  </si>
  <si>
    <t>buurt_gegeneraliseerd_2021.767ca76e-805d-40ee-b8be-bc90b5befc4b</t>
  </si>
  <si>
    <t>BU19160602</t>
  </si>
  <si>
    <t>2021BU19160602</t>
  </si>
  <si>
    <t>De Heuvel noord</t>
  </si>
  <si>
    <t>buurt_gegeneraliseerd_2021.a4f6b34f-5e30-4856-aa39-43fa1aacacfc</t>
  </si>
  <si>
    <t>BU19160700</t>
  </si>
  <si>
    <t>2021BU19160700</t>
  </si>
  <si>
    <t>Damsigt</t>
  </si>
  <si>
    <t>buurt_gegeneraliseerd_2021.af10943f-9588-4bb4-b8b1-d04c1faee00c</t>
  </si>
  <si>
    <t>BU19160701</t>
  </si>
  <si>
    <t>2021BU19160701</t>
  </si>
  <si>
    <t>Verzetsheldenwijk</t>
  </si>
  <si>
    <t>buurt_gegeneraliseerd_2021.43505c94-4a89-4344-9476-a5896ccd0d20</t>
  </si>
  <si>
    <t>BU19160702</t>
  </si>
  <si>
    <t>2021BU19160702</t>
  </si>
  <si>
    <t>buurt_gegeneraliseerd_2021.cc58d81b-4fbf-4dc3-b84f-97cd2aa5fd91</t>
  </si>
  <si>
    <t>BU19160703</t>
  </si>
  <si>
    <t>2021BU19160703</t>
  </si>
  <si>
    <t>Sijtwende</t>
  </si>
  <si>
    <t>buurt_gegeneraliseerd_2021.9b73e704-89f3-48f2-aa8c-dc2eeec4961e</t>
  </si>
  <si>
    <t>BU19160704</t>
  </si>
  <si>
    <t>2021BU19160704</t>
  </si>
  <si>
    <t>buurt_gegeneraliseerd_2021.06de5d88-f24b-4710-8cb7-c273e4fb57de</t>
  </si>
  <si>
    <t>BU19160800</t>
  </si>
  <si>
    <t>2021BU19160800</t>
  </si>
  <si>
    <t>Essesteijn / Gaarden</t>
  </si>
  <si>
    <t>buurt_gegeneraliseerd_2021.511438fb-77a0-4fc8-bcdb-f6cb238a5f75</t>
  </si>
  <si>
    <t>BU19160801</t>
  </si>
  <si>
    <t>2021BU19160801</t>
  </si>
  <si>
    <t>Nieuw Essesteijn / Zijdezigt</t>
  </si>
  <si>
    <t>buurt_gegeneraliseerd_2021.bcdd8a3c-1b03-4669-8fd1-e2d44693ab68</t>
  </si>
  <si>
    <t>BU19160802</t>
  </si>
  <si>
    <t>2021BU19160802</t>
  </si>
  <si>
    <t>Essesteijn / Weiden</t>
  </si>
  <si>
    <t>buurt_gegeneraliseerd_2021.5264a62d-b4ff-4f1c-b9dd-f23304860389</t>
  </si>
  <si>
    <t>BU19160803</t>
  </si>
  <si>
    <t>2021BU19160803</t>
  </si>
  <si>
    <t>Essesteijn / Tuinen</t>
  </si>
  <si>
    <t>buurt_gegeneraliseerd_2021.5f8eed55-514e-4629-9cb5-c9f352e21416</t>
  </si>
  <si>
    <t>BU19160804</t>
  </si>
  <si>
    <t>2021BU19160804</t>
  </si>
  <si>
    <t>Essesteijn / Dreven</t>
  </si>
  <si>
    <t>buurt_gegeneraliseerd_2021.5078a532-3d7a-4657-8713-a0b9ca8b99a4</t>
  </si>
  <si>
    <t>BU19160900</t>
  </si>
  <si>
    <t>2021BU19160900</t>
  </si>
  <si>
    <t>Voorburg Midden noord</t>
  </si>
  <si>
    <t>buurt_gegeneraliseerd_2021.eabbc285-0046-4994-b72b-ae602d222e1a</t>
  </si>
  <si>
    <t>BU19160901</t>
  </si>
  <si>
    <t>2021BU19160901</t>
  </si>
  <si>
    <t>Voorburg Midden midden</t>
  </si>
  <si>
    <t>buurt_gegeneraliseerd_2021.ef82158e-9f8c-41fc-ad84-0c120dafe56a</t>
  </si>
  <si>
    <t>BU19160902</t>
  </si>
  <si>
    <t>2021BU19160902</t>
  </si>
  <si>
    <t>Voorburg Midden zuid</t>
  </si>
  <si>
    <t>buurt_gegeneraliseerd_2021.6c19bec9-2fd0-4878-b42c-fbe9b91ef7c2</t>
  </si>
  <si>
    <t>BU19161000</t>
  </si>
  <si>
    <t>2021BU19161000</t>
  </si>
  <si>
    <t>Bovenveen noord</t>
  </si>
  <si>
    <t>buurt_gegeneraliseerd_2021.13abfdd6-05ff-45ac-ad9c-dc4c3c255659</t>
  </si>
  <si>
    <t>BU19161001</t>
  </si>
  <si>
    <t>2021BU19161001</t>
  </si>
  <si>
    <t>Bovenveen midden</t>
  </si>
  <si>
    <t>buurt_gegeneraliseerd_2021.5ad65f76-76fd-46f5-9aa8-fdabaa8f3c48</t>
  </si>
  <si>
    <t>BU19161002</t>
  </si>
  <si>
    <t>2021BU19161002</t>
  </si>
  <si>
    <t>Bovenveen zuid</t>
  </si>
  <si>
    <t>buurt_gegeneraliseerd_2021.96622bfb-6f4c-41d7-9511-7122e8ff5531</t>
  </si>
  <si>
    <t>BU19161100</t>
  </si>
  <si>
    <t>2021BU19161100</t>
  </si>
  <si>
    <t>Voorburg Noord zuid</t>
  </si>
  <si>
    <t>buurt_gegeneraliseerd_2021.893c1f7d-2f72-4034-80d8-6f42d28a5c44</t>
  </si>
  <si>
    <t>BU19161101</t>
  </si>
  <si>
    <t>2021BU19161101</t>
  </si>
  <si>
    <t>Voorburg Noord noord</t>
  </si>
  <si>
    <t>buurt_gegeneraliseerd_2021.6ffdd956-3bc6-4835-addd-798b184064dd</t>
  </si>
  <si>
    <t>BU19161200</t>
  </si>
  <si>
    <t>2021BU19161200</t>
  </si>
  <si>
    <t>Voorburg West zuid</t>
  </si>
  <si>
    <t>buurt_gegeneraliseerd_2021.9ba06763-1f54-4477-970e-bb69f31c6b5d</t>
  </si>
  <si>
    <t>BU19161201</t>
  </si>
  <si>
    <t>2021BU19161201</t>
  </si>
  <si>
    <t>Park Leeuwenbergh</t>
  </si>
  <si>
    <t>buurt_gegeneraliseerd_2021.80d1e33b-d5aa-4a82-a28b-73bb377bb33e</t>
  </si>
  <si>
    <t>BU19161202</t>
  </si>
  <si>
    <t>2021BU19161202</t>
  </si>
  <si>
    <t>Voorburg West noord</t>
  </si>
  <si>
    <t>buurt_gegeneraliseerd_2021.85c13c5a-5560-4fe9-9d95-3f4e1565f064</t>
  </si>
  <si>
    <t>BU19161300</t>
  </si>
  <si>
    <t>2021BU19161300</t>
  </si>
  <si>
    <t>Voorburg Oud noord</t>
  </si>
  <si>
    <t>buurt_gegeneraliseerd_2021.c323d0d0-fa80-48d4-b1f8-005c7e201f7f</t>
  </si>
  <si>
    <t>BU19161301</t>
  </si>
  <si>
    <t>2021BU19161301</t>
  </si>
  <si>
    <t>Voorburg Oud zuid</t>
  </si>
  <si>
    <t>buurt_gegeneraliseerd_2021.934ab6de-6011-4aa7-8c62-877a7f533286</t>
  </si>
  <si>
    <t>BU19240001</t>
  </si>
  <si>
    <t>2021BU19240001</t>
  </si>
  <si>
    <t>Goedereede woonkern</t>
  </si>
  <si>
    <t>GM1924</t>
  </si>
  <si>
    <t>buurt_gegeneraliseerd_2021.0a97250a-95c3-4f66-a67e-74e583d70e4e</t>
  </si>
  <si>
    <t>BU19240002</t>
  </si>
  <si>
    <t>2021BU19240002</t>
  </si>
  <si>
    <t>Goedereede havenhoofd</t>
  </si>
  <si>
    <t>buurt_gegeneraliseerd_2021.77c18b35-35ac-4b23-bac1-6d5d6384f6ca</t>
  </si>
  <si>
    <t>BU19240003</t>
  </si>
  <si>
    <t>2021BU19240003</t>
  </si>
  <si>
    <t>Goedereede buitengebied</t>
  </si>
  <si>
    <t>buurt_gegeneraliseerd_2021.6340f7c8-520e-4d42-a062-57a3e6a45fa9</t>
  </si>
  <si>
    <t>BU19240101</t>
  </si>
  <si>
    <t>2021BU19240101</t>
  </si>
  <si>
    <t>Ouddorp centrum</t>
  </si>
  <si>
    <t>buurt_gegeneraliseerd_2021.131e6a7c-c773-46bf-b345-b7afc5203bb8</t>
  </si>
  <si>
    <t>BU19240102</t>
  </si>
  <si>
    <t>2021BU19240102</t>
  </si>
  <si>
    <t>Ouddorp noord</t>
  </si>
  <si>
    <t>buurt_gegeneraliseerd_2021.13961876-530b-4095-a680-2d8ec64df955</t>
  </si>
  <si>
    <t>BU19240103</t>
  </si>
  <si>
    <t>2021BU19240103</t>
  </si>
  <si>
    <t>Ouddorp zuid</t>
  </si>
  <si>
    <t>buurt_gegeneraliseerd_2021.6683f4bd-6231-4f32-b266-27a6ec3d0b4f</t>
  </si>
  <si>
    <t>BU19240104</t>
  </si>
  <si>
    <t>2021BU19240104</t>
  </si>
  <si>
    <t>Ouddorp klepperstee klarebeek</t>
  </si>
  <si>
    <t>buurt_gegeneraliseerd_2021.8fa2969c-3002-4a92-a3c9-ea865a9f374e</t>
  </si>
  <si>
    <t>BU19240105</t>
  </si>
  <si>
    <t>2021BU19240105</t>
  </si>
  <si>
    <t>Ouddorp oude nieuwlandseweg</t>
  </si>
  <si>
    <t>buurt_gegeneraliseerd_2021.0189d655-bd25-412d-b9b7-e214918d8e2d</t>
  </si>
  <si>
    <t>BU19240106</t>
  </si>
  <si>
    <t>2021BU19240106</t>
  </si>
  <si>
    <t>Ouddorp brouwersdam</t>
  </si>
  <si>
    <t>buurt_gegeneraliseerd_2021.d06ec4b2-5df5-4cce-bd65-cc1366195e9d</t>
  </si>
  <si>
    <t>BU19240107</t>
  </si>
  <si>
    <t>2021BU19240107</t>
  </si>
  <si>
    <t>Ouddorp westeinde</t>
  </si>
  <si>
    <t>buurt_gegeneraliseerd_2021.a9fcbd1a-b4ad-4acc-8547-4be4973bb522</t>
  </si>
  <si>
    <t>BU19240108</t>
  </si>
  <si>
    <t>2021BU19240108</t>
  </si>
  <si>
    <t>Ouddorp oudeland</t>
  </si>
  <si>
    <t>buurt_gegeneraliseerd_2021.40a8896e-5478-46ab-9f6b-bbfea079b18e</t>
  </si>
  <si>
    <t>BU19240109</t>
  </si>
  <si>
    <t>2021BU19240109</t>
  </si>
  <si>
    <t>Ouddorp buitengebied</t>
  </si>
  <si>
    <t>buurt_gegeneraliseerd_2021.21331901-9cb0-4052-b991-42082f8071ce</t>
  </si>
  <si>
    <t>BU19240201</t>
  </si>
  <si>
    <t>2021BU19240201</t>
  </si>
  <si>
    <t>Stellendam centrum</t>
  </si>
  <si>
    <t>buurt_gegeneraliseerd_2021.04690ed3-3834-468a-884c-ec724b5dfd92</t>
  </si>
  <si>
    <t>BU19240202</t>
  </si>
  <si>
    <t>2021BU19240202</t>
  </si>
  <si>
    <t>Stellendam west</t>
  </si>
  <si>
    <t>buurt_gegeneraliseerd_2021.b55c2419-3039-4ef5-9017-49c5365c7d6c</t>
  </si>
  <si>
    <t>BU19240203</t>
  </si>
  <si>
    <t>2021BU19240203</t>
  </si>
  <si>
    <t>Stellendam zuiderdiep</t>
  </si>
  <si>
    <t>buurt_gegeneraliseerd_2021.e82b9247-fab5-4149-8718-1b28e7d66bc8</t>
  </si>
  <si>
    <t>BU19240204</t>
  </si>
  <si>
    <t>2021BU19240204</t>
  </si>
  <si>
    <t>Stellendam haven</t>
  </si>
  <si>
    <t>buurt_gegeneraliseerd_2021.28a71202-97d9-4377-b562-af80e01bf800</t>
  </si>
  <si>
    <t>BU19240205</t>
  </si>
  <si>
    <t>2021BU19240205</t>
  </si>
  <si>
    <t>Stellendam buitengebied</t>
  </si>
  <si>
    <t>buurt_gegeneraliseerd_2021.7bf114d8-2fa6-4f82-89e0-32341d37156d</t>
  </si>
  <si>
    <t>BU19240301</t>
  </si>
  <si>
    <t>2021BU19240301</t>
  </si>
  <si>
    <t>Middelharnis westplaat</t>
  </si>
  <si>
    <t>buurt_gegeneraliseerd_2021.1ff19136-ee6a-4f27-9f53-dcef4d412161</t>
  </si>
  <si>
    <t>BU19240302</t>
  </si>
  <si>
    <t>2021BU19240302</t>
  </si>
  <si>
    <t>Middelharnis centrum</t>
  </si>
  <si>
    <t>buurt_gegeneraliseerd_2021.0ef0fc1b-8781-4f63-b217-0d3efc7fe07d</t>
  </si>
  <si>
    <t>BU19240303</t>
  </si>
  <si>
    <t>2021BU19240303</t>
  </si>
  <si>
    <t>Middelharnis prinsenkwartier</t>
  </si>
  <si>
    <t>buurt_gegeneraliseerd_2021.0409fc2f-3f2a-4a78-8af0-53790c13244e</t>
  </si>
  <si>
    <t>BU19240304</t>
  </si>
  <si>
    <t>2021BU19240304</t>
  </si>
  <si>
    <t>Middelharnis bomenbuurt</t>
  </si>
  <si>
    <t>buurt_gegeneraliseerd_2021.8fd6b917-995c-4c91-b7c4-9d1fcf1ab715</t>
  </si>
  <si>
    <t>BU19240305</t>
  </si>
  <si>
    <t>2021BU19240305</t>
  </si>
  <si>
    <t>Middelharnis oostplaat</t>
  </si>
  <si>
    <t>buurt_gegeneraliseerd_2021.31294678-42d1-4d25-9372-1e4bcbd8bd24</t>
  </si>
  <si>
    <t>BU19240306</t>
  </si>
  <si>
    <t>2021BU19240306</t>
  </si>
  <si>
    <t>Middelharnis Nieuw Zeeland</t>
  </si>
  <si>
    <t>buurt_gegeneraliseerd_2021.72bdb8cd-2d6e-4628-9b6e-ce55d73c122a</t>
  </si>
  <si>
    <t>BU19240307</t>
  </si>
  <si>
    <t>2021BU19240307</t>
  </si>
  <si>
    <t>Middelharnis buitengebied</t>
  </si>
  <si>
    <t>buurt_gegeneraliseerd_2021.8217e61d-7b14-4eec-96e1-f38fbb12286d</t>
  </si>
  <si>
    <t>BU19240401</t>
  </si>
  <si>
    <t>2021BU19240401</t>
  </si>
  <si>
    <t>Ooltgensplaat woonkern</t>
  </si>
  <si>
    <t>buurt_gegeneraliseerd_2021.c7ca25fd-e160-4582-86fb-30639094d888</t>
  </si>
  <si>
    <t>BU19240402</t>
  </si>
  <si>
    <t>2021BU19240402</t>
  </si>
  <si>
    <t>Ooltgensplaat haven</t>
  </si>
  <si>
    <t>buurt_gegeneraliseerd_2021.6671d15b-f74a-4bb2-ac3d-bb356e207501</t>
  </si>
  <si>
    <t>BU19240403</t>
  </si>
  <si>
    <t>2021BU19240403</t>
  </si>
  <si>
    <t>Ooltgensplaat buitengebied</t>
  </si>
  <si>
    <t>buurt_gegeneraliseerd_2021.94a03d6e-d859-4337-aceb-a0c794abb891</t>
  </si>
  <si>
    <t>BU19240501</t>
  </si>
  <si>
    <t>2021BU19240501</t>
  </si>
  <si>
    <t>Den Bommel woonkern</t>
  </si>
  <si>
    <t>buurt_gegeneraliseerd_2021.8136c095-b70e-4080-a99c-ae77b4b5b352</t>
  </si>
  <si>
    <t>BU19240502</t>
  </si>
  <si>
    <t>2021BU19240502</t>
  </si>
  <si>
    <t>Den Bommel buitengebied</t>
  </si>
  <si>
    <t>buurt_gegeneraliseerd_2021.49dc6fb6-c684-4d28-9870-80c94974affc</t>
  </si>
  <si>
    <t>BU19240601</t>
  </si>
  <si>
    <t>2021BU19240601</t>
  </si>
  <si>
    <t>Oude-Tonge centrum</t>
  </si>
  <si>
    <t>buurt_gegeneraliseerd_2021.5dd5e84f-499c-4fad-b6de-9729b195a932</t>
  </si>
  <si>
    <t>BU19240602</t>
  </si>
  <si>
    <t>2021BU19240602</t>
  </si>
  <si>
    <t>Oude-Tonge prinsessenbuurt handelskade</t>
  </si>
  <si>
    <t>buurt_gegeneraliseerd_2021.6e5c2797-3f52-4397-8ab8-e85bd298a56f</t>
  </si>
  <si>
    <t>BU19240603</t>
  </si>
  <si>
    <t>2021BU19240603</t>
  </si>
  <si>
    <t>Oude-Tonge planetenbuurt</t>
  </si>
  <si>
    <t>buurt_gegeneraliseerd_2021.2c15999c-ccd6-422f-af2c-5591836c7586</t>
  </si>
  <si>
    <t>BU19240604</t>
  </si>
  <si>
    <t>2021BU19240604</t>
  </si>
  <si>
    <t>Oude-Tonge haven</t>
  </si>
  <si>
    <t>buurt_gegeneraliseerd_2021.22a8edf7-c723-43c2-904d-0b3c606cd496</t>
  </si>
  <si>
    <t>BU19240605</t>
  </si>
  <si>
    <t>2021BU19240605</t>
  </si>
  <si>
    <t>Oude-Tonge industriegebied</t>
  </si>
  <si>
    <t>buurt_gegeneraliseerd_2021.827ed11a-6d11-49ef-82ab-9d25ea820454</t>
  </si>
  <si>
    <t>BU19240606</t>
  </si>
  <si>
    <t>2021BU19240606</t>
  </si>
  <si>
    <t>Oude-Tonge buitengebied</t>
  </si>
  <si>
    <t>buurt_gegeneraliseerd_2021.a10880b5-d555-4e63-857a-a62ddfd59445</t>
  </si>
  <si>
    <t>BU19240701</t>
  </si>
  <si>
    <t>2021BU19240701</t>
  </si>
  <si>
    <t>Dirksland centrum</t>
  </si>
  <si>
    <t>buurt_gegeneraliseerd_2021.7b4a019d-2a2a-4550-9ccb-3c8ddab42506</t>
  </si>
  <si>
    <t>BU19240702</t>
  </si>
  <si>
    <t>2021BU19240702</t>
  </si>
  <si>
    <t>Dirksland noord</t>
  </si>
  <si>
    <t>buurt_gegeneraliseerd_2021.307d019e-b200-4a8a-8ecd-eff4dac049cb</t>
  </si>
  <si>
    <t>BU19240703</t>
  </si>
  <si>
    <t>2021BU19240703</t>
  </si>
  <si>
    <t>Dirksland zuid</t>
  </si>
  <si>
    <t>buurt_gegeneraliseerd_2021.71fdcb97-00f1-499c-9bd7-f4ecf327dcc8</t>
  </si>
  <si>
    <t>BU19240704</t>
  </si>
  <si>
    <t>2021BU19240704</t>
  </si>
  <si>
    <t>Dirksland industriegebied</t>
  </si>
  <si>
    <t>buurt_gegeneraliseerd_2021.955be196-64c8-40bb-95ba-abf2a4f1fdb3</t>
  </si>
  <si>
    <t>BU19240705</t>
  </si>
  <si>
    <t>2021BU19240705</t>
  </si>
  <si>
    <t>Dirksland buitengebied</t>
  </si>
  <si>
    <t>buurt_gegeneraliseerd_2021.70f7be19-8cda-449e-8d85-9f7a19bf05b7</t>
  </si>
  <si>
    <t>BU19240801</t>
  </si>
  <si>
    <t>2021BU19240801</t>
  </si>
  <si>
    <t>Melissant woonkern</t>
  </si>
  <si>
    <t>buurt_gegeneraliseerd_2021.2c65051f-04ab-4f93-a0c4-aef1e09eba97</t>
  </si>
  <si>
    <t>BU19240802</t>
  </si>
  <si>
    <t>2021BU19240802</t>
  </si>
  <si>
    <t>Melissant buitengebied</t>
  </si>
  <si>
    <t>buurt_gegeneraliseerd_2021.25789def-ea0a-412f-9dd1-1dc545897260</t>
  </si>
  <si>
    <t>BU19240901</t>
  </si>
  <si>
    <t>2021BU19240901</t>
  </si>
  <si>
    <t>Herkingen woonkern</t>
  </si>
  <si>
    <t>buurt_gegeneraliseerd_2021.bda28636-676a-4ed3-9102-c09100601693</t>
  </si>
  <si>
    <t>BU19240902</t>
  </si>
  <si>
    <t>2021BU19240902</t>
  </si>
  <si>
    <t>Herkingen buitenplaats</t>
  </si>
  <si>
    <t>buurt_gegeneraliseerd_2021.45c4c39b-52a8-40d2-9245-64372ccf48b6</t>
  </si>
  <si>
    <t>BU19240903</t>
  </si>
  <si>
    <t>2021BU19240903</t>
  </si>
  <si>
    <t>Herkingen buitengebied</t>
  </si>
  <si>
    <t>buurt_gegeneraliseerd_2021.0de2332b-2d58-4bd4-a2ba-b971e1888ab8</t>
  </si>
  <si>
    <t>BU19241001</t>
  </si>
  <si>
    <t>2021BU19241001</t>
  </si>
  <si>
    <t>Sommelsdijk centrum</t>
  </si>
  <si>
    <t>buurt_gegeneraliseerd_2021.fb497a79-05f0-45eb-8491-9b2262118fe2</t>
  </si>
  <si>
    <t>BU19241002</t>
  </si>
  <si>
    <t>2021BU19241002</t>
  </si>
  <si>
    <t>Sommelsdijk bloemenbuurt</t>
  </si>
  <si>
    <t>buurt_gegeneraliseerd_2021.fc3b9459-75ac-41a1-aac0-9cfed0ccce0a</t>
  </si>
  <si>
    <t>BU19241003</t>
  </si>
  <si>
    <t>2021BU19241003</t>
  </si>
  <si>
    <t>Sommelsdijk westplaat</t>
  </si>
  <si>
    <t>buurt_gegeneraliseerd_2021.bd669d33-b805-404e-ae85-b7255d6a26a5</t>
  </si>
  <si>
    <t>BU19241004</t>
  </si>
  <si>
    <t>2021BU19241004</t>
  </si>
  <si>
    <t>Sommelsdijk vogelbuurt oost</t>
  </si>
  <si>
    <t>buurt_gegeneraliseerd_2021.89816a52-1779-46be-80c6-3f03f5615f45</t>
  </si>
  <si>
    <t>BU19241005</t>
  </si>
  <si>
    <t>2021BU19241005</t>
  </si>
  <si>
    <t>Sommelsdijk vogelbuurt west</t>
  </si>
  <si>
    <t>buurt_gegeneraliseerd_2021.cd217025-08b7-44c7-8da3-5bf12206ea18</t>
  </si>
  <si>
    <t>BU19241006</t>
  </si>
  <si>
    <t>2021BU19241006</t>
  </si>
  <si>
    <t>Sommelsdijk buitengebied</t>
  </si>
  <si>
    <t>buurt_gegeneraliseerd_2021.4b954644-b220-4eb7-a680-75b72271f81c</t>
  </si>
  <si>
    <t>BU19241101</t>
  </si>
  <si>
    <t>2021BU19241101</t>
  </si>
  <si>
    <t>Nieuwe-Tonge woonkern</t>
  </si>
  <si>
    <t>buurt_gegeneraliseerd_2021.eb364d46-f50c-4124-bfce-3a0dba919033</t>
  </si>
  <si>
    <t>BU19241102</t>
  </si>
  <si>
    <t>2021BU19241102</t>
  </si>
  <si>
    <t>Nieuwe-Tonge battenoord</t>
  </si>
  <si>
    <t>buurt_gegeneraliseerd_2021.ce0292eb-1f93-4fbf-a41e-02b6c527619e</t>
  </si>
  <si>
    <t>BU19241103</t>
  </si>
  <si>
    <t>2021BU19241103</t>
  </si>
  <si>
    <t>Nieuwe-Tonge buitengebied</t>
  </si>
  <si>
    <t>buurt_gegeneraliseerd_2021.87e72e5e-0149-48f4-a38a-23abe9a0cd00</t>
  </si>
  <si>
    <t>BU19241201</t>
  </si>
  <si>
    <t>2021BU19241201</t>
  </si>
  <si>
    <t>Stad aan 't Haringvliet woonkern</t>
  </si>
  <si>
    <t>buurt_gegeneraliseerd_2021.8fcb693a-4f03-4e95-88ae-62cf1bcae751</t>
  </si>
  <si>
    <t>BU19241202</t>
  </si>
  <si>
    <t>2021BU19241202</t>
  </si>
  <si>
    <t>Stad aan 't Haringvliet buitengebied</t>
  </si>
  <si>
    <t>buurt_gegeneraliseerd_2021.803fdbb8-615a-4535-9c5f-cb53ba066eae</t>
  </si>
  <si>
    <t>BU19241301</t>
  </si>
  <si>
    <t>2021BU19241301</t>
  </si>
  <si>
    <t>Achthuizen woonkern</t>
  </si>
  <si>
    <t>buurt_gegeneraliseerd_2021.07c31738-92e5-454a-b651-ec8710998b60</t>
  </si>
  <si>
    <t>BU19241302</t>
  </si>
  <si>
    <t>2021BU19241302</t>
  </si>
  <si>
    <t>Achthuizen buitengebied</t>
  </si>
  <si>
    <t>buurt_gegeneraliseerd_2021.78e8a5f4-b004-48db-9705-cd2dac2964e8</t>
  </si>
  <si>
    <t>BU19260101</t>
  </si>
  <si>
    <t>2021BU19260101</t>
  </si>
  <si>
    <t>Pijnacker-Centrum/Dorp</t>
  </si>
  <si>
    <t>GM1926</t>
  </si>
  <si>
    <t>buurt_gegeneraliseerd_2021.8cdba6fb-f61e-451f-b3e9-e9f79f56c439</t>
  </si>
  <si>
    <t>BU19260102</t>
  </si>
  <si>
    <t>2021BU19260102</t>
  </si>
  <si>
    <t>Pijnacker Noord</t>
  </si>
  <si>
    <t>buurt_gegeneraliseerd_2021.d4e382f3-6cc4-4892-938a-61fa0bc800a9</t>
  </si>
  <si>
    <t>BU19260103</t>
  </si>
  <si>
    <t>2021BU19260103</t>
  </si>
  <si>
    <t>Koningshof</t>
  </si>
  <si>
    <t>buurt_gegeneraliseerd_2021.127d69c5-988d-49fa-92c1-5367752fa3c7</t>
  </si>
  <si>
    <t>BU19260104</t>
  </si>
  <si>
    <t>2021BU19260104</t>
  </si>
  <si>
    <t>Klapwijk</t>
  </si>
  <si>
    <t>buurt_gegeneraliseerd_2021.a536f779-842a-4037-9df4-e0e9ef5637d6</t>
  </si>
  <si>
    <t>BU19260105</t>
  </si>
  <si>
    <t>2021BU19260105</t>
  </si>
  <si>
    <t>buurt_gegeneraliseerd_2021.e1117b2d-68dd-4a0d-a128-dca17e465b22</t>
  </si>
  <si>
    <t>BU19260106</t>
  </si>
  <si>
    <t>2021BU19260106</t>
  </si>
  <si>
    <t>Keijzershof Erven</t>
  </si>
  <si>
    <t>buurt_gegeneraliseerd_2021.493a8c1d-bdc1-449a-826d-ded570b27b14</t>
  </si>
  <si>
    <t>BU19260107</t>
  </si>
  <si>
    <t>2021BU19260107</t>
  </si>
  <si>
    <t>Ackerswoude</t>
  </si>
  <si>
    <t>buurt_gegeneraliseerd_2021.8fdb02e3-04da-4b28-b77f-339aa4f7313d</t>
  </si>
  <si>
    <t>BU19260108</t>
  </si>
  <si>
    <t>2021BU19260108</t>
  </si>
  <si>
    <t>Keijzershof Boszoom</t>
  </si>
  <si>
    <t>buurt_gegeneraliseerd_2021.d1743394-cf7b-4425-a757-5fc997df73bc</t>
  </si>
  <si>
    <t>BU19260109</t>
  </si>
  <si>
    <t>2021BU19260109</t>
  </si>
  <si>
    <t>Keijzershof Eilanden</t>
  </si>
  <si>
    <t>buurt_gegeneraliseerd_2021.00e870d5-571a-4df2-b664-84a3854745e7</t>
  </si>
  <si>
    <t>BU19260111</t>
  </si>
  <si>
    <t>2021BU19260111</t>
  </si>
  <si>
    <t>Zuidpolder Oude Leede</t>
  </si>
  <si>
    <t>buurt_gegeneraliseerd_2021.10cc8ff9-5592-4afc-9fbe-6f2ce6f7444a</t>
  </si>
  <si>
    <t>BU19260112</t>
  </si>
  <si>
    <t>2021BU19260112</t>
  </si>
  <si>
    <t>Pijnacker Oost</t>
  </si>
  <si>
    <t>buurt_gegeneraliseerd_2021.b533a30c-6080-486b-8eda-71e1c590dc6e</t>
  </si>
  <si>
    <t>BU19260113</t>
  </si>
  <si>
    <t>2021BU19260113</t>
  </si>
  <si>
    <t>Noordpolder Pijnacker</t>
  </si>
  <si>
    <t>buurt_gegeneraliseerd_2021.bd492d28-75cf-4829-bbde-4d60a2d6f34c</t>
  </si>
  <si>
    <t>BU19260114</t>
  </si>
  <si>
    <t>2021BU19260114</t>
  </si>
  <si>
    <t>De Boezem</t>
  </si>
  <si>
    <t>buurt_gegeneraliseerd_2021.e54c031b-9513-4063-a13b-45cf87ce26c0</t>
  </si>
  <si>
    <t>BU19260221</t>
  </si>
  <si>
    <t>2021BU19260221</t>
  </si>
  <si>
    <t>Nootdorp Centrum/West</t>
  </si>
  <si>
    <t>buurt_gegeneraliseerd_2021.dd0e2d93-3d3c-4659-b0d0-477d0dd61440</t>
  </si>
  <si>
    <t>BU19260222</t>
  </si>
  <si>
    <t>2021BU19260222</t>
  </si>
  <si>
    <t>Vrouwtjeslant/Nieuweveen</t>
  </si>
  <si>
    <t>buurt_gegeneraliseerd_2021.be2b6a62-1feb-4ba6-a490-6781e04fe023</t>
  </si>
  <si>
    <t>BU19260223</t>
  </si>
  <si>
    <t>2021BU19260223</t>
  </si>
  <si>
    <t>Achter het Raadhuis</t>
  </si>
  <si>
    <t>buurt_gegeneraliseerd_2021.32985a9c-b785-4f09-9f50-c60b4ee01385</t>
  </si>
  <si>
    <t>BU19260224</t>
  </si>
  <si>
    <t>2021BU19260224</t>
  </si>
  <si>
    <t>'s-Gravenhout</t>
  </si>
  <si>
    <t>buurt_gegeneraliseerd_2021.b8d374df-2b5f-4dff-b8e4-f35d0a677a21</t>
  </si>
  <si>
    <t>BU19260225</t>
  </si>
  <si>
    <t>2021BU19260225</t>
  </si>
  <si>
    <t>De Venen Centrum</t>
  </si>
  <si>
    <t>buurt_gegeneraliseerd_2021.23314d39-f784-4a1d-95c9-f49bb0eb87eb</t>
  </si>
  <si>
    <t>BU19260226</t>
  </si>
  <si>
    <t>2021BU19260226</t>
  </si>
  <si>
    <t>De Venen/Craeyenburch</t>
  </si>
  <si>
    <t>buurt_gegeneraliseerd_2021.414c0dfa-e679-46c8-93a7-9c6413606383</t>
  </si>
  <si>
    <t>BU19260227</t>
  </si>
  <si>
    <t>2021BU19260227</t>
  </si>
  <si>
    <t>De Venen Oost</t>
  </si>
  <si>
    <t>buurt_gegeneraliseerd_2021.ecc03139-7144-4791-be51-518e71a9f139</t>
  </si>
  <si>
    <t>BU19260231</t>
  </si>
  <si>
    <t>2021BU19260231</t>
  </si>
  <si>
    <t>Buitengebied Nootdorp</t>
  </si>
  <si>
    <t>buurt_gegeneraliseerd_2021.9d57259d-c767-4aee-aea0-1a1b6b408d17</t>
  </si>
  <si>
    <t>BU19260232</t>
  </si>
  <si>
    <t>2021BU19260232</t>
  </si>
  <si>
    <t>Oostambacht/Heronpark</t>
  </si>
  <si>
    <t>buurt_gegeneraliseerd_2021.02f972a8-9dc8-42de-a286-dcc155ad5905</t>
  </si>
  <si>
    <t>BU19260341</t>
  </si>
  <si>
    <t>2021BU19260341</t>
  </si>
  <si>
    <t>Oud-Delfgauw</t>
  </si>
  <si>
    <t>buurt_gegeneraliseerd_2021.807dd829-9b07-4a33-972e-72b8c081e3c0</t>
  </si>
  <si>
    <t>BU19260342</t>
  </si>
  <si>
    <t>2021BU19260342</t>
  </si>
  <si>
    <t>Emerald Noord</t>
  </si>
  <si>
    <t>buurt_gegeneraliseerd_2021.18f6db13-cae4-4251-bea3-d60ce2bea6c1</t>
  </si>
  <si>
    <t>BU19260343</t>
  </si>
  <si>
    <t>2021BU19260343</t>
  </si>
  <si>
    <t>Emerald Centrum</t>
  </si>
  <si>
    <t>buurt_gegeneraliseerd_2021.52427f73-22b5-4f7a-b027-d808d4cef89d</t>
  </si>
  <si>
    <t>BU19260344</t>
  </si>
  <si>
    <t>2021BU19260344</t>
  </si>
  <si>
    <t>Emerald Zuid</t>
  </si>
  <si>
    <t>buurt_gegeneraliseerd_2021.ffddac72-a3fe-4850-9c41-07dd1275d993</t>
  </si>
  <si>
    <t>BU19260351</t>
  </si>
  <si>
    <t>2021BU19260351</t>
  </si>
  <si>
    <t>Ruijven</t>
  </si>
  <si>
    <t>buurt_gegeneraliseerd_2021.94e82bf4-8b19-4317-8929-a16c531d0f2b</t>
  </si>
  <si>
    <t>BU19260352</t>
  </si>
  <si>
    <t>2021BU19260352</t>
  </si>
  <si>
    <t>Zuidpolder Delfgauw</t>
  </si>
  <si>
    <t>buurt_gegeneraliseerd_2021.ac2ed76d-d850-46d9-9bb6-d2ef213cdb1c</t>
  </si>
  <si>
    <t>BU19260353</t>
  </si>
  <si>
    <t>2021BU19260353</t>
  </si>
  <si>
    <t>Noordpolder Delfgauw</t>
  </si>
  <si>
    <t>buurt_gegeneraliseerd_2021.1c5fb02b-2810-4423-8d9e-e739742563e6</t>
  </si>
  <si>
    <t>BU19300101</t>
  </si>
  <si>
    <t>2021BU19300101</t>
  </si>
  <si>
    <t>Kern</t>
  </si>
  <si>
    <t>GM1930</t>
  </si>
  <si>
    <t>buurt_gegeneraliseerd_2021.bfb209fb-0414-474b-bd08-9b7922ee1526</t>
  </si>
  <si>
    <t>BU19300102</t>
  </si>
  <si>
    <t>2021BU19300102</t>
  </si>
  <si>
    <t>Molenwei</t>
  </si>
  <si>
    <t>buurt_gegeneraliseerd_2021.48df1183-c91e-4383-a4bd-9ee21db3672f</t>
  </si>
  <si>
    <t>BU19300103</t>
  </si>
  <si>
    <t>2021BU19300103</t>
  </si>
  <si>
    <t>buurt_gegeneraliseerd_2021.25326515-02d5-4f11-8fd5-c537802630a0</t>
  </si>
  <si>
    <t>BU19300104</t>
  </si>
  <si>
    <t>2021BU19300104</t>
  </si>
  <si>
    <t>buurt_gegeneraliseerd_2021.125ce043-20e1-4663-9d1e-38d9208ccfe4</t>
  </si>
  <si>
    <t>BU19300105</t>
  </si>
  <si>
    <t>2021BU19300105</t>
  </si>
  <si>
    <t>buurt_gegeneraliseerd_2021.bac2f7d7-03d3-407e-a640-a6a0ce851753</t>
  </si>
  <si>
    <t>BU19300106</t>
  </si>
  <si>
    <t>2021BU19300106</t>
  </si>
  <si>
    <t>buurt_gegeneraliseerd_2021.746f272b-79cf-4e25-b51a-e8fd01c2f06b</t>
  </si>
  <si>
    <t>BU19300201</t>
  </si>
  <si>
    <t>2021BU19300201</t>
  </si>
  <si>
    <t>Schiekamp-Noord</t>
  </si>
  <si>
    <t>buurt_gegeneraliseerd_2021.1b9234cc-5165-4be3-8b6f-3ed90837c81c</t>
  </si>
  <si>
    <t>BU19300202</t>
  </si>
  <si>
    <t>2021BU19300202</t>
  </si>
  <si>
    <t>Schiekamp-Zuid</t>
  </si>
  <si>
    <t>buurt_gegeneraliseerd_2021.2985c343-1ee1-453a-8a58-e8ffd9ee935b</t>
  </si>
  <si>
    <t>BU19300301</t>
  </si>
  <si>
    <t>2021BU19300301</t>
  </si>
  <si>
    <t>Hoogwerf-Noord</t>
  </si>
  <si>
    <t>buurt_gegeneraliseerd_2021.951c046b-24ab-4895-942c-8ea6f7b3f504</t>
  </si>
  <si>
    <t>BU19300302</t>
  </si>
  <si>
    <t>2021BU19300302</t>
  </si>
  <si>
    <t>Hoogwerf-Zuid</t>
  </si>
  <si>
    <t>buurt_gegeneraliseerd_2021.9ffa4224-52f7-4126-bbcd-330b6f513397</t>
  </si>
  <si>
    <t>BU19300401</t>
  </si>
  <si>
    <t>2021BU19300401</t>
  </si>
  <si>
    <t>Vierambachten</t>
  </si>
  <si>
    <t>buurt_gegeneraliseerd_2021.367b0ec9-77a1-449c-a80a-95cece737ad3</t>
  </si>
  <si>
    <t>BU19300501</t>
  </si>
  <si>
    <t>2021BU19300501</t>
  </si>
  <si>
    <t>De Hoek-1</t>
  </si>
  <si>
    <t>buurt_gegeneraliseerd_2021.5f476386-63de-44e6-bba8-5ee2de9049a8</t>
  </si>
  <si>
    <t>BU19300502</t>
  </si>
  <si>
    <t>2021BU19300502</t>
  </si>
  <si>
    <t>De Hoek-2</t>
  </si>
  <si>
    <t>buurt_gegeneraliseerd_2021.bafaa2a9-9745-41ef-b77a-bfe7da8ff026</t>
  </si>
  <si>
    <t>BU19300503</t>
  </si>
  <si>
    <t>2021BU19300503</t>
  </si>
  <si>
    <t>De Hoek-3</t>
  </si>
  <si>
    <t>buurt_gegeneraliseerd_2021.271b05fb-0e10-4c11-9cfe-35945440aed6</t>
  </si>
  <si>
    <t>BU19300504</t>
  </si>
  <si>
    <t>2021BU19300504</t>
  </si>
  <si>
    <t>De Hoek-4</t>
  </si>
  <si>
    <t>buurt_gegeneraliseerd_2021.8bdae462-f3e2-4123-ba09-c7045da771ee</t>
  </si>
  <si>
    <t>BU19300601</t>
  </si>
  <si>
    <t>2021BU19300601</t>
  </si>
  <si>
    <t>Gildenwijk-Oost</t>
  </si>
  <si>
    <t>buurt_gegeneraliseerd_2021.fe954293-fca7-4863-94e5-62569a6c75d1</t>
  </si>
  <si>
    <t>BU19300602</t>
  </si>
  <si>
    <t>2021BU19300602</t>
  </si>
  <si>
    <t>Gildenwijk-West</t>
  </si>
  <si>
    <t>buurt_gegeneraliseerd_2021.eb14b35d-5c78-4175-a473-d4abeed38bc1</t>
  </si>
  <si>
    <t>BU19300603</t>
  </si>
  <si>
    <t>2021BU19300603</t>
  </si>
  <si>
    <t>buurt_gegeneraliseerd_2021.e68b3b48-6332-4284-956e-4eea1a13f173</t>
  </si>
  <si>
    <t>BU19300701</t>
  </si>
  <si>
    <t>2021BU19300701</t>
  </si>
  <si>
    <t>Groenewoud-Hoog</t>
  </si>
  <si>
    <t>buurt_gegeneraliseerd_2021.43f36490-d73e-4597-8d6d-17e49e632fe1</t>
  </si>
  <si>
    <t>BU19300702</t>
  </si>
  <si>
    <t>2021BU19300702</t>
  </si>
  <si>
    <t>Groenewoud-Huur</t>
  </si>
  <si>
    <t>buurt_gegeneraliseerd_2021.47a0c79f-b481-4bf2-805a-4fd89e79e8bb</t>
  </si>
  <si>
    <t>BU19300703</t>
  </si>
  <si>
    <t>2021BU19300703</t>
  </si>
  <si>
    <t>Groenewoud-Koop</t>
  </si>
  <si>
    <t>buurt_gegeneraliseerd_2021.9dc99ea5-6c26-48bf-a112-b832fb073d90</t>
  </si>
  <si>
    <t>BU19300801</t>
  </si>
  <si>
    <t>2021BU19300801</t>
  </si>
  <si>
    <t>Sterrenkwartier-Hoog</t>
  </si>
  <si>
    <t>buurt_gegeneraliseerd_2021.7a881f62-8e9a-46da-8741-5c6423dbd512</t>
  </si>
  <si>
    <t>BU19300802</t>
  </si>
  <si>
    <t>2021BU19300802</t>
  </si>
  <si>
    <t>Sterrenkwartier-Midden</t>
  </si>
  <si>
    <t>buurt_gegeneraliseerd_2021.2f89643c-6974-4d51-8d8b-7af33f46c301</t>
  </si>
  <si>
    <t>BU19300803</t>
  </si>
  <si>
    <t>2021BU19300803</t>
  </si>
  <si>
    <t>Sterrenkwartier-Oost</t>
  </si>
  <si>
    <t>buurt_gegeneraliseerd_2021.69c6bb76-9978-4c71-814c-74c64ba68dd3</t>
  </si>
  <si>
    <t>BU19300804</t>
  </si>
  <si>
    <t>2021BU19300804</t>
  </si>
  <si>
    <t>Sterrenkwartier-Zuid</t>
  </si>
  <si>
    <t>buurt_gegeneraliseerd_2021.7cbabdad-958a-4ccc-8100-34ed981f19e2</t>
  </si>
  <si>
    <t>BU19300805</t>
  </si>
  <si>
    <t>2021BU19300805</t>
  </si>
  <si>
    <t>Sterrenkwartier-West</t>
  </si>
  <si>
    <t>buurt_gegeneraliseerd_2021.e06fca35-bee5-4061-ba72-14dc346f30dc</t>
  </si>
  <si>
    <t>BU19300901</t>
  </si>
  <si>
    <t>2021BU19300901</t>
  </si>
  <si>
    <t>Schenkel-Noordwest</t>
  </si>
  <si>
    <t>buurt_gegeneraliseerd_2021.05af79f1-25f4-4a8a-9025-b9df14d9d7fc</t>
  </si>
  <si>
    <t>BU19300902</t>
  </si>
  <si>
    <t>2021BU19300902</t>
  </si>
  <si>
    <t>Schenkel-Industrieterrein</t>
  </si>
  <si>
    <t>buurt_gegeneraliseerd_2021.4ac18e60-256c-44f2-9655-1a5dd71b6941</t>
  </si>
  <si>
    <t>BU19300903</t>
  </si>
  <si>
    <t>2021BU19300903</t>
  </si>
  <si>
    <t>Schenkel-Zuidwest</t>
  </si>
  <si>
    <t>buurt_gegeneraliseerd_2021.ad94dc1e-3f93-4ffd-8d25-d932faf4a10d</t>
  </si>
  <si>
    <t>BU19300904</t>
  </si>
  <si>
    <t>2021BU19300904</t>
  </si>
  <si>
    <t>Schenkel-Zuidoost</t>
  </si>
  <si>
    <t>buurt_gegeneraliseerd_2021.92f7246b-9797-4f2d-a0e5-2ada27dd6e46</t>
  </si>
  <si>
    <t>BU19300905</t>
  </si>
  <si>
    <t>2021BU19300905</t>
  </si>
  <si>
    <t>Schenkel-Noordoost</t>
  </si>
  <si>
    <t>buurt_gegeneraliseerd_2021.47cccc21-1ddb-408c-9b55-0ef755f1916f</t>
  </si>
  <si>
    <t>BU19301001</t>
  </si>
  <si>
    <t>2021BU19301001</t>
  </si>
  <si>
    <t>buurt_gegeneraliseerd_2021.30874a30-b474-4619-8287-d44ed884f0af</t>
  </si>
  <si>
    <t>BU19301002</t>
  </si>
  <si>
    <t>2021BU19301002</t>
  </si>
  <si>
    <t>Bedrijventerrein Haven-Noord</t>
  </si>
  <si>
    <t>buurt_gegeneraliseerd_2021.ce473295-1666-4b55-9d01-16a4bc511fee</t>
  </si>
  <si>
    <t>BU19301003</t>
  </si>
  <si>
    <t>2021BU19301003</t>
  </si>
  <si>
    <t>buurt_gegeneraliseerd_2021.3dd85433-ad9d-4607-ba53-9fd222a9f048</t>
  </si>
  <si>
    <t>BU19301004</t>
  </si>
  <si>
    <t>2021BU19301004</t>
  </si>
  <si>
    <t>Het Land</t>
  </si>
  <si>
    <t>buurt_gegeneraliseerd_2021.bc571f5d-0c4f-49fb-91c1-8ceab70d0b78</t>
  </si>
  <si>
    <t>BU19301101</t>
  </si>
  <si>
    <t>2021BU19301101</t>
  </si>
  <si>
    <t>Vogelenzang-Zuid</t>
  </si>
  <si>
    <t>buurt_gegeneraliseerd_2021.ce8ba453-deb2-48a6-94c0-f22075a8ebf1</t>
  </si>
  <si>
    <t>BU19301102</t>
  </si>
  <si>
    <t>2021BU19301102</t>
  </si>
  <si>
    <t>Vogelenzang-Noord</t>
  </si>
  <si>
    <t>buurt_gegeneraliseerd_2021.a7b1f5f0-e681-4daa-a82f-7f18b934083f</t>
  </si>
  <si>
    <t>BU19301201</t>
  </si>
  <si>
    <t>2021BU19301201</t>
  </si>
  <si>
    <t>Gaarden</t>
  </si>
  <si>
    <t>buurt_gegeneraliseerd_2021.6188772b-8bad-4cfd-9922-7c359f708985</t>
  </si>
  <si>
    <t>BU19301202</t>
  </si>
  <si>
    <t>2021BU19301202</t>
  </si>
  <si>
    <t>Dreven</t>
  </si>
  <si>
    <t>buurt_gegeneraliseerd_2021.690fe40b-8222-4125-8ef7-c3d7cf20939f</t>
  </si>
  <si>
    <t>BU19301203</t>
  </si>
  <si>
    <t>2021BU19301203</t>
  </si>
  <si>
    <t>Voorden</t>
  </si>
  <si>
    <t>buurt_gegeneraliseerd_2021.cbe59085-4fcd-40b4-9cea-063ddf410200</t>
  </si>
  <si>
    <t>BU19301204</t>
  </si>
  <si>
    <t>2021BU19301204</t>
  </si>
  <si>
    <t>Akkers-Centrum</t>
  </si>
  <si>
    <t>buurt_gegeneraliseerd_2021.ba3d1cd1-63c4-4658-9a39-adf98b1f4c88</t>
  </si>
  <si>
    <t>BU19301205</t>
  </si>
  <si>
    <t>2021BU19301205</t>
  </si>
  <si>
    <t>Donken</t>
  </si>
  <si>
    <t>buurt_gegeneraliseerd_2021.3d1b9ae5-a2aa-41e9-8df6-f072d61af192</t>
  </si>
  <si>
    <t>BU19301206</t>
  </si>
  <si>
    <t>2021BU19301206</t>
  </si>
  <si>
    <t>Kreken</t>
  </si>
  <si>
    <t>buurt_gegeneraliseerd_2021.a384dc81-68ce-441e-9403-1f0fbe44d85e</t>
  </si>
  <si>
    <t>BU19301301</t>
  </si>
  <si>
    <t>2021BU19301301</t>
  </si>
  <si>
    <t>Vriesland</t>
  </si>
  <si>
    <t>buurt_gegeneraliseerd_2021.562fe62e-a700-4341-984e-06da7aa2e8a8</t>
  </si>
  <si>
    <t>BU19301401</t>
  </si>
  <si>
    <t>2021BU19301401</t>
  </si>
  <si>
    <t>Ottersveen</t>
  </si>
  <si>
    <t>buurt_gegeneraliseerd_2021.5a590959-3598-4318-b08a-4331ea6ec181</t>
  </si>
  <si>
    <t>BU19301402</t>
  </si>
  <si>
    <t>2021BU19301402</t>
  </si>
  <si>
    <t>Kikkerveen</t>
  </si>
  <si>
    <t>buurt_gegeneraliseerd_2021.8ddbb358-e281-4b7d-9c4c-f330a603cd8d</t>
  </si>
  <si>
    <t>BU19301403</t>
  </si>
  <si>
    <t>2021BU19301403</t>
  </si>
  <si>
    <t>Beverveen</t>
  </si>
  <si>
    <t>buurt_gegeneraliseerd_2021.85ae1d4d-f2e3-454b-92fd-b782933d5991</t>
  </si>
  <si>
    <t>BU19301404</t>
  </si>
  <si>
    <t>2021BU19301404</t>
  </si>
  <si>
    <t>Egel- en Salamanderveen</t>
  </si>
  <si>
    <t>buurt_gegeneraliseerd_2021.742bbe83-5a5c-4afb-9c18-4bb7ad00fdf3</t>
  </si>
  <si>
    <t>BU19301405</t>
  </si>
  <si>
    <t>2021BU19301405</t>
  </si>
  <si>
    <t>Krekelveen</t>
  </si>
  <si>
    <t>buurt_gegeneraliseerd_2021.d0f54d4b-6169-4345-b06b-e054ccaa7165</t>
  </si>
  <si>
    <t>BU19301406</t>
  </si>
  <si>
    <t>2021BU19301406</t>
  </si>
  <si>
    <t>Slakkenveen</t>
  </si>
  <si>
    <t>buurt_gegeneraliseerd_2021.af2fc914-6a07-42c0-92e1-7aff41066e96</t>
  </si>
  <si>
    <t>BU19301407</t>
  </si>
  <si>
    <t>2021BU19301407</t>
  </si>
  <si>
    <t>buurt_gegeneraliseerd_2021.793a1f8c-884d-4989-b6d3-32861342897e</t>
  </si>
  <si>
    <t>BU19301408</t>
  </si>
  <si>
    <t>2021BU19301408</t>
  </si>
  <si>
    <t>Karperveen</t>
  </si>
  <si>
    <t>buurt_gegeneraliseerd_2021.90bb9956-bebf-45ed-b3c6-965065637de9</t>
  </si>
  <si>
    <t>BU19301409</t>
  </si>
  <si>
    <t>2021BU19301409</t>
  </si>
  <si>
    <t>Snoekenveen</t>
  </si>
  <si>
    <t>buurt_gegeneraliseerd_2021.627595cf-462b-4a61-90a9-40ebac239c62</t>
  </si>
  <si>
    <t>BU19301410</t>
  </si>
  <si>
    <t>2021BU19301410</t>
  </si>
  <si>
    <t>Baarsveen</t>
  </si>
  <si>
    <t>buurt_gegeneraliseerd_2021.18eeaf31-4f81-4078-a973-92471df8913a</t>
  </si>
  <si>
    <t>BU19301411</t>
  </si>
  <si>
    <t>2021BU19301411</t>
  </si>
  <si>
    <t>Park Waterland</t>
  </si>
  <si>
    <t>buurt_gegeneraliseerd_2021.7376d608-be18-4499-a682-6642b7ff25fa</t>
  </si>
  <si>
    <t>BU19301501</t>
  </si>
  <si>
    <t>2021BU19301501</t>
  </si>
  <si>
    <t>Maaswijk-Noordoost</t>
  </si>
  <si>
    <t>buurt_gegeneraliseerd_2021.6dbe652d-6c71-4125-a6d5-83726ef7cba6</t>
  </si>
  <si>
    <t>BU19301502</t>
  </si>
  <si>
    <t>2021BU19301502</t>
  </si>
  <si>
    <t>Maaswijk-Noordwest</t>
  </si>
  <si>
    <t>buurt_gegeneraliseerd_2021.e537cea2-bca7-4f44-a4f4-cc23443458de</t>
  </si>
  <si>
    <t>BU19301503</t>
  </si>
  <si>
    <t>2021BU19301503</t>
  </si>
  <si>
    <t>Maaswijk-Zuidwest</t>
  </si>
  <si>
    <t>buurt_gegeneraliseerd_2021.7cad15ee-c4f6-48f6-9787-349336816146</t>
  </si>
  <si>
    <t>BU19301504</t>
  </si>
  <si>
    <t>2021BU19301504</t>
  </si>
  <si>
    <t>Maaswijk-Zuidoost</t>
  </si>
  <si>
    <t>buurt_gegeneraliseerd_2021.ab6441e1-2b10-4068-b391-f06e52ae198b</t>
  </si>
  <si>
    <t>BU19301505</t>
  </si>
  <si>
    <t>2021BU19301505</t>
  </si>
  <si>
    <t>Maaswijktuinen</t>
  </si>
  <si>
    <t>buurt_gegeneraliseerd_2021.1a3818c9-3bfc-4e6a-b132-faaa39eca2bd</t>
  </si>
  <si>
    <t>BU19301506</t>
  </si>
  <si>
    <t>2021BU19301506</t>
  </si>
  <si>
    <t>Park Welgelegen</t>
  </si>
  <si>
    <t>buurt_gegeneraliseerd_2021.c01be52a-e3a6-4949-9fed-fb345b63a222</t>
  </si>
  <si>
    <t>BU19301601</t>
  </si>
  <si>
    <t>2021BU19301601</t>
  </si>
  <si>
    <t>Industrieterrein Halfweg</t>
  </si>
  <si>
    <t>buurt_gegeneraliseerd_2021.8856a98f-b86f-485a-bcac-2de1c280c106</t>
  </si>
  <si>
    <t>BU19301701</t>
  </si>
  <si>
    <t>2021BU19301701</t>
  </si>
  <si>
    <t>Oostbroek</t>
  </si>
  <si>
    <t>buurt_gegeneraliseerd_2021.287a79c8-b848-4a16-bf0b-a7dfdd8dea2e</t>
  </si>
  <si>
    <t>BU19301702</t>
  </si>
  <si>
    <t>2021BU19301702</t>
  </si>
  <si>
    <t>Landtong</t>
  </si>
  <si>
    <t>buurt_gegeneraliseerd_2021.bc2c6ab0-987f-42de-8c7e-1aca686fb5f3</t>
  </si>
  <si>
    <t>BU19301703</t>
  </si>
  <si>
    <t>2021BU19301703</t>
  </si>
  <si>
    <t>Hartelpark-Oost</t>
  </si>
  <si>
    <t>buurt_gegeneraliseerd_2021.04a979f9-2d43-4eb2-a4a8-a1f22a28e0a0</t>
  </si>
  <si>
    <t>BU19301704</t>
  </si>
  <si>
    <t>2021BU19301704</t>
  </si>
  <si>
    <t>Hartelpark-West</t>
  </si>
  <si>
    <t>buurt_gegeneraliseerd_2021.2a08137e-2a19-4e5a-b87b-9c9419de116a</t>
  </si>
  <si>
    <t>BU19301705</t>
  </si>
  <si>
    <t>2021BU19301705</t>
  </si>
  <si>
    <t>Markenburg</t>
  </si>
  <si>
    <t>buurt_gegeneraliseerd_2021.a6faa0ed-34e9-4210-859c-c35a3c78e635</t>
  </si>
  <si>
    <t>BU19301706</t>
  </si>
  <si>
    <t>2021BU19301706</t>
  </si>
  <si>
    <t>Westrand</t>
  </si>
  <si>
    <t>buurt_gegeneraliseerd_2021.a60f96ed-6abd-4e29-b4b8-4167884449e0</t>
  </si>
  <si>
    <t>BU19301707</t>
  </si>
  <si>
    <t>2021BU19301707</t>
  </si>
  <si>
    <t>buurt_gegeneraliseerd_2021.60bd35c4-26a3-4735-a73a-2a0b8b30e406</t>
  </si>
  <si>
    <t>BU19301708</t>
  </si>
  <si>
    <t>2021BU19301708</t>
  </si>
  <si>
    <t>Berenplaat</t>
  </si>
  <si>
    <t>buurt_gegeneraliseerd_2021.7bc0fe78-4c25-41f9-b9ef-b245bf7c4df3</t>
  </si>
  <si>
    <t>BU19302501</t>
  </si>
  <si>
    <t>2021BU19302501</t>
  </si>
  <si>
    <t>Kern Heenvliet</t>
  </si>
  <si>
    <t>buurt_gegeneraliseerd_2021.dcbfa313-398c-4a9d-8995-caf062b5777b</t>
  </si>
  <si>
    <t>BU19302502</t>
  </si>
  <si>
    <t>2021BU19302502</t>
  </si>
  <si>
    <t>Bloemendaele</t>
  </si>
  <si>
    <t>buurt_gegeneraliseerd_2021.5d3248ff-507d-42d7-82c5-7c029403950c</t>
  </si>
  <si>
    <t>BU19302503</t>
  </si>
  <si>
    <t>2021BU19302503</t>
  </si>
  <si>
    <t>Ravensteijn-West</t>
  </si>
  <si>
    <t>buurt_gegeneraliseerd_2021.1c04f7cf-3c90-4f91-9e07-271008e35cac</t>
  </si>
  <si>
    <t>BU19302504</t>
  </si>
  <si>
    <t>2021BU19302504</t>
  </si>
  <si>
    <t>Poldergebied Heenvliet</t>
  </si>
  <si>
    <t>buurt_gegeneraliseerd_2021.6e450a80-b883-4e85-ac38-862329cc3004</t>
  </si>
  <si>
    <t>BU19302701</t>
  </si>
  <si>
    <t>2021BU19302701</t>
  </si>
  <si>
    <t>Kern Geervliet</t>
  </si>
  <si>
    <t>buurt_gegeneraliseerd_2021.e97d9467-fbbc-4aff-a34d-0bcef46a147c</t>
  </si>
  <si>
    <t>BU19302702</t>
  </si>
  <si>
    <t>2021BU19302702</t>
  </si>
  <si>
    <t>Geervliet-Noordoost</t>
  </si>
  <si>
    <t>buurt_gegeneraliseerd_2021.d34149e4-bb04-48fd-a9e6-93f043131352</t>
  </si>
  <si>
    <t>BU19302703</t>
  </si>
  <si>
    <t>2021BU19302703</t>
  </si>
  <si>
    <t>Poldergebied Geervliet</t>
  </si>
  <si>
    <t>buurt_gegeneraliseerd_2021.a13c3e11-f392-4575-acc9-e4df8ff5a9ff</t>
  </si>
  <si>
    <t>BU19302901</t>
  </si>
  <si>
    <t>2021BU19302901</t>
  </si>
  <si>
    <t>Kern Abbenbroek</t>
  </si>
  <si>
    <t>buurt_gegeneraliseerd_2021.1210911f-0629-487a-baa9-6d23b3cd5614</t>
  </si>
  <si>
    <t>BU19302902</t>
  </si>
  <si>
    <t>2021BU19302902</t>
  </si>
  <si>
    <t>Poldergebied Abbenbroek</t>
  </si>
  <si>
    <t>buurt_gegeneraliseerd_2021.6f4759e7-3153-44ba-bb78-dcd33ad1451f</t>
  </si>
  <si>
    <t>BU19303101</t>
  </si>
  <si>
    <t>2021BU19303101</t>
  </si>
  <si>
    <t>Kern Zuidland</t>
  </si>
  <si>
    <t>buurt_gegeneraliseerd_2021.09e584b6-f456-4c06-82c9-ffa6e49d5882</t>
  </si>
  <si>
    <t>BU19303102</t>
  </si>
  <si>
    <t>2021BU19303102</t>
  </si>
  <si>
    <t>Kerckhoek</t>
  </si>
  <si>
    <t>buurt_gegeneraliseerd_2021.1874b5c3-4037-4e54-9f42-6be614d1e12a</t>
  </si>
  <si>
    <t>BU19303103</t>
  </si>
  <si>
    <t>2021BU19303103</t>
  </si>
  <si>
    <t>Kreken van Nibbeland</t>
  </si>
  <si>
    <t>buurt_gegeneraliseerd_2021.6e7b5b92-1ff3-4e54-bddf-77d44a06450d</t>
  </si>
  <si>
    <t>BU19303104</t>
  </si>
  <si>
    <t>2021BU19303104</t>
  </si>
  <si>
    <t>Harregat</t>
  </si>
  <si>
    <t>buurt_gegeneraliseerd_2021.b1c1dc02-590c-48dc-a3ba-e6e8d7732990</t>
  </si>
  <si>
    <t>BU19303105</t>
  </si>
  <si>
    <t>2021BU19303105</t>
  </si>
  <si>
    <t>Poldergebied Zuidland</t>
  </si>
  <si>
    <t>buurt_gegeneraliseerd_2021.89592b9d-cb36-46fa-a53a-e7e74ad7e61c</t>
  </si>
  <si>
    <t>BU19303301</t>
  </si>
  <si>
    <t>2021BU19303301</t>
  </si>
  <si>
    <t>Kern Simonshaven</t>
  </si>
  <si>
    <t>buurt_gegeneraliseerd_2021.64ff5258-a2c0-4c60-8a30-264c4d58e59f</t>
  </si>
  <si>
    <t>BU19303302</t>
  </si>
  <si>
    <t>2021BU19303302</t>
  </si>
  <si>
    <t>Poldergebied Simonshaven</t>
  </si>
  <si>
    <t>buurt_gegeneraliseerd_2021.8d64409e-0322-4588-9035-54665762c0ba</t>
  </si>
  <si>
    <t>BU19305001</t>
  </si>
  <si>
    <t>2021BU19305001</t>
  </si>
  <si>
    <t>Hekelingen-Dorp</t>
  </si>
  <si>
    <t>buurt_gegeneraliseerd_2021.e9102dba-79c5-4b7f-b5a8-bc7e06e1776c</t>
  </si>
  <si>
    <t>BU19305002</t>
  </si>
  <si>
    <t>2021BU19305002</t>
  </si>
  <si>
    <t>Uitslag van Putten-Zuid</t>
  </si>
  <si>
    <t>buurt_gegeneraliseerd_2021.4f4c8c5a-296d-41b6-8658-e59a793350ef</t>
  </si>
  <si>
    <t>BU19305003</t>
  </si>
  <si>
    <t>2021BU19305003</t>
  </si>
  <si>
    <t>Oud-Schuddebeurs</t>
  </si>
  <si>
    <t>buurt_gegeneraliseerd_2021.ac2c7795-5548-4181-bb47-f2e102903ab4</t>
  </si>
  <si>
    <t>BU19310200</t>
  </si>
  <si>
    <t>2021BU19310200</t>
  </si>
  <si>
    <t>Ouderkerk aan den IJssel</t>
  </si>
  <si>
    <t>buurt_gegeneraliseerd_2021.2fc1486b-1e26-4777-8c81-fbfeaca759e2</t>
  </si>
  <si>
    <t>BU19310208</t>
  </si>
  <si>
    <t>2021BU19310208</t>
  </si>
  <si>
    <t>Verspr. huizen Ouderkerk Noord</t>
  </si>
  <si>
    <t>buurt_gegeneraliseerd_2021.c2c84076-e55b-4e8e-8d19-5eaf66f04b13</t>
  </si>
  <si>
    <t>BU19310300</t>
  </si>
  <si>
    <t>2021BU19310300</t>
  </si>
  <si>
    <t>Gouderak</t>
  </si>
  <si>
    <t>buurt_gegeneraliseerd_2021.0f9e1ddc-155a-4014-abb4-1818530ae9aa</t>
  </si>
  <si>
    <t>BU19310400</t>
  </si>
  <si>
    <t>2021BU19310400</t>
  </si>
  <si>
    <t>Bergambacht-Dorp</t>
  </si>
  <si>
    <t>buurt_gegeneraliseerd_2021.43c9d2a6-fd6b-4c48-af07-8dc167c99042</t>
  </si>
  <si>
    <t>BU19310401</t>
  </si>
  <si>
    <t>2021BU19310401</t>
  </si>
  <si>
    <t>Kadijk en Kadijkselaan</t>
  </si>
  <si>
    <t>buurt_gegeneraliseerd_2021.50b7b0ad-966f-437e-b067-91844dd955c9</t>
  </si>
  <si>
    <t>BU19310402</t>
  </si>
  <si>
    <t>2021BU19310402</t>
  </si>
  <si>
    <t>Uitbreiding Dorp</t>
  </si>
  <si>
    <t>buurt_gegeneraliseerd_2021.e08f6f3e-6ac1-424e-9757-1c4e63a929db</t>
  </si>
  <si>
    <t>BU19310403</t>
  </si>
  <si>
    <t>2021BU19310403</t>
  </si>
  <si>
    <t>Benedenberg en Zuidbroek</t>
  </si>
  <si>
    <t>buurt_gegeneraliseerd_2021.883cb89f-6b6d-4396-ae07-7a6cf1686d33</t>
  </si>
  <si>
    <t>BU19310404</t>
  </si>
  <si>
    <t>2021BU19310404</t>
  </si>
  <si>
    <t>Tussenlanen</t>
  </si>
  <si>
    <t>buurt_gegeneraliseerd_2021.4dcd1b5c-6e40-4ddd-8e97-c415b719fc86</t>
  </si>
  <si>
    <t>BU19310409</t>
  </si>
  <si>
    <t>2021BU19310409</t>
  </si>
  <si>
    <t>Bovenberg westelijk van de Fransekade</t>
  </si>
  <si>
    <t>buurt_gegeneraliseerd_2021.f755aa73-5f95-43d9-beb9-a4242af502b1</t>
  </si>
  <si>
    <t>BU19310502</t>
  </si>
  <si>
    <t>2021BU19310502</t>
  </si>
  <si>
    <t>Lekdijk-Oost en Provinciale weg (ged.)</t>
  </si>
  <si>
    <t>buurt_gegeneraliseerd_2021.07a35510-0d7c-44af-8e3d-07f6af087a5b</t>
  </si>
  <si>
    <t>BU19310503</t>
  </si>
  <si>
    <t>2021BU19310503</t>
  </si>
  <si>
    <t>buurt_gegeneraliseerd_2021.ca30d537-d205-4ffe-a582-9f811b1c444e</t>
  </si>
  <si>
    <t>BU19310504</t>
  </si>
  <si>
    <t>2021BU19310504</t>
  </si>
  <si>
    <t>Provinciale weg (ged.) De Hem en Hogedijk (ged.)</t>
  </si>
  <si>
    <t>buurt_gegeneraliseerd_2021.e48dadf4-8572-4d72-a7e8-cca8a065d484</t>
  </si>
  <si>
    <t>BU19310600</t>
  </si>
  <si>
    <t>2021BU19310600</t>
  </si>
  <si>
    <t>Ammerstol</t>
  </si>
  <si>
    <t>buurt_gegeneraliseerd_2021.19c3ed6b-26e3-407a-95cc-83c45f4d6e1b</t>
  </si>
  <si>
    <t>BU19310700</t>
  </si>
  <si>
    <t>2021BU19310700</t>
  </si>
  <si>
    <t>Berkenwoude</t>
  </si>
  <si>
    <t>buurt_gegeneraliseerd_2021.8f5f78e2-aaec-4324-9971-5d7137416506</t>
  </si>
  <si>
    <t>BU19310701</t>
  </si>
  <si>
    <t>2021BU19310701</t>
  </si>
  <si>
    <t>Achterbroek</t>
  </si>
  <si>
    <t>buurt_gegeneraliseerd_2021.f9668f43-df33-4ee6-a6bf-a410b8e4d505</t>
  </si>
  <si>
    <t>BU19310800</t>
  </si>
  <si>
    <t>2021BU19310800</t>
  </si>
  <si>
    <t>Haastrecht-Dorpskern</t>
  </si>
  <si>
    <t>buurt_gegeneraliseerd_2021.e2879ead-1057-4990-a912-55e4755f1c9b</t>
  </si>
  <si>
    <t>BU19310801</t>
  </si>
  <si>
    <t>2021BU19310801</t>
  </si>
  <si>
    <t>Boven-Haastrecht</t>
  </si>
  <si>
    <t>buurt_gegeneraliseerd_2021.3c29a42a-25f3-45c2-8621-c451d47f9353</t>
  </si>
  <si>
    <t>BU19310802</t>
  </si>
  <si>
    <t>2021BU19310802</t>
  </si>
  <si>
    <t>Beneden-Haastrecht</t>
  </si>
  <si>
    <t>buurt_gegeneraliseerd_2021.6645a980-fcac-4f7d-b54e-901f1cfd1b62</t>
  </si>
  <si>
    <t>BU19310803</t>
  </si>
  <si>
    <t>2021BU19310803</t>
  </si>
  <si>
    <t>buurt_gegeneraliseerd_2021.f036760c-3ded-4d8a-b6c7-6d9804e2971b</t>
  </si>
  <si>
    <t>BU19310804</t>
  </si>
  <si>
    <t>2021BU19310804</t>
  </si>
  <si>
    <t>Stolwijkersluis (ged.)</t>
  </si>
  <si>
    <t>buurt_gegeneraliseerd_2021.c3a0d574-f89f-452c-a6c9-27cba49c6d44</t>
  </si>
  <si>
    <t>BU19310805</t>
  </si>
  <si>
    <t>2021BU19310805</t>
  </si>
  <si>
    <t>Hofkamp</t>
  </si>
  <si>
    <t>buurt_gegeneraliseerd_2021.02fdd63e-2db9-4151-b92c-ac2f2475ff06</t>
  </si>
  <si>
    <t>BU19310806</t>
  </si>
  <si>
    <t>2021BU19310806</t>
  </si>
  <si>
    <t>Agterpoort</t>
  </si>
  <si>
    <t>buurt_gegeneraliseerd_2021.b1f9607f-0e54-447c-9ce1-8591e1d193ee</t>
  </si>
  <si>
    <t>BU19310807</t>
  </si>
  <si>
    <t>2021BU19310807</t>
  </si>
  <si>
    <t>Stein</t>
  </si>
  <si>
    <t>buurt_gegeneraliseerd_2021.98b4fcd1-cf64-4ed8-b983-8a88e6752363</t>
  </si>
  <si>
    <t>BU19310808</t>
  </si>
  <si>
    <t>2021BU19310808</t>
  </si>
  <si>
    <t>Verspr. huizen Haastrecht Noord</t>
  </si>
  <si>
    <t>buurt_gegeneraliseerd_2021.fed46b11-4060-486b-b6db-43c86b20aa52</t>
  </si>
  <si>
    <t>BU19310809</t>
  </si>
  <si>
    <t>2021BU19310809</t>
  </si>
  <si>
    <t>Verspr. huizen Haastrecht Zuid</t>
  </si>
  <si>
    <t>buurt_gegeneraliseerd_2021.be7ea682-7b97-4111-b951-ef89fadb3978</t>
  </si>
  <si>
    <t>BU19310810</t>
  </si>
  <si>
    <t>2021BU19310810</t>
  </si>
  <si>
    <t>Bergvliet</t>
  </si>
  <si>
    <t>buurt_gegeneraliseerd_2021.2dc28f68-d686-44e9-bf28-baa7cae6969a</t>
  </si>
  <si>
    <t>BU19311000</t>
  </si>
  <si>
    <t>2021BU19311000</t>
  </si>
  <si>
    <t>Stolwijk</t>
  </si>
  <si>
    <t>buurt_gegeneraliseerd_2021.eb6f77a9-801a-4177-b751-d9cea3d27ff6</t>
  </si>
  <si>
    <t>BU19311001</t>
  </si>
  <si>
    <t>2021BU19311001</t>
  </si>
  <si>
    <t>buurt_gegeneraliseerd_2021.c48382f3-3890-4f89-a08f-8c38feeacd98</t>
  </si>
  <si>
    <t>BU19311002</t>
  </si>
  <si>
    <t>2021BU19311002</t>
  </si>
  <si>
    <t>Benedenkerk</t>
  </si>
  <si>
    <t>buurt_gegeneraliseerd_2021.4b569b3f-9dcb-4a0e-9521-2bcd96c44027</t>
  </si>
  <si>
    <t>BU19311003</t>
  </si>
  <si>
    <t>2021BU19311003</t>
  </si>
  <si>
    <t>Benedenheul</t>
  </si>
  <si>
    <t>buurt_gegeneraliseerd_2021.41f27b67-dc19-4885-9623-14045582f5c7</t>
  </si>
  <si>
    <t>BU19311004</t>
  </si>
  <si>
    <t>2021BU19311004</t>
  </si>
  <si>
    <t>Goudseweg</t>
  </si>
  <si>
    <t>buurt_gegeneraliseerd_2021.ecbf16b7-5165-4502-a118-c112eb808cb4</t>
  </si>
  <si>
    <t>BU19311005</t>
  </si>
  <si>
    <t>2021BU19311005</t>
  </si>
  <si>
    <t>Het Beijersche</t>
  </si>
  <si>
    <t>buurt_gegeneraliseerd_2021.10604366-3389-460d-a976-593d26ed9a3b</t>
  </si>
  <si>
    <t>BU19311006</t>
  </si>
  <si>
    <t>2021BU19311006</t>
  </si>
  <si>
    <t>Koolwijk</t>
  </si>
  <si>
    <t>buurt_gegeneraliseerd_2021.0353ba1d-7998-4d6e-bfe5-f7be037e1360</t>
  </si>
  <si>
    <t>BU19311007</t>
  </si>
  <si>
    <t>2021BU19311007</t>
  </si>
  <si>
    <t>Schoonouwen</t>
  </si>
  <si>
    <t>buurt_gegeneraliseerd_2021.dd6535a7-40ab-4c37-a8ab-8e5db200109b</t>
  </si>
  <si>
    <t>BU19311008</t>
  </si>
  <si>
    <t>2021BU19311008</t>
  </si>
  <si>
    <t>Bilwijk</t>
  </si>
  <si>
    <t>buurt_gegeneraliseerd_2021.bb977141-e302-4050-8b02-b88ddaa1c3f5</t>
  </si>
  <si>
    <t>BU19311100</t>
  </si>
  <si>
    <t>2021BU19311100</t>
  </si>
  <si>
    <t>Vlist</t>
  </si>
  <si>
    <t>buurt_gegeneraliseerd_2021.274e9af6-dfd4-480d-9340-bd996f455857</t>
  </si>
  <si>
    <t>BU19311101</t>
  </si>
  <si>
    <t>2021BU19311101</t>
  </si>
  <si>
    <t>Bonrepas</t>
  </si>
  <si>
    <t>buurt_gegeneraliseerd_2021.34b38e5e-8de9-4d8f-b076-5754cf0f7743</t>
  </si>
  <si>
    <t>BU19311200</t>
  </si>
  <si>
    <t>2021BU19311200</t>
  </si>
  <si>
    <t>Schoonhoven-Oude Stad</t>
  </si>
  <si>
    <t>buurt_gegeneraliseerd_2021.03af7b41-21f5-4cd5-95a1-dbebb0cd143b</t>
  </si>
  <si>
    <t>BU19311201</t>
  </si>
  <si>
    <t>2021BU19311201</t>
  </si>
  <si>
    <t>Schoonhoven-Noord</t>
  </si>
  <si>
    <t>buurt_gegeneraliseerd_2021.6b0e31c9-cb21-4b7b-9134-76066bc29654</t>
  </si>
  <si>
    <t>BU19311202</t>
  </si>
  <si>
    <t>2021BU19311202</t>
  </si>
  <si>
    <t>Schoonhoven-West</t>
  </si>
  <si>
    <t>buurt_gegeneraliseerd_2021.f9dbd344-4a21-4457-b88d-cb34a6e997c2</t>
  </si>
  <si>
    <t>BU19311203</t>
  </si>
  <si>
    <t>2021BU19311203</t>
  </si>
  <si>
    <t>buurt_gegeneraliseerd_2021.bb9a4d9b-ac19-4920-9a05-50198f3dc16a</t>
  </si>
  <si>
    <t>BU19311204</t>
  </si>
  <si>
    <t>2021BU19311204</t>
  </si>
  <si>
    <t>Willige-Langerak</t>
  </si>
  <si>
    <t>buurt_gegeneraliseerd_2021.1faba88b-6b3e-4806-b6db-4d448102b685</t>
  </si>
  <si>
    <t>BU19311205</t>
  </si>
  <si>
    <t>2021BU19311205</t>
  </si>
  <si>
    <t>Vlist, Bovenberg en Lekdijk</t>
  </si>
  <si>
    <t>buurt_gegeneraliseerd_2021.a7421bfa-09cc-4f67-8460-af5d5e6e7aad</t>
  </si>
  <si>
    <t>BU19400101</t>
  </si>
  <si>
    <t>2021BU19400101</t>
  </si>
  <si>
    <t>Akmarijp</t>
  </si>
  <si>
    <t>GM1940</t>
  </si>
  <si>
    <t>buurt_gegeneraliseerd_2021.8e20acd8-9ab8-4149-a475-35f340fe7cab</t>
  </si>
  <si>
    <t>BU19400201</t>
  </si>
  <si>
    <t>2021BU19400201</t>
  </si>
  <si>
    <t>Bakhuizen</t>
  </si>
  <si>
    <t>buurt_gegeneraliseerd_2021.ee48280f-f41d-48a1-a9aa-7aa1b2353ffa</t>
  </si>
  <si>
    <t>BU19400301</t>
  </si>
  <si>
    <t>2021BU19400301</t>
  </si>
  <si>
    <t>Balk</t>
  </si>
  <si>
    <t>buurt_gegeneraliseerd_2021.01a4e06f-6a24-44d9-94d7-4a289860de16</t>
  </si>
  <si>
    <t>BU19400401</t>
  </si>
  <si>
    <t>2021BU19400401</t>
  </si>
  <si>
    <t>Bantega</t>
  </si>
  <si>
    <t>buurt_gegeneraliseerd_2021.7258f538-d3bb-46df-815b-e95f02baa204</t>
  </si>
  <si>
    <t>BU19400501</t>
  </si>
  <si>
    <t>2021BU19400501</t>
  </si>
  <si>
    <t>Boornzwaag</t>
  </si>
  <si>
    <t>buurt_gegeneraliseerd_2021.8cd89358-c6c5-4131-b906-900b1d99d501</t>
  </si>
  <si>
    <t>BU19400601</t>
  </si>
  <si>
    <t>2021BU19400601</t>
  </si>
  <si>
    <t>buurt_gegeneraliseerd_2021.4485e9fd-7f62-4c7b-a819-31ecc51ab86e</t>
  </si>
  <si>
    <t>BU19400701</t>
  </si>
  <si>
    <t>2021BU19400701</t>
  </si>
  <si>
    <t>Delfstrahuizen-Buitengebied</t>
  </si>
  <si>
    <t>buurt_gegeneraliseerd_2021.aecd3033-6ba5-4ab3-9cfb-4ed4f3930289</t>
  </si>
  <si>
    <t>BU19400702</t>
  </si>
  <si>
    <t>2021BU19400702</t>
  </si>
  <si>
    <t>Delfstrahuizen-Kom</t>
  </si>
  <si>
    <t>buurt_gegeneraliseerd_2021.6dc9c6bb-6349-4fb4-9bd1-bddc24abb174</t>
  </si>
  <si>
    <t>BU19400801</t>
  </si>
  <si>
    <t>2021BU19400801</t>
  </si>
  <si>
    <t>Dijken</t>
  </si>
  <si>
    <t>buurt_gegeneraliseerd_2021.9cca936c-40bf-4286-a964-dbacfd06c1e3</t>
  </si>
  <si>
    <t>BU19400901</t>
  </si>
  <si>
    <t>2021BU19400901</t>
  </si>
  <si>
    <t>Doniaga</t>
  </si>
  <si>
    <t>buurt_gegeneraliseerd_2021.d2e43f91-1979-4130-8af8-e8422b774cc0</t>
  </si>
  <si>
    <t>BU19401001</t>
  </si>
  <si>
    <t>2021BU19401001</t>
  </si>
  <si>
    <t>buurt_gegeneraliseerd_2021.4d8aa76d-0276-4414-be1c-5248609d1aa8</t>
  </si>
  <si>
    <t>BU19401101</t>
  </si>
  <si>
    <t>2021BU19401101</t>
  </si>
  <si>
    <t>Echtenerbrug-Buitengebied</t>
  </si>
  <si>
    <t>buurt_gegeneraliseerd_2021.7bba310a-9a03-48ef-9aaf-5a6cc4bb9913</t>
  </si>
  <si>
    <t>BU19401102</t>
  </si>
  <si>
    <t>2021BU19401102</t>
  </si>
  <si>
    <t>Echtenerbrug-Kom</t>
  </si>
  <si>
    <t>buurt_gegeneraliseerd_2021.8ccf524c-850f-45fb-9391-bd1cf7302633</t>
  </si>
  <si>
    <t>BU19401201</t>
  </si>
  <si>
    <t>2021BU19401201</t>
  </si>
  <si>
    <t>Eesterga</t>
  </si>
  <si>
    <t>buurt_gegeneraliseerd_2021.e1465070-5327-4fa1-94f0-94b436361392</t>
  </si>
  <si>
    <t>BU19401301</t>
  </si>
  <si>
    <t>2021BU19401301</t>
  </si>
  <si>
    <t>Elahuizen</t>
  </si>
  <si>
    <t>buurt_gegeneraliseerd_2021.8fb1cc64-1729-4c4d-92f6-1b9ef804e31d</t>
  </si>
  <si>
    <t>BU19401401</t>
  </si>
  <si>
    <t>2021BU19401401</t>
  </si>
  <si>
    <t>Follega</t>
  </si>
  <si>
    <t>buurt_gegeneraliseerd_2021.7dc0d903-dcab-4593-9b4c-0fd1ebb1a37c</t>
  </si>
  <si>
    <t>BU19401501</t>
  </si>
  <si>
    <t>2021BU19401501</t>
  </si>
  <si>
    <t>Goingarijp</t>
  </si>
  <si>
    <t>buurt_gegeneraliseerd_2021.69da9cea-a60e-486f-bfd7-74289669d9c9</t>
  </si>
  <si>
    <t>BU19401601</t>
  </si>
  <si>
    <t>2021BU19401601</t>
  </si>
  <si>
    <t>Harich</t>
  </si>
  <si>
    <t>buurt_gegeneraliseerd_2021.9eeb1241-d809-4557-8830-47df94bb84c1</t>
  </si>
  <si>
    <t>BU19401701</t>
  </si>
  <si>
    <t>2021BU19401701</t>
  </si>
  <si>
    <t>Haskerhorne</t>
  </si>
  <si>
    <t>buurt_gegeneraliseerd_2021.45d8fbd2-63b1-4b99-849d-c3cd5d1515a7</t>
  </si>
  <si>
    <t>BU19401801</t>
  </si>
  <si>
    <t>2021BU19401801</t>
  </si>
  <si>
    <t>Idskenhuizen</t>
  </si>
  <si>
    <t>buurt_gegeneraliseerd_2021.9a3785b4-813e-43d0-9153-f337019e14de</t>
  </si>
  <si>
    <t>BU19401901</t>
  </si>
  <si>
    <t>2021BU19401901</t>
  </si>
  <si>
    <t>Joure, Blaauwhof</t>
  </si>
  <si>
    <t>buurt_gegeneraliseerd_2021.415b70d5-f58a-4bda-8384-6a9e7be236ca</t>
  </si>
  <si>
    <t>BU19401902</t>
  </si>
  <si>
    <t>2021BU19401902</t>
  </si>
  <si>
    <t>Joure, Buitengebied</t>
  </si>
  <si>
    <t>buurt_gegeneraliseerd_2021.5738e065-7940-47d7-8751-a25c2eb959a5</t>
  </si>
  <si>
    <t>BU19401903</t>
  </si>
  <si>
    <t>2021BU19401903</t>
  </si>
  <si>
    <t>Joure, Centrum</t>
  </si>
  <si>
    <t>buurt_gegeneraliseerd_2021.bcc69b3e-2c97-49e6-9d77-f0c55736ca27</t>
  </si>
  <si>
    <t>BU19401904</t>
  </si>
  <si>
    <t>2021BU19401904</t>
  </si>
  <si>
    <t>Joure, Jonkersland</t>
  </si>
  <si>
    <t>buurt_gegeneraliseerd_2021.6453443a-0ace-413a-8246-3ac56f00bc73</t>
  </si>
  <si>
    <t>BU19401905</t>
  </si>
  <si>
    <t>2021BU19401905</t>
  </si>
  <si>
    <t>Joure, Sewei/De Ekers</t>
  </si>
  <si>
    <t>buurt_gegeneraliseerd_2021.05d0f257-309d-4fa2-bc8d-71f172b3a0c7</t>
  </si>
  <si>
    <t>BU19401906</t>
  </si>
  <si>
    <t>2021BU19401906</t>
  </si>
  <si>
    <t>Joure, Skipsleat</t>
  </si>
  <si>
    <t>buurt_gegeneraliseerd_2021.f4f1185a-a870-4a44-9a16-78456bef52c2</t>
  </si>
  <si>
    <t>BU19401907</t>
  </si>
  <si>
    <t>2021BU19401907</t>
  </si>
  <si>
    <t>Joure, Westermeer</t>
  </si>
  <si>
    <t>buurt_gegeneraliseerd_2021.f5a44980-640d-4d6b-9d0c-adac72e99d3e</t>
  </si>
  <si>
    <t>BU19401908</t>
  </si>
  <si>
    <t>2021BU19401908</t>
  </si>
  <si>
    <t>Joure, Woudfennen</t>
  </si>
  <si>
    <t>buurt_gegeneraliseerd_2021.b2a874da-db96-47e0-9ef8-7446367b43ec</t>
  </si>
  <si>
    <t>BU19401909</t>
  </si>
  <si>
    <t>2021BU19401909</t>
  </si>
  <si>
    <t>Joure, Wyldehoarne</t>
  </si>
  <si>
    <t>buurt_gegeneraliseerd_2021.8384a504-5f71-4086-9eb8-2c2ccde646b3</t>
  </si>
  <si>
    <t>BU19401910</t>
  </si>
  <si>
    <t>2021BU19401910</t>
  </si>
  <si>
    <t>Joure, Zuiderveld</t>
  </si>
  <si>
    <t>buurt_gegeneraliseerd_2021.28d05551-2e4c-427d-84cc-3774cc0e450f</t>
  </si>
  <si>
    <t>BU19402001</t>
  </si>
  <si>
    <t>2021BU19402001</t>
  </si>
  <si>
    <t>Kolderwolde</t>
  </si>
  <si>
    <t>buurt_gegeneraliseerd_2021.ee00a7db-e25b-40dc-9a65-1f9294c2ac84</t>
  </si>
  <si>
    <t>BU19402101</t>
  </si>
  <si>
    <t>2021BU19402101</t>
  </si>
  <si>
    <t>Langweer</t>
  </si>
  <si>
    <t>buurt_gegeneraliseerd_2021.3c564de1-1e4c-4e4b-8c80-5f7d8fe94374</t>
  </si>
  <si>
    <t>BU19402201</t>
  </si>
  <si>
    <t>2021BU19402201</t>
  </si>
  <si>
    <t>Legemeer</t>
  </si>
  <si>
    <t>buurt_gegeneraliseerd_2021.cf301295-47e7-457e-9c3a-d04dc1c26f0b</t>
  </si>
  <si>
    <t>BU19402301</t>
  </si>
  <si>
    <t>2021BU19402301</t>
  </si>
  <si>
    <t>Lemmer-Buitengebied</t>
  </si>
  <si>
    <t>buurt_gegeneraliseerd_2021.fe0a3557-8f77-49ae-bf24-e8a6833989dd</t>
  </si>
  <si>
    <t>BU19402302</t>
  </si>
  <si>
    <t>2021BU19402302</t>
  </si>
  <si>
    <t>Lemmer-Frieslandpark</t>
  </si>
  <si>
    <t>buurt_gegeneraliseerd_2021.b2255498-bae6-4fea-b2da-23fee55cebc7</t>
  </si>
  <si>
    <t>BU19402303</t>
  </si>
  <si>
    <t>2021BU19402303</t>
  </si>
  <si>
    <t>Lemmer-Kom</t>
  </si>
  <si>
    <t>buurt_gegeneraliseerd_2021.8770297c-f71f-4d3d-a335-682ea5c26426</t>
  </si>
  <si>
    <t>BU19402304</t>
  </si>
  <si>
    <t>2021BU19402304</t>
  </si>
  <si>
    <t>Lemmer-Lemstervaart</t>
  </si>
  <si>
    <t>buurt_gegeneraliseerd_2021.2e16ebce-4a35-4903-b6ba-4ccb81459a91</t>
  </si>
  <si>
    <t>BU19402305</t>
  </si>
  <si>
    <t>2021BU19402305</t>
  </si>
  <si>
    <t>Lemmer-Noord</t>
  </si>
  <si>
    <t>buurt_gegeneraliseerd_2021.5be96db7-5eee-4d7f-a5bd-f059d8fa16b1</t>
  </si>
  <si>
    <t>BU19402306</t>
  </si>
  <si>
    <t>2021BU19402306</t>
  </si>
  <si>
    <t>Lemmer-Rienplan</t>
  </si>
  <si>
    <t>buurt_gegeneraliseerd_2021.361d8a9f-0de3-40e1-a8fd-99f8e49d26cd</t>
  </si>
  <si>
    <t>BU19402307</t>
  </si>
  <si>
    <t>2021BU19402307</t>
  </si>
  <si>
    <t>Lemmer-West</t>
  </si>
  <si>
    <t>buurt_gegeneraliseerd_2021.012ba823-078b-46dd-ab45-15cc0a7b86a6</t>
  </si>
  <si>
    <t>BU19402308</t>
  </si>
  <si>
    <t>2021BU19402308</t>
  </si>
  <si>
    <t>Lemmer-Zijlroede</t>
  </si>
  <si>
    <t>buurt_gegeneraliseerd_2021.74584d23-662a-40b0-a33e-81ec0eb2784e</t>
  </si>
  <si>
    <t>BU19402401</t>
  </si>
  <si>
    <t>2021BU19402401</t>
  </si>
  <si>
    <t>Mirns</t>
  </si>
  <si>
    <t>buurt_gegeneraliseerd_2021.c54f39e0-1d3b-4317-a38b-1ae3b3d52012</t>
  </si>
  <si>
    <t>BU19402501</t>
  </si>
  <si>
    <t>2021BU19402501</t>
  </si>
  <si>
    <t>buurt_gegeneraliseerd_2021.59c59177-317f-46c7-bff7-2b99c32e4aa6</t>
  </si>
  <si>
    <t>BU19402601</t>
  </si>
  <si>
    <t>2021BU19402601</t>
  </si>
  <si>
    <t>Nijemirdum</t>
  </si>
  <si>
    <t>buurt_gegeneraliseerd_2021.1104d1eb-29da-4d45-b71b-f423289bf5c1</t>
  </si>
  <si>
    <t>BU19402701</t>
  </si>
  <si>
    <t>2021BU19402701</t>
  </si>
  <si>
    <t>Oldeouwer</t>
  </si>
  <si>
    <t>buurt_gegeneraliseerd_2021.96ffb1c0-d3ee-48b3-963b-fa0eb9adfc64</t>
  </si>
  <si>
    <t>BU19402801</t>
  </si>
  <si>
    <t>2021BU19402801</t>
  </si>
  <si>
    <t>Oosterzee-Buitengebied</t>
  </si>
  <si>
    <t>buurt_gegeneraliseerd_2021.3e84f8de-9e4f-4302-b14d-0887eba8b7d3</t>
  </si>
  <si>
    <t>BU19402802</t>
  </si>
  <si>
    <t>2021BU19402802</t>
  </si>
  <si>
    <t>Oosterzee-Kom</t>
  </si>
  <si>
    <t>buurt_gegeneraliseerd_2021.8393269c-f91e-4b63-83c3-4e8f6cf866c0</t>
  </si>
  <si>
    <t>BU19402901</t>
  </si>
  <si>
    <t>2021BU19402901</t>
  </si>
  <si>
    <t>buurt_gegeneraliseerd_2021.6e6755a3-300f-4e57-8b51-9b01880a8000</t>
  </si>
  <si>
    <t>BU19403001</t>
  </si>
  <si>
    <t>2021BU19403001</t>
  </si>
  <si>
    <t>Oudehaske</t>
  </si>
  <si>
    <t>buurt_gegeneraliseerd_2021.03fbda29-140d-4ef1-a01a-0600a1f26c0b</t>
  </si>
  <si>
    <t>BU19403101</t>
  </si>
  <si>
    <t>2021BU19403101</t>
  </si>
  <si>
    <t>Oudemirdum</t>
  </si>
  <si>
    <t>buurt_gegeneraliseerd_2021.1af3d08d-3353-4dd2-be8e-75e45a85d14d</t>
  </si>
  <si>
    <t>BU19403201</t>
  </si>
  <si>
    <t>2021BU19403201</t>
  </si>
  <si>
    <t>Ouwsterhaule</t>
  </si>
  <si>
    <t>buurt_gegeneraliseerd_2021.7002b308-842d-4f13-9e49-9791abe66cdc</t>
  </si>
  <si>
    <t>BU19403301</t>
  </si>
  <si>
    <t>2021BU19403301</t>
  </si>
  <si>
    <t>Ouwster-Nijega</t>
  </si>
  <si>
    <t>buurt_gegeneraliseerd_2021.d885a919-becf-4b8b-95f1-1d13e3ca3f63</t>
  </si>
  <si>
    <t>BU19403401</t>
  </si>
  <si>
    <t>2021BU19403401</t>
  </si>
  <si>
    <t>Rijs</t>
  </si>
  <si>
    <t>buurt_gegeneraliseerd_2021.be516306-032e-4904-8207-d89e04e30079</t>
  </si>
  <si>
    <t>BU19403501</t>
  </si>
  <si>
    <t>2021BU19403501</t>
  </si>
  <si>
    <t>Rohel</t>
  </si>
  <si>
    <t>buurt_gegeneraliseerd_2021.6a2d91a7-aa77-4691-980f-bffc59add160</t>
  </si>
  <si>
    <t>BU19403601</t>
  </si>
  <si>
    <t>2021BU19403601</t>
  </si>
  <si>
    <t>Rotstergaast</t>
  </si>
  <si>
    <t>buurt_gegeneraliseerd_2021.89fa29fe-162e-466a-8e3c-3946396d4bf7</t>
  </si>
  <si>
    <t>BU19403701</t>
  </si>
  <si>
    <t>2021BU19403701</t>
  </si>
  <si>
    <t>Rotsterhaule</t>
  </si>
  <si>
    <t>buurt_gegeneraliseerd_2021.da043ee5-cf2b-44ed-8704-5c15138d93f5</t>
  </si>
  <si>
    <t>BU19403801</t>
  </si>
  <si>
    <t>2021BU19403801</t>
  </si>
  <si>
    <t>Rottum</t>
  </si>
  <si>
    <t>buurt_gegeneraliseerd_2021.dbb33081-bf95-4158-8b04-39073a3194ce</t>
  </si>
  <si>
    <t>BU19403901</t>
  </si>
  <si>
    <t>2021BU19403901</t>
  </si>
  <si>
    <t>Ruigahuizen</t>
  </si>
  <si>
    <t>buurt_gegeneraliseerd_2021.22b18b08-72cf-4b63-b582-2c022f77e07f</t>
  </si>
  <si>
    <t>BU19404001</t>
  </si>
  <si>
    <t>2021BU19404001</t>
  </si>
  <si>
    <t>Scharsterbrug</t>
  </si>
  <si>
    <t>buurt_gegeneraliseerd_2021.a0f1899d-5ead-4ae8-a57c-04a5a262d6e2</t>
  </si>
  <si>
    <t>BU19404101</t>
  </si>
  <si>
    <t>2021BU19404101</t>
  </si>
  <si>
    <t>Sint Nicolaasga</t>
  </si>
  <si>
    <t>buurt_gegeneraliseerd_2021.6a7ff759-1092-47ad-951f-dff8bb87a31d</t>
  </si>
  <si>
    <t>BU19404201</t>
  </si>
  <si>
    <t>2021BU19404201</t>
  </si>
  <si>
    <t>Sintjohannesga</t>
  </si>
  <si>
    <t>buurt_gegeneraliseerd_2021.85732495-ae33-4c94-9410-31020138144e</t>
  </si>
  <si>
    <t>BU19404301</t>
  </si>
  <si>
    <t>2021BU19404301</t>
  </si>
  <si>
    <t>Sloten</t>
  </si>
  <si>
    <t>buurt_gegeneraliseerd_2021.8ef2367c-6ee2-45ca-822f-8d6addb0efc8</t>
  </si>
  <si>
    <t>BU19404401</t>
  </si>
  <si>
    <t>2021BU19404401</t>
  </si>
  <si>
    <t>Snikzwaag</t>
  </si>
  <si>
    <t>buurt_gegeneraliseerd_2021.c4a09231-1015-49a7-a5cb-12496fbf1783</t>
  </si>
  <si>
    <t>BU19404501</t>
  </si>
  <si>
    <t>2021BU19404501</t>
  </si>
  <si>
    <t>Sondel</t>
  </si>
  <si>
    <t>buurt_gegeneraliseerd_2021.d73fdf6b-006d-4617-b235-fdfe89c3bc3d</t>
  </si>
  <si>
    <t>BU19404601</t>
  </si>
  <si>
    <t>2021BU19404601</t>
  </si>
  <si>
    <t>Terherne</t>
  </si>
  <si>
    <t>buurt_gegeneraliseerd_2021.f916c751-8949-414e-808e-75610c7ad059</t>
  </si>
  <si>
    <t>BU19404701</t>
  </si>
  <si>
    <t>2021BU19404701</t>
  </si>
  <si>
    <t>Terkaple</t>
  </si>
  <si>
    <t>buurt_gegeneraliseerd_2021.1d4af144-bdb0-4b85-b0d4-3f8371ec1ff1</t>
  </si>
  <si>
    <t>BU19404801</t>
  </si>
  <si>
    <t>2021BU19404801</t>
  </si>
  <si>
    <t>Teroele</t>
  </si>
  <si>
    <t>buurt_gegeneraliseerd_2021.ec7f5d01-af38-45d2-9fb7-3b1ce586392a</t>
  </si>
  <si>
    <t>BU19404901</t>
  </si>
  <si>
    <t>2021BU19404901</t>
  </si>
  <si>
    <t>Tjerkgaast</t>
  </si>
  <si>
    <t>buurt_gegeneraliseerd_2021.488fff37-037f-4ce2-a1da-82b393e9f79f</t>
  </si>
  <si>
    <t>BU19405001</t>
  </si>
  <si>
    <t>2021BU19405001</t>
  </si>
  <si>
    <t>Vegelinsoord</t>
  </si>
  <si>
    <t>buurt_gegeneraliseerd_2021.2743efd5-d1a5-420c-a5ec-99efae11211d</t>
  </si>
  <si>
    <t>BU19405101</t>
  </si>
  <si>
    <t>2021BU19405101</t>
  </si>
  <si>
    <t>Wijckel</t>
  </si>
  <si>
    <t>buurt_gegeneraliseerd_2021.44b48f43-3a31-427d-b5b9-cb74869ac120</t>
  </si>
  <si>
    <t>BU19420000</t>
  </si>
  <si>
    <t>2021BU19420000</t>
  </si>
  <si>
    <t>Brinklaan</t>
  </si>
  <si>
    <t>GM1942</t>
  </si>
  <si>
    <t>buurt_gegeneraliseerd_2021.99aaccb7-6f4f-44ff-abc8-7e6956cd2f06</t>
  </si>
  <si>
    <t>BU19420001</t>
  </si>
  <si>
    <t>2021BU19420001</t>
  </si>
  <si>
    <t>Raadhuisplein</t>
  </si>
  <si>
    <t>buurt_gegeneraliseerd_2021.caf4736b-d7cc-414d-883a-9f9313a6b548</t>
  </si>
  <si>
    <t>BU19420002</t>
  </si>
  <si>
    <t>2021BU19420002</t>
  </si>
  <si>
    <t>Verbindingslaan</t>
  </si>
  <si>
    <t>buurt_gegeneraliseerd_2021.a4758f36-8f03-43e8-8d59-76367ae73efa</t>
  </si>
  <si>
    <t>BU19420003</t>
  </si>
  <si>
    <t>2021BU19420003</t>
  </si>
  <si>
    <t>Batterijlaan</t>
  </si>
  <si>
    <t>buurt_gegeneraliseerd_2021.c54aead3-0bcc-4a3a-9a2a-7a27d5f5627c</t>
  </si>
  <si>
    <t>BU19420004</t>
  </si>
  <si>
    <t>2021BU19420004</t>
  </si>
  <si>
    <t>Cereslaan</t>
  </si>
  <si>
    <t>buurt_gegeneraliseerd_2021.20552ed5-850f-4437-af1d-4bfa07aa5441</t>
  </si>
  <si>
    <t>BU19420005</t>
  </si>
  <si>
    <t>2021BU19420005</t>
  </si>
  <si>
    <t>Bijlstraat</t>
  </si>
  <si>
    <t>buurt_gegeneraliseerd_2021.7af7bec9-7ce2-4d03-b0b8-6b10ee5be3a8</t>
  </si>
  <si>
    <t>BU19420006</t>
  </si>
  <si>
    <t>2021BU19420006</t>
  </si>
  <si>
    <t>Nijverheidswerf</t>
  </si>
  <si>
    <t>buurt_gegeneraliseerd_2021.7d78e9f0-7f0c-4a60-b643-e28689225e64</t>
  </si>
  <si>
    <t>BU19420007</t>
  </si>
  <si>
    <t>2021BU19420007</t>
  </si>
  <si>
    <t>Laarderwegkwartier</t>
  </si>
  <si>
    <t>buurt_gegeneraliseerd_2021.f2c99b2d-5acc-4ecf-a8f1-f2da4da86654</t>
  </si>
  <si>
    <t>BU19420008</t>
  </si>
  <si>
    <t>2021BU19420008</t>
  </si>
  <si>
    <t>Spiegelzicht</t>
  </si>
  <si>
    <t>buurt_gegeneraliseerd_2021.24408df7-5e9f-45b5-a36e-e6cfdea803bf</t>
  </si>
  <si>
    <t>BU19420100</t>
  </si>
  <si>
    <t>2021BU19420100</t>
  </si>
  <si>
    <t>Prins Hendrikkwartier</t>
  </si>
  <si>
    <t>buurt_gegeneraliseerd_2021.4a501dab-a262-4efd-8f81-2c221faae884</t>
  </si>
  <si>
    <t>BU19420101</t>
  </si>
  <si>
    <t>2021BU19420101</t>
  </si>
  <si>
    <t>Hooftlaan</t>
  </si>
  <si>
    <t>buurt_gegeneraliseerd_2021.65ce83ce-fce2-41ca-a43f-89441a5f37ef</t>
  </si>
  <si>
    <t>BU19420102</t>
  </si>
  <si>
    <t>2021BU19420102</t>
  </si>
  <si>
    <t>buurt_gegeneraliseerd_2021.8188d0a2-b018-45d1-92f4-4febba4aa350</t>
  </si>
  <si>
    <t>BU19420103</t>
  </si>
  <si>
    <t>2021BU19420103</t>
  </si>
  <si>
    <t>Bredius-West</t>
  </si>
  <si>
    <t>buurt_gegeneraliseerd_2021.6f2f93c8-3b98-41f1-98a0-dc7ba6f58206</t>
  </si>
  <si>
    <t>BU19420104</t>
  </si>
  <si>
    <t>2021BU19420104</t>
  </si>
  <si>
    <t>Bredius-Oost</t>
  </si>
  <si>
    <t>buurt_gegeneraliseerd_2021.489d1600-58da-4977-ba14-9769c348c1c0</t>
  </si>
  <si>
    <t>BU19420200</t>
  </si>
  <si>
    <t>2021BU19420200</t>
  </si>
  <si>
    <t>Sportpark-Zuid</t>
  </si>
  <si>
    <t>buurt_gegeneraliseerd_2021.12356ed4-0733-4c54-abd9-d1741185983f</t>
  </si>
  <si>
    <t>BU19420201</t>
  </si>
  <si>
    <t>2021BU19420201</t>
  </si>
  <si>
    <t>Donderstraat</t>
  </si>
  <si>
    <t>buurt_gegeneraliseerd_2021.7ffa804b-c098-484c-9fc8-da6bbbdbc59c</t>
  </si>
  <si>
    <t>BU19420202</t>
  </si>
  <si>
    <t>2021BU19420202</t>
  </si>
  <si>
    <t>Godelindebuurt</t>
  </si>
  <si>
    <t>buurt_gegeneraliseerd_2021.83412a06-a28a-400f-be2c-dcd17b469c3b</t>
  </si>
  <si>
    <t>BU19420203</t>
  </si>
  <si>
    <t>2021BU19420203</t>
  </si>
  <si>
    <t>Waltherlaan</t>
  </si>
  <si>
    <t>buurt_gegeneraliseerd_2021.671e8f8f-0a7d-4fa2-b5c7-c87a599592bb</t>
  </si>
  <si>
    <t>BU19420204</t>
  </si>
  <si>
    <t>2021BU19420204</t>
  </si>
  <si>
    <t>buurt_gegeneraliseerd_2021.e38a63fe-f679-47b9-a6c0-e5d3ac59204c</t>
  </si>
  <si>
    <t>BU19420205</t>
  </si>
  <si>
    <t>2021BU19420205</t>
  </si>
  <si>
    <t>Ooster Eng-Noord</t>
  </si>
  <si>
    <t>buurt_gegeneraliseerd_2021.1e0e9aed-504b-42e3-8b71-d2bd6645b219</t>
  </si>
  <si>
    <t>BU19420206</t>
  </si>
  <si>
    <t>2021BU19420206</t>
  </si>
  <si>
    <t>Ooster Eng-Zuid</t>
  </si>
  <si>
    <t>buurt_gegeneraliseerd_2021.4699d474-bf00-49a3-94fa-e0279c848680</t>
  </si>
  <si>
    <t>BU19420207</t>
  </si>
  <si>
    <t>2021BU19420207</t>
  </si>
  <si>
    <t>Midden Eng-Oost</t>
  </si>
  <si>
    <t>buurt_gegeneraliseerd_2021.b68107fb-e811-45e6-bd99-d562fd59f018</t>
  </si>
  <si>
    <t>BU19420208</t>
  </si>
  <si>
    <t>2021BU19420208</t>
  </si>
  <si>
    <t>Midden Eng-West</t>
  </si>
  <si>
    <t>buurt_gegeneraliseerd_2021.a37680c7-ba35-4d95-802d-fd9c10c8fb94</t>
  </si>
  <si>
    <t>BU19420209</t>
  </si>
  <si>
    <t>2021BU19420209</t>
  </si>
  <si>
    <t>Wester Eng</t>
  </si>
  <si>
    <t>buurt_gegeneraliseerd_2021.97e6a871-9bb2-4d66-8c8d-c8dc91873e0f</t>
  </si>
  <si>
    <t>BU19420300</t>
  </si>
  <si>
    <t>2021BU19420300</t>
  </si>
  <si>
    <t>Lomanplein</t>
  </si>
  <si>
    <t>buurt_gegeneraliseerd_2021.4cab957d-17c3-46a2-aeb6-38bc24b72ee1</t>
  </si>
  <si>
    <t>BU19420301</t>
  </si>
  <si>
    <t>2021BU19420301</t>
  </si>
  <si>
    <t>Schimmellaan</t>
  </si>
  <si>
    <t>buurt_gegeneraliseerd_2021.543cea29-5a5c-452b-ba48-194ceede1617</t>
  </si>
  <si>
    <t>BU19420302</t>
  </si>
  <si>
    <t>2021BU19420302</t>
  </si>
  <si>
    <t>Boslaan</t>
  </si>
  <si>
    <t>buurt_gegeneraliseerd_2021.74c35a91-9b97-43e7-a25f-3ce4ed33913b</t>
  </si>
  <si>
    <t>BU19420303</t>
  </si>
  <si>
    <t>2021BU19420303</t>
  </si>
  <si>
    <t>buurt_gegeneraliseerd_2021.b9e02174-7e6e-4de2-baaa-c7969f880fee</t>
  </si>
  <si>
    <t>BU19420304</t>
  </si>
  <si>
    <t>2021BU19420304</t>
  </si>
  <si>
    <t>Kom van Bieghel</t>
  </si>
  <si>
    <t>buurt_gegeneraliseerd_2021.162fc331-954d-42a8-af2a-b8a9cabd528d</t>
  </si>
  <si>
    <t>BU19420305</t>
  </si>
  <si>
    <t>2021BU19420305</t>
  </si>
  <si>
    <t>Meijerkamp</t>
  </si>
  <si>
    <t>buurt_gegeneraliseerd_2021.8f7d139a-caf2-4b5b-89cc-3434091a4b3a</t>
  </si>
  <si>
    <t>BU19420306</t>
  </si>
  <si>
    <t>2021BU19420306</t>
  </si>
  <si>
    <t>Fransekamp</t>
  </si>
  <si>
    <t>buurt_gegeneraliseerd_2021.5bed5a98-7cf4-49d0-a371-2938f44ec599</t>
  </si>
  <si>
    <t>BU19420400</t>
  </si>
  <si>
    <t>2021BU19420400</t>
  </si>
  <si>
    <t>Vesting Muiden</t>
  </si>
  <si>
    <t>buurt_gegeneraliseerd_2021.b9ed8b87-14bd-44c3-a2fd-80037dc6afe4</t>
  </si>
  <si>
    <t>BU19420401</t>
  </si>
  <si>
    <t>2021BU19420401</t>
  </si>
  <si>
    <t>Krijgsman</t>
  </si>
  <si>
    <t>buurt_gegeneraliseerd_2021.db142686-4622-4f06-8e5e-304821c7eab5</t>
  </si>
  <si>
    <t>BU19420402</t>
  </si>
  <si>
    <t>2021BU19420402</t>
  </si>
  <si>
    <t>Muiderberg</t>
  </si>
  <si>
    <t>buurt_gegeneraliseerd_2021.0e6f6057-2751-4b70-8c25-04d00b2f7f5e</t>
  </si>
  <si>
    <t>BU19420403</t>
  </si>
  <si>
    <t>2021BU19420403</t>
  </si>
  <si>
    <t>Mariahoeve Muiden</t>
  </si>
  <si>
    <t>buurt_gegeneraliseerd_2021.ab356bb1-ef98-4682-a068-ca9829adc930</t>
  </si>
  <si>
    <t>BU19420404</t>
  </si>
  <si>
    <t>2021BU19420404</t>
  </si>
  <si>
    <t>Buitendijken Muiderberg</t>
  </si>
  <si>
    <t>buurt_gegeneraliseerd_2021.79aac635-b684-4116-a62b-7f343658544d</t>
  </si>
  <si>
    <t>BU19420408</t>
  </si>
  <si>
    <t>2021BU19420408</t>
  </si>
  <si>
    <t>Pampusweg</t>
  </si>
  <si>
    <t>buurt_gegeneraliseerd_2021.edeae3e6-35cb-460e-8f1c-edfe62db88d0</t>
  </si>
  <si>
    <t>BU19420409</t>
  </si>
  <si>
    <t>2021BU19420409</t>
  </si>
  <si>
    <t>IJmeer</t>
  </si>
  <si>
    <t>buurt_gegeneraliseerd_2021.35cfcb05-e826-403b-a644-08e61e235be6</t>
  </si>
  <si>
    <t>BU19420410</t>
  </si>
  <si>
    <t>2021BU19420410</t>
  </si>
  <si>
    <t>buurt_gegeneraliseerd_2021.52c43b40-f732-464f-8c37-b736e7ff68f4</t>
  </si>
  <si>
    <t>BU19420501</t>
  </si>
  <si>
    <t>2021BU19420501</t>
  </si>
  <si>
    <t>Naarden Vesting</t>
  </si>
  <si>
    <t>buurt_gegeneraliseerd_2021.8fea12e6-daae-48ae-b8d2-a93456c846aa</t>
  </si>
  <si>
    <t>BU19420502</t>
  </si>
  <si>
    <t>2021BU19420502</t>
  </si>
  <si>
    <t>Tuindorp Keverdijk</t>
  </si>
  <si>
    <t>buurt_gegeneraliseerd_2021.1fad17c8-2b30-4fd0-a444-97a810cede26</t>
  </si>
  <si>
    <t>BU19420503</t>
  </si>
  <si>
    <t>2021BU19420503</t>
  </si>
  <si>
    <t>Naarderwoonbos</t>
  </si>
  <si>
    <t>buurt_gegeneraliseerd_2021.b7240dcc-8b5e-4832-9452-14ea82ef60ba</t>
  </si>
  <si>
    <t>BU19420504</t>
  </si>
  <si>
    <t>2021BU19420504</t>
  </si>
  <si>
    <t>Bedrijvenpark Gooimeer-Zuid</t>
  </si>
  <si>
    <t>buurt_gegeneraliseerd_2021.9a0f396b-691e-4a41-9b78-6af3efa1ffc4</t>
  </si>
  <si>
    <t>BU19420506</t>
  </si>
  <si>
    <t>2021BU19420506</t>
  </si>
  <si>
    <t>Oranje Nassaupark-Noord</t>
  </si>
  <si>
    <t>buurt_gegeneraliseerd_2021.7d123ff4-ba5c-47ef-a797-58fc6a61f6c4</t>
  </si>
  <si>
    <t>BU19420507</t>
  </si>
  <si>
    <t>2021BU19420507</t>
  </si>
  <si>
    <t>Oranje Nassaupark-Zuid</t>
  </si>
  <si>
    <t>buurt_gegeneraliseerd_2021.7fcbc648-bd81-4207-b5fe-5e1694b49d3d</t>
  </si>
  <si>
    <t>BU19420508</t>
  </si>
  <si>
    <t>2021BU19420508</t>
  </si>
  <si>
    <t>Ministerpark</t>
  </si>
  <si>
    <t>buurt_gegeneraliseerd_2021.56f1b08f-6cef-44b7-8e6e-037a73d3f734</t>
  </si>
  <si>
    <t>BU19420509</t>
  </si>
  <si>
    <t>2021BU19420509</t>
  </si>
  <si>
    <t>buurt_gegeneraliseerd_2021.29ca1531-4c81-4d2b-ae70-99dfb7234687</t>
  </si>
  <si>
    <t>BU19420510</t>
  </si>
  <si>
    <t>2021BU19420510</t>
  </si>
  <si>
    <t>Rembrandtpark</t>
  </si>
  <si>
    <t>buurt_gegeneraliseerd_2021.0ba95f63-387a-46b1-8f39-5c2b9caed451</t>
  </si>
  <si>
    <t>BU19420511</t>
  </si>
  <si>
    <t>2021BU19420511</t>
  </si>
  <si>
    <t>Bos van Bredius-Noord</t>
  </si>
  <si>
    <t>buurt_gegeneraliseerd_2021.902889b2-ef8d-4ff6-90a3-628f4f8d7de2</t>
  </si>
  <si>
    <t>BU19420512</t>
  </si>
  <si>
    <t>2021BU19420512</t>
  </si>
  <si>
    <t>Valkeveen</t>
  </si>
  <si>
    <t>buurt_gegeneraliseerd_2021.60eac721-5b66-47ad-9787-a552e72df9d1</t>
  </si>
  <si>
    <t>BU19420513</t>
  </si>
  <si>
    <t>2021BU19420513</t>
  </si>
  <si>
    <t>Naardermeer</t>
  </si>
  <si>
    <t>buurt_gegeneraliseerd_2021.6b4255f9-0801-4ed9-8abb-2e24b3a6c978</t>
  </si>
  <si>
    <t>BU19420515</t>
  </si>
  <si>
    <t>2021BU19420515</t>
  </si>
  <si>
    <t>Bos van Bredius-Zuid</t>
  </si>
  <si>
    <t>buurt_gegeneraliseerd_2021.1d6986ba-df77-44b5-88c5-5d9538766349</t>
  </si>
  <si>
    <t>BU19420555</t>
  </si>
  <si>
    <t>2021BU19420555</t>
  </si>
  <si>
    <t>Bedrijvenpark Gooimeer-Noord</t>
  </si>
  <si>
    <t>buurt_gegeneraliseerd_2021.5677d0e1-e64d-4152-ab1b-2690ecd5009f</t>
  </si>
  <si>
    <t>BU19420565</t>
  </si>
  <si>
    <t>2021BU19420565</t>
  </si>
  <si>
    <t>Vierhoven</t>
  </si>
  <si>
    <t>buurt_gegeneraliseerd_2021.7bd4313d-1b2d-45a3-a41c-49a1ab6c6057</t>
  </si>
  <si>
    <t>BU19420575</t>
  </si>
  <si>
    <t>2021BU19420575</t>
  </si>
  <si>
    <t>Naardermeerkwartier</t>
  </si>
  <si>
    <t>buurt_gegeneraliseerd_2021.5837af13-c074-40bb-ac3d-3618102b36c2</t>
  </si>
  <si>
    <t>BU19420585</t>
  </si>
  <si>
    <t>2021BU19420585</t>
  </si>
  <si>
    <t>De Fortlanden</t>
  </si>
  <si>
    <t>buurt_gegeneraliseerd_2021.ae56d325-a2f8-499a-ab03-d0fcbfe243b5</t>
  </si>
  <si>
    <t>BU19450000</t>
  </si>
  <si>
    <t>2021BU19450000</t>
  </si>
  <si>
    <t>Beek-Midden</t>
  </si>
  <si>
    <t>GM1945</t>
  </si>
  <si>
    <t>buurt_gegeneraliseerd_2021.ade488b8-59ab-4f6f-a714-8f9563688d62</t>
  </si>
  <si>
    <t>BU19450001</t>
  </si>
  <si>
    <t>2021BU19450001</t>
  </si>
  <si>
    <t>Beek-Oost</t>
  </si>
  <si>
    <t>buurt_gegeneraliseerd_2021.28a0c9b8-660d-4807-92d3-9ceeca2d5d6b</t>
  </si>
  <si>
    <t>BU19450002</t>
  </si>
  <si>
    <t>2021BU19450002</t>
  </si>
  <si>
    <t>Beek-West</t>
  </si>
  <si>
    <t>buurt_gegeneraliseerd_2021.39cdfa79-53a2-4ee4-8bbb-d934c499b382</t>
  </si>
  <si>
    <t>BU19450003</t>
  </si>
  <si>
    <t>2021BU19450003</t>
  </si>
  <si>
    <t>Buitengebied Beek</t>
  </si>
  <si>
    <t>buurt_gegeneraliseerd_2021.52223a82-34d1-49e4-95a0-9b52f1aaea62</t>
  </si>
  <si>
    <t>BU19450100</t>
  </si>
  <si>
    <t>2021BU19450100</t>
  </si>
  <si>
    <t>Laag Berg en Dal</t>
  </si>
  <si>
    <t>buurt_gegeneraliseerd_2021.a8a160e9-b04b-47d7-8b9b-09fd590ce478</t>
  </si>
  <si>
    <t>BU19450101</t>
  </si>
  <si>
    <t>2021BU19450101</t>
  </si>
  <si>
    <t>Hoog Berg en Dal</t>
  </si>
  <si>
    <t>buurt_gegeneraliseerd_2021.44f2843a-daac-4c6b-a2ae-8ddd078e3818</t>
  </si>
  <si>
    <t>BU19450102</t>
  </si>
  <si>
    <t>2021BU19450102</t>
  </si>
  <si>
    <t>Buitengebied Berg en Dal</t>
  </si>
  <si>
    <t>buurt_gegeneraliseerd_2021.29afdc0c-8c12-41c7-b817-a5bd91f2bbc6</t>
  </si>
  <si>
    <t>BU19450200</t>
  </si>
  <si>
    <t>2021BU19450200</t>
  </si>
  <si>
    <t>Breedeweg</t>
  </si>
  <si>
    <t>buurt_gegeneraliseerd_2021.810cf2d7-fab8-442a-956f-8f6be249ca6a</t>
  </si>
  <si>
    <t>BU19450201</t>
  </si>
  <si>
    <t>2021BU19450201</t>
  </si>
  <si>
    <t>Buitengebied Breedeweg</t>
  </si>
  <si>
    <t>buurt_gegeneraliseerd_2021.ea72b386-a9c6-462a-b1e9-7a6b2e998190</t>
  </si>
  <si>
    <t>BU19450300</t>
  </si>
  <si>
    <t>2021BU19450300</t>
  </si>
  <si>
    <t>buurt_gegeneraliseerd_2021.7b73b9d5-00a2-4df5-983f-25d1ff1f273b</t>
  </si>
  <si>
    <t>BU19450301</t>
  </si>
  <si>
    <t>2021BU19450301</t>
  </si>
  <si>
    <t>Buitengebied De Horst</t>
  </si>
  <si>
    <t>buurt_gegeneraliseerd_2021.96da9056-8e38-4a31-8829-e22084478be3</t>
  </si>
  <si>
    <t>BU19450400</t>
  </si>
  <si>
    <t>2021BU19450400</t>
  </si>
  <si>
    <t>Erlecom</t>
  </si>
  <si>
    <t>buurt_gegeneraliseerd_2021.bb16a656-1551-4270-9668-ef042db14604</t>
  </si>
  <si>
    <t>BU19450500</t>
  </si>
  <si>
    <t>2021BU19450500</t>
  </si>
  <si>
    <t>Groesbeek Centrum-Zuid</t>
  </si>
  <si>
    <t>buurt_gegeneraliseerd_2021.d6d15ba5-42aa-44e0-82b7-91660c54e913</t>
  </si>
  <si>
    <t>BU19450501</t>
  </si>
  <si>
    <t>2021BU19450501</t>
  </si>
  <si>
    <t>Groesbeek Centrum-Noord</t>
  </si>
  <si>
    <t>buurt_gegeneraliseerd_2021.38c499b8-6ec5-4b28-978d-c0aff94419f9</t>
  </si>
  <si>
    <t>BU19450502</t>
  </si>
  <si>
    <t>2021BU19450502</t>
  </si>
  <si>
    <t>Groesbeek Nijerf</t>
  </si>
  <si>
    <t>buurt_gegeneraliseerd_2021.d488974a-2eea-4699-971c-63ec725c9bef</t>
  </si>
  <si>
    <t>BU19450503</t>
  </si>
  <si>
    <t>2021BU19450503</t>
  </si>
  <si>
    <t>Groesbeek De Drul-Oost</t>
  </si>
  <si>
    <t>buurt_gegeneraliseerd_2021.3347d154-7f88-48f6-8470-6f335ea4ad54</t>
  </si>
  <si>
    <t>BU19450504</t>
  </si>
  <si>
    <t>2021BU19450504</t>
  </si>
  <si>
    <t>Groesbeek De Drul-West</t>
  </si>
  <si>
    <t>buurt_gegeneraliseerd_2021.15e73de1-49d5-4c18-bf59-7f835a24dcb5</t>
  </si>
  <si>
    <t>BU19450505</t>
  </si>
  <si>
    <t>2021BU19450505</t>
  </si>
  <si>
    <t>Groesbeek Stekkenberg</t>
  </si>
  <si>
    <t>buurt_gegeneraliseerd_2021.b15ce864-4391-4804-b62a-580633c46a54</t>
  </si>
  <si>
    <t>BU19450506</t>
  </si>
  <si>
    <t>2021BU19450506</t>
  </si>
  <si>
    <t>Bedrijventerrein Hulsbeek</t>
  </si>
  <si>
    <t>buurt_gegeneraliseerd_2021.39bb8bd2-0f61-4d3f-ba28-612b15596eea</t>
  </si>
  <si>
    <t>BU19450507</t>
  </si>
  <si>
    <t>2021BU19450507</t>
  </si>
  <si>
    <t>Bedrijventerrein Mies</t>
  </si>
  <si>
    <t>buurt_gegeneraliseerd_2021.9dfe80c7-3aa3-47f0-a949-3229fa9fbfe2</t>
  </si>
  <si>
    <t>BU19450508</t>
  </si>
  <si>
    <t>2021BU19450508</t>
  </si>
  <si>
    <t>Buitengebied Groesbeek-Noord-West</t>
  </si>
  <si>
    <t>buurt_gegeneraliseerd_2021.6d098114-7617-4c9e-9ee9-aeeca4ade76a</t>
  </si>
  <si>
    <t>BU19450509</t>
  </si>
  <si>
    <t>2021BU19450509</t>
  </si>
  <si>
    <t>Buitengebied Groesbeek-Zuid-West</t>
  </si>
  <si>
    <t>buurt_gegeneraliseerd_2021.d9dfbeb8-031c-4bc4-9e43-fd1dbbff31fb</t>
  </si>
  <si>
    <t>BU19450510</t>
  </si>
  <si>
    <t>2021BU19450510</t>
  </si>
  <si>
    <t>Buitengebied Groesbeek-Noord</t>
  </si>
  <si>
    <t>buurt_gegeneraliseerd_2021.f4b38236-743d-4037-aad5-833df901dcd3</t>
  </si>
  <si>
    <t>BU19450511</t>
  </si>
  <si>
    <t>2021BU19450511</t>
  </si>
  <si>
    <t>Buitengebied Groesbeek-Midden-West</t>
  </si>
  <si>
    <t>buurt_gegeneraliseerd_2021.56585ab1-bab2-49ad-9feb-631f6dcf3529</t>
  </si>
  <si>
    <t>BU19450600</t>
  </si>
  <si>
    <t>2021BU19450600</t>
  </si>
  <si>
    <t>Heilig Landstichting</t>
  </si>
  <si>
    <t>buurt_gegeneraliseerd_2021.585a23db-8d44-4127-b8f1-b797a198c1ea</t>
  </si>
  <si>
    <t>BU19450601</t>
  </si>
  <si>
    <t>2021BU19450601</t>
  </si>
  <si>
    <t>Buitengebied Heilig Landstichting</t>
  </si>
  <si>
    <t>buurt_gegeneraliseerd_2021.00429b91-2637-42bc-b70b-821376661e84</t>
  </si>
  <si>
    <t>BU19450700</t>
  </si>
  <si>
    <t>2021BU19450700</t>
  </si>
  <si>
    <t>Kekerdom</t>
  </si>
  <si>
    <t>buurt_gegeneraliseerd_2021.cd3dc78e-1d91-4594-b91b-dd941d4aec49</t>
  </si>
  <si>
    <t>BU19450701</t>
  </si>
  <si>
    <t>2021BU19450701</t>
  </si>
  <si>
    <t>Buitengebied Kekerdom</t>
  </si>
  <si>
    <t>buurt_gegeneraliseerd_2021.d42293a6-d488-4754-9e72-352b15a11f03</t>
  </si>
  <si>
    <t>BU19450800</t>
  </si>
  <si>
    <t>2021BU19450800</t>
  </si>
  <si>
    <t>Leuth</t>
  </si>
  <si>
    <t>buurt_gegeneraliseerd_2021.020e42d7-166d-4b97-bd9d-741c1ccc57fd</t>
  </si>
  <si>
    <t>BU19450801</t>
  </si>
  <si>
    <t>2021BU19450801</t>
  </si>
  <si>
    <t>Bedrijventerrein Lieskes Wengs</t>
  </si>
  <si>
    <t>buurt_gegeneraliseerd_2021.356e619a-f86d-45e8-9c10-f1ec9e1b7049</t>
  </si>
  <si>
    <t>BU19450802</t>
  </si>
  <si>
    <t>2021BU19450802</t>
  </si>
  <si>
    <t>Buitengebied Leuth</t>
  </si>
  <si>
    <t>buurt_gegeneraliseerd_2021.1ce12042-23e3-41c6-9e88-fbfae1f9fdc7</t>
  </si>
  <si>
    <t>BU19450900</t>
  </si>
  <si>
    <t>2021BU19450900</t>
  </si>
  <si>
    <t>Millingen aan de Rijn-Oost</t>
  </si>
  <si>
    <t>buurt_gegeneraliseerd_2021.a99f3a1d-4e2f-401d-86c4-1e02ba479515</t>
  </si>
  <si>
    <t>BU19450901</t>
  </si>
  <si>
    <t>2021BU19450901</t>
  </si>
  <si>
    <t>Millingen aan de Rijn-West</t>
  </si>
  <si>
    <t>buurt_gegeneraliseerd_2021.9f52a15f-bb1c-48fe-93b2-acf5ceeca3ed</t>
  </si>
  <si>
    <t>BU19450902</t>
  </si>
  <si>
    <t>2021BU19450902</t>
  </si>
  <si>
    <t>Bedrijventerrein Molenveld</t>
  </si>
  <si>
    <t>buurt_gegeneraliseerd_2021.91edbd9c-6036-4b60-a16f-1d03de4b9466</t>
  </si>
  <si>
    <t>BU19450903</t>
  </si>
  <si>
    <t>2021BU19450903</t>
  </si>
  <si>
    <t>buurt_gegeneraliseerd_2021.ff0d4275-a42a-470c-b477-c9e45c2eb520</t>
  </si>
  <si>
    <t>BU19450904</t>
  </si>
  <si>
    <t>2021BU19450904</t>
  </si>
  <si>
    <t>Buitengebied Millingerwaard</t>
  </si>
  <si>
    <t>buurt_gegeneraliseerd_2021.c7d24378-1e38-46bb-a469-ace62743e1c1</t>
  </si>
  <si>
    <t>BU19451000</t>
  </si>
  <si>
    <t>2021BU19451000</t>
  </si>
  <si>
    <t>Ooij</t>
  </si>
  <si>
    <t>buurt_gegeneraliseerd_2021.d33e85de-0cf2-45c4-9cdd-9f8b8a8c56b5</t>
  </si>
  <si>
    <t>BU19451001</t>
  </si>
  <si>
    <t>2021BU19451001</t>
  </si>
  <si>
    <t>Bedrijventerrein De Bouwkamp</t>
  </si>
  <si>
    <t>buurt_gegeneraliseerd_2021.a2c0135c-43b6-4cb2-8349-48d369959a43</t>
  </si>
  <si>
    <t>BU19451002</t>
  </si>
  <si>
    <t>2021BU19451002</t>
  </si>
  <si>
    <t>Buitengebied Ooij</t>
  </si>
  <si>
    <t>buurt_gegeneraliseerd_2021.cbddcce8-0172-4bb7-972c-b6ff59a6ef49</t>
  </si>
  <si>
    <t>BU19451100</t>
  </si>
  <si>
    <t>2021BU19451100</t>
  </si>
  <si>
    <t>Persingen</t>
  </si>
  <si>
    <t>buurt_gegeneraliseerd_2021.dca6dd45-2644-4805-a4e3-60a1f25836b7</t>
  </si>
  <si>
    <t>BU19451200</t>
  </si>
  <si>
    <t>2021BU19451200</t>
  </si>
  <si>
    <t>Ubbergen</t>
  </si>
  <si>
    <t>buurt_gegeneraliseerd_2021.8696cf12-5972-402b-9b07-6730a691f688</t>
  </si>
  <si>
    <t>BU19480101</t>
  </si>
  <si>
    <t>2021BU19480101</t>
  </si>
  <si>
    <t>Boerdonk</t>
  </si>
  <si>
    <t>GM1948</t>
  </si>
  <si>
    <t>buurt_gegeneraliseerd_2021.55944e9a-d2f4-401c-b4ab-efc3d620ae0e</t>
  </si>
  <si>
    <t>BU19480102</t>
  </si>
  <si>
    <t>2021BU19480102</t>
  </si>
  <si>
    <t>Bolst</t>
  </si>
  <si>
    <t>buurt_gegeneraliseerd_2021.be63b23f-ef74-4349-8dbc-2c5621dee0f9</t>
  </si>
  <si>
    <t>BU19480103</t>
  </si>
  <si>
    <t>2021BU19480103</t>
  </si>
  <si>
    <t>Buitengebied Boerdonk</t>
  </si>
  <si>
    <t>buurt_gegeneraliseerd_2021.8096904b-eaf5-4af6-8cb9-e940a7d97eab</t>
  </si>
  <si>
    <t>BU19480104</t>
  </si>
  <si>
    <t>2021BU19480104</t>
  </si>
  <si>
    <t>Buitengebied Erp</t>
  </si>
  <si>
    <t>buurt_gegeneraliseerd_2021.a0546d3d-90ec-44b6-ad34-7b0ccda55831</t>
  </si>
  <si>
    <t>BU19480105</t>
  </si>
  <si>
    <t>2021BU19480105</t>
  </si>
  <si>
    <t>Buitengebied Geregt</t>
  </si>
  <si>
    <t>buurt_gegeneraliseerd_2021.42e19d74-b15d-4eda-b926-4adddb178915</t>
  </si>
  <si>
    <t>BU19480106</t>
  </si>
  <si>
    <t>2021BU19480106</t>
  </si>
  <si>
    <t>Buitengebied Hurkske en Hoek</t>
  </si>
  <si>
    <t>buurt_gegeneraliseerd_2021.976eb363-9433-479c-9588-26118e81efc1</t>
  </si>
  <si>
    <t>BU19480107</t>
  </si>
  <si>
    <t>2021BU19480107</t>
  </si>
  <si>
    <t>Buitengebied Keldonk</t>
  </si>
  <si>
    <t>buurt_gegeneraliseerd_2021.ee0b4f65-ed96-4cd8-9fb9-cf80c7d8380b</t>
  </si>
  <si>
    <t>BU19480108</t>
  </si>
  <si>
    <t>2021BU19480108</t>
  </si>
  <si>
    <t>Buitengebied Kraanmeer en Veluwe</t>
  </si>
  <si>
    <t>buurt_gegeneraliseerd_2021.a770081e-aaef-472c-aba0-7ffb92029d49</t>
  </si>
  <si>
    <t>BU19480109</t>
  </si>
  <si>
    <t>2021BU19480109</t>
  </si>
  <si>
    <t>Empeldonk</t>
  </si>
  <si>
    <t>buurt_gegeneraliseerd_2021.f81d7a1e-3ded-4ec8-9eb3-2b8f995c187e</t>
  </si>
  <si>
    <t>BU19480110</t>
  </si>
  <si>
    <t>2021BU19480110</t>
  </si>
  <si>
    <t>Erp Centrum</t>
  </si>
  <si>
    <t>buurt_gegeneraliseerd_2021.5f9ff138-9a70-4b68-a665-50dcec145f0f</t>
  </si>
  <si>
    <t>BU19480111</t>
  </si>
  <si>
    <t>2021BU19480111</t>
  </si>
  <si>
    <t>Erp Zuid</t>
  </si>
  <si>
    <t>buurt_gegeneraliseerd_2021.b39b7360-c512-4601-96fb-8aba94ca7675</t>
  </si>
  <si>
    <t>BU19480112</t>
  </si>
  <si>
    <t>2021BU19480112</t>
  </si>
  <si>
    <t>Keldonk</t>
  </si>
  <si>
    <t>buurt_gegeneraliseerd_2021.915ca1bb-cc91-4f08-82f1-339fba865cb7</t>
  </si>
  <si>
    <t>BU19480113</t>
  </si>
  <si>
    <t>2021BU19480113</t>
  </si>
  <si>
    <t>Vlaskamp</t>
  </si>
  <si>
    <t>buurt_gegeneraliseerd_2021.0ff7bb57-4e9f-4453-b882-c6b56fe119f5</t>
  </si>
  <si>
    <t>BU19480201</t>
  </si>
  <si>
    <t>2021BU19480201</t>
  </si>
  <si>
    <t>Boschweg Noordoost</t>
  </si>
  <si>
    <t>buurt_gegeneraliseerd_2021.90fc94af-125f-403a-bc76-a7d5d15c2b78</t>
  </si>
  <si>
    <t>BU19480202</t>
  </si>
  <si>
    <t>2021BU19480202</t>
  </si>
  <si>
    <t>Boschweg Zuidwest</t>
  </si>
  <si>
    <t>buurt_gegeneraliseerd_2021.f1dd1074-3885-4911-b898-325fa495cd3d</t>
  </si>
  <si>
    <t>BU19480203</t>
  </si>
  <si>
    <t>2021BU19480203</t>
  </si>
  <si>
    <t>Buitengebied Elderbroek</t>
  </si>
  <si>
    <t>buurt_gegeneraliseerd_2021.4d47c743-63db-4e54-bce5-80ecb1df62df</t>
  </si>
  <si>
    <t>BU19480204</t>
  </si>
  <si>
    <t>2021BU19480204</t>
  </si>
  <si>
    <t>Buitengebied Broekkant</t>
  </si>
  <si>
    <t>buurt_gegeneraliseerd_2021.c3f290d7-7627-4c5d-8e6b-cbffe98b00b5</t>
  </si>
  <si>
    <t>BU19480205</t>
  </si>
  <si>
    <t>2021BU19480205</t>
  </si>
  <si>
    <t>Buitengebied Molendijk</t>
  </si>
  <si>
    <t>buurt_gegeneraliseerd_2021.a7c09df0-e477-487d-ade8-c5becdeb22c0</t>
  </si>
  <si>
    <t>BU19480206</t>
  </si>
  <si>
    <t>2021BU19480206</t>
  </si>
  <si>
    <t>Buitengebied Oetelaar</t>
  </si>
  <si>
    <t>buurt_gegeneraliseerd_2021.1920f753-b315-46da-8f80-c815eddaebf2</t>
  </si>
  <si>
    <t>BU19480207</t>
  </si>
  <si>
    <t>2021BU19480207</t>
  </si>
  <si>
    <t>Buitengebied Rooiseheide</t>
  </si>
  <si>
    <t>buurt_gegeneraliseerd_2021.f411d5d1-47ed-4280-a041-8a5755672aec</t>
  </si>
  <si>
    <t>BU19480208</t>
  </si>
  <si>
    <t>2021BU19480208</t>
  </si>
  <si>
    <t>Buitengebied Steeg</t>
  </si>
  <si>
    <t>buurt_gegeneraliseerd_2021.a9a90856-da6c-4a9c-a4cb-8562ef744b70</t>
  </si>
  <si>
    <t>BU19480209</t>
  </si>
  <si>
    <t>2021BU19480209</t>
  </si>
  <si>
    <t>Buitengebied Vlagheide</t>
  </si>
  <si>
    <t>buurt_gegeneraliseerd_2021.f4546d51-fbb9-4219-9c2e-7d73ff0e5c54</t>
  </si>
  <si>
    <t>BU19480210</t>
  </si>
  <si>
    <t>2021BU19480210</t>
  </si>
  <si>
    <t>De Beemd 1</t>
  </si>
  <si>
    <t>buurt_gegeneraliseerd_2021.0a336e22-60de-462e-ab0e-d2c7fa075757</t>
  </si>
  <si>
    <t>BU19480211</t>
  </si>
  <si>
    <t>2021BU19480211</t>
  </si>
  <si>
    <t>De Beemd 3</t>
  </si>
  <si>
    <t>buurt_gegeneraliseerd_2021.b5997310-e020-497f-a571-5cb8502af30a</t>
  </si>
  <si>
    <t>BU19480212</t>
  </si>
  <si>
    <t>2021BU19480212</t>
  </si>
  <si>
    <t>De Borne 1</t>
  </si>
  <si>
    <t>buurt_gegeneraliseerd_2021.db88232b-8c8a-444b-8280-25a8d9af94ed</t>
  </si>
  <si>
    <t>BU19480213</t>
  </si>
  <si>
    <t>2021BU19480213</t>
  </si>
  <si>
    <t>De Borne 2</t>
  </si>
  <si>
    <t>buurt_gegeneraliseerd_2021.ec905727-6ad6-45d0-bc4c-6f6fd46b72e5</t>
  </si>
  <si>
    <t>BU19480214</t>
  </si>
  <si>
    <t>2021BU19480214</t>
  </si>
  <si>
    <t>Duin 1</t>
  </si>
  <si>
    <t>buurt_gegeneraliseerd_2021.d9cb69aa-d744-4232-8d5f-e4fc577d98c4</t>
  </si>
  <si>
    <t>BU19480215</t>
  </si>
  <si>
    <t>2021BU19480215</t>
  </si>
  <si>
    <t>Duin 2</t>
  </si>
  <si>
    <t>buurt_gegeneraliseerd_2021.05ffc435-a223-43ce-9e8e-0d8caefbe7e2</t>
  </si>
  <si>
    <t>BU19480216</t>
  </si>
  <si>
    <t>2021BU19480216</t>
  </si>
  <si>
    <t>Grevekeur</t>
  </si>
  <si>
    <t>buurt_gegeneraliseerd_2021.fbdd4aa0-2175-437f-b5be-4bc8d2b276f1</t>
  </si>
  <si>
    <t>BU19480217</t>
  </si>
  <si>
    <t>2021BU19480217</t>
  </si>
  <si>
    <t>Hoevenbraak</t>
  </si>
  <si>
    <t>buurt_gegeneraliseerd_2021.612facd9-a712-4001-a106-45fd9eb361e6</t>
  </si>
  <si>
    <t>BU19480218</t>
  </si>
  <si>
    <t>2021BU19480218</t>
  </si>
  <si>
    <t>Hopstraat</t>
  </si>
  <si>
    <t>buurt_gegeneraliseerd_2021.db3b08a3-f127-4a40-b439-63bc994a6a59</t>
  </si>
  <si>
    <t>BU19480219</t>
  </si>
  <si>
    <t>2021BU19480219</t>
  </si>
  <si>
    <t>Hulzebraak</t>
  </si>
  <si>
    <t>buurt_gegeneraliseerd_2021.2f352884-86dd-413c-ae7e-bf3eef12b7db</t>
  </si>
  <si>
    <t>BU19480220</t>
  </si>
  <si>
    <t>2021BU19480220</t>
  </si>
  <si>
    <t>buurt_gegeneraliseerd_2021.67dd3047-421d-42c2-bb3b-3253be9bd43c</t>
  </si>
  <si>
    <t>BU19480221</t>
  </si>
  <si>
    <t>2021BU19480221</t>
  </si>
  <si>
    <t>Plein 1</t>
  </si>
  <si>
    <t>buurt_gegeneraliseerd_2021.16167dbe-40d2-4e0d-91aa-2e9afc9d320c</t>
  </si>
  <si>
    <t>BU19480222</t>
  </si>
  <si>
    <t>2021BU19480222</t>
  </si>
  <si>
    <t>Plein 2</t>
  </si>
  <si>
    <t>buurt_gegeneraliseerd_2021.dcf524f3-d139-4101-ae4c-9dc745fecfe2</t>
  </si>
  <si>
    <t>BU19480223</t>
  </si>
  <si>
    <t>2021BU19480223</t>
  </si>
  <si>
    <t>Plein 3</t>
  </si>
  <si>
    <t>buurt_gegeneraliseerd_2021.441510dc-1733-47b8-b86b-f3497f744a28</t>
  </si>
  <si>
    <t>BU19480224</t>
  </si>
  <si>
    <t>2021BU19480224</t>
  </si>
  <si>
    <t>Rooiseheide</t>
  </si>
  <si>
    <t>buurt_gegeneraliseerd_2021.34bde4b4-ad4a-486f-b4a5-9ade1971cfda</t>
  </si>
  <si>
    <t>BU19480225</t>
  </si>
  <si>
    <t>2021BU19480225</t>
  </si>
  <si>
    <t>Schijndel Centrum 1</t>
  </si>
  <si>
    <t>buurt_gegeneraliseerd_2021.dd86d691-0e51-4f10-a975-a73098220f04</t>
  </si>
  <si>
    <t>BU19480226</t>
  </si>
  <si>
    <t>2021BU19480226</t>
  </si>
  <si>
    <t>Schijndel Centrum 2</t>
  </si>
  <si>
    <t>buurt_gegeneraliseerd_2021.3c27ebc5-98f7-4a3f-b21d-57516ef4e6e0</t>
  </si>
  <si>
    <t>BU19480227</t>
  </si>
  <si>
    <t>2021BU19480227</t>
  </si>
  <si>
    <t>Schijndel Centrum 3</t>
  </si>
  <si>
    <t>buurt_gegeneraliseerd_2021.11d2bf4a-e877-489c-a9b3-ea36e692aa3b</t>
  </si>
  <si>
    <t>BU19480228</t>
  </si>
  <si>
    <t>2021BU19480228</t>
  </si>
  <si>
    <t>Schijndel Centrum 4</t>
  </si>
  <si>
    <t>buurt_gegeneraliseerd_2021.f0c084e9-0b0c-4e80-b3dd-907129edb448</t>
  </si>
  <si>
    <t>BU19480229</t>
  </si>
  <si>
    <t>2021BU19480229</t>
  </si>
  <si>
    <t>Wijbosch</t>
  </si>
  <si>
    <t>buurt_gegeneraliseerd_2021.511c4d6f-f4a8-40fd-bd2b-f2f65538a4b4</t>
  </si>
  <si>
    <t>BU19480301</t>
  </si>
  <si>
    <t>2021BU19480301</t>
  </si>
  <si>
    <t>Armenhoef</t>
  </si>
  <si>
    <t>buurt_gegeneraliseerd_2021.1cb395fb-0a50-42ec-955b-6b16418c9985</t>
  </si>
  <si>
    <t>BU19480302</t>
  </si>
  <si>
    <t>2021BU19480302</t>
  </si>
  <si>
    <t>Boskant</t>
  </si>
  <si>
    <t>buurt_gegeneraliseerd_2021.b7126e30-e488-44b9-9fde-41d6344d7193</t>
  </si>
  <si>
    <t>BU19480303</t>
  </si>
  <si>
    <t>2021BU19480303</t>
  </si>
  <si>
    <t>Buitengebied Boskant</t>
  </si>
  <si>
    <t>buurt_gegeneraliseerd_2021.8f9f53b5-2e56-4844-a8bb-ba193eb0482f</t>
  </si>
  <si>
    <t>BU19480304</t>
  </si>
  <si>
    <t>2021BU19480304</t>
  </si>
  <si>
    <t>Buitengebied Jekschotse Heide en Everse</t>
  </si>
  <si>
    <t>buurt_gegeneraliseerd_2021.46f7fa0e-301b-446c-a39a-66c7cb39c793</t>
  </si>
  <si>
    <t>BU19480305</t>
  </si>
  <si>
    <t>2021BU19480305</t>
  </si>
  <si>
    <t>Buitengebied Nijnsel</t>
  </si>
  <si>
    <t>buurt_gegeneraliseerd_2021.f1a1200a-df49-434a-8193-f588384d7071</t>
  </si>
  <si>
    <t>BU19480306</t>
  </si>
  <si>
    <t>2021BU19480306</t>
  </si>
  <si>
    <t>Buitengebied Olland</t>
  </si>
  <si>
    <t>buurt_gegeneraliseerd_2021.abb5cb67-2c68-4801-81d5-c6e98176e9e7</t>
  </si>
  <si>
    <t>BU19480307</t>
  </si>
  <si>
    <t>2021BU19480307</t>
  </si>
  <si>
    <t>Buitengebied Rijsingen en Schijndelse Heide</t>
  </si>
  <si>
    <t>buurt_gegeneraliseerd_2021.10581be1-708e-447d-9ebc-5890c4b8e6b4</t>
  </si>
  <si>
    <t>BU19480308</t>
  </si>
  <si>
    <t>2021BU19480308</t>
  </si>
  <si>
    <t>Buitengebied Veerse Heide en Koevering</t>
  </si>
  <si>
    <t>buurt_gegeneraliseerd_2021.ab87e4c9-ee1a-47a6-9f8e-bb3f4a4e2b96</t>
  </si>
  <si>
    <t>BU19480309</t>
  </si>
  <si>
    <t>2021BU19480309</t>
  </si>
  <si>
    <t>Buitengebied Vressel en Zwijnsbergen</t>
  </si>
  <si>
    <t>buurt_gegeneraliseerd_2021.ffd447e2-52c8-4047-843d-78806d3eccff</t>
  </si>
  <si>
    <t>BU19480310</t>
  </si>
  <si>
    <t>2021BU19480310</t>
  </si>
  <si>
    <t>Cathalijne en Kinderbos</t>
  </si>
  <si>
    <t>buurt_gegeneraliseerd_2021.aab6752c-7aa3-443f-8c8e-e33735fc7b4d</t>
  </si>
  <si>
    <t>BU19480311</t>
  </si>
  <si>
    <t>2021BU19480311</t>
  </si>
  <si>
    <t>Eerschot</t>
  </si>
  <si>
    <t>buurt_gegeneraliseerd_2021.d7fe422a-7e90-4b74-ae6d-e494cc9f4c82</t>
  </si>
  <si>
    <t>BU19480312</t>
  </si>
  <si>
    <t>2021BU19480312</t>
  </si>
  <si>
    <t>Heikant en Sluitappel</t>
  </si>
  <si>
    <t>buurt_gegeneraliseerd_2021.07c9363a-db28-4517-9153-799c707f7a04</t>
  </si>
  <si>
    <t>BU19480313</t>
  </si>
  <si>
    <t>2021BU19480313</t>
  </si>
  <si>
    <t>Kienehoef Noord</t>
  </si>
  <si>
    <t>buurt_gegeneraliseerd_2021.c58a8694-7f76-45a5-96d9-d68d4750e163</t>
  </si>
  <si>
    <t>BU19480314</t>
  </si>
  <si>
    <t>2021BU19480314</t>
  </si>
  <si>
    <t>Kienehoef Zuid</t>
  </si>
  <si>
    <t>buurt_gegeneraliseerd_2021.6343bac4-bbc9-4904-aed4-a59b03d0eea3</t>
  </si>
  <si>
    <t>BU19480315</t>
  </si>
  <si>
    <t>2021BU19480315</t>
  </si>
  <si>
    <t>Nijnsel</t>
  </si>
  <si>
    <t>buurt_gegeneraliseerd_2021.7fbe6bbc-5626-4427-8341-866b126f23c9</t>
  </si>
  <si>
    <t>BU19480316</t>
  </si>
  <si>
    <t>2021BU19480316</t>
  </si>
  <si>
    <t>Olland</t>
  </si>
  <si>
    <t>buurt_gegeneraliseerd_2021.dcb9ba50-d510-41bc-b1a1-b3011dc0e038</t>
  </si>
  <si>
    <t>BU19480317</t>
  </si>
  <si>
    <t>2021BU19480317</t>
  </si>
  <si>
    <t>Sint-Oedenrode Centrum Noord</t>
  </si>
  <si>
    <t>buurt_gegeneraliseerd_2021.97814ddb-0cde-48e4-ae3a-bb239529955b</t>
  </si>
  <si>
    <t>BU19480318</t>
  </si>
  <si>
    <t>2021BU19480318</t>
  </si>
  <si>
    <t>Sint-Oedenrode Centrum Zuid</t>
  </si>
  <si>
    <t>buurt_gegeneraliseerd_2021.d0f124e7-5e9d-4d97-b88b-905c1cf387dd</t>
  </si>
  <si>
    <t>BU19480401</t>
  </si>
  <si>
    <t>2021BU19480401</t>
  </si>
  <si>
    <t>'t Ven Oost</t>
  </si>
  <si>
    <t>buurt_gegeneraliseerd_2021.62d398c4-43ee-4040-813a-c159dcf267b3</t>
  </si>
  <si>
    <t>BU19480402</t>
  </si>
  <si>
    <t>2021BU19480402</t>
  </si>
  <si>
    <t>'t Ven West</t>
  </si>
  <si>
    <t>buurt_gegeneraliseerd_2021.727e1d8c-2ca6-49d3-ad1d-95cfff59bb30</t>
  </si>
  <si>
    <t>BU19480403</t>
  </si>
  <si>
    <t>2021BU19480403</t>
  </si>
  <si>
    <t>Amert en Binnenveld</t>
  </si>
  <si>
    <t>buurt_gegeneraliseerd_2021.11103448-debc-49cf-ba8e-adc22ce0948e</t>
  </si>
  <si>
    <t>BU19480404</t>
  </si>
  <si>
    <t>2021BU19480404</t>
  </si>
  <si>
    <t>buurt_gegeneraliseerd_2021.1d50888d-5110-446b-9846-86dafe81fdb5</t>
  </si>
  <si>
    <t>BU19480405</t>
  </si>
  <si>
    <t>2021BU19480405</t>
  </si>
  <si>
    <t>Buitengebied Driehuizen en Hazelberg</t>
  </si>
  <si>
    <t>buurt_gegeneraliseerd_2021.de17c042-df77-4d9c-a9da-3198b1efff21</t>
  </si>
  <si>
    <t>BU19480406</t>
  </si>
  <si>
    <t>2021BU19480406</t>
  </si>
  <si>
    <t>Buitengebied Eerde</t>
  </si>
  <si>
    <t>buurt_gegeneraliseerd_2021.ab6fc966-2b74-4a76-8775-87ad6f0de49d</t>
  </si>
  <si>
    <t>BU19480407</t>
  </si>
  <si>
    <t>2021BU19480407</t>
  </si>
  <si>
    <t>Buitengebied Heuvel en Havelt</t>
  </si>
  <si>
    <t>buurt_gegeneraliseerd_2021.bea53d1c-af10-4916-9a22-09c6a868027e</t>
  </si>
  <si>
    <t>BU19480408</t>
  </si>
  <si>
    <t>2021BU19480408</t>
  </si>
  <si>
    <t>Buitengebied Jekschot</t>
  </si>
  <si>
    <t>buurt_gegeneraliseerd_2021.c828016a-5456-408f-bd39-cb9f6a4524b0</t>
  </si>
  <si>
    <t>BU19480409</t>
  </si>
  <si>
    <t>2021BU19480409</t>
  </si>
  <si>
    <t>Buitengebied Mariaheide</t>
  </si>
  <si>
    <t>buurt_gegeneraliseerd_2021.ce1fbcc6-f874-4b89-ad76-df58b84fcf0c</t>
  </si>
  <si>
    <t>BU19480410</t>
  </si>
  <si>
    <t>2021BU19480410</t>
  </si>
  <si>
    <t>Buitengebied Sportpark en Dorshout</t>
  </si>
  <si>
    <t>buurt_gegeneraliseerd_2021.615c78a5-2ddc-4eb6-bea8-66d87679bac1</t>
  </si>
  <si>
    <t>BU19480411</t>
  </si>
  <si>
    <t>2021BU19480411</t>
  </si>
  <si>
    <t>Buitengebied Zijtaart</t>
  </si>
  <si>
    <t>buurt_gegeneraliseerd_2021.040a54f0-7a8b-4950-b419-38104e67c8d8</t>
  </si>
  <si>
    <t>BU19480412</t>
  </si>
  <si>
    <t>2021BU19480412</t>
  </si>
  <si>
    <t>Bunderse Hoek Noord</t>
  </si>
  <si>
    <t>buurt_gegeneraliseerd_2021.24fd0c64-d191-4b0d-ab7b-aa84a81fefde</t>
  </si>
  <si>
    <t>BU19480413</t>
  </si>
  <si>
    <t>2021BU19480413</t>
  </si>
  <si>
    <t>Bunderse Hoek Zuid</t>
  </si>
  <si>
    <t>buurt_gegeneraliseerd_2021.08d44be0-ae65-4fd7-b2ac-4f69f791e007</t>
  </si>
  <si>
    <t>BU19480414</t>
  </si>
  <si>
    <t>2021BU19480414</t>
  </si>
  <si>
    <t>Busselbunders</t>
  </si>
  <si>
    <t>buurt_gegeneraliseerd_2021.c3640f8a-e876-448b-ab4a-13d74a5fca93</t>
  </si>
  <si>
    <t>BU19480415</t>
  </si>
  <si>
    <t>2021BU19480415</t>
  </si>
  <si>
    <t>De Scheifelaar</t>
  </si>
  <si>
    <t>buurt_gegeneraliseerd_2021.efe9c54e-8aaf-4ba1-93fa-f16bc33b21e2</t>
  </si>
  <si>
    <t>BU19480416</t>
  </si>
  <si>
    <t>2021BU19480416</t>
  </si>
  <si>
    <t>Doornhoek en Kempkens</t>
  </si>
  <si>
    <t>buurt_gegeneraliseerd_2021.d8838276-a732-4867-86ab-412ea24e3252</t>
  </si>
  <si>
    <t>BU19480417</t>
  </si>
  <si>
    <t>2021BU19480417</t>
  </si>
  <si>
    <t>Dubbelen</t>
  </si>
  <si>
    <t>buurt_gegeneraliseerd_2021.e5707769-c1fc-4adb-ad7f-18d68a3d3ad3</t>
  </si>
  <si>
    <t>BU19480418</t>
  </si>
  <si>
    <t>2021BU19480418</t>
  </si>
  <si>
    <t>Eerde</t>
  </si>
  <si>
    <t>buurt_gegeneraliseerd_2021.a2957f8e-3191-42e0-b56c-32186c9cf709</t>
  </si>
  <si>
    <t>BU19480419</t>
  </si>
  <si>
    <t>2021BU19480419</t>
  </si>
  <si>
    <t>Erpseweg Zuid</t>
  </si>
  <si>
    <t>buurt_gegeneraliseerd_2021.48e50ac4-db74-403d-92b7-d3c372ded049</t>
  </si>
  <si>
    <t>BU19480420</t>
  </si>
  <si>
    <t>2021BU19480420</t>
  </si>
  <si>
    <t>Heibunders</t>
  </si>
  <si>
    <t>buurt_gegeneraliseerd_2021.e807416b-40da-4632-bed0-8d88b26cf8ef</t>
  </si>
  <si>
    <t>BU19480421</t>
  </si>
  <si>
    <t>2021BU19480421</t>
  </si>
  <si>
    <t>Hoogeinde</t>
  </si>
  <si>
    <t>buurt_gegeneraliseerd_2021.ce634e0c-0374-4ccd-a803-625ddd9e971f</t>
  </si>
  <si>
    <t>BU19480422</t>
  </si>
  <si>
    <t>2021BU19480422</t>
  </si>
  <si>
    <t>Koolenkampen en Iepenlaan</t>
  </si>
  <si>
    <t>buurt_gegeneraliseerd_2021.b7b508e6-98bb-40cc-b920-e22b9fa4792a</t>
  </si>
  <si>
    <t>BU19480423</t>
  </si>
  <si>
    <t>2021BU19480423</t>
  </si>
  <si>
    <t>Laarbunders</t>
  </si>
  <si>
    <t>buurt_gegeneraliseerd_2021.2ada9af8-ffcc-479e-b653-c5fa174000b7</t>
  </si>
  <si>
    <t>BU19480424</t>
  </si>
  <si>
    <t>2021BU19480424</t>
  </si>
  <si>
    <t>Leest</t>
  </si>
  <si>
    <t>buurt_gegeneraliseerd_2021.58dcb64d-0a42-4db5-beb9-c6a404dd19bf</t>
  </si>
  <si>
    <t>BU19480425</t>
  </si>
  <si>
    <t>2021BU19480425</t>
  </si>
  <si>
    <t>Leest Noord</t>
  </si>
  <si>
    <t>buurt_gegeneraliseerd_2021.2f6d2bb6-6b58-43a4-af63-d85a18b56668</t>
  </si>
  <si>
    <t>BU19480426</t>
  </si>
  <si>
    <t>2021BU19480426</t>
  </si>
  <si>
    <t>Mariaheide</t>
  </si>
  <si>
    <t>buurt_gegeneraliseerd_2021.6081e6c7-16ca-4e52-9855-73c5c6281657</t>
  </si>
  <si>
    <t>BU19480427</t>
  </si>
  <si>
    <t>2021BU19480427</t>
  </si>
  <si>
    <t>Oranjewijk en Dorsveld</t>
  </si>
  <si>
    <t>buurt_gegeneraliseerd_2021.cc8a2b0b-d3fa-4389-9c62-e8ba70fef883</t>
  </si>
  <si>
    <t>BU19480428</t>
  </si>
  <si>
    <t>2021BU19480428</t>
  </si>
  <si>
    <t>Oude ontginning</t>
  </si>
  <si>
    <t>buurt_gegeneraliseerd_2021.a05e2b48-4c43-401e-91f1-c3de4bf7bdc4</t>
  </si>
  <si>
    <t>BU19480429</t>
  </si>
  <si>
    <t>2021BU19480429</t>
  </si>
  <si>
    <t>Veghel Centrum</t>
  </si>
  <si>
    <t>buurt_gegeneraliseerd_2021.3a047a6b-589a-4564-b032-05e3319b253d</t>
  </si>
  <si>
    <t>BU19480430</t>
  </si>
  <si>
    <t>2021BU19480430</t>
  </si>
  <si>
    <t>Veghel Zuid 1</t>
  </si>
  <si>
    <t>buurt_gegeneraliseerd_2021.a081d234-0aba-4967-81c7-834dc796f99a</t>
  </si>
  <si>
    <t>BU19480431</t>
  </si>
  <si>
    <t>2021BU19480431</t>
  </si>
  <si>
    <t>Veghel Zuid 2</t>
  </si>
  <si>
    <t>buurt_gegeneraliseerd_2021.ba12815b-b965-4180-bf0e-54c3b5de6744</t>
  </si>
  <si>
    <t>BU19480432</t>
  </si>
  <si>
    <t>2021BU19480432</t>
  </si>
  <si>
    <t>Vijverwijk</t>
  </si>
  <si>
    <t>buurt_gegeneraliseerd_2021.54a67fc2-99cc-49c4-bd34-e0fd048a0d6c</t>
  </si>
  <si>
    <t>BU19480433</t>
  </si>
  <si>
    <t>2021BU19480433</t>
  </si>
  <si>
    <t>Zijtaart</t>
  </si>
  <si>
    <t>buurt_gegeneraliseerd_2021.5c7d1fbf-052a-4eab-8c56-3c7f2a5d6971</t>
  </si>
  <si>
    <t>BU19500000</t>
  </si>
  <si>
    <t>2021BU19500000</t>
  </si>
  <si>
    <t>Bellingwolde</t>
  </si>
  <si>
    <t>GM1950</t>
  </si>
  <si>
    <t>buurt_gegeneraliseerd_2021.d38350fa-aa6a-4e8b-b6a9-6be56db5bdcc</t>
  </si>
  <si>
    <t>BU19500001</t>
  </si>
  <si>
    <t>2021BU19500001</t>
  </si>
  <si>
    <t>Vriescheloo</t>
  </si>
  <si>
    <t>buurt_gegeneraliseerd_2021.fb4f2889-9840-438e-9def-230f273f5dbb</t>
  </si>
  <si>
    <t>BU19500002</t>
  </si>
  <si>
    <t>2021BU19500002</t>
  </si>
  <si>
    <t>Rhederweg-West</t>
  </si>
  <si>
    <t>buurt_gegeneraliseerd_2021.354c1789-0619-4aec-85c4-ffb906a05624</t>
  </si>
  <si>
    <t>BU19500004</t>
  </si>
  <si>
    <t>2021BU19500004</t>
  </si>
  <si>
    <t>Vriescheloo-Zuid</t>
  </si>
  <si>
    <t>buurt_gegeneraliseerd_2021.c28dfbdc-a01e-444d-940d-b9df73726a13</t>
  </si>
  <si>
    <t>BU19500005</t>
  </si>
  <si>
    <t>2021BU19500005</t>
  </si>
  <si>
    <t>Oudeschans</t>
  </si>
  <si>
    <t>buurt_gegeneraliseerd_2021.04e79dae-c6e3-492c-81a7-ed5529e98ec4</t>
  </si>
  <si>
    <t>BU19500006</t>
  </si>
  <si>
    <t>2021BU19500006</t>
  </si>
  <si>
    <t>Klein-Ulsda</t>
  </si>
  <si>
    <t>buurt_gegeneraliseerd_2021.e9d7a73f-202a-4ff5-a001-8166e088e53f</t>
  </si>
  <si>
    <t>BU19500007</t>
  </si>
  <si>
    <t>2021BU19500007</t>
  </si>
  <si>
    <t>Verspreide huizen ten zuidoosten van Bellingwolde</t>
  </si>
  <si>
    <t>buurt_gegeneraliseerd_2021.56bda291-222e-481c-b7d5-77c24697a1ad</t>
  </si>
  <si>
    <t>BU19500008</t>
  </si>
  <si>
    <t>2021BU19500008</t>
  </si>
  <si>
    <t>Verspreide huizen ten zuidoosten van Vriescheloo</t>
  </si>
  <si>
    <t>buurt_gegeneraliseerd_2021.8cf25b70-99a1-4386-80d8-71d04f6f3871</t>
  </si>
  <si>
    <t>BU19500009</t>
  </si>
  <si>
    <t>2021BU19500009</t>
  </si>
  <si>
    <t>Verspreide huizen Westerwoldse A</t>
  </si>
  <si>
    <t>buurt_gegeneraliseerd_2021.80c61d82-2a90-463f-b73f-d712fdaf5ea0</t>
  </si>
  <si>
    <t>BU19500100</t>
  </si>
  <si>
    <t>2021BU19500100</t>
  </si>
  <si>
    <t>Veelerveen</t>
  </si>
  <si>
    <t>buurt_gegeneraliseerd_2021.b1a57188-62f2-4567-9f5d-55be71637835</t>
  </si>
  <si>
    <t>BU19500101</t>
  </si>
  <si>
    <t>2021BU19500101</t>
  </si>
  <si>
    <t>Rhederbrug-Oost</t>
  </si>
  <si>
    <t>buurt_gegeneraliseerd_2021.8181d68b-36b6-4006-bbc9-5b92b4bda056</t>
  </si>
  <si>
    <t>BU19500108</t>
  </si>
  <si>
    <t>2021BU19500108</t>
  </si>
  <si>
    <t>Verspreide huizen ten noordoosten van Rhederbrug</t>
  </si>
  <si>
    <t>buurt_gegeneraliseerd_2021.bd4351fd-fc09-4fec-a816-12a4733710b1</t>
  </si>
  <si>
    <t>BU19500109</t>
  </si>
  <si>
    <t>2021BU19500109</t>
  </si>
  <si>
    <t>Verspreide huizen Veelerveen</t>
  </si>
  <si>
    <t>buurt_gegeneraliseerd_2021.4c7a6b07-3e23-4a3a-9ee8-c5c7be8e0a01</t>
  </si>
  <si>
    <t>BU19500200</t>
  </si>
  <si>
    <t>2021BU19500200</t>
  </si>
  <si>
    <t>Blijham</t>
  </si>
  <si>
    <t>buurt_gegeneraliseerd_2021.0ebbe4de-8663-4a52-8d93-549ee1d60382</t>
  </si>
  <si>
    <t>BU19500201</t>
  </si>
  <si>
    <t>2021BU19500201</t>
  </si>
  <si>
    <t>Morige</t>
  </si>
  <si>
    <t>buurt_gegeneraliseerd_2021.d35a866c-055b-43d5-be57-6852c98b0b4b</t>
  </si>
  <si>
    <t>BU19500202</t>
  </si>
  <si>
    <t>2021BU19500202</t>
  </si>
  <si>
    <t>Wedde</t>
  </si>
  <si>
    <t>buurt_gegeneraliseerd_2021.e7e1ddc8-f495-4a16-b3c7-d9b2dc3aaae3</t>
  </si>
  <si>
    <t>BU19500203</t>
  </si>
  <si>
    <t>2021BU19500203</t>
  </si>
  <si>
    <t>Wedderheide</t>
  </si>
  <si>
    <t>buurt_gegeneraliseerd_2021.a12f8b18-6227-463f-b849-369af95c6d3c</t>
  </si>
  <si>
    <t>BU19500204</t>
  </si>
  <si>
    <t>2021BU19500204</t>
  </si>
  <si>
    <t>Wedderveer</t>
  </si>
  <si>
    <t>buurt_gegeneraliseerd_2021.d21dfcf6-664e-4592-bf5b-7f5dee89c8c1</t>
  </si>
  <si>
    <t>BU19500206</t>
  </si>
  <si>
    <t>2021BU19500206</t>
  </si>
  <si>
    <t>Verspreide huizen in de polder Blijham</t>
  </si>
  <si>
    <t>buurt_gegeneraliseerd_2021.cb807bc7-15e2-41e3-b2e9-186344d448ce</t>
  </si>
  <si>
    <t>BU19500207</t>
  </si>
  <si>
    <t>2021BU19500207</t>
  </si>
  <si>
    <t>Verspreide huizen ten westen van Blijham</t>
  </si>
  <si>
    <t>buurt_gegeneraliseerd_2021.a451931c-a9b9-4273-a3eb-151da1668552</t>
  </si>
  <si>
    <t>BU19500208</t>
  </si>
  <si>
    <t>2021BU19500208</t>
  </si>
  <si>
    <t>Verspreide huizen Hoorn</t>
  </si>
  <si>
    <t>buurt_gegeneraliseerd_2021.8ef5c8cd-8028-4eb9-a448-7eef46430e18</t>
  </si>
  <si>
    <t>BU19500209</t>
  </si>
  <si>
    <t>2021BU19500209</t>
  </si>
  <si>
    <t>Verspreide huizen in de Weddermarke</t>
  </si>
  <si>
    <t>buurt_gegeneraliseerd_2021.eb604a96-55b2-4120-bb87-779c251f8e13</t>
  </si>
  <si>
    <t>BU19500300</t>
  </si>
  <si>
    <t>2021BU19500300</t>
  </si>
  <si>
    <t>Sellingen</t>
  </si>
  <si>
    <t>buurt_gegeneraliseerd_2021.d26f9320-4f20-46f5-8923-da5a19681a0a</t>
  </si>
  <si>
    <t>BU19500301</t>
  </si>
  <si>
    <t>2021BU19500301</t>
  </si>
  <si>
    <t>Laude</t>
  </si>
  <si>
    <t>buurt_gegeneraliseerd_2021.c1a88fbf-9d24-415b-8053-3879985871c7</t>
  </si>
  <si>
    <t>BU19500304</t>
  </si>
  <si>
    <t>2021BU19500304</t>
  </si>
  <si>
    <t>Jipsinghuizen en Plaggenborg</t>
  </si>
  <si>
    <t>buurt_gegeneraliseerd_2021.6eafb89f-913e-4046-8e8a-345f0943750f</t>
  </si>
  <si>
    <t>BU19500306</t>
  </si>
  <si>
    <t>2021BU19500306</t>
  </si>
  <si>
    <t>Leemdobben en Lammerweg</t>
  </si>
  <si>
    <t>buurt_gegeneraliseerd_2021.cc23699f-beca-42cb-95b6-515067780daf</t>
  </si>
  <si>
    <t>BU19500308</t>
  </si>
  <si>
    <t>2021BU19500308</t>
  </si>
  <si>
    <t>Verspreide huizen ten oosten van Ruiten A-kanaal</t>
  </si>
  <si>
    <t>buurt_gegeneraliseerd_2021.9fddd787-a659-4680-9590-db749a85b300</t>
  </si>
  <si>
    <t>BU19500309</t>
  </si>
  <si>
    <t>2021BU19500309</t>
  </si>
  <si>
    <t>Verspreide huizen Sellingen</t>
  </si>
  <si>
    <t>buurt_gegeneraliseerd_2021.734db99a-2e6a-41b7-bcb7-0935e4642982</t>
  </si>
  <si>
    <t>BU19500400</t>
  </si>
  <si>
    <t>2021BU19500400</t>
  </si>
  <si>
    <t>Vlagtwedde</t>
  </si>
  <si>
    <t>buurt_gegeneraliseerd_2021.8783523a-83b6-475d-84bf-264e917e9b9d</t>
  </si>
  <si>
    <t>BU19500401</t>
  </si>
  <si>
    <t>2021BU19500401</t>
  </si>
  <si>
    <t>Wollinghuizen</t>
  </si>
  <si>
    <t>buurt_gegeneraliseerd_2021.006f5557-da9e-4be6-ae54-328feb05dc49</t>
  </si>
  <si>
    <t>BU19500402</t>
  </si>
  <si>
    <t>2021BU19500402</t>
  </si>
  <si>
    <t>Vlagtwedder-Veldhuis</t>
  </si>
  <si>
    <t>buurt_gegeneraliseerd_2021.d489e15f-a45c-4222-b017-e488391f74dd</t>
  </si>
  <si>
    <t>BU19500403</t>
  </si>
  <si>
    <t>2021BU19500403</t>
  </si>
  <si>
    <t>Veele</t>
  </si>
  <si>
    <t>buurt_gegeneraliseerd_2021.3008087c-dd9c-436f-97cd-0e1e7a1992cb</t>
  </si>
  <si>
    <t>BU19500404</t>
  </si>
  <si>
    <t>2021BU19500404</t>
  </si>
  <si>
    <t>Ellersinghuizen</t>
  </si>
  <si>
    <t>buurt_gegeneraliseerd_2021.6160a407-c16a-460f-871e-f5dc191c10eb</t>
  </si>
  <si>
    <t>BU19500409</t>
  </si>
  <si>
    <t>2021BU19500409</t>
  </si>
  <si>
    <t>Verspreide huizen Vlagtwedde</t>
  </si>
  <si>
    <t>buurt_gegeneraliseerd_2021.155c5e78-36dc-41f9-b36a-842e73668c5c</t>
  </si>
  <si>
    <t>BU19500500</t>
  </si>
  <si>
    <t>2021BU19500500</t>
  </si>
  <si>
    <t>Bourtange</t>
  </si>
  <si>
    <t>buurt_gegeneraliseerd_2021.8f513882-4645-4596-9002-6c445189f1bb</t>
  </si>
  <si>
    <t>BU19500501</t>
  </si>
  <si>
    <t>2021BU19500501</t>
  </si>
  <si>
    <t>Pallert</t>
  </si>
  <si>
    <t>buurt_gegeneraliseerd_2021.77a690a5-5089-4c19-92ed-0cf61603ba75</t>
  </si>
  <si>
    <t>BU19500502</t>
  </si>
  <si>
    <t>2021BU19500502</t>
  </si>
  <si>
    <t>Weite</t>
  </si>
  <si>
    <t>buurt_gegeneraliseerd_2021.b30ab84b-4c97-4f89-896c-c18b398ef4c5</t>
  </si>
  <si>
    <t>BU19500504</t>
  </si>
  <si>
    <t>2021BU19500504</t>
  </si>
  <si>
    <t>Stakenborg</t>
  </si>
  <si>
    <t>buurt_gegeneraliseerd_2021.533ca19c-4ebb-469b-8c83-09757e3f6311</t>
  </si>
  <si>
    <t>BU19500507</t>
  </si>
  <si>
    <t>2021BU19500507</t>
  </si>
  <si>
    <t>Verspreide huizen Hebrecht</t>
  </si>
  <si>
    <t>buurt_gegeneraliseerd_2021.00e11b7f-e423-4b96-9e42-6ccabcd1b59c</t>
  </si>
  <si>
    <t>BU19500508</t>
  </si>
  <si>
    <t>2021BU19500508</t>
  </si>
  <si>
    <t>Verspreide huizen Bourtange</t>
  </si>
  <si>
    <t>buurt_gegeneraliseerd_2021.8d4754f0-5a9f-40a4-ad2b-c6881e2fd888</t>
  </si>
  <si>
    <t>BU19500509</t>
  </si>
  <si>
    <t>2021BU19500509</t>
  </si>
  <si>
    <t>Verspreide huizen ten noorden van Vlagtwedde</t>
  </si>
  <si>
    <t>buurt_gegeneraliseerd_2021.63abc091-039c-4475-b3c5-7d5926971f2f</t>
  </si>
  <si>
    <t>BU19500600</t>
  </si>
  <si>
    <t>2021BU19500600</t>
  </si>
  <si>
    <t>Harpel</t>
  </si>
  <si>
    <t>buurt_gegeneraliseerd_2021.d1859833-f527-4b38-ae0e-3f3bff8d0848</t>
  </si>
  <si>
    <t>BU19500601</t>
  </si>
  <si>
    <t>2021BU19500601</t>
  </si>
  <si>
    <t>Sellingerbeetse</t>
  </si>
  <si>
    <t>buurt_gegeneraliseerd_2021.038d7592-e1d3-46fd-bdbd-67dac73fdb1a</t>
  </si>
  <si>
    <t>BU19500602</t>
  </si>
  <si>
    <t>2021BU19500602</t>
  </si>
  <si>
    <t>Jipsingboertange</t>
  </si>
  <si>
    <t>buurt_gegeneraliseerd_2021.1d04aac1-6a1a-4c00-8e70-bfb69579d3c6</t>
  </si>
  <si>
    <t>BU19500609</t>
  </si>
  <si>
    <t>2021BU19500609</t>
  </si>
  <si>
    <t>Verspreide huizen tussen Harpel en Sellingerbeetse</t>
  </si>
  <si>
    <t>buurt_gegeneraliseerd_2021.b9d4bcdf-39d0-405e-b117-3c4654878c80</t>
  </si>
  <si>
    <t>BU19500700</t>
  </si>
  <si>
    <t>2021BU19500700</t>
  </si>
  <si>
    <t>Ter Apel</t>
  </si>
  <si>
    <t>buurt_gegeneraliseerd_2021.2b643acb-93f4-48fa-8604-996c8a35ff40</t>
  </si>
  <si>
    <t>BU19500701</t>
  </si>
  <si>
    <t>2021BU19500701</t>
  </si>
  <si>
    <t>Barnflair</t>
  </si>
  <si>
    <t>buurt_gegeneraliseerd_2021.1bebf2a2-e26b-4cf8-ad36-059982207af8</t>
  </si>
  <si>
    <t>BU19500702</t>
  </si>
  <si>
    <t>2021BU19500702</t>
  </si>
  <si>
    <t>Ter Apelkanaal</t>
  </si>
  <si>
    <t>buurt_gegeneraliseerd_2021.4c610ed1-a7f2-4d8f-b069-82eeaac3e746</t>
  </si>
  <si>
    <t>BU19500703</t>
  </si>
  <si>
    <t>2021BU19500703</t>
  </si>
  <si>
    <t>Ter Apel-West</t>
  </si>
  <si>
    <t>buurt_gegeneraliseerd_2021.dce3a641-7aeb-42c8-9f30-00ce3be218ef</t>
  </si>
  <si>
    <t>BU19500704</t>
  </si>
  <si>
    <t>2021BU19500704</t>
  </si>
  <si>
    <t>Jipsingboermussel en Zandberg</t>
  </si>
  <si>
    <t>buurt_gegeneraliseerd_2021.87d3685c-ccfa-4e9d-8fca-90ea2bdc5c6b</t>
  </si>
  <si>
    <t>BU19500705</t>
  </si>
  <si>
    <t>2021BU19500705</t>
  </si>
  <si>
    <t>Munnekemoer</t>
  </si>
  <si>
    <t>buurt_gegeneraliseerd_2021.8d7afb4f-ef60-4646-a37a-43a211687dcb</t>
  </si>
  <si>
    <t>BU19500706</t>
  </si>
  <si>
    <t>2021BU19500706</t>
  </si>
  <si>
    <t>Burgemeester Beinsdorp</t>
  </si>
  <si>
    <t>buurt_gegeneraliseerd_2021.3554738b-7439-4db1-807b-43481803a260</t>
  </si>
  <si>
    <t>BU19500707</t>
  </si>
  <si>
    <t>2021BU19500707</t>
  </si>
  <si>
    <t>Agobuurt</t>
  </si>
  <si>
    <t>buurt_gegeneraliseerd_2021.42d9878e-cdbc-474b-b525-dcfc9aeffaec</t>
  </si>
  <si>
    <t>BU19500708</t>
  </si>
  <si>
    <t>2021BU19500708</t>
  </si>
  <si>
    <t>Ter Apel 't Heem</t>
  </si>
  <si>
    <t>buurt_gegeneraliseerd_2021.a37ac0b4-6b17-4863-9389-6d4e34aa0133</t>
  </si>
  <si>
    <t>BU19500709</t>
  </si>
  <si>
    <t>2021BU19500709</t>
  </si>
  <si>
    <t>Verspreide huizen Ter Apel en Ter Apelkanaal</t>
  </si>
  <si>
    <t>buurt_gegeneraliseerd_2021.2fed6239-68cd-4ad6-91bf-d9ea2642b27b</t>
  </si>
  <si>
    <t>BU19500808</t>
  </si>
  <si>
    <t>2021BU19500808</t>
  </si>
  <si>
    <t>Verspreide huizen te Laudermarke</t>
  </si>
  <si>
    <t>buurt_gegeneraliseerd_2021.0fc24cdf-94d8-40d0-ab4c-cbafbc813b08</t>
  </si>
  <si>
    <t>BU19500809</t>
  </si>
  <si>
    <t>2021BU19500809</t>
  </si>
  <si>
    <t>Verspreide huizen Ter Wisch</t>
  </si>
  <si>
    <t>buurt_gegeneraliseerd_2021.dfd99135-350d-4364-887d-b07eef76943c</t>
  </si>
  <si>
    <t>BU19500900</t>
  </si>
  <si>
    <t>2021BU19500900</t>
  </si>
  <si>
    <t>buurt_gegeneraliseerd_2021.8c508c91-b367-49ec-9982-eb16d1f2196a</t>
  </si>
  <si>
    <t>BU19500909</t>
  </si>
  <si>
    <t>2021BU19500909</t>
  </si>
  <si>
    <t>Verspreide huizen ten zuiden van Ter Apel</t>
  </si>
  <si>
    <t>buurt_gegeneraliseerd_2021.fcc97ec1-37b8-4a7c-9fbd-e975abd63e5a</t>
  </si>
  <si>
    <t>BU19520101</t>
  </si>
  <si>
    <t>2021BU19520101</t>
  </si>
  <si>
    <t>Noorderpark</t>
  </si>
  <si>
    <t>GM1952</t>
  </si>
  <si>
    <t>buurt_gegeneraliseerd_2021.72d1b9e7-edc9-4c58-bb61-f22c93c925e5</t>
  </si>
  <si>
    <t>BU19520102</t>
  </si>
  <si>
    <t>2021BU19520102</t>
  </si>
  <si>
    <t>buurt_gegeneraliseerd_2021.31c31189-e383-4a7e-b226-d113f26d05fe</t>
  </si>
  <si>
    <t>BU19520103</t>
  </si>
  <si>
    <t>2021BU19520103</t>
  </si>
  <si>
    <t>Beukemabuurt</t>
  </si>
  <si>
    <t>buurt_gegeneraliseerd_2021.ca6466c4-90c1-4989-8321-b3d38a68b3e6</t>
  </si>
  <si>
    <t>BU19520104</t>
  </si>
  <si>
    <t>2021BU19520104</t>
  </si>
  <si>
    <t>buurt_gegeneraliseerd_2021.4e22713c-3dd5-43d7-b88b-5d7c41cb4445</t>
  </si>
  <si>
    <t>BU19520105</t>
  </si>
  <si>
    <t>2021BU19520105</t>
  </si>
  <si>
    <t>Martenshoek en Industriegebied Martenshoek</t>
  </si>
  <si>
    <t>buurt_gegeneraliseerd_2021.62fcc592-245a-41f3-997c-3688fc70c50b</t>
  </si>
  <si>
    <t>BU19520106</t>
  </si>
  <si>
    <t>2021BU19520106</t>
  </si>
  <si>
    <t>Stadshart-Noord</t>
  </si>
  <si>
    <t>buurt_gegeneraliseerd_2021.1a5a7ffc-9d8c-4d97-8809-04b44ac668b9</t>
  </si>
  <si>
    <t>BU19520107</t>
  </si>
  <si>
    <t>2021BU19520107</t>
  </si>
  <si>
    <t>Industriegebied Martenshoek</t>
  </si>
  <si>
    <t>buurt_gegeneraliseerd_2021.8257190c-bc19-471d-92dd-743fc3d1a01a</t>
  </si>
  <si>
    <t>BU19520201</t>
  </si>
  <si>
    <t>2021BU19520201</t>
  </si>
  <si>
    <t>Spoorstraat en Kieldiep</t>
  </si>
  <si>
    <t>buurt_gegeneraliseerd_2021.7deacc2c-c28a-4e51-8ce4-541db9cdb62d</t>
  </si>
  <si>
    <t>BU19520202</t>
  </si>
  <si>
    <t>2021BU19520202</t>
  </si>
  <si>
    <t>Burgemeester van Royenstraat en omgeving</t>
  </si>
  <si>
    <t>buurt_gegeneraliseerd_2021.ad5edac6-49e5-476b-a201-5eaae554fad2</t>
  </si>
  <si>
    <t>BU19520203</t>
  </si>
  <si>
    <t>2021BU19520203</t>
  </si>
  <si>
    <t>Gorecht-Noord</t>
  </si>
  <si>
    <t>buurt_gegeneraliseerd_2021.7d2d06a8-7f85-4ba0-a8d5-b608fd0fb038</t>
  </si>
  <si>
    <t>BU19520204</t>
  </si>
  <si>
    <t>2021BU19520204</t>
  </si>
  <si>
    <t>Gorechtpark-Oost</t>
  </si>
  <si>
    <t>buurt_gegeneraliseerd_2021.242ba922-5499-49c1-99b1-8d77d0a4f46c</t>
  </si>
  <si>
    <t>BU19520205</t>
  </si>
  <si>
    <t>2021BU19520205</t>
  </si>
  <si>
    <t>Gorecht-West</t>
  </si>
  <si>
    <t>buurt_gegeneraliseerd_2021.69029e17-3892-4533-a8e4-1cbe676a1a1c</t>
  </si>
  <si>
    <t>BU19520206</t>
  </si>
  <si>
    <t>2021BU19520206</t>
  </si>
  <si>
    <t>Woldwijck-West</t>
  </si>
  <si>
    <t>buurt_gegeneraliseerd_2021.642483dd-585e-4081-99b3-ad4e4cdb9cdc</t>
  </si>
  <si>
    <t>BU19520207</t>
  </si>
  <si>
    <t>2021BU19520207</t>
  </si>
  <si>
    <t>Woldwijck-Midden</t>
  </si>
  <si>
    <t>buurt_gegeneraliseerd_2021.43c37d6d-6eec-4383-8c3f-2fa167d8be37</t>
  </si>
  <si>
    <t>BU19520208</t>
  </si>
  <si>
    <t>2021BU19520208</t>
  </si>
  <si>
    <t>Woldwijck-Oost</t>
  </si>
  <si>
    <t>buurt_gegeneraliseerd_2021.ff954a21-1116-4f01-b0f9-899db797fea5</t>
  </si>
  <si>
    <t>BU19520209</t>
  </si>
  <si>
    <t>2021BU19520209</t>
  </si>
  <si>
    <t>Kropswolderpolder</t>
  </si>
  <si>
    <t>buurt_gegeneraliseerd_2021.5eb34d1e-34ee-4d2e-95a4-91169cda323e</t>
  </si>
  <si>
    <t>BU19520210</t>
  </si>
  <si>
    <t>2021BU19520210</t>
  </si>
  <si>
    <t>Gorechtpark</t>
  </si>
  <si>
    <t>buurt_gegeneraliseerd_2021.d162c33b-7d31-42fe-a1e6-2462e88d472b</t>
  </si>
  <si>
    <t>BU19520301</t>
  </si>
  <si>
    <t>2021BU19520301</t>
  </si>
  <si>
    <t>Stadshart-Zuid</t>
  </si>
  <si>
    <t>buurt_gegeneraliseerd_2021.8c39203a-6e0a-4c29-9654-601904044926</t>
  </si>
  <si>
    <t>BU19520302</t>
  </si>
  <si>
    <t>2021BU19520302</t>
  </si>
  <si>
    <t>buurt_gegeneraliseerd_2021.aee444f2-1250-4288-826e-38c48c71a6a6</t>
  </si>
  <si>
    <t>BU19520303</t>
  </si>
  <si>
    <t>2021BU19520303</t>
  </si>
  <si>
    <t>buurt_gegeneraliseerd_2021.07183295-70cf-49f5-b310-36b56c644b16</t>
  </si>
  <si>
    <t>BU19520304</t>
  </si>
  <si>
    <t>2021BU19520304</t>
  </si>
  <si>
    <t>De Vosholen-West</t>
  </si>
  <si>
    <t>buurt_gegeneraliseerd_2021.9b455d63-7e52-49bd-bc73-2481348a5a25</t>
  </si>
  <si>
    <t>BU19520305</t>
  </si>
  <si>
    <t>2021BU19520305</t>
  </si>
  <si>
    <t>Kalkwijk-Noord</t>
  </si>
  <si>
    <t>buurt_gegeneraliseerd_2021.b13b5169-dcf7-4cee-bbd0-a634c8ecbdce</t>
  </si>
  <si>
    <t>BU19520306</t>
  </si>
  <si>
    <t>2021BU19520306</t>
  </si>
  <si>
    <t>Kalkwijk-Zuid</t>
  </si>
  <si>
    <t>buurt_gegeneraliseerd_2021.3f7b0c32-77e3-422c-a381-e77f04256d23</t>
  </si>
  <si>
    <t>BU19520401</t>
  </si>
  <si>
    <t>2021BU19520401</t>
  </si>
  <si>
    <t>Magrietpark</t>
  </si>
  <si>
    <t>buurt_gegeneraliseerd_2021.701bcb8b-6edc-4ac5-a2a3-10cf7723ef61</t>
  </si>
  <si>
    <t>BU19520402</t>
  </si>
  <si>
    <t>2021BU19520402</t>
  </si>
  <si>
    <t>Sappemeer-Oost</t>
  </si>
  <si>
    <t>buurt_gegeneraliseerd_2021.f9f527b0-7acb-48e4-a742-76123d1a6340</t>
  </si>
  <si>
    <t>BU19520403</t>
  </si>
  <si>
    <t>2021BU19520403</t>
  </si>
  <si>
    <t>Boswijck-West</t>
  </si>
  <si>
    <t>buurt_gegeneraliseerd_2021.c64b8ea2-e503-44e0-a76a-f54d336fb4a0</t>
  </si>
  <si>
    <t>BU19520404</t>
  </si>
  <si>
    <t>2021BU19520404</t>
  </si>
  <si>
    <t>Boswijck-Oost</t>
  </si>
  <si>
    <t>buurt_gegeneraliseerd_2021.5c5367f3-36e5-4c7e-9ce4-27e8ec990080</t>
  </si>
  <si>
    <t>BU19520405</t>
  </si>
  <si>
    <t>2021BU19520405</t>
  </si>
  <si>
    <t>Compagniesterpark</t>
  </si>
  <si>
    <t>buurt_gegeneraliseerd_2021.ce4e8cb5-b6ee-4339-a23b-da81eca75324</t>
  </si>
  <si>
    <t>BU19520406</t>
  </si>
  <si>
    <t>2021BU19520406</t>
  </si>
  <si>
    <t>De Vosholen-Oost</t>
  </si>
  <si>
    <t>buurt_gegeneraliseerd_2021.40967ca9-2662-40ae-af22-d9e4bfccdb9d</t>
  </si>
  <si>
    <t>BU19520407</t>
  </si>
  <si>
    <t>2021BU19520407</t>
  </si>
  <si>
    <t>Nieuw Woelwijck</t>
  </si>
  <si>
    <t>buurt_gegeneraliseerd_2021.cff5f044-4b9c-45f8-a581-adb3c8572b38</t>
  </si>
  <si>
    <t>BU19520408</t>
  </si>
  <si>
    <t>2021BU19520408</t>
  </si>
  <si>
    <t>Polder De Nijverheid</t>
  </si>
  <si>
    <t>buurt_gegeneraliseerd_2021.f6ac2ada-82c6-4185-8a96-542cebb5aed4</t>
  </si>
  <si>
    <t>BU19520409</t>
  </si>
  <si>
    <t>2021BU19520409</t>
  </si>
  <si>
    <t>Sappemeer-Noord</t>
  </si>
  <si>
    <t>buurt_gegeneraliseerd_2021.583ea518-2e77-4ba2-b85d-71cc2d39479c</t>
  </si>
  <si>
    <t>BU19520501</t>
  </si>
  <si>
    <t>2021BU19520501</t>
  </si>
  <si>
    <t>Kiel-Windeweer</t>
  </si>
  <si>
    <t>buurt_gegeneraliseerd_2021.674cec53-fb1f-4ec4-bb74-be0bde4475b1</t>
  </si>
  <si>
    <t>BU19520502</t>
  </si>
  <si>
    <t>2021BU19520502</t>
  </si>
  <si>
    <t>Kiel-Windeweer Buitengebied</t>
  </si>
  <si>
    <t>buurt_gegeneraliseerd_2021.be9998ba-c7b8-4ec8-9b08-8bed0d7e92af</t>
  </si>
  <si>
    <t>BU19520601</t>
  </si>
  <si>
    <t>2021BU19520601</t>
  </si>
  <si>
    <t>Kropswolde</t>
  </si>
  <si>
    <t>buurt_gegeneraliseerd_2021.3334db04-4ef6-42e5-a0a7-e8abbbf7d34c</t>
  </si>
  <si>
    <t>BU19520602</t>
  </si>
  <si>
    <t>2021BU19520602</t>
  </si>
  <si>
    <t>Meerwijck</t>
  </si>
  <si>
    <t>buurt_gegeneraliseerd_2021.84b6b5c5-a878-467f-9874-b87a546bd0b4</t>
  </si>
  <si>
    <t>BU19520603</t>
  </si>
  <si>
    <t>2021BU19520603</t>
  </si>
  <si>
    <t>Kropswolde Recreatiegebied</t>
  </si>
  <si>
    <t>buurt_gegeneraliseerd_2021.b4980a86-a212-41c4-9891-205ef4b332d2</t>
  </si>
  <si>
    <t>BU19520604</t>
  </si>
  <si>
    <t>2021BU19520604</t>
  </si>
  <si>
    <t>Kropswolde Buitengebied</t>
  </si>
  <si>
    <t>buurt_gegeneraliseerd_2021.b8b2a593-8b78-4035-abff-2c8377fbc202</t>
  </si>
  <si>
    <t>BU19520701</t>
  </si>
  <si>
    <t>2021BU19520701</t>
  </si>
  <si>
    <t>Foxhol</t>
  </si>
  <si>
    <t>buurt_gegeneraliseerd_2021.2049e9d1-d7e9-49f7-b777-ba4938d906f7</t>
  </si>
  <si>
    <t>BU19520702</t>
  </si>
  <si>
    <t>2021BU19520702</t>
  </si>
  <si>
    <t>Foxhol Industriegebied</t>
  </si>
  <si>
    <t>buurt_gegeneraliseerd_2021.2fcaf14b-4b81-4f12-81ec-5342a9bd0d98</t>
  </si>
  <si>
    <t>BU19520801</t>
  </si>
  <si>
    <t>2021BU19520801</t>
  </si>
  <si>
    <t>Waterhuizen</t>
  </si>
  <si>
    <t>buurt_gegeneraliseerd_2021.5cc3f7ac-d15d-4732-8543-672491bab396</t>
  </si>
  <si>
    <t>BU19520802</t>
  </si>
  <si>
    <t>2021BU19520802</t>
  </si>
  <si>
    <t>Westerbroek</t>
  </si>
  <si>
    <t>buurt_gegeneraliseerd_2021.efad4cce-ae32-4981-870f-e67047843adf</t>
  </si>
  <si>
    <t>BU19520803</t>
  </si>
  <si>
    <t>2021BU19520803</t>
  </si>
  <si>
    <t>Westerbroek Buitengebied</t>
  </si>
  <si>
    <t>buurt_gegeneraliseerd_2021.1fa134a0-93a0-48b4-8510-0b224ea14fa8</t>
  </si>
  <si>
    <t>BU19520804</t>
  </si>
  <si>
    <t>2021BU19520804</t>
  </si>
  <si>
    <t>Westerbroek Industriegebied</t>
  </si>
  <si>
    <t>buurt_gegeneraliseerd_2021.f35bc1b6-91d4-474c-99c2-a9b10a608e6c</t>
  </si>
  <si>
    <t>BU19520805</t>
  </si>
  <si>
    <t>2021BU19520805</t>
  </si>
  <si>
    <t>Westerbroek Recreatiegebied</t>
  </si>
  <si>
    <t>buurt_gegeneraliseerd_2021.e86a8351-98a9-4c31-bc58-c92dc28c8e38</t>
  </si>
  <si>
    <t>BU19520901</t>
  </si>
  <si>
    <t>2021BU19520901</t>
  </si>
  <si>
    <t>Harkstede</t>
  </si>
  <si>
    <t>buurt_gegeneraliseerd_2021.4e9921c4-90f3-4a79-892e-df7afb172b74</t>
  </si>
  <si>
    <t>BU19520902</t>
  </si>
  <si>
    <t>2021BU19520902</t>
  </si>
  <si>
    <t>Harkstede Buitengebied</t>
  </si>
  <si>
    <t>buurt_gegeneraliseerd_2021.7d8a2c0c-cd6c-4fb3-8572-c159724f4230</t>
  </si>
  <si>
    <t>BU19520903</t>
  </si>
  <si>
    <t>2021BU19520903</t>
  </si>
  <si>
    <t>Harkstede Recreatiegebied</t>
  </si>
  <si>
    <t>buurt_gegeneraliseerd_2021.8068adf0-ecda-4765-a862-313433ccde75</t>
  </si>
  <si>
    <t>BU19520904</t>
  </si>
  <si>
    <t>2021BU19520904</t>
  </si>
  <si>
    <t>Scharmer</t>
  </si>
  <si>
    <t>buurt_gegeneraliseerd_2021.1e3487cd-62c9-4c53-93c7-68569c8e3f6a</t>
  </si>
  <si>
    <t>BU19520905</t>
  </si>
  <si>
    <t>2021BU19520905</t>
  </si>
  <si>
    <t>Scharmer Buitengebied</t>
  </si>
  <si>
    <t>buurt_gegeneraliseerd_2021.2961cd0b-21a3-44fd-ab29-11d894ee4334</t>
  </si>
  <si>
    <t>BU19520906</t>
  </si>
  <si>
    <t>2021BU19520906</t>
  </si>
  <si>
    <t>Natuurgebied Scharmer</t>
  </si>
  <si>
    <t>buurt_gegeneraliseerd_2021.8920a0d9-42b5-4b86-9eda-9ad142ea0bae</t>
  </si>
  <si>
    <t>BU19520907</t>
  </si>
  <si>
    <t>2021BU19520907</t>
  </si>
  <si>
    <t>Woudbloem</t>
  </si>
  <si>
    <t>buurt_gegeneraliseerd_2021.c036a327-5e73-4f66-8555-4ea30071d409</t>
  </si>
  <si>
    <t>BU19521001</t>
  </si>
  <si>
    <t>2021BU19521001</t>
  </si>
  <si>
    <t>Kolham</t>
  </si>
  <si>
    <t>buurt_gegeneraliseerd_2021.0c09e229-52f4-40eb-b0cf-e507e9eaf2e7</t>
  </si>
  <si>
    <t>BU19521002</t>
  </si>
  <si>
    <t>2021BU19521002</t>
  </si>
  <si>
    <t>Kolham Bedrijventerrein</t>
  </si>
  <si>
    <t>buurt_gegeneraliseerd_2021.6d14e4a0-3883-400c-af2e-06e01ab06171</t>
  </si>
  <si>
    <t>BU19521003</t>
  </si>
  <si>
    <t>2021BU19521003</t>
  </si>
  <si>
    <t>Kolham Buitengebied</t>
  </si>
  <si>
    <t>buurt_gegeneraliseerd_2021.acb56796-4157-43bd-a40c-4d2911d02028</t>
  </si>
  <si>
    <t>BU19521004</t>
  </si>
  <si>
    <t>2021BU19521004</t>
  </si>
  <si>
    <t>Kolham Natuurgebied</t>
  </si>
  <si>
    <t>buurt_gegeneraliseerd_2021.ed7fdb4b-4756-4dfd-8067-c4d5a883ca2c</t>
  </si>
  <si>
    <t>BU19521101</t>
  </si>
  <si>
    <t>2021BU19521101</t>
  </si>
  <si>
    <t>Froombosch</t>
  </si>
  <si>
    <t>buurt_gegeneraliseerd_2021.f467e26c-ebf2-4028-8be5-cd7a51600f0a</t>
  </si>
  <si>
    <t>BU19521102</t>
  </si>
  <si>
    <t>2021BU19521102</t>
  </si>
  <si>
    <t>Froombosch Buitengebied</t>
  </si>
  <si>
    <t>buurt_gegeneraliseerd_2021.dfa9cbaa-0f11-4ad4-9e2f-2d6e40795e39</t>
  </si>
  <si>
    <t>BU19521103</t>
  </si>
  <si>
    <t>2021BU19521103</t>
  </si>
  <si>
    <t>Natuurgebied Froombosch</t>
  </si>
  <si>
    <t>buurt_gegeneraliseerd_2021.e4fa37fe-b20c-42d1-82b1-1e733d50cf94</t>
  </si>
  <si>
    <t>BU19521201</t>
  </si>
  <si>
    <t>2021BU19521201</t>
  </si>
  <si>
    <t>Slochteren</t>
  </si>
  <si>
    <t>buurt_gegeneraliseerd_2021.00acba30-d897-47e1-8c38-ea426753d09e</t>
  </si>
  <si>
    <t>BU19521202</t>
  </si>
  <si>
    <t>2021BU19521202</t>
  </si>
  <si>
    <t>Slochteren Natuurgebied</t>
  </si>
  <si>
    <t>buurt_gegeneraliseerd_2021.7b24cad1-d26d-4ff1-98c9-31b3af242743</t>
  </si>
  <si>
    <t>BU19521203</t>
  </si>
  <si>
    <t>2021BU19521203</t>
  </si>
  <si>
    <t>Slochteren Buitengebied</t>
  </si>
  <si>
    <t>buurt_gegeneraliseerd_2021.aec557c7-2365-4da2-949a-2f3e5aca2fb5</t>
  </si>
  <si>
    <t>BU19521301</t>
  </si>
  <si>
    <t>2021BU19521301</t>
  </si>
  <si>
    <t>Schildwolde</t>
  </si>
  <si>
    <t>buurt_gegeneraliseerd_2021.33de97f0-88de-49bc-b855-e99abb6d9c4e</t>
  </si>
  <si>
    <t>BU19521302</t>
  </si>
  <si>
    <t>2021BU19521302</t>
  </si>
  <si>
    <t>Schildwolde Natuurgebied</t>
  </si>
  <si>
    <t>buurt_gegeneraliseerd_2021.3bf89731-3a50-432e-9e7d-25a773fd41ea</t>
  </si>
  <si>
    <t>BU19521303</t>
  </si>
  <si>
    <t>2021BU19521303</t>
  </si>
  <si>
    <t>Schildwolde Buitengebied</t>
  </si>
  <si>
    <t>buurt_gegeneraliseerd_2021.60c4d55c-ba3e-4034-be22-cffada214719</t>
  </si>
  <si>
    <t>BU19521401</t>
  </si>
  <si>
    <t>2021BU19521401</t>
  </si>
  <si>
    <t>Hellum</t>
  </si>
  <si>
    <t>buurt_gegeneraliseerd_2021.4edc0673-319f-43a7-8f79-fee99186d04e</t>
  </si>
  <si>
    <t>BU19521402</t>
  </si>
  <si>
    <t>2021BU19521402</t>
  </si>
  <si>
    <t>Hellum Natuurgebied</t>
  </si>
  <si>
    <t>buurt_gegeneraliseerd_2021.5f983920-8140-4f06-a45a-a85434b47b84</t>
  </si>
  <si>
    <t>BU19521501</t>
  </si>
  <si>
    <t>2021BU19521501</t>
  </si>
  <si>
    <t>Siddeburen</t>
  </si>
  <si>
    <t>buurt_gegeneraliseerd_2021.858648a2-d565-4a37-a8e9-278a7dd7cfaf</t>
  </si>
  <si>
    <t>BU19521502</t>
  </si>
  <si>
    <t>2021BU19521502</t>
  </si>
  <si>
    <t>Siddeburen Buitengebied</t>
  </si>
  <si>
    <t>buurt_gegeneraliseerd_2021.f55be537-d873-4ad4-8d92-527c00baa347</t>
  </si>
  <si>
    <t>BU19521503</t>
  </si>
  <si>
    <t>2021BU19521503</t>
  </si>
  <si>
    <t>Siddeburen Bedrijventerrein</t>
  </si>
  <si>
    <t>buurt_gegeneraliseerd_2021.c7977ae1-6047-42b3-9c74-ed3067d49a2c</t>
  </si>
  <si>
    <t>BU19521601</t>
  </si>
  <si>
    <t>2021BU19521601</t>
  </si>
  <si>
    <t>Overschild</t>
  </si>
  <si>
    <t>buurt_gegeneraliseerd_2021.71ffe0d9-7457-482a-a7a5-531865170383</t>
  </si>
  <si>
    <t>BU19521602</t>
  </si>
  <si>
    <t>2021BU19521602</t>
  </si>
  <si>
    <t>Overschild Buitengebied</t>
  </si>
  <si>
    <t>buurt_gegeneraliseerd_2021.6bf2c3fb-2cb9-44ef-937a-8599731915aa</t>
  </si>
  <si>
    <t>BU19521603</t>
  </si>
  <si>
    <t>2021BU19521603</t>
  </si>
  <si>
    <t>Luddeweer</t>
  </si>
  <si>
    <t>buurt_gegeneraliseerd_2021.197d6485-edfe-45a4-a4d6-3348a7769bca</t>
  </si>
  <si>
    <t>BU19521604</t>
  </si>
  <si>
    <t>2021BU19521604</t>
  </si>
  <si>
    <t>Lageland</t>
  </si>
  <si>
    <t>buurt_gegeneraliseerd_2021.7929f012-3c8d-401b-810d-64d4033faeba</t>
  </si>
  <si>
    <t>BU19521701</t>
  </si>
  <si>
    <t>2021BU19521701</t>
  </si>
  <si>
    <t>Tjuchem</t>
  </si>
  <si>
    <t>buurt_gegeneraliseerd_2021.b03ab70c-a9fd-498d-a84f-74790dc871ee</t>
  </si>
  <si>
    <t>BU19521702</t>
  </si>
  <si>
    <t>2021BU19521702</t>
  </si>
  <si>
    <t>Steendam</t>
  </si>
  <si>
    <t>buurt_gegeneraliseerd_2021.5efceb67-2d6c-4160-99fe-fad9dede23de</t>
  </si>
  <si>
    <t>BU19521801</t>
  </si>
  <si>
    <t>2021BU19521801</t>
  </si>
  <si>
    <t>Muntendam-west</t>
  </si>
  <si>
    <t>buurt_gegeneraliseerd_2021.f20662b1-9005-44c9-ad02-eba439da85a1</t>
  </si>
  <si>
    <t>BU19521802</t>
  </si>
  <si>
    <t>2021BU19521802</t>
  </si>
  <si>
    <t>Muntendam-oost</t>
  </si>
  <si>
    <t>buurt_gegeneraliseerd_2021.83b9cdac-b399-4829-a4c5-1d5a96e7b916</t>
  </si>
  <si>
    <t>BU19521803</t>
  </si>
  <si>
    <t>2021BU19521803</t>
  </si>
  <si>
    <t>Muntendam Buitengebied oost</t>
  </si>
  <si>
    <t>buurt_gegeneraliseerd_2021.9776f424-9210-4cfa-bccd-c07338cba2c6</t>
  </si>
  <si>
    <t>BU19521804</t>
  </si>
  <si>
    <t>2021BU19521804</t>
  </si>
  <si>
    <t>Muntendam Buitengebied west</t>
  </si>
  <si>
    <t>buurt_gegeneraliseerd_2021.0bb5088b-3651-4a71-8d8b-8322b14b0bd4</t>
  </si>
  <si>
    <t>BU19521805</t>
  </si>
  <si>
    <t>2021BU19521805</t>
  </si>
  <si>
    <t>Tripscompagnie</t>
  </si>
  <si>
    <t>buurt_gegeneraliseerd_2021.ad200165-1811-4753-8d5a-92500627e063</t>
  </si>
  <si>
    <t>BU19521806</t>
  </si>
  <si>
    <t>2021BU19521806</t>
  </si>
  <si>
    <t>Borgercompagnie</t>
  </si>
  <si>
    <t>buurt_gegeneraliseerd_2021.7b0f43cb-cefc-4adb-83b3-ff5f42d114e2</t>
  </si>
  <si>
    <t>BU19521901</t>
  </si>
  <si>
    <t>2021BU19521901</t>
  </si>
  <si>
    <t>Noordbroek</t>
  </si>
  <si>
    <t>buurt_gegeneraliseerd_2021.c52c78a3-ce8a-44fd-a28a-cd79855d5539</t>
  </si>
  <si>
    <t>BU19521902</t>
  </si>
  <si>
    <t>2021BU19521902</t>
  </si>
  <si>
    <t>Noordbroek Buitengebied</t>
  </si>
  <si>
    <t>buurt_gegeneraliseerd_2021.d598feda-e951-4e4a-b78c-cec626c56603</t>
  </si>
  <si>
    <t>BU19522001</t>
  </si>
  <si>
    <t>2021BU19522001</t>
  </si>
  <si>
    <t>buurt_gegeneraliseerd_2021.0935dbdf-6717-485b-9d9d-c8a4e0bedb83</t>
  </si>
  <si>
    <t>BU19522002</t>
  </si>
  <si>
    <t>2021BU19522002</t>
  </si>
  <si>
    <t>Bedrijventerrein Gouden Driehoek</t>
  </si>
  <si>
    <t>buurt_gegeneraliseerd_2021.cd38bc29-b8b6-4d25-8c3f-ce70b0eb5d59</t>
  </si>
  <si>
    <t>BU19522003</t>
  </si>
  <si>
    <t>2021BU19522003</t>
  </si>
  <si>
    <t>Zuidbroek Buitengebied west</t>
  </si>
  <si>
    <t>buurt_gegeneraliseerd_2021.1e3d0198-bbdb-48e2-92ac-6e4a3416de13</t>
  </si>
  <si>
    <t>BU19522004</t>
  </si>
  <si>
    <t>2021BU19522004</t>
  </si>
  <si>
    <t>Zuidbroek Buitengebied oost</t>
  </si>
  <si>
    <t>buurt_gegeneraliseerd_2021.5fd0dee5-cabe-471d-b047-151709b224a8</t>
  </si>
  <si>
    <t>BU19522005</t>
  </si>
  <si>
    <t>2021BU19522005</t>
  </si>
  <si>
    <t>Industrieterrein Zuidbroek</t>
  </si>
  <si>
    <t>buurt_gegeneraliseerd_2021.834688d4-e21c-4e26-91c3-db99ad04f97b</t>
  </si>
  <si>
    <t>BU19522101</t>
  </si>
  <si>
    <t>2021BU19522101</t>
  </si>
  <si>
    <t>Meeden</t>
  </si>
  <si>
    <t>buurt_gegeneraliseerd_2021.53060950-4764-421a-9be2-bb04132e3ff4</t>
  </si>
  <si>
    <t>BU19522102</t>
  </si>
  <si>
    <t>2021BU19522102</t>
  </si>
  <si>
    <t>Meeden Buitengebied</t>
  </si>
  <si>
    <t>buurt_gegeneraliseerd_2021.7e7038fb-8806-4f9e-a2dc-ac7c172b599b</t>
  </si>
  <si>
    <t>BU19540000</t>
  </si>
  <si>
    <t>2021BU19540000</t>
  </si>
  <si>
    <t>Schinveld</t>
  </si>
  <si>
    <t>GM1954</t>
  </si>
  <si>
    <t>buurt_gegeneraliseerd_2021.1230d22c-c56c-4c49-a637-f64df990d016</t>
  </si>
  <si>
    <t>BU19540001</t>
  </si>
  <si>
    <t>2021BU19540001</t>
  </si>
  <si>
    <t>Jabeek</t>
  </si>
  <si>
    <t>buurt_gegeneraliseerd_2021.42814786-c0e1-498c-8002-cf972afbf581</t>
  </si>
  <si>
    <t>BU19540002</t>
  </si>
  <si>
    <t>2021BU19540002</t>
  </si>
  <si>
    <t>Bingelrade</t>
  </si>
  <si>
    <t>buurt_gegeneraliseerd_2021.63d471ad-d843-4b9a-989b-24e3211c723c</t>
  </si>
  <si>
    <t>BU19540003</t>
  </si>
  <si>
    <t>2021BU19540003</t>
  </si>
  <si>
    <t>Merkelbeek-Douvergenhout</t>
  </si>
  <si>
    <t>buurt_gegeneraliseerd_2021.c7247925-08b2-4e82-9402-cf67f8ec7b0d</t>
  </si>
  <si>
    <t>BU19540009</t>
  </si>
  <si>
    <t>2021BU19540009</t>
  </si>
  <si>
    <t>buurt_gegeneraliseerd_2021.c54bcb0f-5f42-48cd-b8a1-dc8869bbaff2</t>
  </si>
  <si>
    <t>BU19540100</t>
  </si>
  <si>
    <t>2021BU19540100</t>
  </si>
  <si>
    <t>Nuth</t>
  </si>
  <si>
    <t>buurt_gegeneraliseerd_2021.16d94c3c-506b-4b37-9541-0b8c711e9660</t>
  </si>
  <si>
    <t>BU19540101</t>
  </si>
  <si>
    <t>2021BU19540101</t>
  </si>
  <si>
    <t>Tervoorst en omgeving</t>
  </si>
  <si>
    <t>buurt_gegeneraliseerd_2021.c8b9b821-fc38-4cf8-b008-2e1731d78f92</t>
  </si>
  <si>
    <t>BU19540102</t>
  </si>
  <si>
    <t>2021BU19540102</t>
  </si>
  <si>
    <t>Industrieterrein De Horsel</t>
  </si>
  <si>
    <t>buurt_gegeneraliseerd_2021.a16a4b6b-6eed-4af9-969a-c490bd1d02fb</t>
  </si>
  <si>
    <t>BU19540103</t>
  </si>
  <si>
    <t>2021BU19540103</t>
  </si>
  <si>
    <t>Vaesrade</t>
  </si>
  <si>
    <t>buurt_gegeneraliseerd_2021.700e7c28-b75e-468a-a472-be951dc6d063</t>
  </si>
  <si>
    <t>BU19540104</t>
  </si>
  <si>
    <t>2021BU19540104</t>
  </si>
  <si>
    <t>Hommert (gedeeltelijk)</t>
  </si>
  <si>
    <t>buurt_gegeneraliseerd_2021.b1606b88-de3c-43fe-aa88-98859ebab9a4</t>
  </si>
  <si>
    <t>BU19540200</t>
  </si>
  <si>
    <t>2021BU19540200</t>
  </si>
  <si>
    <t>Wijnandsrade</t>
  </si>
  <si>
    <t>buurt_gegeneraliseerd_2021.0f94fdad-9a18-4a4a-91b7-ae938ca9fc73</t>
  </si>
  <si>
    <t>BU19540201</t>
  </si>
  <si>
    <t>2021BU19540201</t>
  </si>
  <si>
    <t>Swier</t>
  </si>
  <si>
    <t>buurt_gegeneraliseerd_2021.f50af239-4737-47b8-b055-97cb4742d1a5</t>
  </si>
  <si>
    <t>BU19540300</t>
  </si>
  <si>
    <t>2021BU19540300</t>
  </si>
  <si>
    <t>Hulsberg</t>
  </si>
  <si>
    <t>buurt_gegeneraliseerd_2021.45fdf4f8-83d5-43a5-a76c-b7a9dd676a55</t>
  </si>
  <si>
    <t>BU19540301</t>
  </si>
  <si>
    <t>2021BU19540301</t>
  </si>
  <si>
    <t>Aalbeek</t>
  </si>
  <si>
    <t>buurt_gegeneraliseerd_2021.be5241a6-7a55-49b8-9445-9ce0d51d0e83</t>
  </si>
  <si>
    <t>BU19540302</t>
  </si>
  <si>
    <t>2021BU19540302</t>
  </si>
  <si>
    <t>Arensgenhout</t>
  </si>
  <si>
    <t>buurt_gegeneraliseerd_2021.cdd52b78-7dc4-485d-82a0-4918fe126fb2</t>
  </si>
  <si>
    <t>BU19540400</t>
  </si>
  <si>
    <t>2021BU19540400</t>
  </si>
  <si>
    <t>Schimmert</t>
  </si>
  <si>
    <t>buurt_gegeneraliseerd_2021.ddcce311-4d3b-4d8a-b183-229e5cbf52a6</t>
  </si>
  <si>
    <t>BU19540401</t>
  </si>
  <si>
    <t>2021BU19540401</t>
  </si>
  <si>
    <t>Haasdal</t>
  </si>
  <si>
    <t>buurt_gegeneraliseerd_2021.870b35b1-d05e-4c19-a3e8-b5dcdecc0847</t>
  </si>
  <si>
    <t>BU19540402</t>
  </si>
  <si>
    <t>2021BU19540402</t>
  </si>
  <si>
    <t>Oensel</t>
  </si>
  <si>
    <t>buurt_gegeneraliseerd_2021.afc77407-1c12-46a9-bf6f-4c7b7d85e92e</t>
  </si>
  <si>
    <t>BU19540500</t>
  </si>
  <si>
    <t>2021BU19540500</t>
  </si>
  <si>
    <t>Schinnen</t>
  </si>
  <si>
    <t>buurt_gegeneraliseerd_2021.b9b6ffbd-fd15-454e-934f-705253e47975</t>
  </si>
  <si>
    <t>BU19540501</t>
  </si>
  <si>
    <t>2021BU19540501</t>
  </si>
  <si>
    <t>Puth</t>
  </si>
  <si>
    <t>buurt_gegeneraliseerd_2021.2b258d19-8602-4ddf-b72f-c46c75f02022</t>
  </si>
  <si>
    <t>BU19540502</t>
  </si>
  <si>
    <t>2021BU19540502</t>
  </si>
  <si>
    <t>Nagelbeek-Hegge</t>
  </si>
  <si>
    <t>buurt_gegeneraliseerd_2021.5b2a9c78-09f4-49ac-bc30-555bd8d296de</t>
  </si>
  <si>
    <t>BU19540503</t>
  </si>
  <si>
    <t>2021BU19540503</t>
  </si>
  <si>
    <t>Sweikhuizen</t>
  </si>
  <si>
    <t>buurt_gegeneraliseerd_2021.1524967c-24ef-4613-b690-e0fe7273414f</t>
  </si>
  <si>
    <t>BU19540504</t>
  </si>
  <si>
    <t>2021BU19540504</t>
  </si>
  <si>
    <t>Thull</t>
  </si>
  <si>
    <t>buurt_gegeneraliseerd_2021.76a95203-6af5-4c30-bba0-f353bb2302cd</t>
  </si>
  <si>
    <t>BU19540505</t>
  </si>
  <si>
    <t>2021BU19540505</t>
  </si>
  <si>
    <t>buurt_gegeneraliseerd_2021.eca31b2a-5ec0-4f06-b877-00f608f5719f</t>
  </si>
  <si>
    <t>BU19540509</t>
  </si>
  <si>
    <t>2021BU19540509</t>
  </si>
  <si>
    <t>buurt_gegeneraliseerd_2021.672029d3-f163-4a10-a930-976052eda885</t>
  </si>
  <si>
    <t>BU19540600</t>
  </si>
  <si>
    <t>2021BU19540600</t>
  </si>
  <si>
    <t>Amstenrade</t>
  </si>
  <si>
    <t>buurt_gegeneraliseerd_2021.8de6d579-2f83-45c9-9f01-c416a04ccd38</t>
  </si>
  <si>
    <t>BU19540601</t>
  </si>
  <si>
    <t>2021BU19540601</t>
  </si>
  <si>
    <t>Oirsbeek</t>
  </si>
  <si>
    <t>buurt_gegeneraliseerd_2021.58f16908-fd5b-4384-b989-251f4f4b8a10</t>
  </si>
  <si>
    <t>BU19540602</t>
  </si>
  <si>
    <t>2021BU19540602</t>
  </si>
  <si>
    <t>Klein-Doenrade</t>
  </si>
  <si>
    <t>buurt_gegeneraliseerd_2021.69867bf7-3e3f-44f0-a058-f0b64939a679</t>
  </si>
  <si>
    <t>BU19540603</t>
  </si>
  <si>
    <t>2021BU19540603</t>
  </si>
  <si>
    <t>Groot-Doenrade</t>
  </si>
  <si>
    <t>buurt_gegeneraliseerd_2021.cb8a7abd-8b2e-4cbb-80d9-9ccc2a312151</t>
  </si>
  <si>
    <t>BU19550000</t>
  </si>
  <si>
    <t>2021BU19550000</t>
  </si>
  <si>
    <t>'s-Heerenberg</t>
  </si>
  <si>
    <t>GM1955</t>
  </si>
  <si>
    <t>buurt_gegeneraliseerd_2021.90861b96-2d90-4403-97a2-781aa3fc3abf</t>
  </si>
  <si>
    <t>BU19550001</t>
  </si>
  <si>
    <t>2021BU19550001</t>
  </si>
  <si>
    <t>'s-Heerenberg, oostelijke uitbreiding</t>
  </si>
  <si>
    <t>buurt_gegeneraliseerd_2021.9ac4a642-4c9b-4721-a397-935fa51fd9a7</t>
  </si>
  <si>
    <t>BU19550002</t>
  </si>
  <si>
    <t>2021BU19550002</t>
  </si>
  <si>
    <t>Zeddam</t>
  </si>
  <si>
    <t>buurt_gegeneraliseerd_2021.740f965c-3e2b-4d71-993f-b724ab846962</t>
  </si>
  <si>
    <t>BU19550003</t>
  </si>
  <si>
    <t>2021BU19550003</t>
  </si>
  <si>
    <t>Azewijn</t>
  </si>
  <si>
    <t>buurt_gegeneraliseerd_2021.4a1d07d7-2a98-4948-9c46-769d9c57b04c</t>
  </si>
  <si>
    <t>BU19550004</t>
  </si>
  <si>
    <t>2021BU19550004</t>
  </si>
  <si>
    <t>Braamt</t>
  </si>
  <si>
    <t>buurt_gegeneraliseerd_2021.4ccf7099-25e8-4bc5-a0b4-2843fecd1496</t>
  </si>
  <si>
    <t>BU19550005</t>
  </si>
  <si>
    <t>2021BU19550005</t>
  </si>
  <si>
    <t>Stokkum</t>
  </si>
  <si>
    <t>buurt_gegeneraliseerd_2021.a92b9b2a-6177-450f-924c-446a86c7c845</t>
  </si>
  <si>
    <t>BU19550006</t>
  </si>
  <si>
    <t>2021BU19550006</t>
  </si>
  <si>
    <t>Verspreide huizen Zeddam</t>
  </si>
  <si>
    <t>buurt_gegeneraliseerd_2021.2e6de65c-ed55-4596-b633-5e4e459e2959</t>
  </si>
  <si>
    <t>BU19550007</t>
  </si>
  <si>
    <t>2021BU19550007</t>
  </si>
  <si>
    <t>Verspreide huizen Mengelenberg en Lengel</t>
  </si>
  <si>
    <t>buurt_gegeneraliseerd_2021.25f371bc-db0f-4dd0-af72-ed8802747301</t>
  </si>
  <si>
    <t>BU19550008</t>
  </si>
  <si>
    <t>2021BU19550008</t>
  </si>
  <si>
    <t>Verspreide huizen Braamt</t>
  </si>
  <si>
    <t>buurt_gegeneraliseerd_2021.1f65ce3b-e332-43fe-b6c6-15313cfe8f48</t>
  </si>
  <si>
    <t>BU19550009</t>
  </si>
  <si>
    <t>2021BU19550009</t>
  </si>
  <si>
    <t>Verspreide huizen Azewijn</t>
  </si>
  <si>
    <t>buurt_gegeneraliseerd_2021.a7c102e2-9bda-4bd9-b695-d7609bb1c856</t>
  </si>
  <si>
    <t>BU19550010</t>
  </si>
  <si>
    <t>2021BU19550010</t>
  </si>
  <si>
    <t>buurt_gegeneraliseerd_2021.74e40a75-509a-40db-acbe-bbefcdc831b6</t>
  </si>
  <si>
    <t>BU19550100</t>
  </si>
  <si>
    <t>2021BU19550100</t>
  </si>
  <si>
    <t>buurt_gegeneraliseerd_2021.f7db0d99-3008-4365-8379-665dd7e67bb5</t>
  </si>
  <si>
    <t>BU19550101</t>
  </si>
  <si>
    <t>2021BU19550101</t>
  </si>
  <si>
    <t>Kilder</t>
  </si>
  <si>
    <t>buurt_gegeneraliseerd_2021.0d152694-5fb9-4fb0-8378-73770af52db2</t>
  </si>
  <si>
    <t>BU19550102</t>
  </si>
  <si>
    <t>2021BU19550102</t>
  </si>
  <si>
    <t>Loerbeek</t>
  </si>
  <si>
    <t>buurt_gegeneraliseerd_2021.1d6b9b70-7952-4766-8353-93b116777fbe</t>
  </si>
  <si>
    <t>BU19550106</t>
  </si>
  <si>
    <t>2021BU19550106</t>
  </si>
  <si>
    <t>Verspreide huizen Loerbeek</t>
  </si>
  <si>
    <t>buurt_gegeneraliseerd_2021.f426ba27-54d7-4b25-bb93-45e7b9388fc9</t>
  </si>
  <si>
    <t>BU19550107</t>
  </si>
  <si>
    <t>2021BU19550107</t>
  </si>
  <si>
    <t>Verspreide huizen Kilder</t>
  </si>
  <si>
    <t>buurt_gegeneraliseerd_2021.6803b4b0-e90f-4314-8b4e-eb434f5e0f97</t>
  </si>
  <si>
    <t>BU19550108</t>
  </si>
  <si>
    <t>2021BU19550108</t>
  </si>
  <si>
    <t>Verspreide huizen Beek</t>
  </si>
  <si>
    <t>buurt_gegeneraliseerd_2021.563f73b6-eea6-428c-9bc7-1859a9a21f68</t>
  </si>
  <si>
    <t>BU19550109</t>
  </si>
  <si>
    <t>2021BU19550109</t>
  </si>
  <si>
    <t>Verspreide huizen Montferland</t>
  </si>
  <si>
    <t>buurt_gegeneraliseerd_2021.f6dd58a4-5a86-46ab-a704-e50d829065ad</t>
  </si>
  <si>
    <t>BU19550200</t>
  </si>
  <si>
    <t>2021BU19550200</t>
  </si>
  <si>
    <t>Didam-Zuid</t>
  </si>
  <si>
    <t>buurt_gegeneraliseerd_2021.328b2716-26a3-47c7-8765-2f20efe76832</t>
  </si>
  <si>
    <t>BU19550201</t>
  </si>
  <si>
    <t>2021BU19550201</t>
  </si>
  <si>
    <t>Didam-Noord</t>
  </si>
  <si>
    <t>buurt_gegeneraliseerd_2021.503ea76f-2508-4d55-8c92-755ed3f88845</t>
  </si>
  <si>
    <t>BU19550202</t>
  </si>
  <si>
    <t>2021BU19550202</t>
  </si>
  <si>
    <t>Loil</t>
  </si>
  <si>
    <t>buurt_gegeneraliseerd_2021.480a0b72-45d1-4d48-a443-ae5c1d0624bb</t>
  </si>
  <si>
    <t>BU19550203</t>
  </si>
  <si>
    <t>2021BU19550203</t>
  </si>
  <si>
    <t>Nieuw-Dijk</t>
  </si>
  <si>
    <t>buurt_gegeneraliseerd_2021.285f6d59-0460-4df4-90f1-b9ca69e6ecf2</t>
  </si>
  <si>
    <t>BU19550205</t>
  </si>
  <si>
    <t>2021BU19550205</t>
  </si>
  <si>
    <t>Verspreide huizen De Heegh</t>
  </si>
  <si>
    <t>buurt_gegeneraliseerd_2021.a85dce4d-652e-4748-9472-e1f7762636ad</t>
  </si>
  <si>
    <t>BU19550206</t>
  </si>
  <si>
    <t>2021BU19550206</t>
  </si>
  <si>
    <t>Verspreide huizen Greffelkamp</t>
  </si>
  <si>
    <t>buurt_gegeneraliseerd_2021.4739d833-01be-4c0a-96c7-4a85eaeb74dd</t>
  </si>
  <si>
    <t>BU19550207</t>
  </si>
  <si>
    <t>2021BU19550207</t>
  </si>
  <si>
    <t>Verspreide huizen De Hogenend en Oud-Dijk</t>
  </si>
  <si>
    <t>buurt_gegeneraliseerd_2021.6dd67348-52df-430a-8c2d-c40ba232f146</t>
  </si>
  <si>
    <t>BU19550208</t>
  </si>
  <si>
    <t>2021BU19550208</t>
  </si>
  <si>
    <t>Verspreide huizen Nieuw-Dijk</t>
  </si>
  <si>
    <t>buurt_gegeneraliseerd_2021.701bfc90-fc8c-4c2a-b41d-5d87855f25c5</t>
  </si>
  <si>
    <t>BU19550209</t>
  </si>
  <si>
    <t>2021BU19550209</t>
  </si>
  <si>
    <t>Verspreide huizen Loil</t>
  </si>
  <si>
    <t>buurt_gegeneraliseerd_2021.e713f029-1881-4bcb-ae37-c8b19f0ca254</t>
  </si>
  <si>
    <t>BU19590201</t>
  </si>
  <si>
    <t>2021BU19590201</t>
  </si>
  <si>
    <t>Sleeuwijk west</t>
  </si>
  <si>
    <t>buurt_gegeneraliseerd_2021.48cb242f-0b66-43cd-b991-b770c0d262d7</t>
  </si>
  <si>
    <t>BU19590501</t>
  </si>
  <si>
    <t>2021BU19590501</t>
  </si>
  <si>
    <t>Dussen</t>
  </si>
  <si>
    <t>buurt_gegeneraliseerd_2021.52b2c091-6a2c-434d-ad71-d6d33999037a</t>
  </si>
  <si>
    <t>BU19590591</t>
  </si>
  <si>
    <t>2021BU19590591</t>
  </si>
  <si>
    <t>Buitengebied Dussen noord</t>
  </si>
  <si>
    <t>buurt_gegeneraliseerd_2021.e757f52d-b0b0-4ee8-9c18-6d4cd60bec8c</t>
  </si>
  <si>
    <t>BU19590601</t>
  </si>
  <si>
    <t>2021BU19590601</t>
  </si>
  <si>
    <t>Woudrichem noord</t>
  </si>
  <si>
    <t>buurt_gegeneraliseerd_2021.f24cba51-7682-49ab-ac08-36c51e0cc654</t>
  </si>
  <si>
    <t>BU19590602</t>
  </si>
  <si>
    <t>2021BU19590602</t>
  </si>
  <si>
    <t>Woudrichem zuid</t>
  </si>
  <si>
    <t>buurt_gegeneraliseerd_2021.e955c8f9-f724-43e8-9487-28d61cf1cf0a</t>
  </si>
  <si>
    <t>BU19590603</t>
  </si>
  <si>
    <t>2021BU19590603</t>
  </si>
  <si>
    <t>Oudendijk</t>
  </si>
  <si>
    <t>buurt_gegeneraliseerd_2021.8b047ca4-d4a9-41c2-b3db-c680544e6731</t>
  </si>
  <si>
    <t>BU19590691</t>
  </si>
  <si>
    <t>2021BU19590691</t>
  </si>
  <si>
    <t>Buitengebied Woudrichem</t>
  </si>
  <si>
    <t>buurt_gegeneraliseerd_2021.24ad8f39-44df-44af-8509-6396a1a127a7</t>
  </si>
  <si>
    <t>BU19590701</t>
  </si>
  <si>
    <t>2021BU19590701</t>
  </si>
  <si>
    <t>Rijswijk (NB)</t>
  </si>
  <si>
    <t>buurt_gegeneraliseerd_2021.7343c4ef-7b70-43db-bb10-a613ea8278ef</t>
  </si>
  <si>
    <t>BU19590791</t>
  </si>
  <si>
    <t>2021BU19590791</t>
  </si>
  <si>
    <t>Buitengebied Rijswijk (NB)</t>
  </si>
  <si>
    <t>buurt_gegeneraliseerd_2021.650ab988-f179-4157-b356-9f22854a2210</t>
  </si>
  <si>
    <t>BU19590801</t>
  </si>
  <si>
    <t>2021BU19590801</t>
  </si>
  <si>
    <t>Uitwijk</t>
  </si>
  <si>
    <t>buurt_gegeneraliseerd_2021.ec5620b4-aec2-4c70-8560-8530f67a1ac2</t>
  </si>
  <si>
    <t>BU19590891</t>
  </si>
  <si>
    <t>2021BU19590891</t>
  </si>
  <si>
    <t>Buitengebied Uitwijk</t>
  </si>
  <si>
    <t>buurt_gegeneraliseerd_2021.3d894ffe-64e2-4981-88b6-28bebfae9cad</t>
  </si>
  <si>
    <t>BU19590901</t>
  </si>
  <si>
    <t>2021BU19590901</t>
  </si>
  <si>
    <t>Waardhuizen</t>
  </si>
  <si>
    <t>buurt_gegeneraliseerd_2021.4e52fafe-6228-459a-b7c3-119ebc21d736</t>
  </si>
  <si>
    <t>BU19590991</t>
  </si>
  <si>
    <t>2021BU19590991</t>
  </si>
  <si>
    <t>Buitengebied Waardhuizen</t>
  </si>
  <si>
    <t>buurt_gegeneraliseerd_2021.f110f171-240e-4402-a749-afc1f52bbf00</t>
  </si>
  <si>
    <t>BU19591001</t>
  </si>
  <si>
    <t>2021BU19591001</t>
  </si>
  <si>
    <t>Giessen</t>
  </si>
  <si>
    <t>buurt_gegeneraliseerd_2021.48bf0b07-d033-42f1-bf3c-fbe0fc46758f</t>
  </si>
  <si>
    <t>BU19591002</t>
  </si>
  <si>
    <t>2021BU19591002</t>
  </si>
  <si>
    <t>Bedrijventerrein Rietdijk</t>
  </si>
  <si>
    <t>buurt_gegeneraliseerd_2021.bd477de7-c9c7-4c27-811a-8d03e82a461a</t>
  </si>
  <si>
    <t>BU19591091</t>
  </si>
  <si>
    <t>2021BU19591091</t>
  </si>
  <si>
    <t>Buitengebied Giessen</t>
  </si>
  <si>
    <t>buurt_gegeneraliseerd_2021.c149aa10-53c5-47b3-bed3-e489123e01a7</t>
  </si>
  <si>
    <t>BU19591101</t>
  </si>
  <si>
    <t>2021BU19591101</t>
  </si>
  <si>
    <t>Andel</t>
  </si>
  <si>
    <t>buurt_gegeneraliseerd_2021.2ee27dfa-8c2d-4ff0-8773-c9dabc53f0d1</t>
  </si>
  <si>
    <t>BU19591191</t>
  </si>
  <si>
    <t>2021BU19591191</t>
  </si>
  <si>
    <t>Buitengebied Andel</t>
  </si>
  <si>
    <t>buurt_gegeneraliseerd_2021.3edcff6b-fc41-4cec-afe6-24a2a3723236</t>
  </si>
  <si>
    <t>BU19591202</t>
  </si>
  <si>
    <t>2021BU19591202</t>
  </si>
  <si>
    <t>Almkerk oost</t>
  </si>
  <si>
    <t>buurt_gegeneraliseerd_2021.7396d262-1a70-4be9-a00a-16423bba3f2c</t>
  </si>
  <si>
    <t>BU19591301</t>
  </si>
  <si>
    <t>2021BU19591301</t>
  </si>
  <si>
    <t>Veen</t>
  </si>
  <si>
    <t>buurt_gegeneraliseerd_2021.4fe50c70-ca5e-4013-9270-4e817fbdc2f3</t>
  </si>
  <si>
    <t>BU19591302</t>
  </si>
  <si>
    <t>2021BU19591302</t>
  </si>
  <si>
    <t>Bedrijventerrein Veen</t>
  </si>
  <si>
    <t>buurt_gegeneraliseerd_2021.eac073bc-71ae-4f01-b184-d82c2e2eda0e</t>
  </si>
  <si>
    <t>BU19591303</t>
  </si>
  <si>
    <t>2021BU19591303</t>
  </si>
  <si>
    <t>Veenseput</t>
  </si>
  <si>
    <t>buurt_gegeneraliseerd_2021.fdf8272f-b9e9-4d41-8cd6-550d660b0011</t>
  </si>
  <si>
    <t>BU19591391</t>
  </si>
  <si>
    <t>2021BU19591391</t>
  </si>
  <si>
    <t>Buitengebied Veen</t>
  </si>
  <si>
    <t>buurt_gegeneraliseerd_2021.789ef927-2aeb-4729-89c9-b1000d3dbc4d</t>
  </si>
  <si>
    <t>BU19591401</t>
  </si>
  <si>
    <t>2021BU19591401</t>
  </si>
  <si>
    <t>Aalburg</t>
  </si>
  <si>
    <t>buurt_gegeneraliseerd_2021.1cd404d6-a551-47e2-bec8-b6f4c7d1124e</t>
  </si>
  <si>
    <t>BU19591402</t>
  </si>
  <si>
    <t>2021BU19591402</t>
  </si>
  <si>
    <t>Wijk</t>
  </si>
  <si>
    <t>buurt_gegeneraliseerd_2021.e3a5a33e-28a0-4d2f-a1f1-b14e572297e6</t>
  </si>
  <si>
    <t>BU19591403</t>
  </si>
  <si>
    <t>2021BU19591403</t>
  </si>
  <si>
    <t>buurt_gegeneraliseerd_2021.3605db83-c8cb-4619-9993-82e5795c0e90</t>
  </si>
  <si>
    <t>BU19591491</t>
  </si>
  <si>
    <t>2021BU19591491</t>
  </si>
  <si>
    <t>Buitengebied Wijk en Aalburg oost</t>
  </si>
  <si>
    <t>buurt_gegeneraliseerd_2021.76def5dc-be7b-4d9c-98dd-3542ef1420bd</t>
  </si>
  <si>
    <t>BU19591492</t>
  </si>
  <si>
    <t>2021BU19591492</t>
  </si>
  <si>
    <t>Buitengebied Wijk en Aalburg west</t>
  </si>
  <si>
    <t>buurt_gegeneraliseerd_2021.bd402c19-52d8-4eab-a3ad-27137cb8513b</t>
  </si>
  <si>
    <t>BU19591501</t>
  </si>
  <si>
    <t>2021BU19591501</t>
  </si>
  <si>
    <t>Babyloniënbroek</t>
  </si>
  <si>
    <t>buurt_gegeneraliseerd_2021.9b5326aa-820c-439f-8704-fe7f7b2e0047</t>
  </si>
  <si>
    <t>BU19591591</t>
  </si>
  <si>
    <t>2021BU19591591</t>
  </si>
  <si>
    <t>Buitengebied Babyloniënbroek</t>
  </si>
  <si>
    <t>buurt_gegeneraliseerd_2021.eeaf2c70-556c-4793-9494-e44543d741a2</t>
  </si>
  <si>
    <t>BU19591601</t>
  </si>
  <si>
    <t>2021BU19591601</t>
  </si>
  <si>
    <t>Meeuwen</t>
  </si>
  <si>
    <t>buurt_gegeneraliseerd_2021.7f0412a6-c26a-460a-95db-447d3abc110f</t>
  </si>
  <si>
    <t>BU19591691</t>
  </si>
  <si>
    <t>2021BU19591691</t>
  </si>
  <si>
    <t>Buitengebied Meeuwen</t>
  </si>
  <si>
    <t>buurt_gegeneraliseerd_2021.f5666680-feb4-4972-bede-79481b48bfe6</t>
  </si>
  <si>
    <t>BU19591701</t>
  </si>
  <si>
    <t>2021BU19591701</t>
  </si>
  <si>
    <t>Eethen</t>
  </si>
  <si>
    <t>buurt_gegeneraliseerd_2021.734c9ac9-f955-4df3-a171-472b88093250</t>
  </si>
  <si>
    <t>BU19591791</t>
  </si>
  <si>
    <t>2021BU19591791</t>
  </si>
  <si>
    <t>Buitengebied Eethen</t>
  </si>
  <si>
    <t>buurt_gegeneraliseerd_2021.b3172980-0d87-41f5-acde-f7478ce9593a</t>
  </si>
  <si>
    <t>BU19591801</t>
  </si>
  <si>
    <t>2021BU19591801</t>
  </si>
  <si>
    <t>Drongelen</t>
  </si>
  <si>
    <t>buurt_gegeneraliseerd_2021.fc8cc97f-9c5a-4b29-bb46-eeca928499e2</t>
  </si>
  <si>
    <t>BU19591891</t>
  </si>
  <si>
    <t>2021BU19591891</t>
  </si>
  <si>
    <t>Buitengebied Drongelen</t>
  </si>
  <si>
    <t>buurt_gegeneraliseerd_2021.0d8e9254-d923-49af-b7b2-10010fa539e5</t>
  </si>
  <si>
    <t>BU19591901</t>
  </si>
  <si>
    <t>2021BU19591901</t>
  </si>
  <si>
    <t>Genderen</t>
  </si>
  <si>
    <t>buurt_gegeneraliseerd_2021.416f79e8-1912-438e-8a39-e9130ee9c347</t>
  </si>
  <si>
    <t>BU19591991</t>
  </si>
  <si>
    <t>2021BU19591991</t>
  </si>
  <si>
    <t>Buitengebied Genderen</t>
  </si>
  <si>
    <t>buurt_gegeneraliseerd_2021.b4e2064a-16f5-4e17-815b-a96bc953748f</t>
  </si>
  <si>
    <t>BU19600000</t>
  </si>
  <si>
    <t>2021BU19600000</t>
  </si>
  <si>
    <t>Geldermalsen Centrum</t>
  </si>
  <si>
    <t>GM1960</t>
  </si>
  <si>
    <t>buurt_gegeneraliseerd_2021.77ff1718-cfbb-4af5-adf2-ecb85cf7145d</t>
  </si>
  <si>
    <t>BU19600001</t>
  </si>
  <si>
    <t>2021BU19600001</t>
  </si>
  <si>
    <t>Geldermalsen Middengebied</t>
  </si>
  <si>
    <t>buurt_gegeneraliseerd_2021.589a08a6-fcf5-4a38-9eb8-776e7288e2e8</t>
  </si>
  <si>
    <t>BU19600002</t>
  </si>
  <si>
    <t>2021BU19600002</t>
  </si>
  <si>
    <t>Geldermalsen West</t>
  </si>
  <si>
    <t>buurt_gegeneraliseerd_2021.4e0a9366-5529-4a5b-9a5f-d530eeaf3839</t>
  </si>
  <si>
    <t>BU19600003</t>
  </si>
  <si>
    <t>2021BU19600003</t>
  </si>
  <si>
    <t>Geldermalsen Oost</t>
  </si>
  <si>
    <t>buurt_gegeneraliseerd_2021.8d28852f-9cc4-41df-94a4-14a5440d945e</t>
  </si>
  <si>
    <t>BU19600004</t>
  </si>
  <si>
    <t>2021BU19600004</t>
  </si>
  <si>
    <t>Geldermalsen Zuid</t>
  </si>
  <si>
    <t>buurt_gegeneraliseerd_2021.4bf73b42-7061-4235-b8bb-516933b2dabd</t>
  </si>
  <si>
    <t>BU19600005</t>
  </si>
  <si>
    <t>2021BU19600005</t>
  </si>
  <si>
    <t>Verspreide huizen Zuidzijde</t>
  </si>
  <si>
    <t>buurt_gegeneraliseerd_2021.7dc17aa3-93f1-4d6c-b61a-fb67cd9a35b9</t>
  </si>
  <si>
    <t>BU19600006</t>
  </si>
  <si>
    <t>2021BU19600006</t>
  </si>
  <si>
    <t>buurt_gegeneraliseerd_2021.abd008bd-7a9f-48e6-be1a-a07b9a022bb3</t>
  </si>
  <si>
    <t>BU19600007</t>
  </si>
  <si>
    <t>2021BU19600007</t>
  </si>
  <si>
    <t>buurt_gegeneraliseerd_2021.a04bf7dd-b7ec-49bf-b9fd-5aeec0275d9f</t>
  </si>
  <si>
    <t>BU19600008</t>
  </si>
  <si>
    <t>2021BU19600008</t>
  </si>
  <si>
    <t>Geldermalsen e.o.</t>
  </si>
  <si>
    <t>buurt_gegeneraliseerd_2021.24ef5561-7f97-45bd-9771-75cd742f8425</t>
  </si>
  <si>
    <t>BU19600009</t>
  </si>
  <si>
    <t>2021BU19600009</t>
  </si>
  <si>
    <t>buurt_gegeneraliseerd_2021.05b40442-094d-4acb-bbe5-0a0f54b0ff0a</t>
  </si>
  <si>
    <t>BU19600100</t>
  </si>
  <si>
    <t>2021BU19600100</t>
  </si>
  <si>
    <t>Deil</t>
  </si>
  <si>
    <t>buurt_gegeneraliseerd_2021.3d791786-3748-404b-99b3-b166792bcfa8</t>
  </si>
  <si>
    <t>BU19600101</t>
  </si>
  <si>
    <t>2021BU19600101</t>
  </si>
  <si>
    <t>Enspijk</t>
  </si>
  <si>
    <t>buurt_gegeneraliseerd_2021.fb685f29-c660-4de8-9ffe-e17828c9cfbf</t>
  </si>
  <si>
    <t>BU19600102</t>
  </si>
  <si>
    <t>2021BU19600102</t>
  </si>
  <si>
    <t>Rumpt</t>
  </si>
  <si>
    <t>buurt_gegeneraliseerd_2021.59bd2b12-9332-4774-9c35-d19e7738515d</t>
  </si>
  <si>
    <t>BU19600103</t>
  </si>
  <si>
    <t>2021BU19600103</t>
  </si>
  <si>
    <t>Gellicum</t>
  </si>
  <si>
    <t>buurt_gegeneraliseerd_2021.b2188477-f4ae-4da5-8eb8-f58a419c666e</t>
  </si>
  <si>
    <t>BU19600106</t>
  </si>
  <si>
    <t>2021BU19600106</t>
  </si>
  <si>
    <t>Gellicum e.o.</t>
  </si>
  <si>
    <t>buurt_gegeneraliseerd_2021.3a5f5dfe-1ffd-4ccd-aa98-271cd44c3c0d</t>
  </si>
  <si>
    <t>BU19600107</t>
  </si>
  <si>
    <t>2021BU19600107</t>
  </si>
  <si>
    <t>Rumpt e.o.</t>
  </si>
  <si>
    <t>buurt_gegeneraliseerd_2021.0bf7704a-f3ab-4008-bc52-3086e8958d6d</t>
  </si>
  <si>
    <t>BU19600108</t>
  </si>
  <si>
    <t>2021BU19600108</t>
  </si>
  <si>
    <t>Enspijk e.o.</t>
  </si>
  <si>
    <t>buurt_gegeneraliseerd_2021.93ed16a5-5bcb-4aec-8262-f71a939e231a</t>
  </si>
  <si>
    <t>BU19600109</t>
  </si>
  <si>
    <t>2021BU19600109</t>
  </si>
  <si>
    <t>Deil e.o.</t>
  </si>
  <si>
    <t>buurt_gegeneraliseerd_2021.dea79d21-e410-4780-94e9-1f673f98eb0f</t>
  </si>
  <si>
    <t>BU19600200</t>
  </si>
  <si>
    <t>2021BU19600200</t>
  </si>
  <si>
    <t>Beesd West</t>
  </si>
  <si>
    <t>buurt_gegeneraliseerd_2021.28060cb4-72c5-4614-bc89-a338594c3ecf</t>
  </si>
  <si>
    <t>BU19600201</t>
  </si>
  <si>
    <t>2021BU19600201</t>
  </si>
  <si>
    <t>Beesd Oost</t>
  </si>
  <si>
    <t>buurt_gegeneraliseerd_2021.905fe0fd-ca53-405b-ab3a-e28e635c48b9</t>
  </si>
  <si>
    <t>BU19600202</t>
  </si>
  <si>
    <t>2021BU19600202</t>
  </si>
  <si>
    <t>Rhenoy</t>
  </si>
  <si>
    <t>buurt_gegeneraliseerd_2021.3137f223-9d95-4742-a2d8-912c9c309d91</t>
  </si>
  <si>
    <t>BU19600203</t>
  </si>
  <si>
    <t>2021BU19600203</t>
  </si>
  <si>
    <t>Acquoy</t>
  </si>
  <si>
    <t>buurt_gegeneraliseerd_2021.3e3fe15a-c459-4213-b82c-8d26404c3c95</t>
  </si>
  <si>
    <t>BU19600207</t>
  </si>
  <si>
    <t>2021BU19600207</t>
  </si>
  <si>
    <t>Aquoy e.o.</t>
  </si>
  <si>
    <t>buurt_gegeneraliseerd_2021.79dc3371-f2d9-4013-a3aa-761b62d84cec</t>
  </si>
  <si>
    <t>BU19600208</t>
  </si>
  <si>
    <t>2021BU19600208</t>
  </si>
  <si>
    <t>Rhenoy e.o.</t>
  </si>
  <si>
    <t>buurt_gegeneraliseerd_2021.8a788826-762e-48ea-9434-42ce6212f337</t>
  </si>
  <si>
    <t>BU19600209</t>
  </si>
  <si>
    <t>2021BU19600209</t>
  </si>
  <si>
    <t>Beesd e.o.</t>
  </si>
  <si>
    <t>buurt_gegeneraliseerd_2021.f49da9a8-42fd-4130-9f60-3317a43396bf</t>
  </si>
  <si>
    <t>BU19600300</t>
  </si>
  <si>
    <t>2021BU19600300</t>
  </si>
  <si>
    <t>Buurmalsen</t>
  </si>
  <si>
    <t>buurt_gegeneraliseerd_2021.34755548-34f5-477e-a8cd-2374dd366be2</t>
  </si>
  <si>
    <t>BU19600301</t>
  </si>
  <si>
    <t>2021BU19600301</t>
  </si>
  <si>
    <t>Tricht</t>
  </si>
  <si>
    <t>buurt_gegeneraliseerd_2021.f743d8d2-8f82-4082-b7ca-4a8a6288a9a2</t>
  </si>
  <si>
    <t>BU19600308</t>
  </si>
  <si>
    <t>2021BU19600308</t>
  </si>
  <si>
    <t>Tricht e.o.</t>
  </si>
  <si>
    <t>buurt_gegeneraliseerd_2021.c19b5e37-69f5-47e6-b2ef-91653310e435</t>
  </si>
  <si>
    <t>BU19600309</t>
  </si>
  <si>
    <t>2021BU19600309</t>
  </si>
  <si>
    <t>Buurmalsen e.o.</t>
  </si>
  <si>
    <t>buurt_gegeneraliseerd_2021.fa0cc7c1-9faf-4f0b-9b9c-effff8ae2a80</t>
  </si>
  <si>
    <t>BU19600400</t>
  </si>
  <si>
    <t>2021BU19600400</t>
  </si>
  <si>
    <t>Meteren</t>
  </si>
  <si>
    <t>buurt_gegeneraliseerd_2021.af6aaa8a-610e-45ae-9311-772a3da7031b</t>
  </si>
  <si>
    <t>BU19600401</t>
  </si>
  <si>
    <t>2021BU19600401</t>
  </si>
  <si>
    <t>Meteren - Kalenberg</t>
  </si>
  <si>
    <t>buurt_gegeneraliseerd_2021.0656a152-2575-4d88-85f2-88aca6a4ff84</t>
  </si>
  <si>
    <t>BU19600402</t>
  </si>
  <si>
    <t>2021BU19600402</t>
  </si>
  <si>
    <t>Meteren - De Plantage</t>
  </si>
  <si>
    <t>buurt_gegeneraliseerd_2021.1e945509-28e1-4416-8bbe-920b33e270b6</t>
  </si>
  <si>
    <t>BU19600403</t>
  </si>
  <si>
    <t>2021BU19600403</t>
  </si>
  <si>
    <t>Meteren e.o.</t>
  </si>
  <si>
    <t>buurt_gegeneraliseerd_2021.b73ca64b-df0b-4dde-8897-cfa04ffa74e4</t>
  </si>
  <si>
    <t>BU19600500</t>
  </si>
  <si>
    <t>2021BU19600500</t>
  </si>
  <si>
    <t>Haaften</t>
  </si>
  <si>
    <t>buurt_gegeneraliseerd_2021.f86e75b7-2246-44b7-823e-75532f54b0a7</t>
  </si>
  <si>
    <t>BU19600501</t>
  </si>
  <si>
    <t>2021BU19600501</t>
  </si>
  <si>
    <t>Tuil</t>
  </si>
  <si>
    <t>buurt_gegeneraliseerd_2021.42a08f8a-fba0-416e-a618-deffc2b4e0f7</t>
  </si>
  <si>
    <t>BU19600502</t>
  </si>
  <si>
    <t>2021BU19600502</t>
  </si>
  <si>
    <t>Hellouw</t>
  </si>
  <si>
    <t>buurt_gegeneraliseerd_2021.57438f69-6583-443e-b297-38c8df75910b</t>
  </si>
  <si>
    <t>BU19600507</t>
  </si>
  <si>
    <t>2021BU19600507</t>
  </si>
  <si>
    <t>Verspreide huizen Tuil</t>
  </si>
  <si>
    <t>buurt_gegeneraliseerd_2021.bc37de28-a0c6-4baa-85b5-53fc4a5817a4</t>
  </si>
  <si>
    <t>BU19600508</t>
  </si>
  <si>
    <t>2021BU19600508</t>
  </si>
  <si>
    <t>Verspreide huizen Hellouw</t>
  </si>
  <si>
    <t>buurt_gegeneraliseerd_2021.e09a4271-222f-4c69-9a46-5fd985db394a</t>
  </si>
  <si>
    <t>BU19600509</t>
  </si>
  <si>
    <t>2021BU19600509</t>
  </si>
  <si>
    <t>Verspreide huizen Haaften</t>
  </si>
  <si>
    <t>buurt_gegeneraliseerd_2021.c1a8d2a1-51c3-4524-9baa-44cdadb19748</t>
  </si>
  <si>
    <t>BU19600600</t>
  </si>
  <si>
    <t>2021BU19600600</t>
  </si>
  <si>
    <t>Waardenburg</t>
  </si>
  <si>
    <t>buurt_gegeneraliseerd_2021.ae10238a-fdd2-4bc2-bd88-f11f7dfdf40a</t>
  </si>
  <si>
    <t>BU19600601</t>
  </si>
  <si>
    <t>2021BU19600601</t>
  </si>
  <si>
    <t>Waardenburg-West</t>
  </si>
  <si>
    <t>buurt_gegeneraliseerd_2021.3d361d45-b9e8-41cb-8942-d7076e455b7b</t>
  </si>
  <si>
    <t>BU19600602</t>
  </si>
  <si>
    <t>2021BU19600602</t>
  </si>
  <si>
    <t>Neerijnen</t>
  </si>
  <si>
    <t>buurt_gegeneraliseerd_2021.094da9ba-05e6-46b5-9d83-678c56ff3288</t>
  </si>
  <si>
    <t>BU19600603</t>
  </si>
  <si>
    <t>2021BU19600603</t>
  </si>
  <si>
    <t>Opijnen</t>
  </si>
  <si>
    <t>buurt_gegeneraliseerd_2021.97180300-4b28-44cb-b159-c7f4d1354a4c</t>
  </si>
  <si>
    <t>BU19600604</t>
  </si>
  <si>
    <t>2021BU19600604</t>
  </si>
  <si>
    <t>Est</t>
  </si>
  <si>
    <t>buurt_gegeneraliseerd_2021.8cb68df5-b25a-419c-ae4c-4e59ac593f45</t>
  </si>
  <si>
    <t>BU19600606</t>
  </si>
  <si>
    <t>2021BU19600606</t>
  </si>
  <si>
    <t>Verspreide huizen Est</t>
  </si>
  <si>
    <t>buurt_gegeneraliseerd_2021.33126caf-c883-48d4-a48b-7dafa35728c0</t>
  </si>
  <si>
    <t>BU19600607</t>
  </si>
  <si>
    <t>2021BU19600607</t>
  </si>
  <si>
    <t>Verspreide huizen Opijnen</t>
  </si>
  <si>
    <t>buurt_gegeneraliseerd_2021.12a7fa7b-8c5f-481c-a771-515f75fb68b6</t>
  </si>
  <si>
    <t>BU19600608</t>
  </si>
  <si>
    <t>2021BU19600608</t>
  </si>
  <si>
    <t>Verspreide huizen Neerijnen</t>
  </si>
  <si>
    <t>buurt_gegeneraliseerd_2021.9529b248-d847-48a1-a91a-880ea40205cb</t>
  </si>
  <si>
    <t>BU19600609</t>
  </si>
  <si>
    <t>2021BU19600609</t>
  </si>
  <si>
    <t>Verspreide huizen Waardenburg</t>
  </si>
  <si>
    <t>buurt_gegeneraliseerd_2021.35c0b048-87cf-498d-b005-4ee9eb6916d6</t>
  </si>
  <si>
    <t>BU19600700</t>
  </si>
  <si>
    <t>2021BU19600700</t>
  </si>
  <si>
    <t>Ophemert</t>
  </si>
  <si>
    <t>buurt_gegeneraliseerd_2021.e91adb5b-d30a-49e3-83af-721401e3706f</t>
  </si>
  <si>
    <t>BU19600701</t>
  </si>
  <si>
    <t>2021BU19600701</t>
  </si>
  <si>
    <t>Varik</t>
  </si>
  <si>
    <t>buurt_gegeneraliseerd_2021.b5f76766-2369-4566-b195-54c6e4ce286f</t>
  </si>
  <si>
    <t>BU19600702</t>
  </si>
  <si>
    <t>2021BU19600702</t>
  </si>
  <si>
    <t>Heesselt</t>
  </si>
  <si>
    <t>buurt_gegeneraliseerd_2021.85a66918-8dda-438e-ab50-d60c1ed43084</t>
  </si>
  <si>
    <t>BU19600707</t>
  </si>
  <si>
    <t>2021BU19600707</t>
  </si>
  <si>
    <t>Verspreide huizen Heesselt</t>
  </si>
  <si>
    <t>buurt_gegeneraliseerd_2021.fde7915a-fa80-40c9-b53f-0de2a1774485</t>
  </si>
  <si>
    <t>BU19600708</t>
  </si>
  <si>
    <t>2021BU19600708</t>
  </si>
  <si>
    <t>Verspreide huizen Varik</t>
  </si>
  <si>
    <t>buurt_gegeneraliseerd_2021.38fc260f-bea9-4188-9741-221845ac4d08</t>
  </si>
  <si>
    <t>BU19600709</t>
  </si>
  <si>
    <t>2021BU19600709</t>
  </si>
  <si>
    <t>Verspreide huizen Ophemert</t>
  </si>
  <si>
    <t>buurt_gegeneraliseerd_2021.b3dd3871-80dc-4230-bdc7-71ab28e670b2</t>
  </si>
  <si>
    <t>BU19600800</t>
  </si>
  <si>
    <t>2021BU19600800</t>
  </si>
  <si>
    <t>Asperen Oude Kern</t>
  </si>
  <si>
    <t>buurt_gegeneraliseerd_2021.5d1baf48-bc85-41d1-9ae3-6ae398f27b54</t>
  </si>
  <si>
    <t>BU19600801</t>
  </si>
  <si>
    <t>2021BU19600801</t>
  </si>
  <si>
    <t>Westelijke uitbreiding Asperen</t>
  </si>
  <si>
    <t>buurt_gegeneraliseerd_2021.603f3d49-1560-4038-84e5-c9ef2a497de5</t>
  </si>
  <si>
    <t>BU19600802</t>
  </si>
  <si>
    <t>2021BU19600802</t>
  </si>
  <si>
    <t>Noord uitbreiding Asperen industrieterrein</t>
  </si>
  <si>
    <t>buurt_gegeneraliseerd_2021.75389968-5887-4e35-ba62-8054b17ac55f</t>
  </si>
  <si>
    <t>BU19600809</t>
  </si>
  <si>
    <t>2021BU19600809</t>
  </si>
  <si>
    <t>Verspreide huizen Asperen</t>
  </si>
  <si>
    <t>buurt_gegeneraliseerd_2021.6b7c911b-49ee-4ccf-be40-a356b91565ed</t>
  </si>
  <si>
    <t>BU19600900</t>
  </si>
  <si>
    <t>2021BU19600900</t>
  </si>
  <si>
    <t>Heukelum Oude Kern</t>
  </si>
  <si>
    <t>buurt_gegeneraliseerd_2021.fd7f7e09-a810-4c28-93c4-54cd8c5f9ffd</t>
  </si>
  <si>
    <t>BU19600901</t>
  </si>
  <si>
    <t>2021BU19600901</t>
  </si>
  <si>
    <t>Uitbreiding Heukelum</t>
  </si>
  <si>
    <t>buurt_gegeneraliseerd_2021.da4d7b6e-4c91-4fdb-bb2e-06a320d7984e</t>
  </si>
  <si>
    <t>BU19600902</t>
  </si>
  <si>
    <t>2021BU19600902</t>
  </si>
  <si>
    <t>Spijk en Boveneind Spijk en Vogelswerf</t>
  </si>
  <si>
    <t>buurt_gegeneraliseerd_2021.311d769e-2a71-42d3-877c-438dcdcea26b</t>
  </si>
  <si>
    <t>BU19600909</t>
  </si>
  <si>
    <t>2021BU19600909</t>
  </si>
  <si>
    <t>Verspreide huizen Heukelum en Friezenwijk</t>
  </si>
  <si>
    <t>buurt_gegeneraliseerd_2021.ee6b04a8-b0fa-4525-b3aa-e45090ff256c</t>
  </si>
  <si>
    <t>BU19601000</t>
  </si>
  <si>
    <t>2021BU19601000</t>
  </si>
  <si>
    <t>Vuren</t>
  </si>
  <si>
    <t>buurt_gegeneraliseerd_2021.f84ed825-f57b-4555-a6ef-fda8687050c1</t>
  </si>
  <si>
    <t>BU19601009</t>
  </si>
  <si>
    <t>2021BU19601009</t>
  </si>
  <si>
    <t>Verspreide huizen Vuren</t>
  </si>
  <si>
    <t>buurt_gegeneraliseerd_2021.827e5ffb-320f-4d9b-bd16-ea3fc7ad7677</t>
  </si>
  <si>
    <t>BU19601100</t>
  </si>
  <si>
    <t>2021BU19601100</t>
  </si>
  <si>
    <t>Herwijnen</t>
  </si>
  <si>
    <t>buurt_gegeneraliseerd_2021.dd0ae8bc-73bf-4490-b392-0008d8bda5b1</t>
  </si>
  <si>
    <t>BU19601109</t>
  </si>
  <si>
    <t>2021BU19601109</t>
  </si>
  <si>
    <t>Verspreide huizen Herwijnen</t>
  </si>
  <si>
    <t>buurt_gegeneraliseerd_2021.7de81fc6-3797-4ad6-832f-f96b9f7f5c6d</t>
  </si>
  <si>
    <t>BU19630000</t>
  </si>
  <si>
    <t>2021BU19630000</t>
  </si>
  <si>
    <t>Oud-Beijerland Centrum</t>
  </si>
  <si>
    <t>buurt_gegeneraliseerd_2021.6530429f-7156-4c38-8dce-92859389e20f</t>
  </si>
  <si>
    <t>BU19630001</t>
  </si>
  <si>
    <t>2021BU19630001</t>
  </si>
  <si>
    <t>Oud-Beijerland Oosterse Gorzenwijk</t>
  </si>
  <si>
    <t>buurt_gegeneraliseerd_2021.61414ee5-658d-4b1e-8631-5815cbd10834</t>
  </si>
  <si>
    <t>BU19630002</t>
  </si>
  <si>
    <t>2021BU19630002</t>
  </si>
  <si>
    <t>Oud-Beijerland Croonenburghwijk</t>
  </si>
  <si>
    <t>buurt_gegeneraliseerd_2021.639f6586-c731-45e5-aa48-1b7c509600fb</t>
  </si>
  <si>
    <t>BU19630003</t>
  </si>
  <si>
    <t>2021BU19630003</t>
  </si>
  <si>
    <t>Oud-Beijerland Zeeheldenwijk</t>
  </si>
  <si>
    <t>buurt_gegeneraliseerd_2021.ca1ab605-ea6e-4fdd-950e-7561e35aa4af</t>
  </si>
  <si>
    <t>BU19630004</t>
  </si>
  <si>
    <t>2021BU19630004</t>
  </si>
  <si>
    <t>Oud-Beijerland Zuidwijk</t>
  </si>
  <si>
    <t>buurt_gegeneraliseerd_2021.6ce79f05-4dba-45b3-93d6-86d7ce1a7fb3</t>
  </si>
  <si>
    <t>BU19630005</t>
  </si>
  <si>
    <t>2021BU19630005</t>
  </si>
  <si>
    <t>Oud-Beijerland Zoomwijck</t>
  </si>
  <si>
    <t>buurt_gegeneraliseerd_2021.aebe48d8-3ff9-4360-b836-e71f8ea586c1</t>
  </si>
  <si>
    <t>BU19630006</t>
  </si>
  <si>
    <t>2021BU19630006</t>
  </si>
  <si>
    <t>Oud-Beijerland Spuioeverwijk</t>
  </si>
  <si>
    <t>buurt_gegeneraliseerd_2021.5cccd03c-b389-4ff7-a8ea-82a857f490e5</t>
  </si>
  <si>
    <t>BU19630007</t>
  </si>
  <si>
    <t>2021BU19630007</t>
  </si>
  <si>
    <t>Oud-Beijerland Poortwijk</t>
  </si>
  <si>
    <t>buurt_gegeneraliseerd_2021.08cfbe31-d5c3-4d83-bd12-0e86523472cb</t>
  </si>
  <si>
    <t>BU19630050</t>
  </si>
  <si>
    <t>2021BU19630050</t>
  </si>
  <si>
    <t>Oud-Beijerland Bedrijventerrein De Bosschen</t>
  </si>
  <si>
    <t>buurt_gegeneraliseerd_2021.025a8aeb-74b1-4609-bda8-57dc8fceea26</t>
  </si>
  <si>
    <t>BU19630051</t>
  </si>
  <si>
    <t>2021BU19630051</t>
  </si>
  <si>
    <t>Oud-Beijerland Bedrijventerrein De Hoogerwerf</t>
  </si>
  <si>
    <t>buurt_gegeneraliseerd_2021.0d055a72-9538-40dd-8fc7-54193b3acdfb</t>
  </si>
  <si>
    <t>BU19630099</t>
  </si>
  <si>
    <t>2021BU19630099</t>
  </si>
  <si>
    <t>Oud-Beijerland Buitengebied</t>
  </si>
  <si>
    <t>buurt_gegeneraliseerd_2021.64013b99-bbe8-4107-b4a4-6e37a97ba1d5</t>
  </si>
  <si>
    <t>BU19630100</t>
  </si>
  <si>
    <t>2021BU19630100</t>
  </si>
  <si>
    <t>Heinenoord Woonkern</t>
  </si>
  <si>
    <t>buurt_gegeneraliseerd_2021.6967ba6c-8a10-4d2f-befb-ca4072a1f2ed</t>
  </si>
  <si>
    <t>BU19630200</t>
  </si>
  <si>
    <t>2021BU19630200</t>
  </si>
  <si>
    <t>Mijnsheerenland Woonkern</t>
  </si>
  <si>
    <t>buurt_gegeneraliseerd_2021.fe5dee27-df5a-49ee-bbb4-ffe800306d8e</t>
  </si>
  <si>
    <t>BU19630300</t>
  </si>
  <si>
    <t>2021BU19630300</t>
  </si>
  <si>
    <t>Westmaas Woonkern</t>
  </si>
  <si>
    <t>buurt_gegeneraliseerd_2021.c132c610-b0c2-469e-ba7d-9d91e7019a17</t>
  </si>
  <si>
    <t>BU19630399</t>
  </si>
  <si>
    <t>2021BU19630399</t>
  </si>
  <si>
    <t>Westmaas Buitengebied</t>
  </si>
  <si>
    <t>buurt_gegeneraliseerd_2021.b55ed904-55f7-45d8-9c5b-39afe654b8a4</t>
  </si>
  <si>
    <t>BU19630800</t>
  </si>
  <si>
    <t>2021BU19630800</t>
  </si>
  <si>
    <t>Klaaswaal Woonkern</t>
  </si>
  <si>
    <t>buurt_gegeneraliseerd_2021.99cfd2aa-720f-483d-9a0e-821199c02ab2</t>
  </si>
  <si>
    <t>BU19630899</t>
  </si>
  <si>
    <t>2021BU19630899</t>
  </si>
  <si>
    <t>Klaaswaal Buitengebied</t>
  </si>
  <si>
    <t>buurt_gegeneraliseerd_2021.e3cf7282-2cb1-466e-ad06-4d837c1edfc5</t>
  </si>
  <si>
    <t>BU19630900</t>
  </si>
  <si>
    <t>2021BU19630900</t>
  </si>
  <si>
    <t>Numansdorp Woonkern</t>
  </si>
  <si>
    <t>buurt_gegeneraliseerd_2021.bf79cb9b-a6f0-4e8f-abe8-adda17f63be6</t>
  </si>
  <si>
    <t>BU19630950</t>
  </si>
  <si>
    <t>2021BU19630950</t>
  </si>
  <si>
    <t>Numansdorp Bedrijventerrein Middelsluis</t>
  </si>
  <si>
    <t>buurt_gegeneraliseerd_2021.41657e96-6e4b-4ba7-8df2-cd0f50ea4294</t>
  </si>
  <si>
    <t>BU19630999</t>
  </si>
  <si>
    <t>2021BU19630999</t>
  </si>
  <si>
    <t>Numansdorp Buitengebied</t>
  </si>
  <si>
    <t>buurt_gegeneraliseerd_2021.f8bd700e-70ee-44d7-8e8e-af704672d6a9</t>
  </si>
  <si>
    <t>BU19631000</t>
  </si>
  <si>
    <t>2021BU19631000</t>
  </si>
  <si>
    <t>Zuid-Beijerland Woonkern</t>
  </si>
  <si>
    <t>buurt_gegeneraliseerd_2021.2acd8a7c-3584-4cbb-b22c-6462e9eb340a</t>
  </si>
  <si>
    <t>BU19631099</t>
  </si>
  <si>
    <t>2021BU19631099</t>
  </si>
  <si>
    <t>Zuid-Beijerland Buitengebied</t>
  </si>
  <si>
    <t>buurt_gegeneraliseerd_2021.425c1740-87be-4a04-ace3-fddb0a2b101d</t>
  </si>
  <si>
    <t>BU19631100</t>
  </si>
  <si>
    <t>2021BU19631100</t>
  </si>
  <si>
    <t>Goudswaard Woonkern</t>
  </si>
  <si>
    <t>buurt_gegeneraliseerd_2021.f09bab4f-36e4-471c-b800-b3c81e931637</t>
  </si>
  <si>
    <t>BU19631199</t>
  </si>
  <si>
    <t>2021BU19631199</t>
  </si>
  <si>
    <t>Goudswaard Buitengebied</t>
  </si>
  <si>
    <t>buurt_gegeneraliseerd_2021.9ca8c176-fa7e-457c-93da-4d65b07bb238</t>
  </si>
  <si>
    <t>BU19631200</t>
  </si>
  <si>
    <t>2021BU19631200</t>
  </si>
  <si>
    <t>Piershil Woonkern</t>
  </si>
  <si>
    <t>buurt_gegeneraliseerd_2021.8d9212f4-2206-4b92-b76e-95272ceb132e</t>
  </si>
  <si>
    <t>BU19631299</t>
  </si>
  <si>
    <t>2021BU19631299</t>
  </si>
  <si>
    <t>Piershil Buitengebied</t>
  </si>
  <si>
    <t>buurt_gegeneraliseerd_2021.cf517c64-09f4-4b44-a53c-6a3e64cbb00a</t>
  </si>
  <si>
    <t>BU19631300</t>
  </si>
  <si>
    <t>2021BU19631300</t>
  </si>
  <si>
    <t>Nieuw-Beijerland Woonkern</t>
  </si>
  <si>
    <t>buurt_gegeneraliseerd_2021.b09e484a-a920-4c8f-88b2-8770970e5d38</t>
  </si>
  <si>
    <t>BU19631399</t>
  </si>
  <si>
    <t>2021BU19631399</t>
  </si>
  <si>
    <t>Nieuw-Beijerland Buitengebied</t>
  </si>
  <si>
    <t>buurt_gegeneraliseerd_2021.aea385dc-efa4-4d47-8634-186e5d9a6385</t>
  </si>
  <si>
    <t>BU19660000</t>
  </si>
  <si>
    <t>2021BU19660000</t>
  </si>
  <si>
    <t>Bedum</t>
  </si>
  <si>
    <t>GM1966</t>
  </si>
  <si>
    <t>buurt_gegeneraliseerd_2021.3b91bf98-dd8b-488e-b352-d901b9cd2963</t>
  </si>
  <si>
    <t>BU19660001</t>
  </si>
  <si>
    <t>2021BU19660001</t>
  </si>
  <si>
    <t>Verspreide huizen Bedum</t>
  </si>
  <si>
    <t>buurt_gegeneraliseerd_2021.8fa9179e-27a5-4009-ad36-63c809ae1ee8</t>
  </si>
  <si>
    <t>BU19660002</t>
  </si>
  <si>
    <t>2021BU19660002</t>
  </si>
  <si>
    <t>Zuidwolde</t>
  </si>
  <si>
    <t>buurt_gegeneraliseerd_2021.9645a6c2-82b3-4c8f-a6be-4ce1c91e1fe4</t>
  </si>
  <si>
    <t>BU19660003</t>
  </si>
  <si>
    <t>2021BU19660003</t>
  </si>
  <si>
    <t>buurt_gegeneraliseerd_2021.1fc65c08-4d73-40a2-9190-1a9682eb7852</t>
  </si>
  <si>
    <t>BU19660004</t>
  </si>
  <si>
    <t>2021BU19660004</t>
  </si>
  <si>
    <t>Onderdendam</t>
  </si>
  <si>
    <t>buurt_gegeneraliseerd_2021.be03522c-d386-4161-93d8-b82b93fc22b7</t>
  </si>
  <si>
    <t>BU19660005</t>
  </si>
  <si>
    <t>2021BU19660005</t>
  </si>
  <si>
    <t>Verspreide huizen Onderdendam</t>
  </si>
  <si>
    <t>buurt_gegeneraliseerd_2021.3d37f5fd-3854-40a1-834d-d9593df49721</t>
  </si>
  <si>
    <t>BU19660006</t>
  </si>
  <si>
    <t>2021BU19660006</t>
  </si>
  <si>
    <t>Noordwolde</t>
  </si>
  <si>
    <t>buurt_gegeneraliseerd_2021.862b50fe-d117-49ed-84db-bb72fac44372</t>
  </si>
  <si>
    <t>BU19660007</t>
  </si>
  <si>
    <t>2021BU19660007</t>
  </si>
  <si>
    <t>Verspreide huizen Noordwolde</t>
  </si>
  <si>
    <t>buurt_gegeneraliseerd_2021.424dff4f-5dfd-4b2c-aa65-b06930f5dba3</t>
  </si>
  <si>
    <t>BU19660100</t>
  </si>
  <si>
    <t>2021BU19660100</t>
  </si>
  <si>
    <t>Winsum</t>
  </si>
  <si>
    <t>buurt_gegeneraliseerd_2021.8879f54b-4548-4a59-a190-20fc9dbedc01</t>
  </si>
  <si>
    <t>BU19660101</t>
  </si>
  <si>
    <t>2021BU19660101</t>
  </si>
  <si>
    <t>Obergum</t>
  </si>
  <si>
    <t>buurt_gegeneraliseerd_2021.b1333f0d-1ce2-4f96-a846-2eae24492432</t>
  </si>
  <si>
    <t>BU19660102</t>
  </si>
  <si>
    <t>2021BU19660102</t>
  </si>
  <si>
    <t>Ripperda</t>
  </si>
  <si>
    <t>buurt_gegeneraliseerd_2021.cad0c703-4c0d-4e94-95b0-ce12ab21f8b4</t>
  </si>
  <si>
    <t>BU19660103</t>
  </si>
  <si>
    <t>2021BU19660103</t>
  </si>
  <si>
    <t>Potmaar</t>
  </si>
  <si>
    <t>buurt_gegeneraliseerd_2021.c0f47d64-780d-4ab4-95a2-b1faaa6ae586</t>
  </si>
  <si>
    <t>BU19660104</t>
  </si>
  <si>
    <t>2021BU19660104</t>
  </si>
  <si>
    <t>buurt_gegeneraliseerd_2021.3a192732-29f6-417a-9c5f-2e32a606ce67</t>
  </si>
  <si>
    <t>BU19660109</t>
  </si>
  <si>
    <t>2021BU19660109</t>
  </si>
  <si>
    <t>Verspreide huizen Winsum</t>
  </si>
  <si>
    <t>buurt_gegeneraliseerd_2021.b233e800-1996-46bc-805f-dd0b4d2d64e7</t>
  </si>
  <si>
    <t>BU19660200</t>
  </si>
  <si>
    <t>2021BU19660200</t>
  </si>
  <si>
    <t>Baflo</t>
  </si>
  <si>
    <t>buurt_gegeneraliseerd_2021.2937b0f9-da42-46d1-b53e-84fb51d6acf7</t>
  </si>
  <si>
    <t>BU19660201</t>
  </si>
  <si>
    <t>2021BU19660201</t>
  </si>
  <si>
    <t>Den Andel</t>
  </si>
  <si>
    <t>buurt_gegeneraliseerd_2021.4b49c921-8a00-4405-990d-6db20f2dfaf3</t>
  </si>
  <si>
    <t>BU19660202</t>
  </si>
  <si>
    <t>2021BU19660202</t>
  </si>
  <si>
    <t>Rasquert</t>
  </si>
  <si>
    <t>buurt_gegeneraliseerd_2021.c40cd6b9-dfba-49cd-acda-67a161c3f545</t>
  </si>
  <si>
    <t>BU19660203</t>
  </si>
  <si>
    <t>2021BU19660203</t>
  </si>
  <si>
    <t>Tinallinge</t>
  </si>
  <si>
    <t>buurt_gegeneraliseerd_2021.88d50c24-fd60-4389-9c1a-98c8908e0368</t>
  </si>
  <si>
    <t>BU19660204</t>
  </si>
  <si>
    <t>2021BU19660204</t>
  </si>
  <si>
    <t>Saaxumhuizen</t>
  </si>
  <si>
    <t>buurt_gegeneraliseerd_2021.08caa161-bd33-4120-88de-22611b6496dd</t>
  </si>
  <si>
    <t>BU19660209</t>
  </si>
  <si>
    <t>2021BU19660209</t>
  </si>
  <si>
    <t>Verspreide huizen Baflo</t>
  </si>
  <si>
    <t>buurt_gegeneraliseerd_2021.41f04458-10f2-4d6a-b14d-41ddb6986d11</t>
  </si>
  <si>
    <t>BU19660300</t>
  </si>
  <si>
    <t>2021BU19660300</t>
  </si>
  <si>
    <t>Adorp</t>
  </si>
  <si>
    <t>buurt_gegeneraliseerd_2021.f312e6c8-2b77-4c97-b852-f9e8d441a45b</t>
  </si>
  <si>
    <t>BU19660301</t>
  </si>
  <si>
    <t>2021BU19660301</t>
  </si>
  <si>
    <t>Sauwerd</t>
  </si>
  <si>
    <t>buurt_gegeneraliseerd_2021.901160a2-4202-491c-898b-eb2738b4a5e2</t>
  </si>
  <si>
    <t>BU19660302</t>
  </si>
  <si>
    <t>2021BU19660302</t>
  </si>
  <si>
    <t>Wetsinge</t>
  </si>
  <si>
    <t>buurt_gegeneraliseerd_2021.8a5b99e0-6a05-409a-be36-75605c8ce882</t>
  </si>
  <si>
    <t>BU19660309</t>
  </si>
  <si>
    <t>2021BU19660309</t>
  </si>
  <si>
    <t>Verspreide huizen Adorp</t>
  </si>
  <si>
    <t>buurt_gegeneraliseerd_2021.120ba55a-6108-4cf7-954b-60ba4e835ea2</t>
  </si>
  <si>
    <t>BU19660401</t>
  </si>
  <si>
    <t>2021BU19660401</t>
  </si>
  <si>
    <t>Uithuizen</t>
  </si>
  <si>
    <t>buurt_gegeneraliseerd_2021.9567cab9-7302-406c-87a3-8cd62533ec43</t>
  </si>
  <si>
    <t>BU19660402</t>
  </si>
  <si>
    <t>2021BU19660402</t>
  </si>
  <si>
    <t>'t Lage van de Weg</t>
  </si>
  <si>
    <t>buurt_gegeneraliseerd_2021.0c7d1518-8165-4f7c-bc36-ae6fef7eccb3</t>
  </si>
  <si>
    <t>BU19660408</t>
  </si>
  <si>
    <t>2021BU19660408</t>
  </si>
  <si>
    <t>Verspreide huizen in de nieuwe polders</t>
  </si>
  <si>
    <t>buurt_gegeneraliseerd_2021.f1579c38-c016-46c3-ad3a-013fcd3cb62c</t>
  </si>
  <si>
    <t>BU19660409</t>
  </si>
  <si>
    <t>2021BU19660409</t>
  </si>
  <si>
    <t>buurt_gegeneraliseerd_2021.6bdaed81-cada-45d8-8b16-459c546aa169</t>
  </si>
  <si>
    <t>BU19660500</t>
  </si>
  <si>
    <t>2021BU19660500</t>
  </si>
  <si>
    <t>Uithuizermeeden</t>
  </si>
  <si>
    <t>buurt_gegeneraliseerd_2021.ffc86d1e-a1ce-4d8c-8d53-93b3328c43f2</t>
  </si>
  <si>
    <t>BU19660501</t>
  </si>
  <si>
    <t>2021BU19660501</t>
  </si>
  <si>
    <t>Oosternieland</t>
  </si>
  <si>
    <t>buurt_gegeneraliseerd_2021.5f9f6682-aa80-4b7d-a9ce-229d927bd471</t>
  </si>
  <si>
    <t>BU19660502</t>
  </si>
  <si>
    <t>2021BU19660502</t>
  </si>
  <si>
    <t>Roodeschool</t>
  </si>
  <si>
    <t>buurt_gegeneraliseerd_2021.86f8f8ce-6907-4c64-8e6d-8f9dd9bd2e55</t>
  </si>
  <si>
    <t>BU19660503</t>
  </si>
  <si>
    <t>2021BU19660503</t>
  </si>
  <si>
    <t>buurt_gegeneraliseerd_2021.a39300d5-762b-4360-9389-d80866fee92d</t>
  </si>
  <si>
    <t>BU19660504</t>
  </si>
  <si>
    <t>2021BU19660504</t>
  </si>
  <si>
    <t>Hooilandseweg</t>
  </si>
  <si>
    <t>buurt_gegeneraliseerd_2021.d1810fb6-3a8f-415a-8167-19e92b12b212</t>
  </si>
  <si>
    <t>BU19660505</t>
  </si>
  <si>
    <t>2021BU19660505</t>
  </si>
  <si>
    <t>Hefswal</t>
  </si>
  <si>
    <t>buurt_gegeneraliseerd_2021.bc54f4e1-98c8-41b8-8686-2a75c9c06861</t>
  </si>
  <si>
    <t>BU19660506</t>
  </si>
  <si>
    <t>2021BU19660506</t>
  </si>
  <si>
    <t>Oudeschip</t>
  </si>
  <si>
    <t>buurt_gegeneraliseerd_2021.706f8865-6163-4cf7-84b3-9e622b1d16d1</t>
  </si>
  <si>
    <t>BU19660507</t>
  </si>
  <si>
    <t>2021BU19660507</t>
  </si>
  <si>
    <t>Oldenzijl</t>
  </si>
  <si>
    <t>buurt_gegeneraliseerd_2021.e7edc25b-686e-46f5-90ce-fd3aa24e4559</t>
  </si>
  <si>
    <t>BU19660508</t>
  </si>
  <si>
    <t>2021BU19660508</t>
  </si>
  <si>
    <t>Eemshavengebied</t>
  </si>
  <si>
    <t>buurt_gegeneraliseerd_2021.76d3643f-d513-4f1b-a34d-699fd1470302</t>
  </si>
  <si>
    <t>BU19660509</t>
  </si>
  <si>
    <t>2021BU19660509</t>
  </si>
  <si>
    <t>Verspreide huizen Uithuizermeeden</t>
  </si>
  <si>
    <t>buurt_gegeneraliseerd_2021.9e5051f4-fcab-496e-a575-5f27ffc538f5</t>
  </si>
  <si>
    <t>BU19660600</t>
  </si>
  <si>
    <t>2021BU19660600</t>
  </si>
  <si>
    <t>Kantens</t>
  </si>
  <si>
    <t>buurt_gegeneraliseerd_2021.daf314e8-a103-47a0-8636-61df7f15aaeb</t>
  </si>
  <si>
    <t>BU19660601</t>
  </si>
  <si>
    <t>2021BU19660601</t>
  </si>
  <si>
    <t>Zandeweer</t>
  </si>
  <si>
    <t>buurt_gegeneraliseerd_2021.6931fa04-1776-4c5b-b7fc-fe009b2ed0af</t>
  </si>
  <si>
    <t>BU19660602</t>
  </si>
  <si>
    <t>2021BU19660602</t>
  </si>
  <si>
    <t>buurt_gegeneraliseerd_2021.9d4cf93e-bd75-4269-bb82-6a383276fe68</t>
  </si>
  <si>
    <t>BU19660603</t>
  </si>
  <si>
    <t>2021BU19660603</t>
  </si>
  <si>
    <t>Stitswerd</t>
  </si>
  <si>
    <t>buurt_gegeneraliseerd_2021.cfa0a103-30e4-4a2a-ac09-46af1d2e160e</t>
  </si>
  <si>
    <t>BU19660604</t>
  </si>
  <si>
    <t>2021BU19660604</t>
  </si>
  <si>
    <t>Doodstil</t>
  </si>
  <si>
    <t>buurt_gegeneraliseerd_2021.697d85ed-16b4-4964-9d18-96f2552bbb5b</t>
  </si>
  <si>
    <t>BU19660605</t>
  </si>
  <si>
    <t>2021BU19660605</t>
  </si>
  <si>
    <t>Eppenhuizen</t>
  </si>
  <si>
    <t>buurt_gegeneraliseerd_2021.6de4a101-25cd-4094-a312-cc307621f33d</t>
  </si>
  <si>
    <t>BU19660606</t>
  </si>
  <si>
    <t>2021BU19660606</t>
  </si>
  <si>
    <t>Garsthuizen (gedeeltelijk)</t>
  </si>
  <si>
    <t>buurt_gegeneraliseerd_2021.40a6304f-7499-4373-b8c8-ca993c6eac87</t>
  </si>
  <si>
    <t>BU19660609</t>
  </si>
  <si>
    <t>2021BU19660609</t>
  </si>
  <si>
    <t>Verspreide huizen Kantens</t>
  </si>
  <si>
    <t>buurt_gegeneraliseerd_2021.136fe7c0-ac17-4fe4-b944-aca38e0c81ed</t>
  </si>
  <si>
    <t>BU19660700</t>
  </si>
  <si>
    <t>2021BU19660700</t>
  </si>
  <si>
    <t>Usquert</t>
  </si>
  <si>
    <t>buurt_gegeneraliseerd_2021.18041af9-9473-4e2d-b58a-81712339d217</t>
  </si>
  <si>
    <t>BU19660708</t>
  </si>
  <si>
    <t>2021BU19660708</t>
  </si>
  <si>
    <t>buurt_gegeneraliseerd_2021.dc3b301d-bb10-44e4-9c82-82726cd83413</t>
  </si>
  <si>
    <t>BU19660709</t>
  </si>
  <si>
    <t>2021BU19660709</t>
  </si>
  <si>
    <t>buurt_gegeneraliseerd_2021.e2826510-2b8a-4f7f-b4b6-59257af0aaca</t>
  </si>
  <si>
    <t>BU19660800</t>
  </si>
  <si>
    <t>2021BU19660800</t>
  </si>
  <si>
    <t>Warffum</t>
  </si>
  <si>
    <t>buurt_gegeneraliseerd_2021.7a23b57f-bc6d-49b4-b9fe-b64c65022975</t>
  </si>
  <si>
    <t>BU19660809</t>
  </si>
  <si>
    <t>2021BU19660809</t>
  </si>
  <si>
    <t>Verspreide huizen Warffum</t>
  </si>
  <si>
    <t>buurt_gegeneraliseerd_2021.a1f20f23-e1c9-4e69-8fe2-8994c2b6ca45</t>
  </si>
  <si>
    <t>BU19660900</t>
  </si>
  <si>
    <t>2021BU19660900</t>
  </si>
  <si>
    <t>Ulrum</t>
  </si>
  <si>
    <t>buurt_gegeneraliseerd_2021.5e26bc01-77bd-466d-b22c-2b710166c3f7</t>
  </si>
  <si>
    <t>BU19660901</t>
  </si>
  <si>
    <t>2021BU19660901</t>
  </si>
  <si>
    <t>Zoutkamp</t>
  </si>
  <si>
    <t>buurt_gegeneraliseerd_2021.3271faa6-5dbb-47e9-be1f-7e296bd16984</t>
  </si>
  <si>
    <t>BU19660902</t>
  </si>
  <si>
    <t>2021BU19660902</t>
  </si>
  <si>
    <t>Houwerzijl</t>
  </si>
  <si>
    <t>buurt_gegeneraliseerd_2021.603aaff6-ad78-49ac-8c73-1019cf329324</t>
  </si>
  <si>
    <t>BU19660903</t>
  </si>
  <si>
    <t>2021BU19660903</t>
  </si>
  <si>
    <t>Vierhuizen</t>
  </si>
  <si>
    <t>buurt_gegeneraliseerd_2021.a9dacf90-5287-411d-9b26-863bb1d34ee2</t>
  </si>
  <si>
    <t>BU19660904</t>
  </si>
  <si>
    <t>2021BU19660904</t>
  </si>
  <si>
    <t>Niekerk</t>
  </si>
  <si>
    <t>buurt_gegeneraliseerd_2021.f0dad4db-b97f-4f75-93e6-b89aa8ed8226</t>
  </si>
  <si>
    <t>BU19660905</t>
  </si>
  <si>
    <t>2021BU19660905</t>
  </si>
  <si>
    <t>Lauwersoog</t>
  </si>
  <si>
    <t>buurt_gegeneraliseerd_2021.35e94958-9d2f-4c5a-87c0-5cc15ee73943</t>
  </si>
  <si>
    <t>BU19660906</t>
  </si>
  <si>
    <t>2021BU19660906</t>
  </si>
  <si>
    <t>Haven Lauwersoog</t>
  </si>
  <si>
    <t>buurt_gegeneraliseerd_2021.57abea3f-ca93-4a8b-aa47-6e88c15eb0f2</t>
  </si>
  <si>
    <t>BU19660908</t>
  </si>
  <si>
    <t>2021BU19660908</t>
  </si>
  <si>
    <t>Landelijk gebied Lauwersmeer</t>
  </si>
  <si>
    <t>buurt_gegeneraliseerd_2021.a824478e-8511-44b8-84bc-af595f69b279</t>
  </si>
  <si>
    <t>BU19660909</t>
  </si>
  <si>
    <t>2021BU19660909</t>
  </si>
  <si>
    <t>Verspreide huizen Ulrum</t>
  </si>
  <si>
    <t>buurt_gegeneraliseerd_2021.361f14f9-0151-407a-91c4-2cef64d70f73</t>
  </si>
  <si>
    <t>BU19661000</t>
  </si>
  <si>
    <t>2021BU19661000</t>
  </si>
  <si>
    <t>Wehe-Den Hoorn-West</t>
  </si>
  <si>
    <t>buurt_gegeneraliseerd_2021.c15a7e2e-c7dd-4cc3-9bfc-b3ee143acd9d</t>
  </si>
  <si>
    <t>BU19661001</t>
  </si>
  <si>
    <t>2021BU19661001</t>
  </si>
  <si>
    <t>Leens</t>
  </si>
  <si>
    <t>buurt_gegeneraliseerd_2021.c4645cb4-76db-48db-96b0-0898d5c60fdd</t>
  </si>
  <si>
    <t>BU19661002</t>
  </si>
  <si>
    <t>2021BU19661002</t>
  </si>
  <si>
    <t>Warfhuizen</t>
  </si>
  <si>
    <t>buurt_gegeneraliseerd_2021.0e71fac7-3974-4c36-a5bf-1802b6524525</t>
  </si>
  <si>
    <t>BU19661003</t>
  </si>
  <si>
    <t>2021BU19661003</t>
  </si>
  <si>
    <t>Mensingeweer</t>
  </si>
  <si>
    <t>buurt_gegeneraliseerd_2021.a322fde1-e734-4b73-948e-a63fbc718973</t>
  </si>
  <si>
    <t>BU19661004</t>
  </si>
  <si>
    <t>2021BU19661004</t>
  </si>
  <si>
    <t>Schouwerzijl</t>
  </si>
  <si>
    <t>buurt_gegeneraliseerd_2021.051e98eb-d728-4886-890a-f0b5e9433d93</t>
  </si>
  <si>
    <t>BU19661005</t>
  </si>
  <si>
    <t>2021BU19661005</t>
  </si>
  <si>
    <t>Wehe-Den Hoorn-Oost</t>
  </si>
  <si>
    <t>buurt_gegeneraliseerd_2021.6971867d-39aa-420e-9c4b-7be5b35aeb1f</t>
  </si>
  <si>
    <t>BU19661006</t>
  </si>
  <si>
    <t>2021BU19661006</t>
  </si>
  <si>
    <t>Zuurdijk</t>
  </si>
  <si>
    <t>buurt_gegeneraliseerd_2021.b36e81ad-d4ae-4bef-bfc7-71fc4a29d7a8</t>
  </si>
  <si>
    <t>BU19661009</t>
  </si>
  <si>
    <t>2021BU19661009</t>
  </si>
  <si>
    <t>Verspreide huizen Leens</t>
  </si>
  <si>
    <t>buurt_gegeneraliseerd_2021.941d99f0-09fe-494a-b978-53a8bd340124</t>
  </si>
  <si>
    <t>BU19661100</t>
  </si>
  <si>
    <t>2021BU19661100</t>
  </si>
  <si>
    <t>Eenrum</t>
  </si>
  <si>
    <t>buurt_gegeneraliseerd_2021.7cb2333b-b7e9-402f-bea0-b5d798dd551e</t>
  </si>
  <si>
    <t>BU19661101</t>
  </si>
  <si>
    <t>2021BU19661101</t>
  </si>
  <si>
    <t>Pieterburen</t>
  </si>
  <si>
    <t>buurt_gegeneraliseerd_2021.5efc890c-51c6-4d5a-a48f-2deaf56433be</t>
  </si>
  <si>
    <t>BU19661102</t>
  </si>
  <si>
    <t>2021BU19661102</t>
  </si>
  <si>
    <t>Westernieland</t>
  </si>
  <si>
    <t>buurt_gegeneraliseerd_2021.8e3827e5-8493-4c89-b9d8-a7ce29d3cdb9</t>
  </si>
  <si>
    <t>BU19661103</t>
  </si>
  <si>
    <t>2021BU19661103</t>
  </si>
  <si>
    <t>Kaakhorn</t>
  </si>
  <si>
    <t>buurt_gegeneraliseerd_2021.e0f60afa-bc7a-4e85-b14d-6c5e1b3cc93c</t>
  </si>
  <si>
    <t>BU19661108</t>
  </si>
  <si>
    <t>2021BU19661108</t>
  </si>
  <si>
    <t>Verspreide huizen Oude Land</t>
  </si>
  <si>
    <t>buurt_gegeneraliseerd_2021.9b94d025-03f6-4980-b534-5d223c1413d5</t>
  </si>
  <si>
    <t>BU19661109</t>
  </si>
  <si>
    <t>2021BU19661109</t>
  </si>
  <si>
    <t>buurt_gegeneraliseerd_2021.3ddcb4d4-a6e4-4659-b594-70103cce7d55</t>
  </si>
  <si>
    <t>BU19661200</t>
  </si>
  <si>
    <t>2021BU19661200</t>
  </si>
  <si>
    <t>Kloosterburen</t>
  </si>
  <si>
    <t>buurt_gegeneraliseerd_2021.f5692727-3012-4acf-b943-3263b2530d28</t>
  </si>
  <si>
    <t>BU19661201</t>
  </si>
  <si>
    <t>2021BU19661201</t>
  </si>
  <si>
    <t>Hornhuizen</t>
  </si>
  <si>
    <t>buurt_gegeneraliseerd_2021.ed7367ef-9151-4668-84fc-0575010b257c</t>
  </si>
  <si>
    <t>BU19661202</t>
  </si>
  <si>
    <t>2021BU19661202</t>
  </si>
  <si>
    <t>Kruisweg</t>
  </si>
  <si>
    <t>buurt_gegeneraliseerd_2021.28e314bc-2fb1-4767-9cbf-632048a5131d</t>
  </si>
  <si>
    <t>BU19661203</t>
  </si>
  <si>
    <t>2021BU19661203</t>
  </si>
  <si>
    <t>Molenrij</t>
  </si>
  <si>
    <t>buurt_gegeneraliseerd_2021.2473f554-9666-43d3-afec-6c7ef968a334</t>
  </si>
  <si>
    <t>BU19661204</t>
  </si>
  <si>
    <t>2021BU19661204</t>
  </si>
  <si>
    <t>Kleine Huisjes</t>
  </si>
  <si>
    <t>buurt_gegeneraliseerd_2021.a7eb706a-7f1e-4e3b-bd7a-6b39f6d5a43c</t>
  </si>
  <si>
    <t>BU19661209</t>
  </si>
  <si>
    <t>2021BU19661209</t>
  </si>
  <si>
    <t>Verspreide huizen Kloosterburen</t>
  </si>
  <si>
    <t>buurt_gegeneraliseerd_2021.5784ec78-a0b3-4636-84d7-3d5bdd14df47</t>
  </si>
  <si>
    <t>BU19690000</t>
  </si>
  <si>
    <t>2021BU19690000</t>
  </si>
  <si>
    <t>Grootegast</t>
  </si>
  <si>
    <t>GM1969</t>
  </si>
  <si>
    <t>buurt_gegeneraliseerd_2021.7830da4d-4e05-46e9-b1c8-2cb2a1aafe53</t>
  </si>
  <si>
    <t>BU19690001</t>
  </si>
  <si>
    <t>2021BU19690001</t>
  </si>
  <si>
    <t>Doezum</t>
  </si>
  <si>
    <t>buurt_gegeneraliseerd_2021.4c062f82-079d-4a58-a231-4a552abf3088</t>
  </si>
  <si>
    <t>BU19690002</t>
  </si>
  <si>
    <t>2021BU19690002</t>
  </si>
  <si>
    <t>Sebaldeburen</t>
  </si>
  <si>
    <t>buurt_gegeneraliseerd_2021.1214647f-b602-42ee-bd37-2c83e9bfd2d8</t>
  </si>
  <si>
    <t>BU19690006</t>
  </si>
  <si>
    <t>2021BU19690006</t>
  </si>
  <si>
    <t>Het Peebos</t>
  </si>
  <si>
    <t>buurt_gegeneraliseerd_2021.7d9fdbe6-d332-4d11-b349-1e730ef98224</t>
  </si>
  <si>
    <t>BU19690007</t>
  </si>
  <si>
    <t>2021BU19690007</t>
  </si>
  <si>
    <t>Verspreide huizen ten zuiden van Sebaldeburen</t>
  </si>
  <si>
    <t>buurt_gegeneraliseerd_2021.9033da07-5888-49cf-887b-bf456bd2c8c4</t>
  </si>
  <si>
    <t>BU19690008</t>
  </si>
  <si>
    <t>2021BU19690008</t>
  </si>
  <si>
    <t>Verspreide huizen ten zuiden van Grootegast</t>
  </si>
  <si>
    <t>buurt_gegeneraliseerd_2021.423ec39b-b8f3-452f-bc35-7e0c725b688e</t>
  </si>
  <si>
    <t>BU19690009</t>
  </si>
  <si>
    <t>2021BU19690009</t>
  </si>
  <si>
    <t>buurt_gegeneraliseerd_2021.9e7f1ac4-dddb-42c9-ab42-ddbd3f5ceacf</t>
  </si>
  <si>
    <t>BU19690100</t>
  </si>
  <si>
    <t>2021BU19690100</t>
  </si>
  <si>
    <t>Lutjegast</t>
  </si>
  <si>
    <t>buurt_gegeneraliseerd_2021.aab72497-0559-4683-a763-d408f58853c9</t>
  </si>
  <si>
    <t>BU19690109</t>
  </si>
  <si>
    <t>2021BU19690109</t>
  </si>
  <si>
    <t>Verspreide huizen Lutjegast</t>
  </si>
  <si>
    <t>buurt_gegeneraliseerd_2021.0a1d7b04-d414-4e5b-ab65-df13150a8b98</t>
  </si>
  <si>
    <t>BU19690200</t>
  </si>
  <si>
    <t>2021BU19690200</t>
  </si>
  <si>
    <t>Opende-West</t>
  </si>
  <si>
    <t>buurt_gegeneraliseerd_2021.776a7118-32b6-4fec-a928-bdbec3c5f461</t>
  </si>
  <si>
    <t>BU19690201</t>
  </si>
  <si>
    <t>2021BU19690201</t>
  </si>
  <si>
    <t>Opende-Oost</t>
  </si>
  <si>
    <t>buurt_gegeneraliseerd_2021.60f329fb-4da7-4171-a320-1859aa422fe9</t>
  </si>
  <si>
    <t>BU19690202</t>
  </si>
  <si>
    <t>2021BU19690202</t>
  </si>
  <si>
    <t>Kornhorn</t>
  </si>
  <si>
    <t>buurt_gegeneraliseerd_2021.6d91f85d-e296-42c8-a118-18e0645b20ee</t>
  </si>
  <si>
    <t>BU19690209</t>
  </si>
  <si>
    <t>2021BU19690209</t>
  </si>
  <si>
    <t>Verspreide huizen ten zuiden van Opende</t>
  </si>
  <si>
    <t>buurt_gegeneraliseerd_2021.f18397d3-6ea8-49ce-acb2-1d13156aa3ca</t>
  </si>
  <si>
    <t>BU19690300</t>
  </si>
  <si>
    <t>2021BU19690300</t>
  </si>
  <si>
    <t>buurt_gegeneraliseerd_2021.01054104-8ec0-46f5-bdbb-277a4fc62861</t>
  </si>
  <si>
    <t>BU19690301</t>
  </si>
  <si>
    <t>2021BU19690301</t>
  </si>
  <si>
    <t>Oldekerk</t>
  </si>
  <si>
    <t>buurt_gegeneraliseerd_2021.1b38dd02-1be9-46af-8e7f-7ac8e5ef4201</t>
  </si>
  <si>
    <t>BU19690309</t>
  </si>
  <si>
    <t>2021BU19690309</t>
  </si>
  <si>
    <t>Verspreide huizen Oldekerk</t>
  </si>
  <si>
    <t>buurt_gegeneraliseerd_2021.deb61707-47ba-4df2-af43-0a691205c2c8</t>
  </si>
  <si>
    <t>BU19690401</t>
  </si>
  <si>
    <t>2021BU19690401</t>
  </si>
  <si>
    <t>Diepswal</t>
  </si>
  <si>
    <t>buurt_gegeneraliseerd_2021.b3e250d5-a8c0-4970-95db-f09b59f50c32</t>
  </si>
  <si>
    <t>BU19690402</t>
  </si>
  <si>
    <t>2021BU19690402</t>
  </si>
  <si>
    <t>Centrum Leek en omgeving</t>
  </si>
  <si>
    <t>buurt_gegeneraliseerd_2021.7b7b3e0b-1282-4950-8715-4d131f338963</t>
  </si>
  <si>
    <t>BU19690403</t>
  </si>
  <si>
    <t>2021BU19690403</t>
  </si>
  <si>
    <t>Rodenburg en omgeving</t>
  </si>
  <si>
    <t>buurt_gegeneraliseerd_2021.5be3d731-83c1-42d2-946e-1e645fe96459</t>
  </si>
  <si>
    <t>BU19690404</t>
  </si>
  <si>
    <t>2021BU19690404</t>
  </si>
  <si>
    <t>Nienoordsrand</t>
  </si>
  <si>
    <t>buurt_gegeneraliseerd_2021.e3dfd507-7f1d-4bdc-91d5-19f6c160c98a</t>
  </si>
  <si>
    <t>BU19690408</t>
  </si>
  <si>
    <t>2021BU19690408</t>
  </si>
  <si>
    <t>Buitengebied ten oosten van Leek</t>
  </si>
  <si>
    <t>buurt_gegeneraliseerd_2021.096b2214-b481-45d2-bf17-70c172a0f7fc</t>
  </si>
  <si>
    <t>BU19690409</t>
  </si>
  <si>
    <t>2021BU19690409</t>
  </si>
  <si>
    <t>Buitengebied ten zuiden van Leek</t>
  </si>
  <si>
    <t>buurt_gegeneraliseerd_2021.ac6b7ab0-646f-44b7-8eef-75b96b21f357</t>
  </si>
  <si>
    <t>BU19690500</t>
  </si>
  <si>
    <t>2021BU19690500</t>
  </si>
  <si>
    <t>Bebouwde kom Zevenhuizen</t>
  </si>
  <si>
    <t>buurt_gegeneraliseerd_2021.1896ddab-cfac-47bf-93f4-091d4769150c</t>
  </si>
  <si>
    <t>BU19690501</t>
  </si>
  <si>
    <t>2021BU19690501</t>
  </si>
  <si>
    <t>De Haspel</t>
  </si>
  <si>
    <t>buurt_gegeneraliseerd_2021.ae65ef49-d569-4112-a4cf-1985c6b4a278</t>
  </si>
  <si>
    <t>BU19690502</t>
  </si>
  <si>
    <t>2021BU19690502</t>
  </si>
  <si>
    <t>Drostinnewijk</t>
  </si>
  <si>
    <t>buurt_gegeneraliseerd_2021.a748dc6a-14fc-4ec2-9659-020b040a520f</t>
  </si>
  <si>
    <t>BU19690503</t>
  </si>
  <si>
    <t>2021BU19690503</t>
  </si>
  <si>
    <t>buurt_gegeneraliseerd_2021.0edde21a-67c5-4e13-b264-13ae5852c536</t>
  </si>
  <si>
    <t>BU19690507</t>
  </si>
  <si>
    <t>2021BU19690507</t>
  </si>
  <si>
    <t>Buitengebied ten noorden van Zevenhuizen</t>
  </si>
  <si>
    <t>buurt_gegeneraliseerd_2021.64b38941-9113-4efb-8742-d663549e04d0</t>
  </si>
  <si>
    <t>BU19690508</t>
  </si>
  <si>
    <t>2021BU19690508</t>
  </si>
  <si>
    <t>Buitengebied ten oosten van Zevenhuizen</t>
  </si>
  <si>
    <t>buurt_gegeneraliseerd_2021.b375e97a-c53e-4be8-9581-cf842714f471</t>
  </si>
  <si>
    <t>BU19690509</t>
  </si>
  <si>
    <t>2021BU19690509</t>
  </si>
  <si>
    <t>Buitengebied ten westen van Zevenhuizen</t>
  </si>
  <si>
    <t>buurt_gegeneraliseerd_2021.d4631445-1bc5-48c2-a265-85d9786913af</t>
  </si>
  <si>
    <t>BU19690600</t>
  </si>
  <si>
    <t>2021BU19690600</t>
  </si>
  <si>
    <t>Bebouwde kom Tolbert</t>
  </si>
  <si>
    <t>buurt_gegeneraliseerd_2021.5b2f3b52-b502-47f4-bc0e-afd0a683414f</t>
  </si>
  <si>
    <t>BU19690601</t>
  </si>
  <si>
    <t>2021BU19690601</t>
  </si>
  <si>
    <t>Sint Maheerdt</t>
  </si>
  <si>
    <t>buurt_gegeneraliseerd_2021.a1da7da5-32a8-4cc6-9929-eafdc4bb0d30</t>
  </si>
  <si>
    <t>BU19690609</t>
  </si>
  <si>
    <t>2021BU19690609</t>
  </si>
  <si>
    <t>Buitengebied Tolbert</t>
  </si>
  <si>
    <t>buurt_gegeneraliseerd_2021.510c3e12-2b05-4157-b85d-36531080ba53</t>
  </si>
  <si>
    <t>BU19690700</t>
  </si>
  <si>
    <t>2021BU19690700</t>
  </si>
  <si>
    <t>Bebouwde kom Midwolde</t>
  </si>
  <si>
    <t>buurt_gegeneraliseerd_2021.e6b201a7-7383-4ccc-adbc-95abaf3514c1</t>
  </si>
  <si>
    <t>BU19690701</t>
  </si>
  <si>
    <t>2021BU19690701</t>
  </si>
  <si>
    <t>Pasop</t>
  </si>
  <si>
    <t>buurt_gegeneraliseerd_2021.df91dee7-9d7b-4624-a0bc-c381784e1a77</t>
  </si>
  <si>
    <t>BU19690709</t>
  </si>
  <si>
    <t>2021BU19690709</t>
  </si>
  <si>
    <t>Buitengebied Midwolde</t>
  </si>
  <si>
    <t>buurt_gegeneraliseerd_2021.66dfa80b-ad17-48ce-9bbe-ba37d15d7c94</t>
  </si>
  <si>
    <t>BU19690800</t>
  </si>
  <si>
    <t>2021BU19690800</t>
  </si>
  <si>
    <t>Bebouwde kom Lettelbert</t>
  </si>
  <si>
    <t>buurt_gegeneraliseerd_2021.2e29753f-d412-4dbc-a632-e240aff14cc6</t>
  </si>
  <si>
    <t>BU19690809</t>
  </si>
  <si>
    <t>2021BU19690809</t>
  </si>
  <si>
    <t>Buitengebied Lettelbert</t>
  </si>
  <si>
    <t>buurt_gegeneraliseerd_2021.1d878eb2-963e-433b-b150-022bb3f9f0c0</t>
  </si>
  <si>
    <t>BU19690900</t>
  </si>
  <si>
    <t>2021BU19690900</t>
  </si>
  <si>
    <t>Bebouwde kom Oostwold</t>
  </si>
  <si>
    <t>buurt_gegeneraliseerd_2021.c5d7e8f7-13df-4615-8304-011dc850b438</t>
  </si>
  <si>
    <t>BU19690909</t>
  </si>
  <si>
    <t>2021BU19690909</t>
  </si>
  <si>
    <t>Buitengebied-Oostwold</t>
  </si>
  <si>
    <t>buurt_gegeneraliseerd_2021.c426ecb6-1c44-4719-a2e5-2086190ea723</t>
  </si>
  <si>
    <t>BU19691000</t>
  </si>
  <si>
    <t>2021BU19691000</t>
  </si>
  <si>
    <t>Bebouwde kom Enumatil</t>
  </si>
  <si>
    <t>buurt_gegeneraliseerd_2021.661e322c-44af-4c65-ba81-bcc6eed915a0</t>
  </si>
  <si>
    <t>BU19691009</t>
  </si>
  <si>
    <t>2021BU19691009</t>
  </si>
  <si>
    <t>Buitengebied Enumatil</t>
  </si>
  <si>
    <t>buurt_gegeneraliseerd_2021.21a515a7-8295-4f7f-9210-272f641ca56d</t>
  </si>
  <si>
    <t>BU19691100</t>
  </si>
  <si>
    <t>2021BU19691100</t>
  </si>
  <si>
    <t>Marum</t>
  </si>
  <si>
    <t>buurt_gegeneraliseerd_2021.4e1d1ec0-bc13-42aa-91a6-42dd6cead4ed</t>
  </si>
  <si>
    <t>BU19691102</t>
  </si>
  <si>
    <t>2021BU19691102</t>
  </si>
  <si>
    <t>Nuis</t>
  </si>
  <si>
    <t>buurt_gegeneraliseerd_2021.5769b5e1-e8cc-464b-89d2-cf66e7388026</t>
  </si>
  <si>
    <t>BU19691103</t>
  </si>
  <si>
    <t>2021BU19691103</t>
  </si>
  <si>
    <t>Niebert</t>
  </si>
  <si>
    <t>buurt_gegeneraliseerd_2021.065665c5-cdc1-4977-8900-384b7498db01</t>
  </si>
  <si>
    <t>BU19691104</t>
  </si>
  <si>
    <t>2021BU19691104</t>
  </si>
  <si>
    <t>Boerakker</t>
  </si>
  <si>
    <t>buurt_gegeneraliseerd_2021.6d46f7bd-824f-4ded-aed6-2c81ca2eb7e7</t>
  </si>
  <si>
    <t>BU19691105</t>
  </si>
  <si>
    <t>2021BU19691105</t>
  </si>
  <si>
    <t>Lucaswolde</t>
  </si>
  <si>
    <t>buurt_gegeneraliseerd_2021.f723d969-1c6c-4780-a3d0-7961f86a0564</t>
  </si>
  <si>
    <t>BU19691106</t>
  </si>
  <si>
    <t>2021BU19691106</t>
  </si>
  <si>
    <t>Noordwijk</t>
  </si>
  <si>
    <t>buurt_gegeneraliseerd_2021.41f6a9dd-2e5e-483d-a227-8dc8f27b5a6e</t>
  </si>
  <si>
    <t>BU19691107</t>
  </si>
  <si>
    <t>2021BU19691107</t>
  </si>
  <si>
    <t>buurt_gegeneraliseerd_2021.916a34d2-6f0b-4ca9-8109-e17a4872e0ee</t>
  </si>
  <si>
    <t>BU19691108</t>
  </si>
  <si>
    <t>2021BU19691108</t>
  </si>
  <si>
    <t>Verspreide huizen in het noordwesten</t>
  </si>
  <si>
    <t>buurt_gegeneraliseerd_2021.deb2b3b0-b6d9-4017-a20f-831ce6187250</t>
  </si>
  <si>
    <t>BU19691109</t>
  </si>
  <si>
    <t>2021BU19691109</t>
  </si>
  <si>
    <t>Verspreide huizen in het noordoosten</t>
  </si>
  <si>
    <t>buurt_gegeneraliseerd_2021.4f2e8f8f-7529-41f1-bd1f-ca3f90f92e1f</t>
  </si>
  <si>
    <t>BU19691200</t>
  </si>
  <si>
    <t>2021BU19691200</t>
  </si>
  <si>
    <t>De Wilp (gedeeltelijk)</t>
  </si>
  <si>
    <t>buurt_gegeneraliseerd_2021.a978cee1-1851-41fa-a82c-793c70ac10b9</t>
  </si>
  <si>
    <t>BU19691201</t>
  </si>
  <si>
    <t>2021BU19691201</t>
  </si>
  <si>
    <t>Wilpstervaart</t>
  </si>
  <si>
    <t>buurt_gegeneraliseerd_2021.33b0f509-a435-4ff7-8f45-72e6c2878da7</t>
  </si>
  <si>
    <t>BU19691202</t>
  </si>
  <si>
    <t>2021BU19691202</t>
  </si>
  <si>
    <t>Keuningswijk</t>
  </si>
  <si>
    <t>buurt_gegeneraliseerd_2021.cec427ba-b8fe-4897-aefb-c918f1be63d5</t>
  </si>
  <si>
    <t>BU19691204</t>
  </si>
  <si>
    <t>2021BU19691204</t>
  </si>
  <si>
    <t>Jonkersvaart</t>
  </si>
  <si>
    <t>buurt_gegeneraliseerd_2021.bfb0a8ab-2f14-4297-b33e-cdf2d5b5428d</t>
  </si>
  <si>
    <t>BU19691208</t>
  </si>
  <si>
    <t>2021BU19691208</t>
  </si>
  <si>
    <t>Verspreide huizen ten noorden van Jonkersvaart</t>
  </si>
  <si>
    <t>buurt_gegeneraliseerd_2021.b7bd2442-8065-4fc6-ba56-48562f0b6635</t>
  </si>
  <si>
    <t>BU19691209</t>
  </si>
  <si>
    <t>2021BU19691209</t>
  </si>
  <si>
    <t>Verspreide huizen ten noorden van de Wilp</t>
  </si>
  <si>
    <t>buurt_gegeneraliseerd_2021.ac6a45b3-292f-42cd-a7c7-9c4f052543be</t>
  </si>
  <si>
    <t>BU19691300</t>
  </si>
  <si>
    <t>2021BU19691300</t>
  </si>
  <si>
    <t>Ezinge</t>
  </si>
  <si>
    <t>buurt_gegeneraliseerd_2021.ce411b3a-1117-46f7-9520-e6e9e7c71ec3</t>
  </si>
  <si>
    <t>BU19691301</t>
  </si>
  <si>
    <t>2021BU19691301</t>
  </si>
  <si>
    <t>Feerwerd</t>
  </si>
  <si>
    <t>buurt_gegeneraliseerd_2021.dd2cd381-f6c2-4dec-abc5-ee1b1271b9b5</t>
  </si>
  <si>
    <t>BU19691302</t>
  </si>
  <si>
    <t>2021BU19691302</t>
  </si>
  <si>
    <t>Garnwerd</t>
  </si>
  <si>
    <t>buurt_gegeneraliseerd_2021.2a482c08-127b-4c91-ae7b-ae6ce2563c26</t>
  </si>
  <si>
    <t>BU19691309</t>
  </si>
  <si>
    <t>2021BU19691309</t>
  </si>
  <si>
    <t>Verspreide huizen Ezinge</t>
  </si>
  <si>
    <t>buurt_gegeneraliseerd_2021.4bc858a0-02b2-4b9e-b14f-e825e0627cd3</t>
  </si>
  <si>
    <t>BU19691400</t>
  </si>
  <si>
    <t>2021BU19691400</t>
  </si>
  <si>
    <t>Zuidhorn</t>
  </si>
  <si>
    <t>buurt_gegeneraliseerd_2021.2d071988-e8f1-4a03-b16a-15ee86f26c83</t>
  </si>
  <si>
    <t>BU19691401</t>
  </si>
  <si>
    <t>2021BU19691401</t>
  </si>
  <si>
    <t>Noordhorn</t>
  </si>
  <si>
    <t>buurt_gegeneraliseerd_2021.5ccafc9f-955f-4073-b6d3-733933712d5d</t>
  </si>
  <si>
    <t>BU19691402</t>
  </si>
  <si>
    <t>2021BU19691402</t>
  </si>
  <si>
    <t>Niezijl</t>
  </si>
  <si>
    <t>buurt_gegeneraliseerd_2021.be9f4b5c-fb9f-4eef-99fc-79a378c2d86e</t>
  </si>
  <si>
    <t>BU19691403</t>
  </si>
  <si>
    <t>2021BU19691403</t>
  </si>
  <si>
    <t>Briltil</t>
  </si>
  <si>
    <t>buurt_gegeneraliseerd_2021.bc35c256-0736-4300-abbf-ffd3e8963404</t>
  </si>
  <si>
    <t>BU19691409</t>
  </si>
  <si>
    <t>2021BU19691409</t>
  </si>
  <si>
    <t>Verspreide huizen Zuidhorn</t>
  </si>
  <si>
    <t>buurt_gegeneraliseerd_2021.f2a09e9a-963f-4c19-9e7d-f998a37f2bde</t>
  </si>
  <si>
    <t>BU19691500</t>
  </si>
  <si>
    <t>2021BU19691500</t>
  </si>
  <si>
    <t>Grijpskerk</t>
  </si>
  <si>
    <t>buurt_gegeneraliseerd_2021.d55d634e-83b6-4dc5-8a41-58939a820369</t>
  </si>
  <si>
    <t>BU19691502</t>
  </si>
  <si>
    <t>2021BU19691502</t>
  </si>
  <si>
    <t>Visvliet</t>
  </si>
  <si>
    <t>buurt_gegeneraliseerd_2021.857ab0a2-a761-4831-8cd5-f66571709522</t>
  </si>
  <si>
    <t>BU19691503</t>
  </si>
  <si>
    <t>2021BU19691503</t>
  </si>
  <si>
    <t>Kommerzijl</t>
  </si>
  <si>
    <t>buurt_gegeneraliseerd_2021.9c0b67e5-013d-42c4-8f62-04f48b3da2c7</t>
  </si>
  <si>
    <t>BU19691504</t>
  </si>
  <si>
    <t>2021BU19691504</t>
  </si>
  <si>
    <t>Pieterzijl</t>
  </si>
  <si>
    <t>buurt_gegeneraliseerd_2021.0a147ff3-85f2-40fd-910d-cf885ee5c6a1</t>
  </si>
  <si>
    <t>BU19691509</t>
  </si>
  <si>
    <t>2021BU19691509</t>
  </si>
  <si>
    <t>Verspreide huizen Grijpskerk</t>
  </si>
  <si>
    <t>buurt_gegeneraliseerd_2021.afa795a0-f62b-4473-8a20-1912659c4f01</t>
  </si>
  <si>
    <t>BU19691600</t>
  </si>
  <si>
    <t>2021BU19691600</t>
  </si>
  <si>
    <t>buurt_gegeneraliseerd_2021.65ba78b5-7da6-4f72-96b7-6ad1083686f1</t>
  </si>
  <si>
    <t>BU19691601</t>
  </si>
  <si>
    <t>2021BU19691601</t>
  </si>
  <si>
    <t>Niehove</t>
  </si>
  <si>
    <t>buurt_gegeneraliseerd_2021.0c7b321d-e0b2-49e6-86f7-c0058cdbfb03</t>
  </si>
  <si>
    <t>BU19691603</t>
  </si>
  <si>
    <t>2021BU19691603</t>
  </si>
  <si>
    <t>Saaksum</t>
  </si>
  <si>
    <t>buurt_gegeneraliseerd_2021.8b976487-91b1-47a2-9014-6ca507eea902</t>
  </si>
  <si>
    <t>BU19691604</t>
  </si>
  <si>
    <t>2021BU19691604</t>
  </si>
  <si>
    <t>Lauwerzijl</t>
  </si>
  <si>
    <t>buurt_gegeneraliseerd_2021.1c436310-a888-4d1a-bb65-55585295ee4c</t>
  </si>
  <si>
    <t>BU19691608</t>
  </si>
  <si>
    <t>2021BU19691608</t>
  </si>
  <si>
    <t>Verspreide huizen Ruigezand en Nieuwe Ruigezand</t>
  </si>
  <si>
    <t>buurt_gegeneraliseerd_2021.5ea112e7-c171-4a88-a503-ca1e10ccdb96</t>
  </si>
  <si>
    <t>BU19691609</t>
  </si>
  <si>
    <t>2021BU19691609</t>
  </si>
  <si>
    <t>buurt_gegeneraliseerd_2021.b5a45e9e-56ae-44a1-bd35-8cf63a00bf2d</t>
  </si>
  <si>
    <t>BU19691700</t>
  </si>
  <si>
    <t>2021BU19691700</t>
  </si>
  <si>
    <t>Aduard</t>
  </si>
  <si>
    <t>buurt_gegeneraliseerd_2021.0a84c60c-cb98-4ebe-97c9-de6980a70766</t>
  </si>
  <si>
    <t>BU19691701</t>
  </si>
  <si>
    <t>2021BU19691701</t>
  </si>
  <si>
    <t>Den Horn</t>
  </si>
  <si>
    <t>buurt_gegeneraliseerd_2021.72ffba23-17d7-4a17-81dd-133a91771daf</t>
  </si>
  <si>
    <t>BU19691702</t>
  </si>
  <si>
    <t>2021BU19691702</t>
  </si>
  <si>
    <t>Den Ham</t>
  </si>
  <si>
    <t>buurt_gegeneraliseerd_2021.894fabcd-889a-4be6-8dae-fda14cdea4c0</t>
  </si>
  <si>
    <t>BU19691709</t>
  </si>
  <si>
    <t>2021BU19691709</t>
  </si>
  <si>
    <t>Verspreide huizen Aduard</t>
  </si>
  <si>
    <t>buurt_gegeneraliseerd_2021.1073a78f-1421-4c07-a629-659251a4bec1</t>
  </si>
  <si>
    <t>BU19700000</t>
  </si>
  <si>
    <t>2021BU19700000</t>
  </si>
  <si>
    <t>Dokkum binnen de Bolwerken</t>
  </si>
  <si>
    <t>GM1970</t>
  </si>
  <si>
    <t>buurt_gegeneraliseerd_2021.0c0397ed-2796-4970-ab31-090808a51b9f</t>
  </si>
  <si>
    <t>BU19700001</t>
  </si>
  <si>
    <t>2021BU19700001</t>
  </si>
  <si>
    <t>Dokkum Noord</t>
  </si>
  <si>
    <t>buurt_gegeneraliseerd_2021.50fd04f7-61e5-4add-98bf-916d93ac83de</t>
  </si>
  <si>
    <t>BU19700002</t>
  </si>
  <si>
    <t>2021BU19700002</t>
  </si>
  <si>
    <t>Dokkum Fonteinslanden</t>
  </si>
  <si>
    <t>buurt_gegeneraliseerd_2021.4773d618-11df-4d4c-b222-1e2b7ddb2837</t>
  </si>
  <si>
    <t>BU19700003</t>
  </si>
  <si>
    <t>2021BU19700003</t>
  </si>
  <si>
    <t>Dokkum Fugellan</t>
  </si>
  <si>
    <t>buurt_gegeneraliseerd_2021.b85052d7-8e4d-460f-b29a-8e69fa496d07</t>
  </si>
  <si>
    <t>BU19700004</t>
  </si>
  <si>
    <t>2021BU19700004</t>
  </si>
  <si>
    <t>Dokkum Betterwird</t>
  </si>
  <si>
    <t>buurt_gegeneraliseerd_2021.5e5074a3-3e78-4d6b-b500-b22431141cf1</t>
  </si>
  <si>
    <t>BU19700005</t>
  </si>
  <si>
    <t>2021BU19700005</t>
  </si>
  <si>
    <t>Dokkum Hoedemakerspolder</t>
  </si>
  <si>
    <t>buurt_gegeneraliseerd_2021.c9705750-ec7f-46a1-a567-5aadb9e3ecf4</t>
  </si>
  <si>
    <t>BU19700006</t>
  </si>
  <si>
    <t>2021BU19700006</t>
  </si>
  <si>
    <t>Dokkum De Woudhorne</t>
  </si>
  <si>
    <t>buurt_gegeneraliseerd_2021.cb114d1f-2919-4ff0-b9d0-0988e200d56f</t>
  </si>
  <si>
    <t>BU19700007</t>
  </si>
  <si>
    <t>2021BU19700007</t>
  </si>
  <si>
    <t>De Trije Terpen</t>
  </si>
  <si>
    <t>buurt_gegeneraliseerd_2021.388d2c91-b2e6-4880-99be-30b361d0af81</t>
  </si>
  <si>
    <t>BU19700008</t>
  </si>
  <si>
    <t>2021BU19700008</t>
  </si>
  <si>
    <t>Dokkum Weeshuislanden</t>
  </si>
  <si>
    <t>buurt_gegeneraliseerd_2021.b6721670-962d-4130-bc70-930010d197ee</t>
  </si>
  <si>
    <t>BU19700009</t>
  </si>
  <si>
    <t>2021BU19700009</t>
  </si>
  <si>
    <t>Dokkum Jantjeszeepolder</t>
  </si>
  <si>
    <t>buurt_gegeneraliseerd_2021.9bd8c324-fd7e-48ef-b012-90102100425c</t>
  </si>
  <si>
    <t>BU19700010</t>
  </si>
  <si>
    <t>2021BU19700010</t>
  </si>
  <si>
    <t>Dokkum Kooilanden</t>
  </si>
  <si>
    <t>buurt_gegeneraliseerd_2021.89aadc94-5bed-4f07-a7ec-853786d679cc</t>
  </si>
  <si>
    <t>BU19700011</t>
  </si>
  <si>
    <t>2021BU19700011</t>
  </si>
  <si>
    <t>Dokkum Hogedijken</t>
  </si>
  <si>
    <t>buurt_gegeneraliseerd_2021.7c003673-b6c6-4266-9e0b-8f15ce9cba64</t>
  </si>
  <si>
    <t>BU19700100</t>
  </si>
  <si>
    <t>2021BU19700100</t>
  </si>
  <si>
    <t>Metslawier</t>
  </si>
  <si>
    <t>buurt_gegeneraliseerd_2021.f2b95bd4-7d18-48ed-a355-8f834a42f293</t>
  </si>
  <si>
    <t>BU19700101</t>
  </si>
  <si>
    <t>2021BU19700101</t>
  </si>
  <si>
    <t>Jouswier</t>
  </si>
  <si>
    <t>buurt_gegeneraliseerd_2021.ea8bc2e6-ea35-4724-b7e3-2055cfb8fabf</t>
  </si>
  <si>
    <t>BU19700102</t>
  </si>
  <si>
    <t>2021BU19700102</t>
  </si>
  <si>
    <t>Niawier</t>
  </si>
  <si>
    <t>buurt_gegeneraliseerd_2021.8f1d2e2e-12fc-410f-80a7-37c702d82f82</t>
  </si>
  <si>
    <t>BU19700103</t>
  </si>
  <si>
    <t>2021BU19700103</t>
  </si>
  <si>
    <t>Wetsens</t>
  </si>
  <si>
    <t>buurt_gegeneraliseerd_2021.b73fe3d6-4f87-486f-863e-34d49f4ca00a</t>
  </si>
  <si>
    <t>BU19700104</t>
  </si>
  <si>
    <t>2021BU19700104</t>
  </si>
  <si>
    <t>Aalsum</t>
  </si>
  <si>
    <t>buurt_gegeneraliseerd_2021.527e45b1-1c61-4c5c-bfb1-d1007c70488e</t>
  </si>
  <si>
    <t>BU19700105</t>
  </si>
  <si>
    <t>2021BU19700105</t>
  </si>
  <si>
    <t>buurt_gegeneraliseerd_2021.90046411-67b5-49b5-ba4b-ed6660b305dd</t>
  </si>
  <si>
    <t>BU19700107</t>
  </si>
  <si>
    <t>2021BU19700107</t>
  </si>
  <si>
    <t>Verspreide huizen Metslawier</t>
  </si>
  <si>
    <t>buurt_gegeneraliseerd_2021.13a58c32-5b1f-4f95-a212-bbe228a3a952</t>
  </si>
  <si>
    <t>BU19700108</t>
  </si>
  <si>
    <t>2021BU19700108</t>
  </si>
  <si>
    <t>Verspreide huizen Niawier</t>
  </si>
  <si>
    <t>buurt_gegeneraliseerd_2021.2fe422d1-9499-400e-89f9-2f52692f304d</t>
  </si>
  <si>
    <t>BU19700109</t>
  </si>
  <si>
    <t>2021BU19700109</t>
  </si>
  <si>
    <t>Verspreide huizen Oostrum</t>
  </si>
  <si>
    <t>buurt_gegeneraliseerd_2021.a6e32a50-ade3-4001-93f9-3d38b8a12c0f</t>
  </si>
  <si>
    <t>BU19700200</t>
  </si>
  <si>
    <t>2021BU19700200</t>
  </si>
  <si>
    <t>Ee</t>
  </si>
  <si>
    <t>buurt_gegeneraliseerd_2021.f80233bf-a553-4300-8eaa-b0017414c934</t>
  </si>
  <si>
    <t>BU19700201</t>
  </si>
  <si>
    <t>2021BU19700201</t>
  </si>
  <si>
    <t>Engwierum</t>
  </si>
  <si>
    <t>buurt_gegeneraliseerd_2021.8482833b-726e-4720-9e30-492ed2cb0db5</t>
  </si>
  <si>
    <t>BU19700202</t>
  </si>
  <si>
    <t>2021BU19700202</t>
  </si>
  <si>
    <t>Dokkumer Nieuwe Zijlen</t>
  </si>
  <si>
    <t>buurt_gegeneraliseerd_2021.56d0d6f6-b96e-4b32-8da5-cc2d254abe93</t>
  </si>
  <si>
    <t>BU19700208</t>
  </si>
  <si>
    <t>2021BU19700208</t>
  </si>
  <si>
    <t>Verspreide huizen Ee</t>
  </si>
  <si>
    <t>buurt_gegeneraliseerd_2021.f6d57adf-1a7b-4fdd-aba0-d0cfa94f483f</t>
  </si>
  <si>
    <t>BU19700209</t>
  </si>
  <si>
    <t>2021BU19700209</t>
  </si>
  <si>
    <t>Verspreide huizen Engwierum</t>
  </si>
  <si>
    <t>buurt_gegeneraliseerd_2021.86329df3-7c93-495d-9214-27da3137d980</t>
  </si>
  <si>
    <t>BU19700300</t>
  </si>
  <si>
    <t>2021BU19700300</t>
  </si>
  <si>
    <t>Anjum</t>
  </si>
  <si>
    <t>buurt_gegeneraliseerd_2021.95b23b6e-4329-4249-b824-4791c9617312</t>
  </si>
  <si>
    <t>BU19700301</t>
  </si>
  <si>
    <t>2021BU19700301</t>
  </si>
  <si>
    <t>Lioessens</t>
  </si>
  <si>
    <t>buurt_gegeneraliseerd_2021.ba8e4470-ceae-4f9d-b3bb-53f048e3141c</t>
  </si>
  <si>
    <t>BU19700302</t>
  </si>
  <si>
    <t>2021BU19700302</t>
  </si>
  <si>
    <t>Morra</t>
  </si>
  <si>
    <t>buurt_gegeneraliseerd_2021.373f3043-a509-4edd-8ec7-5ec48b27b69d</t>
  </si>
  <si>
    <t>BU19700303</t>
  </si>
  <si>
    <t>2021BU19700303</t>
  </si>
  <si>
    <t>Oostmahorn</t>
  </si>
  <si>
    <t>buurt_gegeneraliseerd_2021.032a29f3-5323-416e-8172-f3d1e85d8e5c</t>
  </si>
  <si>
    <t>BU19700307</t>
  </si>
  <si>
    <t>2021BU19700307</t>
  </si>
  <si>
    <t>Verspreide huizen Anjum</t>
  </si>
  <si>
    <t>buurt_gegeneraliseerd_2021.988e2b8c-864c-46d2-b44f-2d1d64d30f28</t>
  </si>
  <si>
    <t>BU19700308</t>
  </si>
  <si>
    <t>2021BU19700308</t>
  </si>
  <si>
    <t>Verspreide huizen Lioessens</t>
  </si>
  <si>
    <t>buurt_gegeneraliseerd_2021.9e37d8de-1553-4069-bcdd-9a8babbc94d4</t>
  </si>
  <si>
    <t>BU19700309</t>
  </si>
  <si>
    <t>2021BU19700309</t>
  </si>
  <si>
    <t>Verspreide huizen Morra</t>
  </si>
  <si>
    <t>buurt_gegeneraliseerd_2021.810f9c7b-a0fd-48bc-98f2-ffcec95f141d</t>
  </si>
  <si>
    <t>BU19700400</t>
  </si>
  <si>
    <t>2021BU19700400</t>
  </si>
  <si>
    <t>Oosternijkerk</t>
  </si>
  <si>
    <t>buurt_gegeneraliseerd_2021.edd659cb-87af-4f28-84e8-606ab135aafc</t>
  </si>
  <si>
    <t>BU19700401</t>
  </si>
  <si>
    <t>2021BU19700401</t>
  </si>
  <si>
    <t>Paesens</t>
  </si>
  <si>
    <t>buurt_gegeneraliseerd_2021.bb12f449-e552-4e91-8ae6-81565cabe24e</t>
  </si>
  <si>
    <t>BU19700408</t>
  </si>
  <si>
    <t>2021BU19700408</t>
  </si>
  <si>
    <t>Verspreide huizen Oosternijkerk</t>
  </si>
  <si>
    <t>buurt_gegeneraliseerd_2021.964de25a-0443-4c70-83b1-9c51b2c52cdb</t>
  </si>
  <si>
    <t>BU19700409</t>
  </si>
  <si>
    <t>2021BU19700409</t>
  </si>
  <si>
    <t>Verspreide huizen Paesens</t>
  </si>
  <si>
    <t>buurt_gegeneraliseerd_2021.f7408a82-7619-4086-b25a-dbe518e597fb</t>
  </si>
  <si>
    <t>BU19700500</t>
  </si>
  <si>
    <t>2021BU19700500</t>
  </si>
  <si>
    <t>Ternaard</t>
  </si>
  <si>
    <t>buurt_gegeneraliseerd_2021.e7db6468-0d1a-49f7-8d14-5f679987fb0e</t>
  </si>
  <si>
    <t>BU19700501</t>
  </si>
  <si>
    <t>2021BU19700501</t>
  </si>
  <si>
    <t>Wierum</t>
  </si>
  <si>
    <t>buurt_gegeneraliseerd_2021.bf9cc1d1-b4e2-4f53-b228-f32b8feccd23</t>
  </si>
  <si>
    <t>BU19700502</t>
  </si>
  <si>
    <t>2021BU19700502</t>
  </si>
  <si>
    <t>buurt_gegeneraliseerd_2021.de87e617-889d-42b4-845b-b0e801e4d7a8</t>
  </si>
  <si>
    <t>BU19700503</t>
  </si>
  <si>
    <t>2021BU19700503</t>
  </si>
  <si>
    <t>Moddergat</t>
  </si>
  <si>
    <t>buurt_gegeneraliseerd_2021.dc0cd110-023f-4f74-ac75-a5cd2215fa6c</t>
  </si>
  <si>
    <t>BU19700506</t>
  </si>
  <si>
    <t>2021BU19700506</t>
  </si>
  <si>
    <t>Verspreide huizen Ternaard</t>
  </si>
  <si>
    <t>buurt_gegeneraliseerd_2021.31061bbb-143a-44eb-899e-b96d90c5d504</t>
  </si>
  <si>
    <t>BU19700507</t>
  </si>
  <si>
    <t>2021BU19700507</t>
  </si>
  <si>
    <t>Verspreide huizen Wierum</t>
  </si>
  <si>
    <t>buurt_gegeneraliseerd_2021.f97f7dbd-155d-4bd0-9aae-d2f62ada8c68</t>
  </si>
  <si>
    <t>BU19700508</t>
  </si>
  <si>
    <t>2021BU19700508</t>
  </si>
  <si>
    <t>buurt_gegeneraliseerd_2021.7eb6dea4-881e-4e94-b3d1-6104d18d82b0</t>
  </si>
  <si>
    <t>BU19700509</t>
  </si>
  <si>
    <t>2021BU19700509</t>
  </si>
  <si>
    <t>Verspreide huizen Moddergat</t>
  </si>
  <si>
    <t>buurt_gegeneraliseerd_2021.06f1608d-12af-40f9-8d70-c6fb34a0f167</t>
  </si>
  <si>
    <t>BU19700600</t>
  </si>
  <si>
    <t>2021BU19700600</t>
  </si>
  <si>
    <t>Holwerd</t>
  </si>
  <si>
    <t>buurt_gegeneraliseerd_2021.1be48e65-4635-4f16-8ef3-4f9a360b6199</t>
  </si>
  <si>
    <t>BU19700601</t>
  </si>
  <si>
    <t>2021BU19700601</t>
  </si>
  <si>
    <t>Waaxens</t>
  </si>
  <si>
    <t>buurt_gegeneraliseerd_2021.7e9b98a1-ab04-4673-9d14-dfaf1c45aceb</t>
  </si>
  <si>
    <t>BU19700602</t>
  </si>
  <si>
    <t>2021BU19700602</t>
  </si>
  <si>
    <t>Brantgum</t>
  </si>
  <si>
    <t>buurt_gegeneraliseerd_2021.8b80e38e-d982-4724-beca-3a77b2d42621</t>
  </si>
  <si>
    <t>BU19700603</t>
  </si>
  <si>
    <t>2021BU19700603</t>
  </si>
  <si>
    <t>Foudgum</t>
  </si>
  <si>
    <t>buurt_gegeneraliseerd_2021.d2e387c5-f037-4452-8461-f06dd026a778</t>
  </si>
  <si>
    <t>BU19700604</t>
  </si>
  <si>
    <t>2021BU19700604</t>
  </si>
  <si>
    <t>Bornwird</t>
  </si>
  <si>
    <t>buurt_gegeneraliseerd_2021.bbac0a05-0f33-43c2-b366-86e54597dbe1</t>
  </si>
  <si>
    <t>BU19700605</t>
  </si>
  <si>
    <t>2021BU19700605</t>
  </si>
  <si>
    <t>Raard</t>
  </si>
  <si>
    <t>buurt_gegeneraliseerd_2021.4b03d364-7290-489f-a686-47893c509a41</t>
  </si>
  <si>
    <t>BU19700608</t>
  </si>
  <si>
    <t>2021BU19700608</t>
  </si>
  <si>
    <t>Verspreide huizen Holwerd</t>
  </si>
  <si>
    <t>buurt_gegeneraliseerd_2021.92d513cd-9fe8-4c72-8cdc-44cf70831596</t>
  </si>
  <si>
    <t>BU19700609</t>
  </si>
  <si>
    <t>2021BU19700609</t>
  </si>
  <si>
    <t>Verspreide huizen Brantgum</t>
  </si>
  <si>
    <t>buurt_gegeneraliseerd_2021.74e9783a-c6a5-4dc4-a3fd-8da723ebdaba</t>
  </si>
  <si>
    <t>BU19700700</t>
  </si>
  <si>
    <t>2021BU19700700</t>
  </si>
  <si>
    <t>Hantum</t>
  </si>
  <si>
    <t>buurt_gegeneraliseerd_2021.b61221b0-3313-4fcf-8395-26af0a52032b</t>
  </si>
  <si>
    <t>BU19700701</t>
  </si>
  <si>
    <t>2021BU19700701</t>
  </si>
  <si>
    <t>Hantumhuizen</t>
  </si>
  <si>
    <t>buurt_gegeneraliseerd_2021.a1c3cb9a-c71b-4e2f-983d-a85391845cec</t>
  </si>
  <si>
    <t>BU19700702</t>
  </si>
  <si>
    <t>2021BU19700702</t>
  </si>
  <si>
    <t>Hantumeruitburen</t>
  </si>
  <si>
    <t>buurt_gegeneraliseerd_2021.ed561a28-7bba-4daf-8987-af5cccc5a670</t>
  </si>
  <si>
    <t>BU19700703</t>
  </si>
  <si>
    <t>2021BU19700703</t>
  </si>
  <si>
    <t>Hiaure</t>
  </si>
  <si>
    <t>buurt_gegeneraliseerd_2021.b93352cc-da17-4a9d-935c-ddaa631ad4cf</t>
  </si>
  <si>
    <t>BU19700708</t>
  </si>
  <si>
    <t>2021BU19700708</t>
  </si>
  <si>
    <t>Verspreide huizen Hantum</t>
  </si>
  <si>
    <t>buurt_gegeneraliseerd_2021.3f4c9947-afa3-439f-8b41-44a5f8835fc1</t>
  </si>
  <si>
    <t>BU19700709</t>
  </si>
  <si>
    <t>2021BU19700709</t>
  </si>
  <si>
    <t>Verspreide huizen Hantumhuizen</t>
  </si>
  <si>
    <t>buurt_gegeneraliseerd_2021.41f68fb1-61c6-4a03-8262-ce6f7a55579b</t>
  </si>
  <si>
    <t>BU19700800</t>
  </si>
  <si>
    <t>2021BU19700800</t>
  </si>
  <si>
    <t>Ferwerd</t>
  </si>
  <si>
    <t>buurt_gegeneraliseerd_2021.c7447451-8f2d-4cc8-90c3-661e504b7157</t>
  </si>
  <si>
    <t>BU19700801</t>
  </si>
  <si>
    <t>2021BU19700801</t>
  </si>
  <si>
    <t>Marrum</t>
  </si>
  <si>
    <t>buurt_gegeneraliseerd_2021.bde83ae2-00e0-4dd6-be56-cc9fd96064c1</t>
  </si>
  <si>
    <t>BU19700802</t>
  </si>
  <si>
    <t>2021BU19700802</t>
  </si>
  <si>
    <t>Blija</t>
  </si>
  <si>
    <t>buurt_gegeneraliseerd_2021.dda10513-42e6-43e3-b67b-e24ad4a5f464</t>
  </si>
  <si>
    <t>BU19700803</t>
  </si>
  <si>
    <t>2021BU19700803</t>
  </si>
  <si>
    <t>Hogebeintum</t>
  </si>
  <si>
    <t>buurt_gegeneraliseerd_2021.e41f4c75-91c9-426b-8b68-0e0be700f7ec</t>
  </si>
  <si>
    <t>BU19700807</t>
  </si>
  <si>
    <t>2021BU19700807</t>
  </si>
  <si>
    <t>Verspreide huizen Ferwerd</t>
  </si>
  <si>
    <t>buurt_gegeneraliseerd_2021.2a5cb72a-dec8-4d85-bc4c-ac68f5a792c0</t>
  </si>
  <si>
    <t>BU19700808</t>
  </si>
  <si>
    <t>2021BU19700808</t>
  </si>
  <si>
    <t>Verspreide huizen Marrum-Westernijkerk</t>
  </si>
  <si>
    <t>buurt_gegeneraliseerd_2021.9da51bf8-ff98-42b8-8d02-8d71a47a3774</t>
  </si>
  <si>
    <t>BU19700809</t>
  </si>
  <si>
    <t>2021BU19700809</t>
  </si>
  <si>
    <t>Verspreide huizen Blija</t>
  </si>
  <si>
    <t>buurt_gegeneraliseerd_2021.2eb9cc63-34b9-44ef-b161-4e6c2b169b92</t>
  </si>
  <si>
    <t>BU19700900</t>
  </si>
  <si>
    <t>2021BU19700900</t>
  </si>
  <si>
    <t>Hallum</t>
  </si>
  <si>
    <t>buurt_gegeneraliseerd_2021.441b1426-74b4-43fc-8b19-bb502f3dec94</t>
  </si>
  <si>
    <t>BU19700909</t>
  </si>
  <si>
    <t>2021BU19700909</t>
  </si>
  <si>
    <t>Verspreide huizen Hallum</t>
  </si>
  <si>
    <t>buurt_gegeneraliseerd_2021.8bdab504-0b8c-4266-a3e9-ba217b9d2896</t>
  </si>
  <si>
    <t>BU19701000</t>
  </si>
  <si>
    <t>2021BU19701000</t>
  </si>
  <si>
    <t>Birdaard</t>
  </si>
  <si>
    <t>buurt_gegeneraliseerd_2021.1354a344-7ba7-40a5-9ecd-2556af93aa02</t>
  </si>
  <si>
    <t>BU19701001</t>
  </si>
  <si>
    <t>2021BU19701001</t>
  </si>
  <si>
    <t>Wanswerd</t>
  </si>
  <si>
    <t>buurt_gegeneraliseerd_2021.aaa1614b-2f6d-41e1-840a-465d2370a2f2</t>
  </si>
  <si>
    <t>BU19701002</t>
  </si>
  <si>
    <t>2021BU19701002</t>
  </si>
  <si>
    <t>Jislum</t>
  </si>
  <si>
    <t>buurt_gegeneraliseerd_2021.cbe9261e-3520-431c-813a-791248d6c0f8</t>
  </si>
  <si>
    <t>BU19701003</t>
  </si>
  <si>
    <t>2021BU19701003</t>
  </si>
  <si>
    <t>Genum</t>
  </si>
  <si>
    <t>buurt_gegeneraliseerd_2021.4c1926e5-efdb-4c00-bf31-865c399c922a</t>
  </si>
  <si>
    <t>BU19701004</t>
  </si>
  <si>
    <t>2021BU19701004</t>
  </si>
  <si>
    <t>Reitsum</t>
  </si>
  <si>
    <t>buurt_gegeneraliseerd_2021.a233d3b6-d407-4cb6-88cd-743fa6319f9b</t>
  </si>
  <si>
    <t>BU19701005</t>
  </si>
  <si>
    <t>2021BU19701005</t>
  </si>
  <si>
    <t>Lichtaard</t>
  </si>
  <si>
    <t>buurt_gegeneraliseerd_2021.e921ef66-f7b2-4e4b-98f8-9131a5dabcbd</t>
  </si>
  <si>
    <t>BU19701006</t>
  </si>
  <si>
    <t>2021BU19701006</t>
  </si>
  <si>
    <t>Janum</t>
  </si>
  <si>
    <t>buurt_gegeneraliseerd_2021.948a70df-94f0-4d8f-8f63-dd22f7180abf</t>
  </si>
  <si>
    <t>BU19701008</t>
  </si>
  <si>
    <t>2021BU19701008</t>
  </si>
  <si>
    <t>Verspreide huizen Birdaard</t>
  </si>
  <si>
    <t>buurt_gegeneraliseerd_2021.e6962b69-f16e-48ba-92ff-b22e67cc3364</t>
  </si>
  <si>
    <t>BU19701009</t>
  </si>
  <si>
    <t>2021BU19701009</t>
  </si>
  <si>
    <t>Verspreide huizen Wanswerd</t>
  </si>
  <si>
    <t>buurt_gegeneraliseerd_2021.2034fe6b-e50c-4246-a6f1-a10b57cd5eac</t>
  </si>
  <si>
    <t>BU19701100</t>
  </si>
  <si>
    <t>2021BU19701100</t>
  </si>
  <si>
    <t>Kollum</t>
  </si>
  <si>
    <t>buurt_gegeneraliseerd_2021.94451225-35c5-47d2-8938-4ddeb1554cf7</t>
  </si>
  <si>
    <t>BU19701109</t>
  </si>
  <si>
    <t>2021BU19701109</t>
  </si>
  <si>
    <t>Verspreide huizen Kollum</t>
  </si>
  <si>
    <t>buurt_gegeneraliseerd_2021.d58d33ab-7b37-4aa4-a61e-c2214c2e5ee3</t>
  </si>
  <si>
    <t>BU19701200</t>
  </si>
  <si>
    <t>2021BU19701200</t>
  </si>
  <si>
    <t>Burum</t>
  </si>
  <si>
    <t>buurt_gegeneraliseerd_2021.642be451-f705-4d04-84c7-3ba6ee064916</t>
  </si>
  <si>
    <t>BU19701201</t>
  </si>
  <si>
    <t>2021BU19701201</t>
  </si>
  <si>
    <t>Kollumerpomp</t>
  </si>
  <si>
    <t>buurt_gegeneraliseerd_2021.6a00a63d-22c6-4b76-a6d5-53283d04c766</t>
  </si>
  <si>
    <t>BU19701202</t>
  </si>
  <si>
    <t>2021BU19701202</t>
  </si>
  <si>
    <t>Warfstermolen</t>
  </si>
  <si>
    <t>buurt_gegeneraliseerd_2021.ba3dee43-23b0-4831-a4c6-8e0af58c119c</t>
  </si>
  <si>
    <t>BU19701203</t>
  </si>
  <si>
    <t>2021BU19701203</t>
  </si>
  <si>
    <t>Munnekezijl</t>
  </si>
  <si>
    <t>buurt_gegeneraliseerd_2021.0b1b36d4-631e-4e41-8751-4d66e112f27d</t>
  </si>
  <si>
    <t>BU19701204</t>
  </si>
  <si>
    <t>2021BU19701204</t>
  </si>
  <si>
    <t>Augsbuurt</t>
  </si>
  <si>
    <t>buurt_gegeneraliseerd_2021.9501e718-8a6d-4f22-8fca-d0f89e075e96</t>
  </si>
  <si>
    <t>BU19701206</t>
  </si>
  <si>
    <t>2021BU19701206</t>
  </si>
  <si>
    <t>Verspreide huizen Burum</t>
  </si>
  <si>
    <t>buurt_gegeneraliseerd_2021.93f5867b-0663-4070-b2f6-ce33338634a2</t>
  </si>
  <si>
    <t>BU19701207</t>
  </si>
  <si>
    <t>2021BU19701207</t>
  </si>
  <si>
    <t>Verspreide huizen Kollumerpomp</t>
  </si>
  <si>
    <t>buurt_gegeneraliseerd_2021.7bdcbb55-94ed-4f05-b6e9-095d250f318c</t>
  </si>
  <si>
    <t>BU19701208</t>
  </si>
  <si>
    <t>2021BU19701208</t>
  </si>
  <si>
    <t>Verspreide huizen Warfstermolen</t>
  </si>
  <si>
    <t>buurt_gegeneraliseerd_2021.848aaa52-e6eb-4223-a242-f730088ac503</t>
  </si>
  <si>
    <t>BU19701209</t>
  </si>
  <si>
    <t>2021BU19701209</t>
  </si>
  <si>
    <t>Verspreide huizen Munnekezijl</t>
  </si>
  <si>
    <t>buurt_gegeneraliseerd_2021.3702bbce-0710-4332-8836-2b60c8448b0f</t>
  </si>
  <si>
    <t>BU19701300</t>
  </si>
  <si>
    <t>2021BU19701300</t>
  </si>
  <si>
    <t>Oudwoude</t>
  </si>
  <si>
    <t>buurt_gegeneraliseerd_2021.b36172fe-3105-4c13-a00d-ebf90dc32501</t>
  </si>
  <si>
    <t>BU19701301</t>
  </si>
  <si>
    <t>2021BU19701301</t>
  </si>
  <si>
    <t>Triemen</t>
  </si>
  <si>
    <t>buurt_gegeneraliseerd_2021.15539563-0096-49ca-acbb-4013a54d6639</t>
  </si>
  <si>
    <t>BU19701302</t>
  </si>
  <si>
    <t>2021BU19701302</t>
  </si>
  <si>
    <t>Westergeest</t>
  </si>
  <si>
    <t>buurt_gegeneraliseerd_2021.193ed57a-e575-40a8-a218-f0c2f0be5cfe</t>
  </si>
  <si>
    <t>BU19701308</t>
  </si>
  <si>
    <t>2021BU19701308</t>
  </si>
  <si>
    <t>Verspreide huizen Oudwoude</t>
  </si>
  <si>
    <t>buurt_gegeneraliseerd_2021.3df17ce2-2d48-4086-b542-09f80979255c</t>
  </si>
  <si>
    <t>BU19701309</t>
  </si>
  <si>
    <t>2021BU19701309</t>
  </si>
  <si>
    <t>Verspreide huizen Westergeest</t>
  </si>
  <si>
    <t>buurt_gegeneraliseerd_2021.bdc64780-6024-4753-834a-b3fbb0da9a23</t>
  </si>
  <si>
    <t>BU19701400</t>
  </si>
  <si>
    <t>2021BU19701400</t>
  </si>
  <si>
    <t>Kollumerzwaag</t>
  </si>
  <si>
    <t>buurt_gegeneraliseerd_2021.e84d6b7b-b7f7-4e15-8162-4fcc9fd2c6c3</t>
  </si>
  <si>
    <t>BU19701401</t>
  </si>
  <si>
    <t>2021BU19701401</t>
  </si>
  <si>
    <t>Zwagerbosch</t>
  </si>
  <si>
    <t>buurt_gegeneraliseerd_2021.11e58643-f98c-40e6-b4f6-96030d95f6c0</t>
  </si>
  <si>
    <t>BU19701402</t>
  </si>
  <si>
    <t>2021BU19701402</t>
  </si>
  <si>
    <t>Veenklooster</t>
  </si>
  <si>
    <t>buurt_gegeneraliseerd_2021.1ad280e6-d9a6-4399-a9e7-3802d1cdd809</t>
  </si>
  <si>
    <t>BU19701409</t>
  </si>
  <si>
    <t>2021BU19701409</t>
  </si>
  <si>
    <t>Verspreide huizen Kollumerzwaag</t>
  </si>
  <si>
    <t>buurt_gegeneraliseerd_2021.34dc004f-23ba-4d0c-9c14-5c8e4b35ebc2</t>
  </si>
  <si>
    <t>BU19780101</t>
  </si>
  <si>
    <t>2021BU19780101</t>
  </si>
  <si>
    <t>Arkel-Industriegebied-Zuid1</t>
  </si>
  <si>
    <t>buurt_gegeneraliseerd_2021.2e2d3095-d79f-4426-9555-782de63b4cdd</t>
  </si>
  <si>
    <t>BU19780102</t>
  </si>
  <si>
    <t>2021BU19780102</t>
  </si>
  <si>
    <t>Arkel-Industriegebied-Noord</t>
  </si>
  <si>
    <t>buurt_gegeneraliseerd_2021.4cc39c2f-e8d0-49ca-889a-44bdaeaade8d</t>
  </si>
  <si>
    <t>BU19780103</t>
  </si>
  <si>
    <t>2021BU19780103</t>
  </si>
  <si>
    <t>Arkel-Industriegebied-West</t>
  </si>
  <si>
    <t>buurt_gegeneraliseerd_2021.098bc00e-f4cb-4ad2-8641-93b549dd9add</t>
  </si>
  <si>
    <t>BU19780104</t>
  </si>
  <si>
    <t>2021BU19780104</t>
  </si>
  <si>
    <t>Arkel-Dorp</t>
  </si>
  <si>
    <t>buurt_gegeneraliseerd_2021.7920926f-b251-47b5-9994-b1c783ab4320</t>
  </si>
  <si>
    <t>BU19780105</t>
  </si>
  <si>
    <t>2021BU19780105</t>
  </si>
  <si>
    <t>Arkel-Industriegebied-Zuid2</t>
  </si>
  <si>
    <t>buurt_gegeneraliseerd_2021.d1c1b175-fb0d-4dea-be1f-52d0a09cd686</t>
  </si>
  <si>
    <t>BU19780106</t>
  </si>
  <si>
    <t>2021BU19780106</t>
  </si>
  <si>
    <t>Lintbebouwing-Noord</t>
  </si>
  <si>
    <t>buurt_gegeneraliseerd_2021.3e22576e-7cd2-4ab1-a544-73d9549986ad</t>
  </si>
  <si>
    <t>BU19780107</t>
  </si>
  <si>
    <t>2021BU19780107</t>
  </si>
  <si>
    <t>Arkel-Buitengebied-Zuid-West</t>
  </si>
  <si>
    <t>buurt_gegeneraliseerd_2021.bfdbd64e-0456-4bec-aae2-a1be59a38ec3</t>
  </si>
  <si>
    <t>BU19780108</t>
  </si>
  <si>
    <t>2021BU19780108</t>
  </si>
  <si>
    <t>Arkel-Buitengebied-Oost</t>
  </si>
  <si>
    <t>buurt_gegeneraliseerd_2021.22bfda87-339f-443a-a793-11f43133ebc6</t>
  </si>
  <si>
    <t>BU19780601</t>
  </si>
  <si>
    <t>2021BU19780601</t>
  </si>
  <si>
    <t>Buitengebied-Ammersekade</t>
  </si>
  <si>
    <t>buurt_gegeneraliseerd_2021.9873acc9-54ac-4ccb-ba89-8508e1c1df8d</t>
  </si>
  <si>
    <t>BU19780602</t>
  </si>
  <si>
    <t>2021BU19780602</t>
  </si>
  <si>
    <t>Groot-Ammers-Gelkenes</t>
  </si>
  <si>
    <t>buurt_gegeneraliseerd_2021.c607a4c0-3443-4804-8f51-caf350302e22</t>
  </si>
  <si>
    <t>BU19780603</t>
  </si>
  <si>
    <t>2021BU19780603</t>
  </si>
  <si>
    <t>Dijkgebied-Groot-Ammers</t>
  </si>
  <si>
    <t>buurt_gegeneraliseerd_2021.ea4cc56d-20cc-4fd4-bd74-e84f82f4b72b</t>
  </si>
  <si>
    <t>BU19780604</t>
  </si>
  <si>
    <t>2021BU19780604</t>
  </si>
  <si>
    <t>Groot-Ammers-Dorp</t>
  </si>
  <si>
    <t>buurt_gegeneraliseerd_2021.7c335332-2efe-406f-9a2a-9ce5572bdbad</t>
  </si>
  <si>
    <t>BU19780605</t>
  </si>
  <si>
    <t>2021BU19780605</t>
  </si>
  <si>
    <t>Groot-Ammers-Haven</t>
  </si>
  <si>
    <t>buurt_gegeneraliseerd_2021.9a36dca4-ca52-47e7-81ff-23e5b3e6bcb9</t>
  </si>
  <si>
    <t>BU19780607</t>
  </si>
  <si>
    <t>2021BU19780607</t>
  </si>
  <si>
    <t>Groot-Ammers-Graafland</t>
  </si>
  <si>
    <t>buurt_gegeneraliseerd_2021.0a52ae6c-dddb-4371-89a7-6de848d6bcad</t>
  </si>
  <si>
    <t>BU19780608</t>
  </si>
  <si>
    <t>2021BU19780608</t>
  </si>
  <si>
    <t>Groot-Ammers-Scheepswerf</t>
  </si>
  <si>
    <t>buurt_gegeneraliseerd_2021.7e2cdbfa-89e5-4d4c-b063-ef2c2e6059ca</t>
  </si>
  <si>
    <t>BU19780610</t>
  </si>
  <si>
    <t>2021BU19780610</t>
  </si>
  <si>
    <t>Groot-Ammers-Buitengebied-Noord</t>
  </si>
  <si>
    <t>buurt_gegeneraliseerd_2021.52ea5f08-f642-462b-ac32-241ef126bb57</t>
  </si>
  <si>
    <t>BU19780701</t>
  </si>
  <si>
    <t>2021BU19780701</t>
  </si>
  <si>
    <t>Hoogblokland-Bazeldijk</t>
  </si>
  <si>
    <t>buurt_gegeneraliseerd_2021.1984722d-27f6-472a-83ef-150cc0f47e5e</t>
  </si>
  <si>
    <t>BU19780702</t>
  </si>
  <si>
    <t>2021BU19780702</t>
  </si>
  <si>
    <t>Hoogblokland-Dorp</t>
  </si>
  <si>
    <t>buurt_gegeneraliseerd_2021.de433cef-f3ce-4826-afa2-b28c22561aca</t>
  </si>
  <si>
    <t>BU19780703</t>
  </si>
  <si>
    <t>2021BU19780703</t>
  </si>
  <si>
    <t>Hoogblokland-Minkeloos</t>
  </si>
  <si>
    <t>buurt_gegeneraliseerd_2021.684338b2-6b94-4d4c-9521-8b167257d27e</t>
  </si>
  <si>
    <t>BU19780704</t>
  </si>
  <si>
    <t>2021BU19780704</t>
  </si>
  <si>
    <t>Hoogblokland-Noord</t>
  </si>
  <si>
    <t>buurt_gegeneraliseerd_2021.c82a20a8-4bd8-467d-9465-ee2e5fbf2fd7</t>
  </si>
  <si>
    <t>BU19780705</t>
  </si>
  <si>
    <t>2021BU19780705</t>
  </si>
  <si>
    <t>Hoogblokland-Buitengebied-Noord</t>
  </si>
  <si>
    <t>buurt_gegeneraliseerd_2021.0952309d-1326-4f98-a59a-a9a3358ce1e8</t>
  </si>
  <si>
    <t>BU19781001</t>
  </si>
  <si>
    <t>2021BU19781001</t>
  </si>
  <si>
    <t>buurt_gegeneraliseerd_2021.6f2c4fcc-440b-40c1-b978-d959022c5b1a</t>
  </si>
  <si>
    <t>BU19781002</t>
  </si>
  <si>
    <t>2021BU19781002</t>
  </si>
  <si>
    <t>Dijkgebied-Langerak</t>
  </si>
  <si>
    <t>buurt_gegeneraliseerd_2021.c31d1af4-e832-46f0-bb80-b6581f5546db</t>
  </si>
  <si>
    <t>BU19781003</t>
  </si>
  <si>
    <t>2021BU19781003</t>
  </si>
  <si>
    <t>Langerak-Dorp</t>
  </si>
  <si>
    <t>buurt_gegeneraliseerd_2021.86a5584b-2eba-4bfc-8596-4715336f7443</t>
  </si>
  <si>
    <t>BU19781301</t>
  </si>
  <si>
    <t>2021BU19781301</t>
  </si>
  <si>
    <t>Nieuwpoort-Stad</t>
  </si>
  <si>
    <t>buurt_gegeneraliseerd_2021.2f4821fa-e8db-45fa-a03b-31bbba22dba2</t>
  </si>
  <si>
    <t>BU19781302</t>
  </si>
  <si>
    <t>2021BU19781302</t>
  </si>
  <si>
    <t>Dijkgebied-Nieuwpoort</t>
  </si>
  <si>
    <t>buurt_gegeneraliseerd_2021.d844969a-ffd6-40a6-b7df-476fe6ccd636</t>
  </si>
  <si>
    <t>BU19781401</t>
  </si>
  <si>
    <t>2021BU19781401</t>
  </si>
  <si>
    <t>Noordeloos-Industriegebied</t>
  </si>
  <si>
    <t>buurt_gegeneraliseerd_2021.bc52aed7-d548-40ae-ab94-95636a11d2d3</t>
  </si>
  <si>
    <t>BU19781403</t>
  </si>
  <si>
    <t>2021BU19781403</t>
  </si>
  <si>
    <t>Noordeloos-Middelweg</t>
  </si>
  <si>
    <t>buurt_gegeneraliseerd_2021.56d1d644-68f1-4be2-a0d8-b708650fcc4f</t>
  </si>
  <si>
    <t>BU19781407</t>
  </si>
  <si>
    <t>2021BU19781407</t>
  </si>
  <si>
    <t>Noordeloos-Oost</t>
  </si>
  <si>
    <t>buurt_gegeneraliseerd_2021.c78d4965-349c-4d58-9390-af17cdf996ad</t>
  </si>
  <si>
    <t>BU19781901</t>
  </si>
  <si>
    <t>2021BU19781901</t>
  </si>
  <si>
    <t>Waal-Dorp</t>
  </si>
  <si>
    <t>buurt_gegeneraliseerd_2021.8c5181e0-1950-439a-a482-f6580b8a6bc4</t>
  </si>
  <si>
    <t>BU17140009</t>
  </si>
  <si>
    <t>2021BU17140009</t>
  </si>
  <si>
    <t>Verspreide huizen Sluis</t>
  </si>
  <si>
    <t>buurt_gegeneraliseerd_2021.307caaa9-1772-4c55-af7a-1d5ff9a71760</t>
  </si>
  <si>
    <t>BU00801001</t>
  </si>
  <si>
    <t>2021BU00801001</t>
  </si>
  <si>
    <t>De Waag</t>
  </si>
  <si>
    <t>GM0080</t>
  </si>
  <si>
    <t>buurt_gegeneraliseerd_2021.a244992b-bb5e-4d44-bde2-4a9158ac6d86</t>
  </si>
  <si>
    <t>BU00801002</t>
  </si>
  <si>
    <t>2021BU00801002</t>
  </si>
  <si>
    <t>Nieuwestad</t>
  </si>
  <si>
    <t>buurt_gegeneraliseerd_2021.ea8aeb51-e4b7-4788-baf0-54f6874dd84d</t>
  </si>
  <si>
    <t>BU00801003</t>
  </si>
  <si>
    <t>2021BU00801003</t>
  </si>
  <si>
    <t>buurt_gegeneraliseerd_2021.96306586-8892-4e3c-878e-9d41f7d44b26</t>
  </si>
  <si>
    <t>BU00801004</t>
  </si>
  <si>
    <t>2021BU00801004</t>
  </si>
  <si>
    <t>Grote Kerkbuurt</t>
  </si>
  <si>
    <t>buurt_gegeneraliseerd_2021.fd16544e-9bf3-47c8-a0f7-6db6b98fa66d</t>
  </si>
  <si>
    <t>BU00801005</t>
  </si>
  <si>
    <t>2021BU00801005</t>
  </si>
  <si>
    <t>Hoek</t>
  </si>
  <si>
    <t>buurt_gegeneraliseerd_2021.a50209a1-281b-4bcd-99e7-42da72b84e63</t>
  </si>
  <si>
    <t>BU00801006</t>
  </si>
  <si>
    <t>2021BU00801006</t>
  </si>
  <si>
    <t>Blokhuisplein</t>
  </si>
  <si>
    <t>buurt_gegeneraliseerd_2021.0592d866-dcf7-450b-8f9e-3450e0f18400</t>
  </si>
  <si>
    <t>BU00801007</t>
  </si>
  <si>
    <t>2021BU00801007</t>
  </si>
  <si>
    <t>Zaailand</t>
  </si>
  <si>
    <t>buurt_gegeneraliseerd_2021.b9ce97e5-f3c2-4279-885d-d7e78b212ea1</t>
  </si>
  <si>
    <t>BU00801008</t>
  </si>
  <si>
    <t>2021BU00801008</t>
  </si>
  <si>
    <t>buurt_gegeneraliseerd_2021.0d4eab14-a929-48f3-96ac-6b2a33eaa360</t>
  </si>
  <si>
    <t>BU00801101</t>
  </si>
  <si>
    <t>2021BU00801101</t>
  </si>
  <si>
    <t>Tulpenburg</t>
  </si>
  <si>
    <t>buurt_gegeneraliseerd_2021.37a8f0c9-67fc-4335-bd1a-6f5c340fec30</t>
  </si>
  <si>
    <t>BU00801102</t>
  </si>
  <si>
    <t>2021BU00801102</t>
  </si>
  <si>
    <t>buurt_gegeneraliseerd_2021.dfdb8598-87d7-4f51-8d1d-a9a938ef85b6</t>
  </si>
  <si>
    <t>BU00801103</t>
  </si>
  <si>
    <t>2021BU00801103</t>
  </si>
  <si>
    <t>Achter de Hoven</t>
  </si>
  <si>
    <t>buurt_gegeneraliseerd_2021.45c2d278-6857-435d-87c1-a5b4ee2fa485</t>
  </si>
  <si>
    <t>BU00801104</t>
  </si>
  <si>
    <t>2021BU00801104</t>
  </si>
  <si>
    <t>buurt_gegeneraliseerd_2021.16cd4a6b-a1d9-4256-8c68-ab8bc01f2deb</t>
  </si>
  <si>
    <t>BU00801105</t>
  </si>
  <si>
    <t>2021BU00801105</t>
  </si>
  <si>
    <t>Wielenpôlle</t>
  </si>
  <si>
    <t>buurt_gegeneraliseerd_2021.a36e9521-5680-4713-9b40-fd42250067fe</t>
  </si>
  <si>
    <t>BU00801106</t>
  </si>
  <si>
    <t>2021BU00801106</t>
  </si>
  <si>
    <t>Huizum-Dorp</t>
  </si>
  <si>
    <t>buurt_gegeneraliseerd_2021.23cc1767-de26-4d1f-a48b-4b14cd278329</t>
  </si>
  <si>
    <t>BU00801107</t>
  </si>
  <si>
    <t>2021BU00801107</t>
  </si>
  <si>
    <t>Huizum-Sixma</t>
  </si>
  <si>
    <t>buurt_gegeneraliseerd_2021.1923e6fd-a71c-4b30-8cef-c7c1cdbe5cc9</t>
  </si>
  <si>
    <t>BU00801108</t>
  </si>
  <si>
    <t>2021BU00801108</t>
  </si>
  <si>
    <t>Huizum-Bornia</t>
  </si>
  <si>
    <t>buurt_gegeneraliseerd_2021.5717636b-5a1f-419b-af2c-57a2d028dc58</t>
  </si>
  <si>
    <t>BU00801109</t>
  </si>
  <si>
    <t>2021BU00801109</t>
  </si>
  <si>
    <t>Huizum-Badweg</t>
  </si>
  <si>
    <t>buurt_gegeneraliseerd_2021.05b3632d-8f9b-4f7c-89cb-a0d73ae8d1bd</t>
  </si>
  <si>
    <t>BU00802001</t>
  </si>
  <si>
    <t>2021BU00802001</t>
  </si>
  <si>
    <t>Oldegalileën</t>
  </si>
  <si>
    <t>buurt_gegeneraliseerd_2021.1e41ca15-180a-4cdb-b81f-7b27584fca31</t>
  </si>
  <si>
    <t>BU00802002</t>
  </si>
  <si>
    <t>2021BU00802002</t>
  </si>
  <si>
    <t>buurt_gegeneraliseerd_2021.8a9462e2-8424-4b6a-9b5c-979df0f9634b</t>
  </si>
  <si>
    <t>BU00802003</t>
  </si>
  <si>
    <t>2021BU00802003</t>
  </si>
  <si>
    <t>Cambuursterpad</t>
  </si>
  <si>
    <t>buurt_gegeneraliseerd_2021.96add87e-d739-455b-b707-83e76a759e6d</t>
  </si>
  <si>
    <t>BU00802004</t>
  </si>
  <si>
    <t>2021BU00802004</t>
  </si>
  <si>
    <t>Zamenhofpark</t>
  </si>
  <si>
    <t>buurt_gegeneraliseerd_2021.ba43a587-c6eb-45ec-abf5-483fc38caf0d</t>
  </si>
  <si>
    <t>BU00802005</t>
  </si>
  <si>
    <t>2021BU00802005</t>
  </si>
  <si>
    <t>Cambuur</t>
  </si>
  <si>
    <t>buurt_gegeneraliseerd_2021.08e7ebd4-8241-4444-a4ed-c1e4c1494d6a</t>
  </si>
  <si>
    <t>BU00802006</t>
  </si>
  <si>
    <t>2021BU00802006</t>
  </si>
  <si>
    <t>buurt_gegeneraliseerd_2021.8bff15cb-42e4-495f-901c-8df527f07aac</t>
  </si>
  <si>
    <t>BU00802007</t>
  </si>
  <si>
    <t>2021BU00802007</t>
  </si>
  <si>
    <t>buurt_gegeneraliseerd_2021.ea10d373-f20f-4990-85cc-49d263ace322</t>
  </si>
  <si>
    <t>BU00802008</t>
  </si>
  <si>
    <t>2021BU00802008</t>
  </si>
  <si>
    <t>Molenpad</t>
  </si>
  <si>
    <t>buurt_gegeneraliseerd_2021.427a1000-cea6-491b-89f9-f9004e762023</t>
  </si>
  <si>
    <t>BU00802009</t>
  </si>
  <si>
    <t>2021BU00802009</t>
  </si>
  <si>
    <t>buurt_gegeneraliseerd_2021.96a41f29-89c0-4e17-8be4-701799d2b53a</t>
  </si>
  <si>
    <t>BU00803001</t>
  </si>
  <si>
    <t>2021BU00803001</t>
  </si>
  <si>
    <t>Transvaalwijk</t>
  </si>
  <si>
    <t>buurt_gegeneraliseerd_2021.2fa9268d-daf4-445a-82c3-9b887599b1a8</t>
  </si>
  <si>
    <t>BU00803002</t>
  </si>
  <si>
    <t>2021BU00803002</t>
  </si>
  <si>
    <t>Bonifatius</t>
  </si>
  <si>
    <t>buurt_gegeneraliseerd_2021.1d9d1ff4-3022-4997-99e2-11efe43243ef</t>
  </si>
  <si>
    <t>BU00803003</t>
  </si>
  <si>
    <t>2021BU00803003</t>
  </si>
  <si>
    <t>Rengerspark</t>
  </si>
  <si>
    <t>buurt_gegeneraliseerd_2021.859a768f-5ddd-436c-95ca-e7475bd661b3</t>
  </si>
  <si>
    <t>BU00803004</t>
  </si>
  <si>
    <t>2021BU00803004</t>
  </si>
  <si>
    <t>buurt_gegeneraliseerd_2021.c6b13678-470b-4246-9f9e-f7e587180841</t>
  </si>
  <si>
    <t>BU00803005</t>
  </si>
  <si>
    <t>2021BU00803005</t>
  </si>
  <si>
    <t>Sonnenborgh</t>
  </si>
  <si>
    <t>buurt_gegeneraliseerd_2021.21d20436-ce45-458d-93a9-066da470730b</t>
  </si>
  <si>
    <t>BU00803006</t>
  </si>
  <si>
    <t>2021BU00803006</t>
  </si>
  <si>
    <t>Valeriuskwartier</t>
  </si>
  <si>
    <t>buurt_gegeneraliseerd_2021.8d6bb0f5-6f28-489f-9249-78aed6ff432d</t>
  </si>
  <si>
    <t>BU00803007</t>
  </si>
  <si>
    <t>2021BU00803007</t>
  </si>
  <si>
    <t>Magere Weide</t>
  </si>
  <si>
    <t>buurt_gegeneraliseerd_2021.1560fe35-33fa-4408-a2fe-e662a0b98fde</t>
  </si>
  <si>
    <t>BU00803101</t>
  </si>
  <si>
    <t>2021BU00803101</t>
  </si>
  <si>
    <t>buurt_gegeneraliseerd_2021.7cb2b2a0-d1f2-4fcf-b155-9789451a8d00</t>
  </si>
  <si>
    <t>BU00803102</t>
  </si>
  <si>
    <t>2021BU00803102</t>
  </si>
  <si>
    <t>Buitengebied Noordwest</t>
  </si>
  <si>
    <t>buurt_gegeneraliseerd_2021.06d21e6d-7e1d-4dae-8557-29a65e69e5bf</t>
  </si>
  <si>
    <t>BU00803201</t>
  </si>
  <si>
    <t>2021BU00803201</t>
  </si>
  <si>
    <t>Vossepark</t>
  </si>
  <si>
    <t>buurt_gegeneraliseerd_2021.aeb81f76-938a-48cf-8b6d-b83d4ec3a07b</t>
  </si>
  <si>
    <t>BU00803202</t>
  </si>
  <si>
    <t>2021BU00803202</t>
  </si>
  <si>
    <t>Helicon</t>
  </si>
  <si>
    <t>buurt_gegeneraliseerd_2021.29133547-b04e-4e40-9411-dbadcce66ac9</t>
  </si>
  <si>
    <t>BU00803203</t>
  </si>
  <si>
    <t>2021BU00803203</t>
  </si>
  <si>
    <t>Harlingervaart Noord</t>
  </si>
  <si>
    <t>buurt_gegeneraliseerd_2021.f94605a5-e2ab-4429-b677-7cc5e9a851de</t>
  </si>
  <si>
    <t>BU00804001</t>
  </si>
  <si>
    <t>2021BU00804001</t>
  </si>
  <si>
    <t>Hollanderwijk</t>
  </si>
  <si>
    <t>buurt_gegeneraliseerd_2021.f4785610-7414-48ff-9b4c-22efc6767455</t>
  </si>
  <si>
    <t>BU00804002</t>
  </si>
  <si>
    <t>2021BU00804002</t>
  </si>
  <si>
    <t>Gerard Dou</t>
  </si>
  <si>
    <t>buurt_gegeneraliseerd_2021.ff2763f0-7c65-47c2-9992-51f679dca631</t>
  </si>
  <si>
    <t>BU00804003</t>
  </si>
  <si>
    <t>2021BU00804003</t>
  </si>
  <si>
    <t>buurt_gegeneraliseerd_2021.e2674246-956d-4c79-9a07-d65667e3ebee</t>
  </si>
  <si>
    <t>BU00804004</t>
  </si>
  <si>
    <t>2021BU00804004</t>
  </si>
  <si>
    <t>Jan van Scorelbuurt</t>
  </si>
  <si>
    <t>buurt_gegeneraliseerd_2021.c677b8b2-47ce-4f3c-a348-f8ef468762dd</t>
  </si>
  <si>
    <t>BU00804101</t>
  </si>
  <si>
    <t>2021BU00804101</t>
  </si>
  <si>
    <t>Nijlân</t>
  </si>
  <si>
    <t>buurt_gegeneraliseerd_2021.5e34671c-04c3-43ec-9428-4170542ec672</t>
  </si>
  <si>
    <t>BU00804102</t>
  </si>
  <si>
    <t>2021BU00804102</t>
  </si>
  <si>
    <t>De Zwette I Harlingervaart</t>
  </si>
  <si>
    <t>buurt_gegeneraliseerd_2021.fd60e446-ea6f-4a35-81fa-cb3ebd0578c5</t>
  </si>
  <si>
    <t>BU00804103</t>
  </si>
  <si>
    <t>2021BU00804103</t>
  </si>
  <si>
    <t>De Zwette II Zwettehaven</t>
  </si>
  <si>
    <t>buurt_gegeneraliseerd_2021.97de9767-4526-4b85-8bf3-285812e58580</t>
  </si>
  <si>
    <t>BU00804104</t>
  </si>
  <si>
    <t>2021BU00804104</t>
  </si>
  <si>
    <t>De Zwette III Schenkenschans</t>
  </si>
  <si>
    <t>buurt_gegeneraliseerd_2021.ae7205ce-7e3d-49dd-8d13-98c9370ffe77</t>
  </si>
  <si>
    <t>BU00804105</t>
  </si>
  <si>
    <t>2021BU00804105</t>
  </si>
  <si>
    <t>De Zwette IV Businesspark</t>
  </si>
  <si>
    <t>buurt_gegeneraliseerd_2021.31322229-f18a-4f97-a700-55406b7c559d</t>
  </si>
  <si>
    <t>BU00804106</t>
  </si>
  <si>
    <t>2021BU00804106</t>
  </si>
  <si>
    <t>De Zwette V Newton</t>
  </si>
  <si>
    <t>buurt_gegeneraliseerd_2021.69fe9418-4f1a-42c9-b8b5-5e820883a9f4</t>
  </si>
  <si>
    <t>BU00804107</t>
  </si>
  <si>
    <t>2021BU00804107</t>
  </si>
  <si>
    <t>De Zwette VI Deinumerpolder</t>
  </si>
  <si>
    <t>buurt_gegeneraliseerd_2021.5a3e2017-0652-42c0-af19-e297efdc9922</t>
  </si>
  <si>
    <t>BU00804108</t>
  </si>
  <si>
    <t>2021BU00804108</t>
  </si>
  <si>
    <t>EnergieCampus Sylsterrak</t>
  </si>
  <si>
    <t>buurt_gegeneraliseerd_2021.3cc944b5-d68c-4f62-8452-86f454fcc07c</t>
  </si>
  <si>
    <t>BU00804109</t>
  </si>
  <si>
    <t>2021BU00804109</t>
  </si>
  <si>
    <t>Buitengebied De Zwette</t>
  </si>
  <si>
    <t>buurt_gegeneraliseerd_2021.3c99985b-f5f9-411d-97f0-da8ea4af227c</t>
  </si>
  <si>
    <t>BU00804110</t>
  </si>
  <si>
    <t>2021BU00804110</t>
  </si>
  <si>
    <t>Buitengebied West</t>
  </si>
  <si>
    <t>buurt_gegeneraliseerd_2021.c1672801-7231-4d12-9c49-5b9a94f64b5d</t>
  </si>
  <si>
    <t>BU00805001</t>
  </si>
  <si>
    <t>2021BU00805001</t>
  </si>
  <si>
    <t>Heechterp</t>
  </si>
  <si>
    <t>buurt_gegeneraliseerd_2021.24effced-0da1-40cd-8ab5-5079a61e7afa</t>
  </si>
  <si>
    <t>BU00805002</t>
  </si>
  <si>
    <t>2021BU00805002</t>
  </si>
  <si>
    <t>Schieringen</t>
  </si>
  <si>
    <t>buurt_gegeneraliseerd_2021.0ee6eb61-abe2-41d6-bfe0-26f4815d0332</t>
  </si>
  <si>
    <t>BU00805003</t>
  </si>
  <si>
    <t>2021BU00805003</t>
  </si>
  <si>
    <t>De Centrale</t>
  </si>
  <si>
    <t>buurt_gegeneraliseerd_2021.2db5ed38-d59d-4554-aa56-a76e9c25144a</t>
  </si>
  <si>
    <t>BU00805101</t>
  </si>
  <si>
    <t>2021BU00805101</t>
  </si>
  <si>
    <t>Camminghaburen-Noord</t>
  </si>
  <si>
    <t>buurt_gegeneraliseerd_2021.4b22ec21-843b-45de-a4d2-2d67de3d3a44</t>
  </si>
  <si>
    <t>BU00805102</t>
  </si>
  <si>
    <t>2021BU00805102</t>
  </si>
  <si>
    <t>Camminghaburen-Midden</t>
  </si>
  <si>
    <t>buurt_gegeneraliseerd_2021.f2c63808-4a6b-463e-8fd1-bdcbeed7e3ce</t>
  </si>
  <si>
    <t>BU00805103</t>
  </si>
  <si>
    <t>2021BU00805103</t>
  </si>
  <si>
    <t>Camminghaburen-Zuid</t>
  </si>
  <si>
    <t>buurt_gegeneraliseerd_2021.cfb9b0e7-86fa-4a59-a9fb-a49d0895110b</t>
  </si>
  <si>
    <t>BU00805104</t>
  </si>
  <si>
    <t>2021BU00805104</t>
  </si>
  <si>
    <t>Grote Wielen</t>
  </si>
  <si>
    <t>buurt_gegeneraliseerd_2021.890414a8-4bd7-4fad-b708-ba6936597493</t>
  </si>
  <si>
    <t>BU00805105</t>
  </si>
  <si>
    <t>2021BU00805105</t>
  </si>
  <si>
    <t>De Groene Ster</t>
  </si>
  <si>
    <t>buurt_gegeneraliseerd_2021.fdf8b382-9af5-4a0e-bbeb-c7e8b9befae6</t>
  </si>
  <si>
    <t>BU00806001</t>
  </si>
  <si>
    <t>2021BU00806001</t>
  </si>
  <si>
    <t>Bilgaard</t>
  </si>
  <si>
    <t>buurt_gegeneraliseerd_2021.e22138c8-8607-4feb-a401-0174b7d7fd9c</t>
  </si>
  <si>
    <t>BU00806002</t>
  </si>
  <si>
    <t>2021BU00806002</t>
  </si>
  <si>
    <t>Havankpark</t>
  </si>
  <si>
    <t>buurt_gegeneraliseerd_2021.69255d9c-f967-480e-82d0-1b5f4f2667ab</t>
  </si>
  <si>
    <t>BU00806003</t>
  </si>
  <si>
    <t>2021BU00806003</t>
  </si>
  <si>
    <t>Vierhuisterweg e.o.</t>
  </si>
  <si>
    <t>buurt_gegeneraliseerd_2021.067a2d5c-46f0-4091-913d-bbdde47dba94</t>
  </si>
  <si>
    <t>BU00806101</t>
  </si>
  <si>
    <t>2021BU00806101</t>
  </si>
  <si>
    <t>Vrijheidswijk-West</t>
  </si>
  <si>
    <t>buurt_gegeneraliseerd_2021.c6ed5ac1-63b0-4b49-9106-74846b6d847a</t>
  </si>
  <si>
    <t>BU00806102</t>
  </si>
  <si>
    <t>2021BU00806102</t>
  </si>
  <si>
    <t>Vrijheidswijk-Oost</t>
  </si>
  <si>
    <t>buurt_gegeneraliseerd_2021.b8d4349b-8c0d-47b7-8e44-66605d0b58c8</t>
  </si>
  <si>
    <t>BU00806201</t>
  </si>
  <si>
    <t>2021BU00806201</t>
  </si>
  <si>
    <t>Lekkum</t>
  </si>
  <si>
    <t>buurt_gegeneraliseerd_2021.769296ae-ee54-48ab-8173-8373c7fe2a96</t>
  </si>
  <si>
    <t>BU00806202</t>
  </si>
  <si>
    <t>2021BU00806202</t>
  </si>
  <si>
    <t>Snakkerburen</t>
  </si>
  <si>
    <t>buurt_gegeneraliseerd_2021.c6bebfed-19db-4688-8986-ceb855cc23cb</t>
  </si>
  <si>
    <t>BU00806203</t>
  </si>
  <si>
    <t>2021BU00806203</t>
  </si>
  <si>
    <t>Buitengebied Lekkum en Miedum</t>
  </si>
  <si>
    <t>buurt_gegeneraliseerd_2021.94bf27eb-4bee-4149-b517-6d00d3805ee2</t>
  </si>
  <si>
    <t>BU00806204</t>
  </si>
  <si>
    <t>2021BU00806204</t>
  </si>
  <si>
    <t>Blitsaerd</t>
  </si>
  <si>
    <t>buurt_gegeneraliseerd_2021.1816d05e-66f6-4193-8eee-88e56ef5ee95</t>
  </si>
  <si>
    <t>BU00806205</t>
  </si>
  <si>
    <t>2021BU00806205</t>
  </si>
  <si>
    <t>Jelsum</t>
  </si>
  <si>
    <t>buurt_gegeneraliseerd_2021.625a1567-b48c-4acd-a17c-99aebc81502c</t>
  </si>
  <si>
    <t>BU00806206</t>
  </si>
  <si>
    <t>2021BU00806206</t>
  </si>
  <si>
    <t>Buitengebied Jelsum</t>
  </si>
  <si>
    <t>buurt_gegeneraliseerd_2021.053d600b-4ae5-47e2-b469-3c9664509302</t>
  </si>
  <si>
    <t>BU00806207</t>
  </si>
  <si>
    <t>2021BU00806207</t>
  </si>
  <si>
    <t>Koarnjum</t>
  </si>
  <si>
    <t>buurt_gegeneraliseerd_2021.d3f99a3f-ddf4-48c1-829c-d08598966b75</t>
  </si>
  <si>
    <t>BU00806208</t>
  </si>
  <si>
    <t>2021BU00806208</t>
  </si>
  <si>
    <t>Buitengebied Koarnjum</t>
  </si>
  <si>
    <t>buurt_gegeneraliseerd_2021.28ccd726-f392-4910-afc4-961c55f5d088</t>
  </si>
  <si>
    <t>BU00806209</t>
  </si>
  <si>
    <t>2021BU00806209</t>
  </si>
  <si>
    <t>Britsum</t>
  </si>
  <si>
    <t>buurt_gegeneraliseerd_2021.7330a659-c201-48a6-811d-70b3fb9c8558</t>
  </si>
  <si>
    <t>BU00806210</t>
  </si>
  <si>
    <t>2021BU00806210</t>
  </si>
  <si>
    <t>Buitengebied Britsum</t>
  </si>
  <si>
    <t>buurt_gegeneraliseerd_2021.199ac3b3-6b7b-4cfd-9343-3c5928d8a4f0</t>
  </si>
  <si>
    <t>BU00806301</t>
  </si>
  <si>
    <t>2021BU00806301</t>
  </si>
  <si>
    <t>Stiens</t>
  </si>
  <si>
    <t>buurt_gegeneraliseerd_2021.89a16ea9-12ea-4803-b748-95fa11691718</t>
  </si>
  <si>
    <t>BU00806302</t>
  </si>
  <si>
    <t>2021BU00806302</t>
  </si>
  <si>
    <t>Buitengebied Stiens</t>
  </si>
  <si>
    <t>buurt_gegeneraliseerd_2021.46ba0850-14f5-4862-b9e5-f63c44fc19c8</t>
  </si>
  <si>
    <t>BU00806303</t>
  </si>
  <si>
    <t>2021BU00806303</t>
  </si>
  <si>
    <t>Feinsum</t>
  </si>
  <si>
    <t>buurt_gegeneraliseerd_2021.6bf81b21-9bd6-40fb-a4cc-e0eabf2b63e8</t>
  </si>
  <si>
    <t>BU00806304</t>
  </si>
  <si>
    <t>2021BU00806304</t>
  </si>
  <si>
    <t>Buitengebied Feinsum</t>
  </si>
  <si>
    <t>buurt_gegeneraliseerd_2021.c82a7a24-0104-4b0a-9ec5-a22f81569a8c</t>
  </si>
  <si>
    <t>BU00806305</t>
  </si>
  <si>
    <t>2021BU00806305</t>
  </si>
  <si>
    <t>Hijum</t>
  </si>
  <si>
    <t>buurt_gegeneraliseerd_2021.a00df63d-5f5b-4872-9a9f-6b5295c1b942</t>
  </si>
  <si>
    <t>BU00806306</t>
  </si>
  <si>
    <t>2021BU00806306</t>
  </si>
  <si>
    <t>Buitengebied Hijum</t>
  </si>
  <si>
    <t>buurt_gegeneraliseerd_2021.8413cb9f-c20d-4743-8be6-c8039923a6a1</t>
  </si>
  <si>
    <t>BU00806307</t>
  </si>
  <si>
    <t>2021BU00806307</t>
  </si>
  <si>
    <t>Alde Leie</t>
  </si>
  <si>
    <t>buurt_gegeneraliseerd_2021.ada54908-0a44-48f8-ba0a-8e860f20d61b</t>
  </si>
  <si>
    <t>BU00807001</t>
  </si>
  <si>
    <t>2021BU00807001</t>
  </si>
  <si>
    <t>Aldlân-Oost</t>
  </si>
  <si>
    <t>buurt_gegeneraliseerd_2021.c38808b0-e83b-46ef-be1d-4862193c7203</t>
  </si>
  <si>
    <t>BU00807002</t>
  </si>
  <si>
    <t>2021BU00807002</t>
  </si>
  <si>
    <t>Aldlân-West</t>
  </si>
  <si>
    <t>buurt_gegeneraliseerd_2021.ebd50fb5-4d09-43c9-b51a-7e827e3273f0</t>
  </si>
  <si>
    <t>BU00807003</t>
  </si>
  <si>
    <t>2021BU00807003</t>
  </si>
  <si>
    <t>buurt_gegeneraliseerd_2021.1d55a326-fd36-4e4f-b5bb-597cf9e5b294</t>
  </si>
  <si>
    <t>BU00807004</t>
  </si>
  <si>
    <t>2021BU00807004</t>
  </si>
  <si>
    <t>Hemrik</t>
  </si>
  <si>
    <t>buurt_gegeneraliseerd_2021.bb9a8339-7d91-486c-8370-d94d9a4bcead</t>
  </si>
  <si>
    <t>BU00807101</t>
  </si>
  <si>
    <t>2021BU00807101</t>
  </si>
  <si>
    <t>Goutum</t>
  </si>
  <si>
    <t>buurt_gegeneraliseerd_2021.d560db68-5f45-4db7-aa15-3b7354ddab4e</t>
  </si>
  <si>
    <t>BU00807201</t>
  </si>
  <si>
    <t>2021BU00807201</t>
  </si>
  <si>
    <t>Hempens/Teerns</t>
  </si>
  <si>
    <t>buurt_gegeneraliseerd_2021.de5498e5-12e9-4dc7-9328-5b58ca0b6e33</t>
  </si>
  <si>
    <t>BU00807202</t>
  </si>
  <si>
    <t>2021BU00807202</t>
  </si>
  <si>
    <t>Buitengebied Hempens</t>
  </si>
  <si>
    <t>buurt_gegeneraliseerd_2021.369c216f-2389-4276-9407-affdb26a6f8f</t>
  </si>
  <si>
    <t>BU00807203</t>
  </si>
  <si>
    <t>2021BU00807203</t>
  </si>
  <si>
    <t>Zuiderburen</t>
  </si>
  <si>
    <t>buurt_gegeneraliseerd_2021.d2c5ff61-bce6-4a8a-86f7-850feeaaad37</t>
  </si>
  <si>
    <t>BU00807301</t>
  </si>
  <si>
    <t>2021BU00807301</t>
  </si>
  <si>
    <t>Techum</t>
  </si>
  <si>
    <t>buurt_gegeneraliseerd_2021.da437e75-9aad-46c1-a512-84bace83fda8</t>
  </si>
  <si>
    <t>BU00807302</t>
  </si>
  <si>
    <t>2021BU00807302</t>
  </si>
  <si>
    <t>Wiarda</t>
  </si>
  <si>
    <t>buurt_gegeneraliseerd_2021.90946745-c284-452c-b820-30d076431ad8</t>
  </si>
  <si>
    <t>BU00807303</t>
  </si>
  <si>
    <t>2021BU00807303</t>
  </si>
  <si>
    <t>De Werp</t>
  </si>
  <si>
    <t>buurt_gegeneraliseerd_2021.4fbe5ebc-06ef-4bf4-91d4-319652e113e4</t>
  </si>
  <si>
    <t>BU00807304</t>
  </si>
  <si>
    <t>2021BU00807304</t>
  </si>
  <si>
    <t>De Zuidlanden</t>
  </si>
  <si>
    <t>buurt_gegeneraliseerd_2021.a9e051de-25a0-4a80-91c0-1a807e82d80c</t>
  </si>
  <si>
    <t>BU00807305</t>
  </si>
  <si>
    <t>2021BU00807305</t>
  </si>
  <si>
    <t>De Klamp</t>
  </si>
  <si>
    <t>buurt_gegeneraliseerd_2021.45c801e3-9f55-4e96-bc64-9fc1dc17099e</t>
  </si>
  <si>
    <t>BU00807401</t>
  </si>
  <si>
    <t>2021BU00807401</t>
  </si>
  <si>
    <t>Barrahûs</t>
  </si>
  <si>
    <t>buurt_gegeneraliseerd_2021.48afa29c-c50a-4b24-bac5-29dfbf450abd</t>
  </si>
  <si>
    <t>BU00807402</t>
  </si>
  <si>
    <t>2021BU00807402</t>
  </si>
  <si>
    <t>Middelsee</t>
  </si>
  <si>
    <t>buurt_gegeneraliseerd_2021.c6eef714-3339-4fd8-9969-b820fad201ef</t>
  </si>
  <si>
    <t>BU00808001</t>
  </si>
  <si>
    <t>2021BU00808001</t>
  </si>
  <si>
    <t>Wirdum</t>
  </si>
  <si>
    <t>buurt_gegeneraliseerd_2021.6fdec53b-13f1-4816-a048-47de36696807</t>
  </si>
  <si>
    <t>BU00808002</t>
  </si>
  <si>
    <t>2021BU00808002</t>
  </si>
  <si>
    <t>Swichum</t>
  </si>
  <si>
    <t>buurt_gegeneraliseerd_2021.a499f5dc-cc3f-498e-a2db-12ceaa571f37</t>
  </si>
  <si>
    <t>BU00808003</t>
  </si>
  <si>
    <t>2021BU00808003</t>
  </si>
  <si>
    <t>Buitengebied Wirdum</t>
  </si>
  <si>
    <t>buurt_gegeneraliseerd_2021.b73c834f-c116-429f-84ea-f5f11728fac4</t>
  </si>
  <si>
    <t>BU00808004</t>
  </si>
  <si>
    <t>2021BU00808004</t>
  </si>
  <si>
    <t>Wergea</t>
  </si>
  <si>
    <t>buurt_gegeneraliseerd_2021.5158e54a-3d7e-4b35-903d-e9b539909324</t>
  </si>
  <si>
    <t>BU00808005</t>
  </si>
  <si>
    <t>2021BU00808005</t>
  </si>
  <si>
    <t>Buitengebied Wergea</t>
  </si>
  <si>
    <t>buurt_gegeneraliseerd_2021.073a4979-6315-45e9-a752-57f43cfb7cbd</t>
  </si>
  <si>
    <t>BU00808006</t>
  </si>
  <si>
    <t>2021BU00808006</t>
  </si>
  <si>
    <t>Warstiens</t>
  </si>
  <si>
    <t>buurt_gegeneraliseerd_2021.8f9c781a-8c73-4e7f-a4ec-9edbe9396b3c</t>
  </si>
  <si>
    <t>BU00808007</t>
  </si>
  <si>
    <t>2021BU00808007</t>
  </si>
  <si>
    <t>Warten</t>
  </si>
  <si>
    <t>buurt_gegeneraliseerd_2021.8977ed04-c321-4b71-90ec-2c570dd70727</t>
  </si>
  <si>
    <t>BU00808008</t>
  </si>
  <si>
    <t>2021BU00808008</t>
  </si>
  <si>
    <t>Buitengebied Warten</t>
  </si>
  <si>
    <t>buurt_gegeneraliseerd_2021.05db290f-cc48-4515-80a7-1922f87366e4</t>
  </si>
  <si>
    <t>BU00808101</t>
  </si>
  <si>
    <t>2021BU00808101</t>
  </si>
  <si>
    <t>Wytgaard</t>
  </si>
  <si>
    <t>buurt_gegeneraliseerd_2021.e45299db-83e0-476c-9dce-7ef52c7a0fea</t>
  </si>
  <si>
    <t>BU00808102</t>
  </si>
  <si>
    <t>2021BU00808102</t>
  </si>
  <si>
    <t>Buitengebied Wytgaard</t>
  </si>
  <si>
    <t>buurt_gegeneraliseerd_2021.168f95a4-ae63-4c9b-9e3b-1c6e5f262d3c</t>
  </si>
  <si>
    <t>BU00808103</t>
  </si>
  <si>
    <t>2021BU00808103</t>
  </si>
  <si>
    <t>Mantgum</t>
  </si>
  <si>
    <t>buurt_gegeneraliseerd_2021.aa026c27-6973-4819-81a2-046bf4ad1278</t>
  </si>
  <si>
    <t>BU00808104</t>
  </si>
  <si>
    <t>2021BU00808104</t>
  </si>
  <si>
    <t>Buitengebied Mantgum</t>
  </si>
  <si>
    <t>buurt_gegeneraliseerd_2021.5a8928c1-f142-4fb8-aee8-ae74c395b8a6</t>
  </si>
  <si>
    <t>BU00808105</t>
  </si>
  <si>
    <t>2021BU00808105</t>
  </si>
  <si>
    <t>Weidum</t>
  </si>
  <si>
    <t>buurt_gegeneraliseerd_2021.32c7821a-a25f-48a1-b7de-18433c96f009</t>
  </si>
  <si>
    <t>BU00808106</t>
  </si>
  <si>
    <t>2021BU00808106</t>
  </si>
  <si>
    <t>Buitengebied Weidum</t>
  </si>
  <si>
    <t>buurt_gegeneraliseerd_2021.83b01755-ea96-4703-8393-b4012af227f6</t>
  </si>
  <si>
    <t>BU00808107</t>
  </si>
  <si>
    <t>2021BU00808107</t>
  </si>
  <si>
    <t>Jellum</t>
  </si>
  <si>
    <t>buurt_gegeneraliseerd_2021.42a8c336-cee9-47c7-acb2-936ec211ff73</t>
  </si>
  <si>
    <t>BU00808108</t>
  </si>
  <si>
    <t>2021BU00808108</t>
  </si>
  <si>
    <t>Bears</t>
  </si>
  <si>
    <t>buurt_gegeneraliseerd_2021.18bdca80-6e2a-4846-97bb-58ff1b56f60c</t>
  </si>
  <si>
    <t>BU00808109</t>
  </si>
  <si>
    <t>2021BU00808109</t>
  </si>
  <si>
    <t>Jorwert</t>
  </si>
  <si>
    <t>buurt_gegeneraliseerd_2021.7a176c10-b915-4ddb-a29f-e86176cc5685</t>
  </si>
  <si>
    <t>BU00808110</t>
  </si>
  <si>
    <t>2021BU00808110</t>
  </si>
  <si>
    <t>Buitengebied Jorwert</t>
  </si>
  <si>
    <t>buurt_gegeneraliseerd_2021.7359bc9b-d537-4b26-bf60-685ce40e89aa</t>
  </si>
  <si>
    <t>BU00808111</t>
  </si>
  <si>
    <t>2021BU00808111</t>
  </si>
  <si>
    <t>Hilaard</t>
  </si>
  <si>
    <t>buurt_gegeneraliseerd_2021.1db94949-c613-45f8-8412-12f2f5dac7b9</t>
  </si>
  <si>
    <t>BU00808112</t>
  </si>
  <si>
    <t>2021BU00808112</t>
  </si>
  <si>
    <t>Buitengebied Hilaard</t>
  </si>
  <si>
    <t>buurt_gegeneraliseerd_2021.2776fa5d-0e29-400b-89e1-ec08b54c749a</t>
  </si>
  <si>
    <t>BU00808113</t>
  </si>
  <si>
    <t>2021BU00808113</t>
  </si>
  <si>
    <t>Húns</t>
  </si>
  <si>
    <t>buurt_gegeneraliseerd_2021.19b46fd6-0ae2-4ea0-a1b9-654f8cb8d65c</t>
  </si>
  <si>
    <t>BU00808114</t>
  </si>
  <si>
    <t>2021BU00808114</t>
  </si>
  <si>
    <t>Leons</t>
  </si>
  <si>
    <t>buurt_gegeneraliseerd_2021.489c4c70-5938-4ba8-8b4e-77e77647413a</t>
  </si>
  <si>
    <t>BU00808115</t>
  </si>
  <si>
    <t>2021BU00808115</t>
  </si>
  <si>
    <t>Baard</t>
  </si>
  <si>
    <t>buurt_gegeneraliseerd_2021.9daea42e-a5b3-4287-a04d-14cfd60cb04f</t>
  </si>
  <si>
    <t>BU00808116</t>
  </si>
  <si>
    <t>2021BU00808116</t>
  </si>
  <si>
    <t>Easterlittens</t>
  </si>
  <si>
    <t>buurt_gegeneraliseerd_2021.46992082-79c2-47e8-ab4b-b4ad9c47e9be</t>
  </si>
  <si>
    <t>BU00808117</t>
  </si>
  <si>
    <t>2021BU00808117</t>
  </si>
  <si>
    <t>Buitengebied Easterlittens</t>
  </si>
  <si>
    <t>buurt_gegeneraliseerd_2021.ec01fade-2227-4d81-9f8a-7ffe9e34fc88</t>
  </si>
  <si>
    <t>BU00808201</t>
  </si>
  <si>
    <t>2021BU00808201</t>
  </si>
  <si>
    <t>Reduzum</t>
  </si>
  <si>
    <t>buurt_gegeneraliseerd_2021.e1b63d46-f033-4b52-aedc-d93938f90273</t>
  </si>
  <si>
    <t>BU00808202</t>
  </si>
  <si>
    <t>2021BU00808202</t>
  </si>
  <si>
    <t>Buitengebied Reduzum</t>
  </si>
  <si>
    <t>buurt_gegeneraliseerd_2021.78ff7894-58bc-41fd-8ed8-ed20bfe985ea</t>
  </si>
  <si>
    <t>BU00808203</t>
  </si>
  <si>
    <t>2021BU00808203</t>
  </si>
  <si>
    <t>Eagum</t>
  </si>
  <si>
    <t>buurt_gegeneraliseerd_2021.0479d219-e298-4618-89ff-309ec9768ba4</t>
  </si>
  <si>
    <t>BU00808204</t>
  </si>
  <si>
    <t>2021BU00808204</t>
  </si>
  <si>
    <t>Idaerd</t>
  </si>
  <si>
    <t>buurt_gegeneraliseerd_2021.f3ad8eb5-723a-42d5-9106-bc7179b8f1ea</t>
  </si>
  <si>
    <t>BU00808205</t>
  </si>
  <si>
    <t>2021BU00808205</t>
  </si>
  <si>
    <t>Friens</t>
  </si>
  <si>
    <t>buurt_gegeneraliseerd_2021.e0f90c52-4161-4928-99c1-e05d054bc270</t>
  </si>
  <si>
    <t>BU00808206</t>
  </si>
  <si>
    <t>2021BU00808206</t>
  </si>
  <si>
    <t>Grou</t>
  </si>
  <si>
    <t>buurt_gegeneraliseerd_2021.cda76ff9-fc77-4ce2-964a-4a9eba0e2150</t>
  </si>
  <si>
    <t>BU00808207</t>
  </si>
  <si>
    <t>2021BU00808207</t>
  </si>
  <si>
    <t>Buitengebied Grou</t>
  </si>
  <si>
    <t>buurt_gegeneraliseerd_2021.4c4171f2-07c8-4d2c-854a-a293442d77c8</t>
  </si>
  <si>
    <t>BU00808208</t>
  </si>
  <si>
    <t>2021BU00808208</t>
  </si>
  <si>
    <t>Jirnsum</t>
  </si>
  <si>
    <t>buurt_gegeneraliseerd_2021.a321a6fd-2efe-4f2c-8ec9-a441a142fde6</t>
  </si>
  <si>
    <t>BU00808209</t>
  </si>
  <si>
    <t>2021BU00808209</t>
  </si>
  <si>
    <t>Buitengebied Jirnsum</t>
  </si>
  <si>
    <t>buurt_gegeneraliseerd_2021.53f2903c-d8ff-4fee-8f46-66525e771f64</t>
  </si>
  <si>
    <t>BU01770101</t>
  </si>
  <si>
    <t>2021BU01770101</t>
  </si>
  <si>
    <t>Raalte Centrum</t>
  </si>
  <si>
    <t>GM0177</t>
  </si>
  <si>
    <t>buurt_gegeneraliseerd_2021.9e17a8ff-ddbc-4495-b1e6-4a25bda1cd5f</t>
  </si>
  <si>
    <t>BU01770102</t>
  </si>
  <si>
    <t>2021BU01770102</t>
  </si>
  <si>
    <t>Blekkerhoek</t>
  </si>
  <si>
    <t>buurt_gegeneraliseerd_2021.c64836b2-f705-4f07-9bd1-5420270f61b3</t>
  </si>
  <si>
    <t>BU01770103</t>
  </si>
  <si>
    <t>2021BU01770103</t>
  </si>
  <si>
    <t>Drostenkamp</t>
  </si>
  <si>
    <t>buurt_gegeneraliseerd_2021.82dcd99f-11e7-49f6-b7fc-4b32e9f28787</t>
  </si>
  <si>
    <t>BU01770104</t>
  </si>
  <si>
    <t>2021BU01770104</t>
  </si>
  <si>
    <t>buurt_gegeneraliseerd_2021.8acc0cde-462a-42a8-adc3-3f1d99c9d750</t>
  </si>
  <si>
    <t>BU01770105</t>
  </si>
  <si>
    <t>2021BU01770105</t>
  </si>
  <si>
    <t>De Olykampen</t>
  </si>
  <si>
    <t>buurt_gegeneraliseerd_2021.131232f8-5188-42f5-a172-59e9554e342b</t>
  </si>
  <si>
    <t>BU01770106</t>
  </si>
  <si>
    <t>2021BU01770106</t>
  </si>
  <si>
    <t>Hartkamp</t>
  </si>
  <si>
    <t>buurt_gegeneraliseerd_2021.32cad9af-0dce-45e2-95d3-57e8d51dfc5b</t>
  </si>
  <si>
    <t>BU01770107</t>
  </si>
  <si>
    <t>2021BU01770107</t>
  </si>
  <si>
    <t>Langkamp</t>
  </si>
  <si>
    <t>buurt_gegeneraliseerd_2021.616fe3cd-6682-4d69-8fe8-ee32806badd2</t>
  </si>
  <si>
    <t>BU01770108</t>
  </si>
  <si>
    <t>2021BU01770108</t>
  </si>
  <si>
    <t>De Vloedkampen</t>
  </si>
  <si>
    <t>buurt_gegeneraliseerd_2021.23054f02-8b36-4f02-8c71-fa6fe6f46e1a</t>
  </si>
  <si>
    <t>BU01770109</t>
  </si>
  <si>
    <t>2021BU01770109</t>
  </si>
  <si>
    <t>Tijenraan</t>
  </si>
  <si>
    <t>buurt_gegeneraliseerd_2021.e8ddbdb8-c1fe-4319-a1b4-f6d42fc0ae6d</t>
  </si>
  <si>
    <t>BU01770110</t>
  </si>
  <si>
    <t>2021BU01770110</t>
  </si>
  <si>
    <t>buurt_gegeneraliseerd_2021.b943279a-e562-49c5-bb28-8ec6533a1151</t>
  </si>
  <si>
    <t>BU01770111</t>
  </si>
  <si>
    <t>2021BU01770111</t>
  </si>
  <si>
    <t>Het Raan Oost</t>
  </si>
  <si>
    <t>buurt_gegeneraliseerd_2021.bbfb12f8-c576-4748-a759-85880acf536b</t>
  </si>
  <si>
    <t>BU01770112</t>
  </si>
  <si>
    <t>2021BU01770112</t>
  </si>
  <si>
    <t>Het Raan West</t>
  </si>
  <si>
    <t>buurt_gegeneraliseerd_2021.63b4831d-1c67-4b35-8e9d-ae87ed728abe</t>
  </si>
  <si>
    <t>BU01770113</t>
  </si>
  <si>
    <t>2021BU01770113</t>
  </si>
  <si>
    <t>Het Overstigt</t>
  </si>
  <si>
    <t>buurt_gegeneraliseerd_2021.22529513-bc17-4bf6-b032-36dada7a7d03</t>
  </si>
  <si>
    <t>BU01770114</t>
  </si>
  <si>
    <t>2021BU01770114</t>
  </si>
  <si>
    <t>Salland</t>
  </si>
  <si>
    <t>buurt_gegeneraliseerd_2021.c3ff7385-ae6b-4a5b-bf96-8792091233f9</t>
  </si>
  <si>
    <t>BU01770115</t>
  </si>
  <si>
    <t>2021BU01770115</t>
  </si>
  <si>
    <t>Franciscushof</t>
  </si>
  <si>
    <t>buurt_gegeneraliseerd_2021.9273709d-3731-45cc-942c-cb013fa0afef</t>
  </si>
  <si>
    <t>BU01770116</t>
  </si>
  <si>
    <t>2021BU01770116</t>
  </si>
  <si>
    <t>De Zegge</t>
  </si>
  <si>
    <t>buurt_gegeneraliseerd_2021.39906d99-880b-422e-a884-f6ed0330b41f</t>
  </si>
  <si>
    <t>BU01770117</t>
  </si>
  <si>
    <t>2021BU01770117</t>
  </si>
  <si>
    <t>De Hees</t>
  </si>
  <si>
    <t>buurt_gegeneraliseerd_2021.b6f2fc73-f29e-43da-861f-0f6d6e9a98b5</t>
  </si>
  <si>
    <t>BU01770119</t>
  </si>
  <si>
    <t>2021BU01770119</t>
  </si>
  <si>
    <t>Buitengebied Raalte</t>
  </si>
  <si>
    <t>buurt_gegeneraliseerd_2021.23557986-37d9-41ae-8527-905ecf8aadac</t>
  </si>
  <si>
    <t>BU01770201</t>
  </si>
  <si>
    <t>2021BU01770201</t>
  </si>
  <si>
    <t>Luttenberg Kern</t>
  </si>
  <si>
    <t>buurt_gegeneraliseerd_2021.bb88232f-7bd3-4c6c-98e2-79e058f5f0bb</t>
  </si>
  <si>
    <t>BU01770209</t>
  </si>
  <si>
    <t>2021BU01770209</t>
  </si>
  <si>
    <t>Buitengebied Luttenberg</t>
  </si>
  <si>
    <t>buurt_gegeneraliseerd_2021.b68cdd9a-8f25-4341-9016-b3b44e4e100f</t>
  </si>
  <si>
    <t>BU01770301</t>
  </si>
  <si>
    <t>2021BU01770301</t>
  </si>
  <si>
    <t>Mariënheem Kern</t>
  </si>
  <si>
    <t>buurt_gegeneraliseerd_2021.c3283a15-0645-43ac-b9bb-6ea7a4128cb3</t>
  </si>
  <si>
    <t>BU01770309</t>
  </si>
  <si>
    <t>2021BU01770309</t>
  </si>
  <si>
    <t>Buitengebied Mariënheem</t>
  </si>
  <si>
    <t>buurt_gegeneraliseerd_2021.493031ac-2e9b-4362-882d-465fe993f7fa</t>
  </si>
  <si>
    <t>BU01770401</t>
  </si>
  <si>
    <t>2021BU01770401</t>
  </si>
  <si>
    <t>Nieuw Heeten Kern</t>
  </si>
  <si>
    <t>buurt_gegeneraliseerd_2021.93eddd2b-c7fd-4154-8933-bb03564ba7ed</t>
  </si>
  <si>
    <t>BU01770409</t>
  </si>
  <si>
    <t>2021BU01770409</t>
  </si>
  <si>
    <t>Buitengebied Nieuw Heeten</t>
  </si>
  <si>
    <t>buurt_gegeneraliseerd_2021.4df44ab6-15d3-465c-a7c9-a60e719b916a</t>
  </si>
  <si>
    <t>BU01770501</t>
  </si>
  <si>
    <t>2021BU01770501</t>
  </si>
  <si>
    <t>Heeten Kern</t>
  </si>
  <si>
    <t>buurt_gegeneraliseerd_2021.515b08b0-192b-4352-957a-d777352b84d5</t>
  </si>
  <si>
    <t>BU01770509</t>
  </si>
  <si>
    <t>2021BU01770509</t>
  </si>
  <si>
    <t>Buitengebied Heeten</t>
  </si>
  <si>
    <t>buurt_gegeneraliseerd_2021.050cef6d-76c0-4d7c-9593-f4598d10ad34</t>
  </si>
  <si>
    <t>BU01770601</t>
  </si>
  <si>
    <t>2021BU01770601</t>
  </si>
  <si>
    <t>Broekland Kern</t>
  </si>
  <si>
    <t>buurt_gegeneraliseerd_2021.cca74ab8-525c-4c2e-bfe9-ef453c16636f</t>
  </si>
  <si>
    <t>BU01770609</t>
  </si>
  <si>
    <t>2021BU01770609</t>
  </si>
  <si>
    <t>Buitengebied Broekland</t>
  </si>
  <si>
    <t>buurt_gegeneraliseerd_2021.8286cd6e-a3c1-4479-9172-119c9f68647d</t>
  </si>
  <si>
    <t>BU01770701</t>
  </si>
  <si>
    <t>2021BU01770701</t>
  </si>
  <si>
    <t>Heino Centrum</t>
  </si>
  <si>
    <t>buurt_gegeneraliseerd_2021.2a901ab8-13be-4f5d-80a5-ca96bdde7074</t>
  </si>
  <si>
    <t>BU01770702</t>
  </si>
  <si>
    <t>2021BU01770702</t>
  </si>
  <si>
    <t>buurt_gegeneraliseerd_2021.922aac56-afcd-4d1d-9993-8759870e6a1d</t>
  </si>
  <si>
    <t>BU01770703</t>
  </si>
  <si>
    <t>2021BU01770703</t>
  </si>
  <si>
    <t>Heino Zuid</t>
  </si>
  <si>
    <t>buurt_gegeneraliseerd_2021.ba74a886-93d7-4670-90ab-6511c801662d</t>
  </si>
  <si>
    <t>BU01770704</t>
  </si>
  <si>
    <t>2021BU01770704</t>
  </si>
  <si>
    <t>Kiezebos</t>
  </si>
  <si>
    <t>buurt_gegeneraliseerd_2021.2f705c99-af67-4646-a70e-befb6e00679d</t>
  </si>
  <si>
    <t>BU01770705</t>
  </si>
  <si>
    <t>2021BU01770705</t>
  </si>
  <si>
    <t>Blankenfoort</t>
  </si>
  <si>
    <t>buurt_gegeneraliseerd_2021.82c17209-25b0-4575-ab78-5a12bd1a5c05</t>
  </si>
  <si>
    <t>BU01770709</t>
  </si>
  <si>
    <t>2021BU01770709</t>
  </si>
  <si>
    <t>Buitengebied Heino</t>
  </si>
  <si>
    <t>buurt_gegeneraliseerd_2021.baaee05e-5077-4211-a642-ea780b32b14d</t>
  </si>
  <si>
    <t>BU01770801</t>
  </si>
  <si>
    <t>2021BU01770801</t>
  </si>
  <si>
    <t>Lierderholthuis Kern</t>
  </si>
  <si>
    <t>buurt_gegeneraliseerd_2021.81384c66-6af3-4223-a57a-9c383ad69e11</t>
  </si>
  <si>
    <t>BU01770809</t>
  </si>
  <si>
    <t>2021BU01770809</t>
  </si>
  <si>
    <t>Buitengebied Lierderholthuis</t>
  </si>
  <si>
    <t>buurt_gegeneraliseerd_2021.3eb621ed-9be2-4c22-b3b9-f3d3db4036dc</t>
  </si>
  <si>
    <t>BU01770901</t>
  </si>
  <si>
    <t>2021BU01770901</t>
  </si>
  <si>
    <t>Laag Zuthem Kern</t>
  </si>
  <si>
    <t>buurt_gegeneraliseerd_2021.5374a4d5-cdd2-4fe8-abca-8d7e517a1ebc</t>
  </si>
  <si>
    <t>BU01770909</t>
  </si>
  <si>
    <t>2021BU01770909</t>
  </si>
  <si>
    <t>Buitengebied Laag Zuthem</t>
  </si>
  <si>
    <t>buurt_gegeneraliseerd_2021.6bf6a878-4533-45f1-b3da-a4f0b06bc70b</t>
  </si>
  <si>
    <t>BU03211010</t>
  </si>
  <si>
    <t>2021BU03211010</t>
  </si>
  <si>
    <t>GM0321</t>
  </si>
  <si>
    <t>buurt_gegeneraliseerd_2021.eb47a9ab-d902-4070-ab3f-f833d3bcd129</t>
  </si>
  <si>
    <t>BU03211011</t>
  </si>
  <si>
    <t>2021BU03211011</t>
  </si>
  <si>
    <t>Oorden</t>
  </si>
  <si>
    <t>buurt_gegeneraliseerd_2021.badfe336-2e45-487d-ade4-1922ddf033be</t>
  </si>
  <si>
    <t>BU03211012</t>
  </si>
  <si>
    <t>2021BU03211012</t>
  </si>
  <si>
    <t>Hoven</t>
  </si>
  <si>
    <t>buurt_gegeneraliseerd_2021.706f0f13-9c29-4b95-a83e-0ed13c517ca8</t>
  </si>
  <si>
    <t>BU03211013</t>
  </si>
  <si>
    <t>2021BU03211013</t>
  </si>
  <si>
    <t>buurt_gegeneraliseerd_2021.fb348b1e-c46a-418d-bfcd-2c55fdbe7b77</t>
  </si>
  <si>
    <t>BU03211014</t>
  </si>
  <si>
    <t>2021BU03211014</t>
  </si>
  <si>
    <t>buurt_gegeneraliseerd_2021.061d791e-4b6f-4ff6-9c87-69877ea6b1c9</t>
  </si>
  <si>
    <t>BU03211015</t>
  </si>
  <si>
    <t>2021BU03211015</t>
  </si>
  <si>
    <t>Erven</t>
  </si>
  <si>
    <t>buurt_gegeneraliseerd_2021.e7137873-3106-479f-89ac-185c4f715cc0</t>
  </si>
  <si>
    <t>BU03211016</t>
  </si>
  <si>
    <t>2021BU03211016</t>
  </si>
  <si>
    <t>Poorten</t>
  </si>
  <si>
    <t>buurt_gegeneraliseerd_2021.4f93c1fe-c089-416d-9d34-5be3d16ba96f</t>
  </si>
  <si>
    <t>BU03211017</t>
  </si>
  <si>
    <t>2021BU03211017</t>
  </si>
  <si>
    <t>Slagen</t>
  </si>
  <si>
    <t>buurt_gegeneraliseerd_2021.74c9f63b-32f6-415e-bfc6-7de80618b2b3</t>
  </si>
  <si>
    <t>BU03211018</t>
  </si>
  <si>
    <t>2021BU03211018</t>
  </si>
  <si>
    <t>Borchen</t>
  </si>
  <si>
    <t>buurt_gegeneraliseerd_2021.b857cfaa-2854-484b-89f7-8de75f5b8fc8</t>
  </si>
  <si>
    <t>BU03211019</t>
  </si>
  <si>
    <t>2021BU03211019</t>
  </si>
  <si>
    <t>Campen</t>
  </si>
  <si>
    <t>buurt_gegeneraliseerd_2021.d091ecbe-9212-4bad-8e47-916ae6119deb</t>
  </si>
  <si>
    <t>BU03211050</t>
  </si>
  <si>
    <t>2021BU03211050</t>
  </si>
  <si>
    <t>Rondweg Noord-West</t>
  </si>
  <si>
    <t>buurt_gegeneraliseerd_2021.a97d9454-b868-436b-a9bb-2414aee32e65</t>
  </si>
  <si>
    <t>BU03211120</t>
  </si>
  <si>
    <t>2021BU03211120</t>
  </si>
  <si>
    <t>buurt_gegeneraliseerd_2021.203a16cc-3ce3-4985-95ea-92ee221b5bb3</t>
  </si>
  <si>
    <t>BU03211121</t>
  </si>
  <si>
    <t>2021BU03211121</t>
  </si>
  <si>
    <t>buurt_gegeneraliseerd_2021.51e5d27c-25ed-40d2-be1f-1d44e2ba4eef</t>
  </si>
  <si>
    <t>BU03211122</t>
  </si>
  <si>
    <t>2021BU03211122</t>
  </si>
  <si>
    <t>Molens</t>
  </si>
  <si>
    <t>buurt_gegeneraliseerd_2021.02fd5e08-751d-4329-8049-676ad1c8c9e6</t>
  </si>
  <si>
    <t>BU03211123</t>
  </si>
  <si>
    <t>2021BU03211123</t>
  </si>
  <si>
    <t>Hagen</t>
  </si>
  <si>
    <t>buurt_gegeneraliseerd_2021.ab3a88ab-980c-4b58-aead-a90420ce218f</t>
  </si>
  <si>
    <t>BU03211124</t>
  </si>
  <si>
    <t>2021BU03211124</t>
  </si>
  <si>
    <t>Weiden</t>
  </si>
  <si>
    <t>buurt_gegeneraliseerd_2021.2efb58e7-c041-4101-8ef1-d86ea9e22ee8</t>
  </si>
  <si>
    <t>BU03211125</t>
  </si>
  <si>
    <t>2021BU03211125</t>
  </si>
  <si>
    <t>Gilden</t>
  </si>
  <si>
    <t>buurt_gegeneraliseerd_2021.5a96d41b-e774-4d9c-a3e7-d19f312ba8dc</t>
  </si>
  <si>
    <t>BU03211126</t>
  </si>
  <si>
    <t>2021BU03211126</t>
  </si>
  <si>
    <t>Velden</t>
  </si>
  <si>
    <t>buurt_gegeneraliseerd_2021.aafe9622-fb10-4021-9fe2-acf86b07254c</t>
  </si>
  <si>
    <t>BU03211127</t>
  </si>
  <si>
    <t>2021BU03211127</t>
  </si>
  <si>
    <t>buurt_gegeneraliseerd_2021.f8440a15-9fec-47f5-b57f-3d6a15c447a0</t>
  </si>
  <si>
    <t>BU03211128</t>
  </si>
  <si>
    <t>2021BU03211128</t>
  </si>
  <si>
    <t>Bermen</t>
  </si>
  <si>
    <t>buurt_gegeneraliseerd_2021.75e4e67f-56d1-41e9-a4a9-171d37319de2</t>
  </si>
  <si>
    <t>BU03211129</t>
  </si>
  <si>
    <t>2021BU03211129</t>
  </si>
  <si>
    <t>buurt_gegeneraliseerd_2021.41ae76a1-a3be-470a-a895-48ed83684e0c</t>
  </si>
  <si>
    <t>BU03211151</t>
  </si>
  <si>
    <t>2021BU03211151</t>
  </si>
  <si>
    <t>Rondweg Noord-Oost</t>
  </si>
  <si>
    <t>buurt_gegeneraliseerd_2021.9da5f821-7239-435a-b952-7a41b7e87c71</t>
  </si>
  <si>
    <t>BU03211230</t>
  </si>
  <si>
    <t>2021BU03211230</t>
  </si>
  <si>
    <t>Bouwen</t>
  </si>
  <si>
    <t>buurt_gegeneraliseerd_2021.c6fa680a-a38f-402e-9f4e-fd2df78d8a1a</t>
  </si>
  <si>
    <t>BU03211231</t>
  </si>
  <si>
    <t>2021BU03211231</t>
  </si>
  <si>
    <t>Houten</t>
  </si>
  <si>
    <t>buurt_gegeneraliseerd_2021.b4af58a6-e774-4baa-8832-f6e6d4bb2b0c</t>
  </si>
  <si>
    <t>BU03211232</t>
  </si>
  <si>
    <t>2021BU03211232</t>
  </si>
  <si>
    <t>Waters</t>
  </si>
  <si>
    <t>buurt_gegeneraliseerd_2021.54ef9a1e-488d-4f39-af53-99e1d4935666</t>
  </si>
  <si>
    <t>BU03211233</t>
  </si>
  <si>
    <t>2021BU03211233</t>
  </si>
  <si>
    <t>Polders</t>
  </si>
  <si>
    <t>buurt_gegeneraliseerd_2021.96e5a1d0-d656-43b0-889f-c75f58cd1e79</t>
  </si>
  <si>
    <t>BU03211234</t>
  </si>
  <si>
    <t>2021BU03211234</t>
  </si>
  <si>
    <t>Stenen</t>
  </si>
  <si>
    <t>buurt_gegeneraliseerd_2021.427f77c2-3a75-432d-9d39-92b8d0106595</t>
  </si>
  <si>
    <t>BU03211235</t>
  </si>
  <si>
    <t>2021BU03211235</t>
  </si>
  <si>
    <t>Muren</t>
  </si>
  <si>
    <t>buurt_gegeneraliseerd_2021.2934707e-8b67-4cb2-96bc-aadddc517789</t>
  </si>
  <si>
    <t>BU03211236</t>
  </si>
  <si>
    <t>2021BU03211236</t>
  </si>
  <si>
    <t>Castellum West</t>
  </si>
  <si>
    <t>buurt_gegeneraliseerd_2021.e0233f8c-74e8-49d7-a96f-139280dd7736</t>
  </si>
  <si>
    <t>BU03211237</t>
  </si>
  <si>
    <t>2021BU03211237</t>
  </si>
  <si>
    <t>Castellum Oost</t>
  </si>
  <si>
    <t>buurt_gegeneraliseerd_2021.a39b91bd-a4fd-4c18-ade0-c0bccc8a703d</t>
  </si>
  <si>
    <t>BU03211238</t>
  </si>
  <si>
    <t>2021BU03211238</t>
  </si>
  <si>
    <t>Schaften</t>
  </si>
  <si>
    <t>buurt_gegeneraliseerd_2021.1821eb1e-2196-4fdf-bbc2-9bebc7b6d37d</t>
  </si>
  <si>
    <t>BU03211252</t>
  </si>
  <si>
    <t>2021BU03211252</t>
  </si>
  <si>
    <t>Rondweg Zuid-West</t>
  </si>
  <si>
    <t>buurt_gegeneraliseerd_2021.44e192a0-1cdb-4e0f-bfb5-ef756c8e6771</t>
  </si>
  <si>
    <t>BU03211340</t>
  </si>
  <si>
    <t>2021BU03211340</t>
  </si>
  <si>
    <t>buurt_gegeneraliseerd_2021.9850a64d-e240-48e6-b4f3-e6e82757e4a5</t>
  </si>
  <si>
    <t>BU03211341</t>
  </si>
  <si>
    <t>2021BU03211341</t>
  </si>
  <si>
    <t>Tuinen</t>
  </si>
  <si>
    <t>buurt_gegeneraliseerd_2021.70809757-ac0e-455d-9b1f-baea7f770fbb</t>
  </si>
  <si>
    <t>BU03211342</t>
  </si>
  <si>
    <t>2021BU03211342</t>
  </si>
  <si>
    <t>Sporen</t>
  </si>
  <si>
    <t>buurt_gegeneraliseerd_2021.053b6162-4a95-4086-8222-c71963019005</t>
  </si>
  <si>
    <t>BU03211343</t>
  </si>
  <si>
    <t>2021BU03211343</t>
  </si>
  <si>
    <t>Meren</t>
  </si>
  <si>
    <t>buurt_gegeneraliseerd_2021.5bb9d982-335d-472a-9a95-4727a1f05f26</t>
  </si>
  <si>
    <t>BU03211344</t>
  </si>
  <si>
    <t>2021BU03211344</t>
  </si>
  <si>
    <t>Mossen</t>
  </si>
  <si>
    <t>buurt_gegeneraliseerd_2021.c0007975-87cb-4940-b2d7-4cfb02d5bb91</t>
  </si>
  <si>
    <t>BU03211345</t>
  </si>
  <si>
    <t>2021BU03211345</t>
  </si>
  <si>
    <t>Grassen</t>
  </si>
  <si>
    <t>buurt_gegeneraliseerd_2021.ef881988-2876-4e2a-855e-10865e88fccd</t>
  </si>
  <si>
    <t>BU03211352</t>
  </si>
  <si>
    <t>2021BU03211352</t>
  </si>
  <si>
    <t>Rondweg Zuid-Oost</t>
  </si>
  <si>
    <t>buurt_gegeneraliseerd_2021.50cd8071-0ec1-4c37-853e-3ddff5df492d</t>
  </si>
  <si>
    <t>BU03212054</t>
  </si>
  <si>
    <t>2021BU03212054</t>
  </si>
  <si>
    <t>buurt_gegeneraliseerd_2021.38244995-4b94-40b3-ac6f-6819e9359358</t>
  </si>
  <si>
    <t>BU03212055</t>
  </si>
  <si>
    <t>2021BU03212055</t>
  </si>
  <si>
    <t>Kaden</t>
  </si>
  <si>
    <t>buurt_gegeneraliseerd_2021.c6b696cc-4dbb-4cf4-b4f8-fff9aa07b260</t>
  </si>
  <si>
    <t>BU03212056</t>
  </si>
  <si>
    <t>2021BU03212056</t>
  </si>
  <si>
    <t>Vesten</t>
  </si>
  <si>
    <t>buurt_gegeneraliseerd_2021.def3c774-196b-46d3-afb0-5621a1aee91d</t>
  </si>
  <si>
    <t>BU03212057</t>
  </si>
  <si>
    <t>2021BU03212057</t>
  </si>
  <si>
    <t>Schepen</t>
  </si>
  <si>
    <t>buurt_gegeneraliseerd_2021.86ad0c11-1b08-4ecc-ab41-592f0bac2916</t>
  </si>
  <si>
    <t>BU03212058</t>
  </si>
  <si>
    <t>2021BU03212058</t>
  </si>
  <si>
    <t>Boten</t>
  </si>
  <si>
    <t>buurt_gegeneraliseerd_2021.084738ef-0dbf-41af-90df-f86524b14cd5</t>
  </si>
  <si>
    <t>BU03212059</t>
  </si>
  <si>
    <t>2021BU03212059</t>
  </si>
  <si>
    <t>Honen</t>
  </si>
  <si>
    <t>buurt_gegeneraliseerd_2021.cbf07734-24d3-4bb6-8eea-829217af79a6</t>
  </si>
  <si>
    <t>BU03212060</t>
  </si>
  <si>
    <t>2021BU03212060</t>
  </si>
  <si>
    <t>Hof van Wulven</t>
  </si>
  <si>
    <t>buurt_gegeneraliseerd_2021.4e8c3ed8-41da-440d-82d2-53d635bc0994</t>
  </si>
  <si>
    <t>BU03212061</t>
  </si>
  <si>
    <t>2021BU03212061</t>
  </si>
  <si>
    <t>Bruggen</t>
  </si>
  <si>
    <t>buurt_gegeneraliseerd_2021.865a9f90-3bcf-477c-9191-1f2deba5d5ed</t>
  </si>
  <si>
    <t>BU03212062</t>
  </si>
  <si>
    <t>2021BU03212062</t>
  </si>
  <si>
    <t>Bogen</t>
  </si>
  <si>
    <t>buurt_gegeneraliseerd_2021.14a54d94-50a0-4464-8cc2-522093d7d91e</t>
  </si>
  <si>
    <t>BU03212063</t>
  </si>
  <si>
    <t>2021BU03212063</t>
  </si>
  <si>
    <t>De Poel</t>
  </si>
  <si>
    <t>buurt_gegeneraliseerd_2021.c56b9a58-f8aa-43e5-b5dc-ec40fcb3dfec</t>
  </si>
  <si>
    <t>BU03212064</t>
  </si>
  <si>
    <t>2021BU03212064</t>
  </si>
  <si>
    <t>Buitengebied Houten West</t>
  </si>
  <si>
    <t>buurt_gegeneraliseerd_2021.7af97b99-f583-4584-a8c4-1a1fb30e6fd8</t>
  </si>
  <si>
    <t>BU03212065</t>
  </si>
  <si>
    <t>2021BU03212065</t>
  </si>
  <si>
    <t>Buitengebied Houten Oost</t>
  </si>
  <si>
    <t>buurt_gegeneraliseerd_2021.937fa005-66d8-4ede-9cfd-090734dbbf95</t>
  </si>
  <si>
    <t>BU03213070</t>
  </si>
  <si>
    <t>2021BU03213070</t>
  </si>
  <si>
    <t>Dorp 't Goy</t>
  </si>
  <si>
    <t>buurt_gegeneraliseerd_2021.a7541096-3818-4a64-821e-f8414d11082b</t>
  </si>
  <si>
    <t>BU03213071</t>
  </si>
  <si>
    <t>2021BU03213071</t>
  </si>
  <si>
    <t>'t Goyse Dorp</t>
  </si>
  <si>
    <t>buurt_gegeneraliseerd_2021.edd13631-e0a6-46ec-a252-abef721c6766</t>
  </si>
  <si>
    <t>BU03213172</t>
  </si>
  <si>
    <t>2021BU03213172</t>
  </si>
  <si>
    <t>Buitengebied 't Goy</t>
  </si>
  <si>
    <t>buurt_gegeneraliseerd_2021.015791ee-2897-4015-8b4d-71ae38164f2d</t>
  </si>
  <si>
    <t>BU03214080</t>
  </si>
  <si>
    <t>2021BU03214080</t>
  </si>
  <si>
    <t>'t Waal</t>
  </si>
  <si>
    <t>buurt_gegeneraliseerd_2021.ce4bdf7a-d35f-47c1-900a-34b0427220cb</t>
  </si>
  <si>
    <t>BU03214081</t>
  </si>
  <si>
    <t>2021BU03214081</t>
  </si>
  <si>
    <t>Tull</t>
  </si>
  <si>
    <t>buurt_gegeneraliseerd_2021.1a3f4306-bea2-4e43-8712-efcd0d786e29</t>
  </si>
  <si>
    <t>BU03214182</t>
  </si>
  <si>
    <t>2021BU03214182</t>
  </si>
  <si>
    <t>Buitengebied Tull en 't Waal</t>
  </si>
  <si>
    <t>buurt_gegeneraliseerd_2021.7d60588a-8fcf-4522-bd05-42ccbed887f8</t>
  </si>
  <si>
    <t>BU03215090</t>
  </si>
  <si>
    <t>2021BU03215090</t>
  </si>
  <si>
    <t>Dorp Schalkwijk West</t>
  </si>
  <si>
    <t>buurt_gegeneraliseerd_2021.df79e169-312b-4e79-bd10-3ca97c5cc6c8</t>
  </si>
  <si>
    <t>BU03215091</t>
  </si>
  <si>
    <t>2021BU03215091</t>
  </si>
  <si>
    <t>Dorp Schalkwijk Oost</t>
  </si>
  <si>
    <t>buurt_gegeneraliseerd_2021.8e788d94-608a-4f8b-81b0-63f4c8eeb537</t>
  </si>
  <si>
    <t>BU03215192</t>
  </si>
  <si>
    <t>2021BU03215192</t>
  </si>
  <si>
    <t>Buitengebied Schalkwijk West</t>
  </si>
  <si>
    <t>buurt_gegeneraliseerd_2021.a95f2173-e18c-49c7-b194-8ad0ff6cc121</t>
  </si>
  <si>
    <t>BU03215193</t>
  </si>
  <si>
    <t>2021BU03215193</t>
  </si>
  <si>
    <t>Buitengebied Schalkwijk Oost</t>
  </si>
  <si>
    <t>buurt_gegeneraliseerd_2021.bb5e56b2-e422-4b36-82be-8ee701c5c8e9</t>
  </si>
  <si>
    <t>BU04410101</t>
  </si>
  <si>
    <t>2021BU04410101</t>
  </si>
  <si>
    <t>Schagerbrug (woonkern)</t>
  </si>
  <si>
    <t>GM0441</t>
  </si>
  <si>
    <t>buurt_gegeneraliseerd_2021.08aab5f1-eb10-4bc8-9263-e4bfed6d0c2c</t>
  </si>
  <si>
    <t>BU04410190</t>
  </si>
  <si>
    <t>2021BU04410190</t>
  </si>
  <si>
    <t>'t Buurtje en Buitengebied</t>
  </si>
  <si>
    <t>buurt_gegeneraliseerd_2021.aa7671b0-5907-4603-974f-2e64ce53bfa6</t>
  </si>
  <si>
    <t>BU04410191</t>
  </si>
  <si>
    <t>2021BU04410191</t>
  </si>
  <si>
    <t>De Stolpen en Buitengebied</t>
  </si>
  <si>
    <t>buurt_gegeneraliseerd_2021.0f347db3-2167-4b6a-8e8e-0e2d8c8cd1eb</t>
  </si>
  <si>
    <t>BU04410192</t>
  </si>
  <si>
    <t>2021BU04410192</t>
  </si>
  <si>
    <t>Buitengebied Schagerbrug-Noord</t>
  </si>
  <si>
    <t>buurt_gegeneraliseerd_2021.1f757064-ca93-4191-af3b-5e9016d04692</t>
  </si>
  <si>
    <t>BU04410301</t>
  </si>
  <si>
    <t>2021BU04410301</t>
  </si>
  <si>
    <t>Burgerbrug (woonkern)</t>
  </si>
  <si>
    <t>buurt_gegeneraliseerd_2021.df98d60c-9d26-48c9-9f13-0371ea0cf3a2</t>
  </si>
  <si>
    <t>BU04410390</t>
  </si>
  <si>
    <t>2021BU04410390</t>
  </si>
  <si>
    <t>Buitengebied Burgerbrug</t>
  </si>
  <si>
    <t>buurt_gegeneraliseerd_2021.0bba4699-e643-461d-8a4e-1d88c07cfdd1</t>
  </si>
  <si>
    <t>BU04410391</t>
  </si>
  <si>
    <t>2021BU04410391</t>
  </si>
  <si>
    <t>Burgervlotbrug en Buitengebied</t>
  </si>
  <si>
    <t>buurt_gegeneraliseerd_2021.98d7f555-6bf9-4e56-b401-7174c4003d9e</t>
  </si>
  <si>
    <t>BU04410401</t>
  </si>
  <si>
    <t>2021BU04410401</t>
  </si>
  <si>
    <t>Sint Maarten (woonkern)</t>
  </si>
  <si>
    <t>buurt_gegeneraliseerd_2021.2415ad1e-7d82-440f-b698-111ea1f75048</t>
  </si>
  <si>
    <t>BU04410402</t>
  </si>
  <si>
    <t>2021BU04410402</t>
  </si>
  <si>
    <t>Stroet</t>
  </si>
  <si>
    <t>buurt_gegeneraliseerd_2021.484d4c6c-9221-4a69-95a4-4f36cb6e4be9</t>
  </si>
  <si>
    <t>BU04410490</t>
  </si>
  <si>
    <t>2021BU04410490</t>
  </si>
  <si>
    <t>Buitengebied Sint Maarten</t>
  </si>
  <si>
    <t>buurt_gegeneraliseerd_2021.a57a4028-b260-4653-bd28-baa5a4dc35a8</t>
  </si>
  <si>
    <t>BU04410491</t>
  </si>
  <si>
    <t>2021BU04410491</t>
  </si>
  <si>
    <t>Valkkoog en Buitengebied</t>
  </si>
  <si>
    <t>buurt_gegeneraliseerd_2021.24d5de48-25c2-4f49-948f-429ebfe24765</t>
  </si>
  <si>
    <t>BU04410492</t>
  </si>
  <si>
    <t>2021BU04410492</t>
  </si>
  <si>
    <t>Groenveld en Buitengebied</t>
  </si>
  <si>
    <t>buurt_gegeneraliseerd_2021.42457036-b0a4-4d6c-a043-76705e21c748</t>
  </si>
  <si>
    <t>BU04410493</t>
  </si>
  <si>
    <t>2021BU04410493</t>
  </si>
  <si>
    <t>'t Rijpje en Buitengebied</t>
  </si>
  <si>
    <t>buurt_gegeneraliseerd_2021.d8229ce1-46ad-4feb-b83d-e578dfbff9e7</t>
  </si>
  <si>
    <t>BU04410494</t>
  </si>
  <si>
    <t>2021BU04410494</t>
  </si>
  <si>
    <t>Eenigenburg en Buitengebied</t>
  </si>
  <si>
    <t>buurt_gegeneraliseerd_2021.9c151d1d-624d-4038-99e2-c59e8b427d53</t>
  </si>
  <si>
    <t>BU04410501</t>
  </si>
  <si>
    <t>2021BU04410501</t>
  </si>
  <si>
    <t>Warmenhuizen-Centrum</t>
  </si>
  <si>
    <t>buurt_gegeneraliseerd_2021.cdb802c1-266b-4793-ad18-f47f1fee4dca</t>
  </si>
  <si>
    <t>BU04410502</t>
  </si>
  <si>
    <t>2021BU04410502</t>
  </si>
  <si>
    <t>Schelphoek</t>
  </si>
  <si>
    <t>buurt_gegeneraliseerd_2021.ccaa0172-b7ed-44af-b178-d3441dc549cd</t>
  </si>
  <si>
    <t>BU04410503</t>
  </si>
  <si>
    <t>2021BU04410503</t>
  </si>
  <si>
    <t>Debbemeer-Noord</t>
  </si>
  <si>
    <t>buurt_gegeneraliseerd_2021.0496d850-bfd4-4908-8297-52f10f4f85a4</t>
  </si>
  <si>
    <t>BU04410504</t>
  </si>
  <si>
    <t>2021BU04410504</t>
  </si>
  <si>
    <t>Debbemeer-Zuid</t>
  </si>
  <si>
    <t>buurt_gegeneraliseerd_2021.36166173-a1c8-40ec-b65b-d46b58a49252</t>
  </si>
  <si>
    <t>BU04410505</t>
  </si>
  <si>
    <t>2021BU04410505</t>
  </si>
  <si>
    <t>Warmenhuizen-Zuid</t>
  </si>
  <si>
    <t>buurt_gegeneraliseerd_2021.7da3b772-61be-423a-a86d-43155f7c3b27</t>
  </si>
  <si>
    <t>BU04410506</t>
  </si>
  <si>
    <t>2021BU04410506</t>
  </si>
  <si>
    <t>Schoorldam</t>
  </si>
  <si>
    <t>buurt_gegeneraliseerd_2021.db918436-5869-4de1-bba9-1e360414e70f</t>
  </si>
  <si>
    <t>BU04410580</t>
  </si>
  <si>
    <t>2021BU04410580</t>
  </si>
  <si>
    <t>Huisweid en omgeving</t>
  </si>
  <si>
    <t>buurt_gegeneraliseerd_2021.3fca21a4-d1db-4999-8189-71dbe423d09c</t>
  </si>
  <si>
    <t>BU04410581</t>
  </si>
  <si>
    <t>2021BU04410581</t>
  </si>
  <si>
    <t>Oudevaart-Zuid</t>
  </si>
  <si>
    <t>buurt_gegeneraliseerd_2021.de6d3421-caef-4b55-b1c2-ec4c4da1d4fc</t>
  </si>
  <si>
    <t>BU04410590</t>
  </si>
  <si>
    <t>2021BU04410590</t>
  </si>
  <si>
    <t>Buitengebied Warmenhuizen</t>
  </si>
  <si>
    <t>buurt_gegeneraliseerd_2021.fb9222cb-fc51-46d2-a1db-fe125f9a5ab4</t>
  </si>
  <si>
    <t>BU04410591</t>
  </si>
  <si>
    <t>2021BU04410591</t>
  </si>
  <si>
    <t>Krabbendam en Buitengebied</t>
  </si>
  <si>
    <t>buurt_gegeneraliseerd_2021.651b6218-bd7e-4de1-83af-c060bb9bf292</t>
  </si>
  <si>
    <t>BU04410601</t>
  </si>
  <si>
    <t>2021BU04410601</t>
  </si>
  <si>
    <t>Kalverdijk</t>
  </si>
  <si>
    <t>buurt_gegeneraliseerd_2021.4f5e81b3-12f5-41cc-b786-0fdda5f1d529</t>
  </si>
  <si>
    <t>BU04410602</t>
  </si>
  <si>
    <t>2021BU04410602</t>
  </si>
  <si>
    <t>Tuitjenhorn-Centrum en Kerkbuurt</t>
  </si>
  <si>
    <t>buurt_gegeneraliseerd_2021.9fd960a0-32c3-4a72-ba82-072df016b60b</t>
  </si>
  <si>
    <t>BU04410603</t>
  </si>
  <si>
    <t>2021BU04410603</t>
  </si>
  <si>
    <t>Tuitjenhorn-West en -Zuid</t>
  </si>
  <si>
    <t>buurt_gegeneraliseerd_2021.6117fd39-204b-4180-abe2-7178e84d5959</t>
  </si>
  <si>
    <t>BU04410690</t>
  </si>
  <si>
    <t>2021BU04410690</t>
  </si>
  <si>
    <t>Buitengebied Tuitjenhorn</t>
  </si>
  <si>
    <t>buurt_gegeneraliseerd_2021.07df5866-5f45-4cb3-8947-48e40fd027c5</t>
  </si>
  <si>
    <t>BU04410701</t>
  </si>
  <si>
    <t>2021BU04410701</t>
  </si>
  <si>
    <t>Waarland (woonkern)</t>
  </si>
  <si>
    <t>buurt_gegeneraliseerd_2021.167a5d78-a2ad-4204-8691-62e071203452</t>
  </si>
  <si>
    <t>BU04410790</t>
  </si>
  <si>
    <t>2021BU04410790</t>
  </si>
  <si>
    <t>Buitengebied Waarland</t>
  </si>
  <si>
    <t>buurt_gegeneraliseerd_2021.a54ca2e7-2ad0-4c17-97d1-4d46683c3e50</t>
  </si>
  <si>
    <t>BU04410801</t>
  </si>
  <si>
    <t>2021BU04410801</t>
  </si>
  <si>
    <t>Dirkshorn (woonkern)</t>
  </si>
  <si>
    <t>buurt_gegeneraliseerd_2021.6c5e85e1-6fec-4d5a-a29b-3c0222dd7586</t>
  </si>
  <si>
    <t>BU04410880</t>
  </si>
  <si>
    <t>2021BU04410880</t>
  </si>
  <si>
    <t>De Banne en omgeving</t>
  </si>
  <si>
    <t>buurt_gegeneraliseerd_2021.ef51ad13-d0f3-425b-b72b-692097c03012</t>
  </si>
  <si>
    <t>BU04410890</t>
  </si>
  <si>
    <t>2021BU04410890</t>
  </si>
  <si>
    <t>Buitengebied Dirkshorn</t>
  </si>
  <si>
    <t>buurt_gegeneraliseerd_2021.50852d80-8437-4eda-8c0c-45af088be1e0</t>
  </si>
  <si>
    <t>BU04410901</t>
  </si>
  <si>
    <t>2021BU04410901</t>
  </si>
  <si>
    <t>Oudesluis (woonkern)</t>
  </si>
  <si>
    <t>buurt_gegeneraliseerd_2021.21dd0ad6-2890-4720-bab9-f0f0f1ab7631</t>
  </si>
  <si>
    <t>BU04410990</t>
  </si>
  <si>
    <t>2021BU04410990</t>
  </si>
  <si>
    <t>Buitengebied Oudesluis</t>
  </si>
  <si>
    <t>buurt_gegeneraliseerd_2021.1e418e16-cab7-4b8f-9a80-6771f1edf3ad</t>
  </si>
  <si>
    <t>BU04411001</t>
  </si>
  <si>
    <t>2021BU04411001</t>
  </si>
  <si>
    <t>Schagen-Centrum</t>
  </si>
  <si>
    <t>buurt_gegeneraliseerd_2021.644ae6d9-fc84-4170-ba03-73ba2286fe53</t>
  </si>
  <si>
    <t>BU04411002</t>
  </si>
  <si>
    <t>2021BU04411002</t>
  </si>
  <si>
    <t>Schagen-Centrum-Zuid</t>
  </si>
  <si>
    <t>buurt_gegeneraliseerd_2021.d6e08167-ec9f-4dea-9aa4-461dff38bfeb</t>
  </si>
  <si>
    <t>BU04411003</t>
  </si>
  <si>
    <t>2021BU04411003</t>
  </si>
  <si>
    <t>Nesdijk</t>
  </si>
  <si>
    <t>buurt_gegeneraliseerd_2021.21ffbd72-3052-4d0e-bfd9-97be5017b17f</t>
  </si>
  <si>
    <t>BU04411004</t>
  </si>
  <si>
    <t>2021BU04411004</t>
  </si>
  <si>
    <t>Groeneweg-Zuid</t>
  </si>
  <si>
    <t>buurt_gegeneraliseerd_2021.1e22b4cd-6588-4cb3-9ef4-44a9855a703d</t>
  </si>
  <si>
    <t>BU04411005</t>
  </si>
  <si>
    <t>2021BU04411005</t>
  </si>
  <si>
    <t>Groeneweg-Noord</t>
  </si>
  <si>
    <t>buurt_gegeneraliseerd_2021.f1e7a959-af7f-424e-a1f3-f360e38340cd</t>
  </si>
  <si>
    <t>BU04411006</t>
  </si>
  <si>
    <t>2021BU04411006</t>
  </si>
  <si>
    <t>Muggenburg</t>
  </si>
  <si>
    <t>buurt_gegeneraliseerd_2021.d307c037-c23b-4ab8-9c74-476c9eecf52a</t>
  </si>
  <si>
    <t>BU04411007</t>
  </si>
  <si>
    <t>2021BU04411007</t>
  </si>
  <si>
    <t>Muggenburg-Zuid</t>
  </si>
  <si>
    <t>buurt_gegeneraliseerd_2021.6c87f5f3-9f49-4dd4-b072-32c083495c5a</t>
  </si>
  <si>
    <t>BU04411101</t>
  </si>
  <si>
    <t>2021BU04411101</t>
  </si>
  <si>
    <t>Petten-Centrum en Korfwater</t>
  </si>
  <si>
    <t>buurt_gegeneraliseerd_2021.e93781a5-6d50-43df-abc8-b53ee87dc3df</t>
  </si>
  <si>
    <t>BU04411102</t>
  </si>
  <si>
    <t>2021BU04411102</t>
  </si>
  <si>
    <t>Petten-West</t>
  </si>
  <si>
    <t>buurt_gegeneraliseerd_2021.e84437f1-c00c-4185-8263-13dde180ff83</t>
  </si>
  <si>
    <t>BU04411103</t>
  </si>
  <si>
    <t>2021BU04411103</t>
  </si>
  <si>
    <t>Nolmerban</t>
  </si>
  <si>
    <t>buurt_gegeneraliseerd_2021.992f467c-a3aa-4cdc-8060-df77409cf4f2</t>
  </si>
  <si>
    <t>BU04411170</t>
  </si>
  <si>
    <t>2021BU04411170</t>
  </si>
  <si>
    <t>Pettemerduinen</t>
  </si>
  <si>
    <t>buurt_gegeneraliseerd_2021.c09b82a7-6ca3-4811-bf0d-0691adc54b98</t>
  </si>
  <si>
    <t>BU04411180</t>
  </si>
  <si>
    <t>2021BU04411180</t>
  </si>
  <si>
    <t>Onderzoekslocatie Petten</t>
  </si>
  <si>
    <t>buurt_gegeneraliseerd_2021.2f40edf2-0e24-4701-a566-01c73783cf75</t>
  </si>
  <si>
    <t>BU04411190</t>
  </si>
  <si>
    <t>2021BU04411190</t>
  </si>
  <si>
    <t>Buitengebied Petten</t>
  </si>
  <si>
    <t>buurt_gegeneraliseerd_2021.d481c024-62dc-49b8-ac65-fb01c7dca9f1</t>
  </si>
  <si>
    <t>BU04411201</t>
  </si>
  <si>
    <t>2021BU04411201</t>
  </si>
  <si>
    <t>Sint Maartensbrug (woonkern)</t>
  </si>
  <si>
    <t>buurt_gegeneraliseerd_2021.d8e70927-b6df-4ade-8775-538ea90efe4a</t>
  </si>
  <si>
    <t>BU04411290</t>
  </si>
  <si>
    <t>2021BU04411290</t>
  </si>
  <si>
    <t>Buitengebied Sint Maartensbrug</t>
  </si>
  <si>
    <t>buurt_gegeneraliseerd_2021.92fd82c1-d628-4d1c-aff4-674793fbc316</t>
  </si>
  <si>
    <t>BU04411301</t>
  </si>
  <si>
    <t>2021BU04411301</t>
  </si>
  <si>
    <t>'t Zand-West- en -Zuid</t>
  </si>
  <si>
    <t>buurt_gegeneraliseerd_2021.b71f94bc-f1ee-4b75-baf5-ea19613dfa11</t>
  </si>
  <si>
    <t>BU04411302</t>
  </si>
  <si>
    <t>2021BU04411302</t>
  </si>
  <si>
    <t>'t Zand-Noordoost</t>
  </si>
  <si>
    <t>buurt_gegeneraliseerd_2021.01897370-9ee0-4ae5-bc72-b245943ebf56</t>
  </si>
  <si>
    <t>BU04411380</t>
  </si>
  <si>
    <t>2021BU04411380</t>
  </si>
  <si>
    <t>Kolksluis</t>
  </si>
  <si>
    <t>buurt_gegeneraliseerd_2021.a2de628e-776d-45da-9347-37a2ee5bfd25</t>
  </si>
  <si>
    <t>BU04411390</t>
  </si>
  <si>
    <t>2021BU04411390</t>
  </si>
  <si>
    <t>Buitengebied 't Zand-Oost</t>
  </si>
  <si>
    <t>buurt_gegeneraliseerd_2021.f1a534f4-42c2-450e-ad83-e728456efeec</t>
  </si>
  <si>
    <t>BU04411391</t>
  </si>
  <si>
    <t>2021BU04411391</t>
  </si>
  <si>
    <t>Buitengebied 't Zand-West</t>
  </si>
  <si>
    <t>buurt_gegeneraliseerd_2021.ff17f504-7389-4c8c-a3a3-afe5d20a0d03</t>
  </si>
  <si>
    <t>BU04411401</t>
  </si>
  <si>
    <t>2021BU04411401</t>
  </si>
  <si>
    <t>Sint Maartensvlotbrug (woonkern)</t>
  </si>
  <si>
    <t>buurt_gegeneraliseerd_2021.4cb2a0bf-9c34-4d95-a110-bd244dcb679c</t>
  </si>
  <si>
    <t>BU04411470</t>
  </si>
  <si>
    <t>2021BU04411470</t>
  </si>
  <si>
    <t>Sint Maartensvlotbrug-West</t>
  </si>
  <si>
    <t>buurt_gegeneraliseerd_2021.c77ac43e-e288-4c37-ab4e-60ed95c5b615</t>
  </si>
  <si>
    <t>BU04411471</t>
  </si>
  <si>
    <t>2021BU04411471</t>
  </si>
  <si>
    <t>Sint Maartenszee</t>
  </si>
  <si>
    <t>buurt_gegeneraliseerd_2021.b0baba7e-9785-478b-ac7d-fcbe40fb62a1</t>
  </si>
  <si>
    <t>BU04411490</t>
  </si>
  <si>
    <t>2021BU04411490</t>
  </si>
  <si>
    <t>Buitengebied Sint Maartensvlotbrug</t>
  </si>
  <si>
    <t>buurt_gegeneraliseerd_2021.8a1d6906-be3e-4765-80ee-fb00cb64bd28</t>
  </si>
  <si>
    <t>BU04411501</t>
  </si>
  <si>
    <t>2021BU04411501</t>
  </si>
  <si>
    <t>Callantsoog (woonkern)</t>
  </si>
  <si>
    <t>buurt_gegeneraliseerd_2021.c180a730-58a3-45ac-914e-c3725943883a</t>
  </si>
  <si>
    <t>BU04411502</t>
  </si>
  <si>
    <t>2021BU04411502</t>
  </si>
  <si>
    <t>Uyterland</t>
  </si>
  <si>
    <t>buurt_gegeneraliseerd_2021.b88db462-c8ac-40ae-b04d-66afddd917d0</t>
  </si>
  <si>
    <t>BU04411570</t>
  </si>
  <si>
    <t>2021BU04411570</t>
  </si>
  <si>
    <t>Zwanenwater</t>
  </si>
  <si>
    <t>buurt_gegeneraliseerd_2021.441924d6-9ea3-4b07-806e-1529d86a260f</t>
  </si>
  <si>
    <t>BU04411590</t>
  </si>
  <si>
    <t>2021BU04411590</t>
  </si>
  <si>
    <t>Groote Keeten, Abbestede en Buitengebied</t>
  </si>
  <si>
    <t>buurt_gegeneraliseerd_2021.a596a7f5-e85a-4271-be97-b9a4cab8a3e0</t>
  </si>
  <si>
    <t>BU04411591</t>
  </si>
  <si>
    <t>2021BU04411591</t>
  </si>
  <si>
    <t>Buitengebied Callantsoog-Oost</t>
  </si>
  <si>
    <t>buurt_gegeneraliseerd_2021.9f0caa19-d6eb-4d1e-82c1-f64c2a6c1a1f</t>
  </si>
  <si>
    <t>BU04411592</t>
  </si>
  <si>
    <t>2021BU04411592</t>
  </si>
  <si>
    <t>Buitengebied Callantsoog-Noord</t>
  </si>
  <si>
    <t>buurt_gegeneraliseerd_2021.88f291c1-90f6-4599-af41-928da5ee9b07</t>
  </si>
  <si>
    <t>BU04411601</t>
  </si>
  <si>
    <t>2021BU04411601</t>
  </si>
  <si>
    <t>Waldervaart-Zuid</t>
  </si>
  <si>
    <t>buurt_gegeneraliseerd_2021.f8b6dc87-bc27-459a-990e-91339523f258</t>
  </si>
  <si>
    <t>BU04411602</t>
  </si>
  <si>
    <t>2021BU04411602</t>
  </si>
  <si>
    <t>Waldervaart-Noordwest</t>
  </si>
  <si>
    <t>buurt_gegeneraliseerd_2021.72fbbab0-3c5b-47ed-aa0b-94c7c31cf716</t>
  </si>
  <si>
    <t>BU04411603</t>
  </si>
  <si>
    <t>2021BU04411603</t>
  </si>
  <si>
    <t>Waldervaart-Noordoost</t>
  </si>
  <si>
    <t>buurt_gegeneraliseerd_2021.4bb44c1a-7e2d-4b87-9bfe-088092462d1a</t>
  </si>
  <si>
    <t>BU04411680</t>
  </si>
  <si>
    <t>2021BU04411680</t>
  </si>
  <si>
    <t>Lagedijk</t>
  </si>
  <si>
    <t>buurt_gegeneraliseerd_2021.df5368b9-d08b-4b86-9586-fc0b8e24b15a</t>
  </si>
  <si>
    <t>BU04411690</t>
  </si>
  <si>
    <t>2021BU04411690</t>
  </si>
  <si>
    <t>Burghorn en Buitengebied</t>
  </si>
  <si>
    <t>buurt_gegeneraliseerd_2021.72e9d73d-8fed-46c5-81a9-2688e92dbcea</t>
  </si>
  <si>
    <t>BU04411691</t>
  </si>
  <si>
    <t>2021BU04411691</t>
  </si>
  <si>
    <t>Tolke, Tjallewal en Buitengebied</t>
  </si>
  <si>
    <t>buurt_gegeneraliseerd_2021.e54e85cd-3833-44cc-8bcc-d45a05f65e86</t>
  </si>
  <si>
    <t>BU04411701</t>
  </si>
  <si>
    <t>2021BU04411701</t>
  </si>
  <si>
    <t>Hoep-Zuid</t>
  </si>
  <si>
    <t>buurt_gegeneraliseerd_2021.968236b4-9f33-4336-9a3e-8ba4506b7583</t>
  </si>
  <si>
    <t>BU04411702</t>
  </si>
  <si>
    <t>2021BU04411702</t>
  </si>
  <si>
    <t>Hoep-Noord</t>
  </si>
  <si>
    <t>buurt_gegeneraliseerd_2021.c2accfb0-ce02-4c09-938a-83000366f04d</t>
  </si>
  <si>
    <t>BU04411703</t>
  </si>
  <si>
    <t>2021BU04411703</t>
  </si>
  <si>
    <t>Nes-Noord</t>
  </si>
  <si>
    <t>buurt_gegeneraliseerd_2021.b2b3e9a8-fc2c-4b7e-82b2-2486f0670e6a</t>
  </si>
  <si>
    <t>BU04411780</t>
  </si>
  <si>
    <t>2021BU04411780</t>
  </si>
  <si>
    <t>Witte Paal</t>
  </si>
  <si>
    <t>buurt_gegeneraliseerd_2021.682a59ad-a30b-4b4f-88d8-117b553e9cd7</t>
  </si>
  <si>
    <t>BU04411790</t>
  </si>
  <si>
    <t>2021BU04411790</t>
  </si>
  <si>
    <t>Keinse, 't Wad en Buitengebied</t>
  </si>
  <si>
    <t>buurt_gegeneraliseerd_2021.a72b3d94-5507-45e0-bb5c-70a1db8db329</t>
  </si>
  <si>
    <t>BU04411791</t>
  </si>
  <si>
    <t>2021BU04411791</t>
  </si>
  <si>
    <t>Nes en Buitengebied</t>
  </si>
  <si>
    <t>buurt_gegeneraliseerd_2021.f102a647-25bf-40ce-9295-b5b20cd3ea5a</t>
  </si>
  <si>
    <t>BU06870003</t>
  </si>
  <si>
    <t>2021BU06870003</t>
  </si>
  <si>
    <t>Abdij</t>
  </si>
  <si>
    <t>GM0687</t>
  </si>
  <si>
    <t>buurt_gegeneraliseerd_2021.c1253f24-fd18-49e1-a229-c981be69f632</t>
  </si>
  <si>
    <t>BU06870004</t>
  </si>
  <si>
    <t>2021BU06870004</t>
  </si>
  <si>
    <t>Stadhuis</t>
  </si>
  <si>
    <t>buurt_gegeneraliseerd_2021.5be04cd9-3f63-420e-a24d-51f02eaedc7c</t>
  </si>
  <si>
    <t>BU06870005</t>
  </si>
  <si>
    <t>2021BU06870005</t>
  </si>
  <si>
    <t>buurt_gegeneraliseerd_2021.323fda3f-81e5-4bfb-a87b-6f26b1e3ef8e</t>
  </si>
  <si>
    <t>BU06870006</t>
  </si>
  <si>
    <t>2021BU06870006</t>
  </si>
  <si>
    <t>Damplein</t>
  </si>
  <si>
    <t>buurt_gegeneraliseerd_2021.3feecea9-62d6-468b-8e38-2b1bab68c7b6</t>
  </si>
  <si>
    <t>BU06870007</t>
  </si>
  <si>
    <t>2021BU06870007</t>
  </si>
  <si>
    <t>Dampoort</t>
  </si>
  <si>
    <t>buurt_gegeneraliseerd_2021.2afbb8df-6a6b-46f3-be33-430a03f4d805</t>
  </si>
  <si>
    <t>BU06871008</t>
  </si>
  <si>
    <t>2021BU06871008</t>
  </si>
  <si>
    <t>Griffioen I</t>
  </si>
  <si>
    <t>buurt_gegeneraliseerd_2021.713cc037-e1ea-4635-8606-69ad4b834c68</t>
  </si>
  <si>
    <t>BU06871009</t>
  </si>
  <si>
    <t>2021BU06871009</t>
  </si>
  <si>
    <t>Griffioen II</t>
  </si>
  <si>
    <t>buurt_gegeneraliseerd_2021.949b083e-0d26-45d5-8c81-f6e02092629a</t>
  </si>
  <si>
    <t>BU06871010</t>
  </si>
  <si>
    <t>2021BU06871010</t>
  </si>
  <si>
    <t>Poppenroede</t>
  </si>
  <si>
    <t>buurt_gegeneraliseerd_2021.05c7e260-5608-4307-b51a-ad130223c801</t>
  </si>
  <si>
    <t>BU06871102</t>
  </si>
  <si>
    <t>2021BU06871102</t>
  </si>
  <si>
    <t>Seislaan</t>
  </si>
  <si>
    <t>buurt_gegeneraliseerd_2021.c4d7c7f6-c059-491e-ba1f-13abe67eac17</t>
  </si>
  <si>
    <t>BU06871111</t>
  </si>
  <si>
    <t>2021BU06871111</t>
  </si>
  <si>
    <t>Klarenbeek I</t>
  </si>
  <si>
    <t>buurt_gegeneraliseerd_2021.541198ce-8c6f-4092-a85f-f8ce5228fe73</t>
  </si>
  <si>
    <t>BU06871112</t>
  </si>
  <si>
    <t>2021BU06871112</t>
  </si>
  <si>
    <t>Klarenbeek II &amp; III</t>
  </si>
  <si>
    <t>buurt_gegeneraliseerd_2021.18f81306-491b-4f97-8d00-d8c62951ff12</t>
  </si>
  <si>
    <t>BU06871213</t>
  </si>
  <si>
    <t>2021BU06871213</t>
  </si>
  <si>
    <t>Nieuw Middelburg</t>
  </si>
  <si>
    <t>buurt_gegeneraliseerd_2021.b45f62b0-d916-45e0-b75b-4a368b315db5</t>
  </si>
  <si>
    <t>BU06871301</t>
  </si>
  <si>
    <t>2021BU06871301</t>
  </si>
  <si>
    <t>Brigdamme</t>
  </si>
  <si>
    <t>buurt_gegeneraliseerd_2021.e5fa07fb-a451-4a33-ab1e-9cc7c538c578</t>
  </si>
  <si>
    <t>BU06871314</t>
  </si>
  <si>
    <t>2021BU06871314</t>
  </si>
  <si>
    <t>Leliendale</t>
  </si>
  <si>
    <t>buurt_gegeneraliseerd_2021.82b78b08-f9e7-4e85-b4d6-45604020c2e7</t>
  </si>
  <si>
    <t>BU06871415</t>
  </si>
  <si>
    <t>2021BU06871415</t>
  </si>
  <si>
    <t>Sint Laurens</t>
  </si>
  <si>
    <t>buurt_gegeneraliseerd_2021.26e30cc9-a23b-46a4-9dfb-67a9c3bdee64</t>
  </si>
  <si>
    <t>BU06871416</t>
  </si>
  <si>
    <t>2021BU06871416</t>
  </si>
  <si>
    <t>Rozenhof</t>
  </si>
  <si>
    <t>buurt_gegeneraliseerd_2021.30765cad-bb52-4d44-b7b4-e282881b10a1</t>
  </si>
  <si>
    <t>BU06871417</t>
  </si>
  <si>
    <t>2021BU06871417</t>
  </si>
  <si>
    <t>Popkensburg</t>
  </si>
  <si>
    <t>buurt_gegeneraliseerd_2021.3c3bfaf4-a219-4463-91c0-964a1ced295e</t>
  </si>
  <si>
    <t>BU06871518</t>
  </si>
  <si>
    <t>2021BU06871518</t>
  </si>
  <si>
    <t>Ramsburg</t>
  </si>
  <si>
    <t>buurt_gegeneraliseerd_2021.14b9038e-8f26-4f01-bd84-f7f8cdc18036</t>
  </si>
  <si>
    <t>BU06871619</t>
  </si>
  <si>
    <t>2021BU06871619</t>
  </si>
  <si>
    <t>Prooijenspark</t>
  </si>
  <si>
    <t>buurt_gegeneraliseerd_2021.bf9c13c4-d76f-4331-8d93-39f2e420d86d</t>
  </si>
  <si>
    <t>BU06871620</t>
  </si>
  <si>
    <t>2021BU06871620</t>
  </si>
  <si>
    <t>Veersepoort</t>
  </si>
  <si>
    <t>buurt_gegeneraliseerd_2021.371ab1ba-9e3d-49ee-bc7c-5ed2246b7bad</t>
  </si>
  <si>
    <t>BU06871721</t>
  </si>
  <si>
    <t>2021BU06871721</t>
  </si>
  <si>
    <t>Golsteinseweg</t>
  </si>
  <si>
    <t>buurt_gegeneraliseerd_2021.c93c579c-7b72-41a1-8f9f-cf67779bbb51</t>
  </si>
  <si>
    <t>BU06871768</t>
  </si>
  <si>
    <t>2021BU06871768</t>
  </si>
  <si>
    <t>Nieuwenhove</t>
  </si>
  <si>
    <t>buurt_gegeneraliseerd_2021.5eadf18f-454a-4d92-a549-ddf2adb5706c</t>
  </si>
  <si>
    <t>BU06871781</t>
  </si>
  <si>
    <t>2021BU06871781</t>
  </si>
  <si>
    <t>Brigdamsepad</t>
  </si>
  <si>
    <t>buurt_gegeneraliseerd_2021.0adeb006-8628-4099-86c3-74e47b2ed542</t>
  </si>
  <si>
    <t>BU06871822</t>
  </si>
  <si>
    <t>2021BU06871822</t>
  </si>
  <si>
    <t>buurt_gegeneraliseerd_2021.96cc3ef7-0f66-4819-a3d7-00049fa403d5</t>
  </si>
  <si>
    <t>BU06871823</t>
  </si>
  <si>
    <t>2021BU06871823</t>
  </si>
  <si>
    <t>Goedgelegen</t>
  </si>
  <si>
    <t>buurt_gegeneraliseerd_2021.2e134fae-6020-4d97-a04b-f5805f0d8a17</t>
  </si>
  <si>
    <t>BU06871824</t>
  </si>
  <si>
    <t>2021BU06871824</t>
  </si>
  <si>
    <t>Pronkenburg</t>
  </si>
  <si>
    <t>buurt_gegeneraliseerd_2021.86980748-f598-4b42-ba5c-3d2685988757</t>
  </si>
  <si>
    <t>BU06871925</t>
  </si>
  <si>
    <t>2021BU06871925</t>
  </si>
  <si>
    <t>Schellach</t>
  </si>
  <si>
    <t>buurt_gegeneraliseerd_2021.e89ec321-5279-4473-bc33-a8bb46f459de</t>
  </si>
  <si>
    <t>BU06871926</t>
  </si>
  <si>
    <t>2021BU06871926</t>
  </si>
  <si>
    <t>Krooneveld</t>
  </si>
  <si>
    <t>buurt_gegeneraliseerd_2021.cac11e31-dd1e-4dd9-bffe-d1d833096b00</t>
  </si>
  <si>
    <t>BU06872027</t>
  </si>
  <si>
    <t>2021BU06872027</t>
  </si>
  <si>
    <t>Poelendaele</t>
  </si>
  <si>
    <t>buurt_gegeneraliseerd_2021.018e1b17-4281-40ed-9345-dcf8d9ec5426</t>
  </si>
  <si>
    <t>BU06872028</t>
  </si>
  <si>
    <t>2021BU06872028</t>
  </si>
  <si>
    <t>buurt_gegeneraliseerd_2021.735818c9-4675-4ce1-be3c-22dc5b61e483</t>
  </si>
  <si>
    <t>BU06872031</t>
  </si>
  <si>
    <t>2021BU06872031</t>
  </si>
  <si>
    <t>Stromenwijk</t>
  </si>
  <si>
    <t>buurt_gegeneraliseerd_2021.76592de5-44fe-44f3-b29c-cc6e5e0bc3ca</t>
  </si>
  <si>
    <t>BU06872032</t>
  </si>
  <si>
    <t>2021BU06872032</t>
  </si>
  <si>
    <t>Toorenvliedt</t>
  </si>
  <si>
    <t>buurt_gegeneraliseerd_2021.36f9211f-d186-46fe-8aa1-f73248e7f1b7</t>
  </si>
  <si>
    <t>BU06872084</t>
  </si>
  <si>
    <t>2021BU06872084</t>
  </si>
  <si>
    <t>Breewijk</t>
  </si>
  <si>
    <t>buurt_gegeneraliseerd_2021.05ad43ca-b47f-4362-b01b-ad943b65760d</t>
  </si>
  <si>
    <t>BU06872933</t>
  </si>
  <si>
    <t>2021BU06872933</t>
  </si>
  <si>
    <t>Breeweg</t>
  </si>
  <si>
    <t>buurt_gegeneraliseerd_2021.57bf9586-7b39-43db-85c6-fb5102f4a985</t>
  </si>
  <si>
    <t>BU06872934</t>
  </si>
  <si>
    <t>2021BU06872934</t>
  </si>
  <si>
    <t>Ter Hooge</t>
  </si>
  <si>
    <t>buurt_gegeneraliseerd_2021.caef2c75-e8c1-4dff-8fc7-4df180b321dc</t>
  </si>
  <si>
    <t>BU06872935</t>
  </si>
  <si>
    <t>2021BU06872935</t>
  </si>
  <si>
    <t>Lustenburg</t>
  </si>
  <si>
    <t>buurt_gegeneraliseerd_2021.2911ae39-c43e-4c3f-80fd-9a6326a668aa</t>
  </si>
  <si>
    <t>BU06872936</t>
  </si>
  <si>
    <t>2021BU06872936</t>
  </si>
  <si>
    <t>Nieuw Abeele</t>
  </si>
  <si>
    <t>buurt_gegeneraliseerd_2021.ea60b4aa-caf3-4f68-941e-3a42ce1330f3</t>
  </si>
  <si>
    <t>BU06873037</t>
  </si>
  <si>
    <t>2021BU06873037</t>
  </si>
  <si>
    <t>Magistraatwijk I</t>
  </si>
  <si>
    <t>buurt_gegeneraliseerd_2021.9831521e-5bf6-48ec-ad8d-5e4b67b272b2</t>
  </si>
  <si>
    <t>BU06873038</t>
  </si>
  <si>
    <t>2021BU06873038</t>
  </si>
  <si>
    <t>Magistraatwijk II</t>
  </si>
  <si>
    <t>buurt_gegeneraliseerd_2021.19ffd6e8-a22d-4895-8f8e-4aadf529e2e8</t>
  </si>
  <si>
    <t>BU06873039</t>
  </si>
  <si>
    <t>2021BU06873039</t>
  </si>
  <si>
    <t>Erasmuswijk</t>
  </si>
  <si>
    <t>buurt_gegeneraliseerd_2021.32d6f9b8-2415-4ed0-a75f-91a36f55df4f</t>
  </si>
  <si>
    <t>BU06873040</t>
  </si>
  <si>
    <t>2021BU06873040</t>
  </si>
  <si>
    <t>Magistraatwijk III</t>
  </si>
  <si>
    <t>buurt_gegeneraliseerd_2021.2ec7b00b-928e-4786-a662-a32c98625edd</t>
  </si>
  <si>
    <t>BU06873041</t>
  </si>
  <si>
    <t>2021BU06873041</t>
  </si>
  <si>
    <t>Reijershove</t>
  </si>
  <si>
    <t>buurt_gegeneraliseerd_2021.43296040-fcc0-48d3-aeb5-bdf0d11b74d8</t>
  </si>
  <si>
    <t>BU06873082</t>
  </si>
  <si>
    <t>2021BU06873082</t>
  </si>
  <si>
    <t>buurt_gegeneraliseerd_2021.0daa24e3-ae7b-408e-81fd-05027b775533</t>
  </si>
  <si>
    <t>BU06873083</t>
  </si>
  <si>
    <t>2021BU06873083</t>
  </si>
  <si>
    <t>Essenvelt</t>
  </si>
  <si>
    <t>buurt_gegeneraliseerd_2021.6e8119e4-e110-492a-a799-0835b56f1aab</t>
  </si>
  <si>
    <t>BU06873143</t>
  </si>
  <si>
    <t>2021BU06873143</t>
  </si>
  <si>
    <t>Kruitmolen</t>
  </si>
  <si>
    <t>buurt_gegeneraliseerd_2021.fb2cfcb2-f54f-49f3-8f93-170d0850aaef</t>
  </si>
  <si>
    <t>BU06873144</t>
  </si>
  <si>
    <t>2021BU06873144</t>
  </si>
  <si>
    <t>Dauwendaele I</t>
  </si>
  <si>
    <t>buurt_gegeneraliseerd_2021.c00cbb1c-a6eb-4e37-880a-67828bfd1937</t>
  </si>
  <si>
    <t>BU06873145</t>
  </si>
  <si>
    <t>2021BU06873145</t>
  </si>
  <si>
    <t>Dauwendaele II</t>
  </si>
  <si>
    <t>buurt_gegeneraliseerd_2021.ea0a4596-59f7-4089-a129-37a2dec37b67</t>
  </si>
  <si>
    <t>BU06873171</t>
  </si>
  <si>
    <t>2021BU06873171</t>
  </si>
  <si>
    <t>buurt_gegeneraliseerd_2021.c1bf363f-710e-495e-8f16-8b90a53f5659</t>
  </si>
  <si>
    <t>BU06873247</t>
  </si>
  <si>
    <t>2021BU06873247</t>
  </si>
  <si>
    <t>Arnestein I</t>
  </si>
  <si>
    <t>buurt_gegeneraliseerd_2021.b004e7d0-a1c7-4533-84a6-683806cacbe6</t>
  </si>
  <si>
    <t>BU06873248</t>
  </si>
  <si>
    <t>2021BU06873248</t>
  </si>
  <si>
    <t>Arnestein II</t>
  </si>
  <si>
    <t>buurt_gegeneraliseerd_2021.dc965146-6730-4a12-ba97-643f7251450a</t>
  </si>
  <si>
    <t>BU06873946</t>
  </si>
  <si>
    <t>2021BU06873946</t>
  </si>
  <si>
    <t>Mortiere I</t>
  </si>
  <si>
    <t>buurt_gegeneraliseerd_2021.2e79a9a7-cd17-4610-b3ae-35708a33e29c</t>
  </si>
  <si>
    <t>BU06873950</t>
  </si>
  <si>
    <t>2021BU06873950</t>
  </si>
  <si>
    <t>Mortiere III</t>
  </si>
  <si>
    <t>buurt_gegeneraliseerd_2021.e4a5afb8-4e78-43c6-b0a4-c2828bf60c82</t>
  </si>
  <si>
    <t>BU06873970</t>
  </si>
  <si>
    <t>2021BU06873970</t>
  </si>
  <si>
    <t>Mortiere II</t>
  </si>
  <si>
    <t>buurt_gegeneraliseerd_2021.bf2b7d7a-7e54-4ef3-9fbd-f5535076e8f4</t>
  </si>
  <si>
    <t>BU06874051</t>
  </si>
  <si>
    <t>2021BU06874051</t>
  </si>
  <si>
    <t>Nieuw- en Sint Joosland</t>
  </si>
  <si>
    <t>buurt_gegeneraliseerd_2021.5b010d47-5bbe-4ff3-a735-cc6af962a337</t>
  </si>
  <si>
    <t>BU06874952</t>
  </si>
  <si>
    <t>2021BU06874952</t>
  </si>
  <si>
    <t>Nieuwlandsrust</t>
  </si>
  <si>
    <t>buurt_gegeneraliseerd_2021.263da4fc-fdf5-481d-9234-f80b3394c445</t>
  </si>
  <si>
    <t>BU06874953</t>
  </si>
  <si>
    <t>2021BU06874953</t>
  </si>
  <si>
    <t>Vlackeweg</t>
  </si>
  <si>
    <t>buurt_gegeneraliseerd_2021.6f4d4b79-c765-4cfb-93c2-fa84f4bccfde</t>
  </si>
  <si>
    <t>BU06874954</t>
  </si>
  <si>
    <t>2021BU06874954</t>
  </si>
  <si>
    <t>Middelburgschepolder</t>
  </si>
  <si>
    <t>buurt_gegeneraliseerd_2021.f568d644-3e05-4194-a4dd-e216d744443b</t>
  </si>
  <si>
    <t>BU06874955</t>
  </si>
  <si>
    <t>2021BU06874955</t>
  </si>
  <si>
    <t>Mortierepolder</t>
  </si>
  <si>
    <t>buurt_gegeneraliseerd_2021.21d27f07-3712-4d29-b467-156805060068</t>
  </si>
  <si>
    <t>BU06874956</t>
  </si>
  <si>
    <t>2021BU06874956</t>
  </si>
  <si>
    <t>Oudedorp</t>
  </si>
  <si>
    <t>buurt_gegeneraliseerd_2021.0e2d7e9e-7e07-47f0-8538-5d70c0667372</t>
  </si>
  <si>
    <t>BU06874957</t>
  </si>
  <si>
    <t>2021BU06874957</t>
  </si>
  <si>
    <t>Derdeweg</t>
  </si>
  <si>
    <t>buurt_gegeneraliseerd_2021.d027942b-d7fa-4f68-a4a0-7430c98ffb35</t>
  </si>
  <si>
    <t>BU06875058</t>
  </si>
  <si>
    <t>2021BU06875058</t>
  </si>
  <si>
    <t>buurt_gegeneraliseerd_2021.3b9c03a1-ee31-4652-b704-b20158ee958a</t>
  </si>
  <si>
    <t>BU06875059</t>
  </si>
  <si>
    <t>2021BU06875059</t>
  </si>
  <si>
    <t>Poldertje</t>
  </si>
  <si>
    <t>buurt_gegeneraliseerd_2021.864a16b2-bc26-4f66-a539-6551a593c966</t>
  </si>
  <si>
    <t>BU06875060</t>
  </si>
  <si>
    <t>2021BU06875060</t>
  </si>
  <si>
    <t>Brakenburg I</t>
  </si>
  <si>
    <t>buurt_gegeneraliseerd_2021.3db4b6c4-befd-47bb-896b-b3b51bd20bcd</t>
  </si>
  <si>
    <t>BU06875061</t>
  </si>
  <si>
    <t>2021BU06875061</t>
  </si>
  <si>
    <t>Brakenburg II</t>
  </si>
  <si>
    <t>buurt_gegeneraliseerd_2021.5ff6893e-c1a2-41b7-90fa-c3d5c11a2be4</t>
  </si>
  <si>
    <t>BU06875062</t>
  </si>
  <si>
    <t>2021BU06875062</t>
  </si>
  <si>
    <t>Brakenburg III</t>
  </si>
  <si>
    <t>buurt_gegeneraliseerd_2021.e520852b-e28d-47ea-af6a-b5d8b1d76b37</t>
  </si>
  <si>
    <t>BU06875063</t>
  </si>
  <si>
    <t>2021BU06875063</t>
  </si>
  <si>
    <t>Hazenburg I</t>
  </si>
  <si>
    <t>buurt_gegeneraliseerd_2021.2a1cf126-2112-4aac-bff1-a2d561f1054d</t>
  </si>
  <si>
    <t>BU06875069</t>
  </si>
  <si>
    <t>2021BU06875069</t>
  </si>
  <si>
    <t>De Lage Landen</t>
  </si>
  <si>
    <t>buurt_gegeneraliseerd_2021.9454eb3a-a14e-41d3-a0ac-6c3e5180e346</t>
  </si>
  <si>
    <t>BU06875085</t>
  </si>
  <si>
    <t>2021BU06875085</t>
  </si>
  <si>
    <t>Hazenburg II</t>
  </si>
  <si>
    <t>buurt_gegeneraliseerd_2021.1ff5726b-2f9c-4fae-afc0-e2635c3be505</t>
  </si>
  <si>
    <t>BU06875164</t>
  </si>
  <si>
    <t>2021BU06875164</t>
  </si>
  <si>
    <t>Kleverskerke</t>
  </si>
  <si>
    <t>buurt_gegeneraliseerd_2021.2e966ce4-7c10-4b0a-ac1d-eb062eb0945d</t>
  </si>
  <si>
    <t>BU06875265</t>
  </si>
  <si>
    <t>2021BU06875265</t>
  </si>
  <si>
    <t>Oranjeplaat</t>
  </si>
  <si>
    <t>buurt_gegeneraliseerd_2021.76bd5deb-2274-4457-8fe7-eb414ccccd61</t>
  </si>
  <si>
    <t>BU06875367</t>
  </si>
  <si>
    <t>2021BU06875367</t>
  </si>
  <si>
    <t>Veerse Meer</t>
  </si>
  <si>
    <t>buurt_gegeneraliseerd_2021.19348b7f-74f2-4fe2-9802-4f03b84aadeb</t>
  </si>
  <si>
    <t>BU06875966</t>
  </si>
  <si>
    <t>2021BU06875966</t>
  </si>
  <si>
    <t>buurt_gegeneraliseerd_2021.09a6cf5c-586a-403e-9d34-386ffb3b0130</t>
  </si>
  <si>
    <t>BU07430101</t>
  </si>
  <si>
    <t>2021BU07430101</t>
  </si>
  <si>
    <t>GM0743</t>
  </si>
  <si>
    <t>buurt_gegeneraliseerd_2021.0a474a46-7c1e-4278-9eb5-d1f804727dc8</t>
  </si>
  <si>
    <t>BU07430102</t>
  </si>
  <si>
    <t>2021BU07430102</t>
  </si>
  <si>
    <t>Nobis</t>
  </si>
  <si>
    <t>buurt_gegeneraliseerd_2021.87044284-3aa2-47bc-838e-cb346372a1ea</t>
  </si>
  <si>
    <t>BU07430103</t>
  </si>
  <si>
    <t>2021BU07430103</t>
  </si>
  <si>
    <t>buurt_gegeneraliseerd_2021.ce5c3533-04ca-498a-97e1-a3e3771ea4fa</t>
  </si>
  <si>
    <t>BU07430201</t>
  </si>
  <si>
    <t>2021BU07430201</t>
  </si>
  <si>
    <t>Kleine Heitrak</t>
  </si>
  <si>
    <t>buurt_gegeneraliseerd_2021.208c10e2-09a6-48ed-a613-2d07176c19d2</t>
  </si>
  <si>
    <t>BU07430202</t>
  </si>
  <si>
    <t>2021BU07430202</t>
  </si>
  <si>
    <t>Voordeldonk</t>
  </si>
  <si>
    <t>buurt_gegeneraliseerd_2021.fc9b6f5b-b3e2-4afd-89da-1f84dc727d5d</t>
  </si>
  <si>
    <t>BU07430301</t>
  </si>
  <si>
    <t>2021BU07430301</t>
  </si>
  <si>
    <t>buurt_gegeneraliseerd_2021.eda301ed-4b9c-4b4b-ae61-4e0bdeb5b370</t>
  </si>
  <si>
    <t>BU07430302</t>
  </si>
  <si>
    <t>2021BU07430302</t>
  </si>
  <si>
    <t>buurt_gegeneraliseerd_2021.e62feb2d-b923-4432-99ac-4d438595c78b</t>
  </si>
  <si>
    <t>BU07430303</t>
  </si>
  <si>
    <t>2021BU07430303</t>
  </si>
  <si>
    <t>Oude Bloemenbuurt</t>
  </si>
  <si>
    <t>buurt_gegeneraliseerd_2021.26c40800-5326-47c4-8d95-46f381d0977d</t>
  </si>
  <si>
    <t>BU07430401</t>
  </si>
  <si>
    <t>2021BU07430401</t>
  </si>
  <si>
    <t>Paddenstoelenbuurt</t>
  </si>
  <si>
    <t>buurt_gegeneraliseerd_2021.9458d768-1314-45f0-81f7-63045bbfa099</t>
  </si>
  <si>
    <t>BU07430402</t>
  </si>
  <si>
    <t>2021BU07430402</t>
  </si>
  <si>
    <t>Nieuwe Bloemenbuurt</t>
  </si>
  <si>
    <t>buurt_gegeneraliseerd_2021.a8cd296a-324c-47f0-ab2e-30a2195d9f3c</t>
  </si>
  <si>
    <t>BU07430403</t>
  </si>
  <si>
    <t>2021BU07430403</t>
  </si>
  <si>
    <t>buurt_gegeneraliseerd_2021.496f47ea-710b-46e7-ab46-46840903970c</t>
  </si>
  <si>
    <t>BU07430404</t>
  </si>
  <si>
    <t>2021BU07430404</t>
  </si>
  <si>
    <t>buurt_gegeneraliseerd_2021.bf289c6c-0f6d-4902-87cb-09e321293458</t>
  </si>
  <si>
    <t>BU07430405</t>
  </si>
  <si>
    <t>2021BU07430405</t>
  </si>
  <si>
    <t>Loverbosch</t>
  </si>
  <si>
    <t>buurt_gegeneraliseerd_2021.8226c785-7cf7-40f7-ba3c-dc063c85446f</t>
  </si>
  <si>
    <t>BU07430501</t>
  </si>
  <si>
    <t>2021BU07430501</t>
  </si>
  <si>
    <t>Hemelberg</t>
  </si>
  <si>
    <t>buurt_gegeneraliseerd_2021.33eb093a-2ea0-48aa-88cb-f58902ccb778</t>
  </si>
  <si>
    <t>BU07430502</t>
  </si>
  <si>
    <t>2021BU07430502</t>
  </si>
  <si>
    <t>Centrum zuid</t>
  </si>
  <si>
    <t>buurt_gegeneraliseerd_2021.cb564061-a07c-4f20-87af-588574282945</t>
  </si>
  <si>
    <t>BU07430503</t>
  </si>
  <si>
    <t>2021BU07430503</t>
  </si>
  <si>
    <t>buurt_gegeneraliseerd_2021.6563803d-f48a-469c-9fa9-0ce5e9b48486</t>
  </si>
  <si>
    <t>BU07430504</t>
  </si>
  <si>
    <t>2021BU07430504</t>
  </si>
  <si>
    <t>Hulterman</t>
  </si>
  <si>
    <t>buurt_gegeneraliseerd_2021.d73413b3-958b-4d0d-a852-8066a289680d</t>
  </si>
  <si>
    <t>BU07430601</t>
  </si>
  <si>
    <t>2021BU07430601</t>
  </si>
  <si>
    <t>Ostade</t>
  </si>
  <si>
    <t>buurt_gegeneraliseerd_2021.f886c3c1-84b2-4129-88c8-7d2c2882a650</t>
  </si>
  <si>
    <t>BU07430602</t>
  </si>
  <si>
    <t>2021BU07430602</t>
  </si>
  <si>
    <t>Centrum west</t>
  </si>
  <si>
    <t>buurt_gegeneraliseerd_2021.8498ed03-78d3-4b9a-b179-ce3a705bb295</t>
  </si>
  <si>
    <t>BU07430603</t>
  </si>
  <si>
    <t>2021BU07430603</t>
  </si>
  <si>
    <t>buurt_gegeneraliseerd_2021.62b7a659-c163-42d8-86c9-388be865b8db</t>
  </si>
  <si>
    <t>BU07430701</t>
  </si>
  <si>
    <t>2021BU07430701</t>
  </si>
  <si>
    <t>Verspreide huizen Asten west</t>
  </si>
  <si>
    <t>buurt_gegeneraliseerd_2021.fd7ff2b4-d799-45eb-b1e5-5bd9a0df1a26</t>
  </si>
  <si>
    <t>BU07430702</t>
  </si>
  <si>
    <t>2021BU07430702</t>
  </si>
  <si>
    <t>Hazeldonk</t>
  </si>
  <si>
    <t>buurt_gegeneraliseerd_2021.d91f5280-584b-427a-9558-0ca8bab3f878</t>
  </si>
  <si>
    <t>BU07430801</t>
  </si>
  <si>
    <t>2021BU07430801</t>
  </si>
  <si>
    <t>Heusden centrum</t>
  </si>
  <si>
    <t>buurt_gegeneraliseerd_2021.f0b16c1a-7176-423e-9323-b119d0a58588</t>
  </si>
  <si>
    <t>BU07430802</t>
  </si>
  <si>
    <t>2021BU07430802</t>
  </si>
  <si>
    <t>Verspreide huizen Heusden</t>
  </si>
  <si>
    <t>buurt_gegeneraliseerd_2021.9c297d51-8a16-4d47-b47a-e2616c5cdb73</t>
  </si>
  <si>
    <t>BU07430901</t>
  </si>
  <si>
    <t>2021BU07430901</t>
  </si>
  <si>
    <t>De Groote Peel</t>
  </si>
  <si>
    <t>buurt_gegeneraliseerd_2021.a22905cf-9f24-4720-abc2-f6b82a3c59cb</t>
  </si>
  <si>
    <t>BU07431001</t>
  </si>
  <si>
    <t>2021BU07431001</t>
  </si>
  <si>
    <t>Ommel centrum</t>
  </si>
  <si>
    <t>buurt_gegeneraliseerd_2021.fcbbd100-3e88-4aef-9aca-8b55b2b2c59a</t>
  </si>
  <si>
    <t>BU07431002</t>
  </si>
  <si>
    <t>2021BU07431002</t>
  </si>
  <si>
    <t>Verspreide huizen Ommel</t>
  </si>
  <si>
    <t>buurt_gegeneraliseerd_2021.ae2c3edf-0e0c-403d-a60e-06e62f74ea7a</t>
  </si>
  <si>
    <t>BU07431101</t>
  </si>
  <si>
    <t>2021BU07431101</t>
  </si>
  <si>
    <t>Ommel recreatie</t>
  </si>
  <si>
    <t>buurt_gegeneraliseerd_2021.76c3d4dd-3a26-480c-a88a-206cbdc1c136</t>
  </si>
  <si>
    <t>BU07530001</t>
  </si>
  <si>
    <t>2021BU07530001</t>
  </si>
  <si>
    <t>GM0753</t>
  </si>
  <si>
    <t>buurt_gegeneraliseerd_2021.92dc067f-081f-4aa4-9898-b9185bc472cc</t>
  </si>
  <si>
    <t>BU07530002</t>
  </si>
  <si>
    <t>2021BU07530002</t>
  </si>
  <si>
    <t>buurt_gegeneraliseerd_2021.20d47ffb-5287-4ee2-be03-fecf6d451ef3</t>
  </si>
  <si>
    <t>BU07530003</t>
  </si>
  <si>
    <t>2021BU07530003</t>
  </si>
  <si>
    <t>Speelheide</t>
  </si>
  <si>
    <t>buurt_gegeneraliseerd_2021.36842593-8d3d-43ab-895d-ab705c62ed3e</t>
  </si>
  <si>
    <t>BU07530004</t>
  </si>
  <si>
    <t>2021BU07530004</t>
  </si>
  <si>
    <t>De Leeuwerik</t>
  </si>
  <si>
    <t>buurt_gegeneraliseerd_2021.fbba0244-3582-426a-9269-f4ea657f06c1</t>
  </si>
  <si>
    <t>BU07530005</t>
  </si>
  <si>
    <t>2021BU07530005</t>
  </si>
  <si>
    <t>Villawijk</t>
  </si>
  <si>
    <t>buurt_gegeneraliseerd_2021.8fed9617-4f68-4584-a67d-56b2a606903e</t>
  </si>
  <si>
    <t>BU07530006</t>
  </si>
  <si>
    <t>2021BU07530006</t>
  </si>
  <si>
    <t>Batadorp</t>
  </si>
  <si>
    <t>buurt_gegeneraliseerd_2021.94d3828a-4eb9-4837-88c5-abf284cb5b9f</t>
  </si>
  <si>
    <t>BU07530007</t>
  </si>
  <si>
    <t>2021BU07530007</t>
  </si>
  <si>
    <t>Salderes</t>
  </si>
  <si>
    <t>buurt_gegeneraliseerd_2021.e5d8f294-bcc2-414a-9e58-ea1306f114fb</t>
  </si>
  <si>
    <t>BU07530008</t>
  </si>
  <si>
    <t>2021BU07530008</t>
  </si>
  <si>
    <t>buurt_gegeneraliseerd_2021.aea4aae6-7ffd-4b32-80f9-9a302a85e3c1</t>
  </si>
  <si>
    <t>BU07530009</t>
  </si>
  <si>
    <t>2021BU07530009</t>
  </si>
  <si>
    <t>Naastenbest</t>
  </si>
  <si>
    <t>buurt_gegeneraliseerd_2021.7bf4ddb3-0d1d-4e0e-ab3d-98df6f092651</t>
  </si>
  <si>
    <t>BU07530010</t>
  </si>
  <si>
    <t>2021BU07530010</t>
  </si>
  <si>
    <t>buurt_gegeneraliseerd_2021.480a154e-c6d8-4141-a609-84eb30d4dec0</t>
  </si>
  <si>
    <t>BU07530011</t>
  </si>
  <si>
    <t>2021BU07530011</t>
  </si>
  <si>
    <t>Breeven</t>
  </si>
  <si>
    <t>buurt_gegeneraliseerd_2021.d0b093b8-26ac-4041-85af-1dd6b59d6e64</t>
  </si>
  <si>
    <t>BU07530012</t>
  </si>
  <si>
    <t>2021BU07530012</t>
  </si>
  <si>
    <t>buurt_gegeneraliseerd_2021.4b2a1e76-5450-473f-b727-34361ef3d190</t>
  </si>
  <si>
    <t>BU07530013</t>
  </si>
  <si>
    <t>2021BU07530013</t>
  </si>
  <si>
    <t>Heuveleind</t>
  </si>
  <si>
    <t>buurt_gegeneraliseerd_2021.789d3939-fb2c-4a59-ba59-a11d4335b60b</t>
  </si>
  <si>
    <t>BU07530014</t>
  </si>
  <si>
    <t>2021BU07530014</t>
  </si>
  <si>
    <t>Heivelden</t>
  </si>
  <si>
    <t>buurt_gegeneraliseerd_2021.175f1d19-6e45-4d65-8b6b-ddc217a0993f</t>
  </si>
  <si>
    <t>BU07530015</t>
  </si>
  <si>
    <t>2021BU07530015</t>
  </si>
  <si>
    <t>buurt_gegeneraliseerd_2021.9c5b65b2-5516-4a25-bdfd-d9b70a85d458</t>
  </si>
  <si>
    <t>BU07530016</t>
  </si>
  <si>
    <t>2021BU07530016</t>
  </si>
  <si>
    <t>Dijkstraten</t>
  </si>
  <si>
    <t>buurt_gegeneraliseerd_2021.945ee67a-d4f1-47a3-9e99-63ed1041c183</t>
  </si>
  <si>
    <t>BU07530017</t>
  </si>
  <si>
    <t>2021BU07530017</t>
  </si>
  <si>
    <t>Kantonnier</t>
  </si>
  <si>
    <t>buurt_gegeneraliseerd_2021.6468e077-4874-4e40-b96d-b46a73d27d7e</t>
  </si>
  <si>
    <t>BU07530018</t>
  </si>
  <si>
    <t>2021BU07530018</t>
  </si>
  <si>
    <t>Steegsche Velden</t>
  </si>
  <si>
    <t>buurt_gegeneraliseerd_2021.0960798f-9352-471a-8eb2-d263db5772ae</t>
  </si>
  <si>
    <t>BU07530019</t>
  </si>
  <si>
    <t>2021BU07530019</t>
  </si>
  <si>
    <t>Aarlesche Erven</t>
  </si>
  <si>
    <t>buurt_gegeneraliseerd_2021.92805c1f-a373-40de-a687-85d3087d5b70</t>
  </si>
  <si>
    <t>BU07580001</t>
  </si>
  <si>
    <t>2021BU07580001</t>
  </si>
  <si>
    <t>GM0758</t>
  </si>
  <si>
    <t>buurt_gegeneraliseerd_2021.1e19611f-2336-42a6-841c-38832da95e90</t>
  </si>
  <si>
    <t>BU07580002</t>
  </si>
  <si>
    <t>2021BU07580002</t>
  </si>
  <si>
    <t>Chassé</t>
  </si>
  <si>
    <t>buurt_gegeneraliseerd_2021.401e1d95-191a-4120-9641-43fd1a38bb54</t>
  </si>
  <si>
    <t>BU07580003</t>
  </si>
  <si>
    <t>2021BU07580003</t>
  </si>
  <si>
    <t>buurt_gegeneraliseerd_2021.1f6a6fb3-f515-4ac5-9a99-f92b09022fe3</t>
  </si>
  <si>
    <t>BU07580004</t>
  </si>
  <si>
    <t>2021BU07580004</t>
  </si>
  <si>
    <t>Schorsmolen</t>
  </si>
  <si>
    <t>buurt_gegeneraliseerd_2021.865c20b2-0d4b-4619-8828-3942e1d45333</t>
  </si>
  <si>
    <t>BU07580005</t>
  </si>
  <si>
    <t>2021BU07580005</t>
  </si>
  <si>
    <t>Station</t>
  </si>
  <si>
    <t>buurt_gegeneraliseerd_2021.5f72f78e-8338-4691-9c44-178f30c3e8f9</t>
  </si>
  <si>
    <t>BU07580006</t>
  </si>
  <si>
    <t>2021BU07580006</t>
  </si>
  <si>
    <t>buurt_gegeneraliseerd_2021.5cde9d11-e154-4eea-ac91-ee7e4d4d0912</t>
  </si>
  <si>
    <t>BU07580100</t>
  </si>
  <si>
    <t>2021BU07580100</t>
  </si>
  <si>
    <t>Belcrum</t>
  </si>
  <si>
    <t>buurt_gegeneraliseerd_2021.fcf3caaf-07b9-4df2-95c7-aec394d119eb</t>
  </si>
  <si>
    <t>BU07580101</t>
  </si>
  <si>
    <t>2021BU07580101</t>
  </si>
  <si>
    <t>Doornbos-Linie</t>
  </si>
  <si>
    <t>buurt_gegeneraliseerd_2021.56f7edf1-1893-4c0b-88d2-41436ade323b</t>
  </si>
  <si>
    <t>BU07580102</t>
  </si>
  <si>
    <t>2021BU07580102</t>
  </si>
  <si>
    <t>Biesdonk</t>
  </si>
  <si>
    <t>buurt_gegeneraliseerd_2021.875e63bd-843b-4aff-b8ee-5ca1355a6235</t>
  </si>
  <si>
    <t>BU07580103</t>
  </si>
  <si>
    <t>2021BU07580103</t>
  </si>
  <si>
    <t>Geeren-zuid</t>
  </si>
  <si>
    <t>buurt_gegeneraliseerd_2021.e007ed09-872f-4808-8226-99f02f286625</t>
  </si>
  <si>
    <t>BU07580104</t>
  </si>
  <si>
    <t>2021BU07580104</t>
  </si>
  <si>
    <t>Wisselaar</t>
  </si>
  <si>
    <t>buurt_gegeneraliseerd_2021.ce4de0bc-34db-42c6-8b39-1fac899fa99d</t>
  </si>
  <si>
    <t>BU07580105</t>
  </si>
  <si>
    <t>2021BU07580105</t>
  </si>
  <si>
    <t>Krogten</t>
  </si>
  <si>
    <t>buurt_gegeneraliseerd_2021.aa19de1b-5926-489a-aa45-904b5ef578a6</t>
  </si>
  <si>
    <t>BU07580106</t>
  </si>
  <si>
    <t>2021BU07580106</t>
  </si>
  <si>
    <t>Geeren-noord</t>
  </si>
  <si>
    <t>buurt_gegeneraliseerd_2021.bf77add9-5be4-4e5f-b877-edae6d48c86b</t>
  </si>
  <si>
    <t>BU07580107</t>
  </si>
  <si>
    <t>2021BU07580107</t>
  </si>
  <si>
    <t>Waterdonken</t>
  </si>
  <si>
    <t>buurt_gegeneraliseerd_2021.778d5a4c-3dde-4cfd-a150-e953f59d32cc</t>
  </si>
  <si>
    <t>BU07580200</t>
  </si>
  <si>
    <t>2021BU07580200</t>
  </si>
  <si>
    <t>Brabantpark</t>
  </si>
  <si>
    <t>buurt_gegeneraliseerd_2021.a7bf19bc-bfd4-41d2-9d47-036b978e0247</t>
  </si>
  <si>
    <t>BU07580201</t>
  </si>
  <si>
    <t>2021BU07580201</t>
  </si>
  <si>
    <t>buurt_gegeneraliseerd_2021.5dcad19f-79df-4476-896a-ed25bf2fe77e</t>
  </si>
  <si>
    <t>BU07580202</t>
  </si>
  <si>
    <t>2021BU07580202</t>
  </si>
  <si>
    <t>Zandberg</t>
  </si>
  <si>
    <t>buurt_gegeneraliseerd_2021.cafb9f04-2481-4041-8108-6ee3379195e9</t>
  </si>
  <si>
    <t>BU07580203</t>
  </si>
  <si>
    <t>2021BU07580203</t>
  </si>
  <si>
    <t>Heusdenhout</t>
  </si>
  <si>
    <t>buurt_gegeneraliseerd_2021.c444c6f3-7d42-4ef7-a7a2-37eb5f4ba35f</t>
  </si>
  <si>
    <t>BU07580204</t>
  </si>
  <si>
    <t>2021BU07580204</t>
  </si>
  <si>
    <t>Moleneind-oost</t>
  </si>
  <si>
    <t>buurt_gegeneraliseerd_2021.5cfb8fd6-fe4b-4406-945a-8bd13be095ff</t>
  </si>
  <si>
    <t>BU07580205</t>
  </si>
  <si>
    <t>2021BU07580205</t>
  </si>
  <si>
    <t>buurt_gegeneraliseerd_2021.e143d4c4-5165-4902-ad34-9f16ca143bef</t>
  </si>
  <si>
    <t>BU07580300</t>
  </si>
  <si>
    <t>2021BU07580300</t>
  </si>
  <si>
    <t>Blauwe Kei</t>
  </si>
  <si>
    <t>buurt_gegeneraliseerd_2021.ed93c270-2cad-4f62-ad5f-d9dfef74bb90</t>
  </si>
  <si>
    <t>BU07580301</t>
  </si>
  <si>
    <t>2021BU07580301</t>
  </si>
  <si>
    <t>Ypelaar</t>
  </si>
  <si>
    <t>buurt_gegeneraliseerd_2021.6e496268-4576-432a-846b-3c531cb4ed97</t>
  </si>
  <si>
    <t>BU07580302</t>
  </si>
  <si>
    <t>2021BU07580302</t>
  </si>
  <si>
    <t>Overakker</t>
  </si>
  <si>
    <t>buurt_gegeneraliseerd_2021.cc57557a-f22d-4b52-8b9e-8243e4d39e8d</t>
  </si>
  <si>
    <t>BU07580303</t>
  </si>
  <si>
    <t>2021BU07580303</t>
  </si>
  <si>
    <t>Ginneken</t>
  </si>
  <si>
    <t>buurt_gegeneraliseerd_2021.222ffdf0-484d-48c5-875e-66f1366f96f2</t>
  </si>
  <si>
    <t>BU07580309</t>
  </si>
  <si>
    <t>2021BU07580309</t>
  </si>
  <si>
    <t>Mastbos</t>
  </si>
  <si>
    <t>buurt_gegeneraliseerd_2021.da0f7629-4434-4827-a942-365e11181de3</t>
  </si>
  <si>
    <t>BU07580400</t>
  </si>
  <si>
    <t>2021BU07580400</t>
  </si>
  <si>
    <t>Boeimeer</t>
  </si>
  <si>
    <t>buurt_gegeneraliseerd_2021.d18e1d3a-0b32-4964-b0d5-0f97c45b3f76</t>
  </si>
  <si>
    <t>BU07580401</t>
  </si>
  <si>
    <t>2021BU07580401</t>
  </si>
  <si>
    <t>Ruitersbos</t>
  </si>
  <si>
    <t>buurt_gegeneraliseerd_2021.a6e5189d-0f4d-4625-a601-592a170b773d</t>
  </si>
  <si>
    <t>BU07580500</t>
  </si>
  <si>
    <t>2021BU07580500</t>
  </si>
  <si>
    <t>Haagpoort</t>
  </si>
  <si>
    <t>buurt_gegeneraliseerd_2021.a3589243-36c0-447a-96b9-973caf95f71a</t>
  </si>
  <si>
    <t>BU07580501</t>
  </si>
  <si>
    <t>2021BU07580501</t>
  </si>
  <si>
    <t>buurt_gegeneraliseerd_2021.655aa87c-9489-4c95-8024-cfe9bb1748e0</t>
  </si>
  <si>
    <t>BU07580502</t>
  </si>
  <si>
    <t>2021BU07580502</t>
  </si>
  <si>
    <t>Tuinzigt</t>
  </si>
  <si>
    <t>buurt_gegeneraliseerd_2021.9b0004cc-4557-4833-b3fb-da93eb6e67b7</t>
  </si>
  <si>
    <t>BU07580503</t>
  </si>
  <si>
    <t>2021BU07580503</t>
  </si>
  <si>
    <t>Princenhage</t>
  </si>
  <si>
    <t>buurt_gegeneraliseerd_2021.a5f29770-ed22-42ce-8e3c-6472d9a055c2</t>
  </si>
  <si>
    <t>BU07580504</t>
  </si>
  <si>
    <t>2021BU07580504</t>
  </si>
  <si>
    <t>buurt_gegeneraliseerd_2021.bc4fabdd-00fb-41a6-9e32-d32e774b2d00</t>
  </si>
  <si>
    <t>BU07580505</t>
  </si>
  <si>
    <t>2021BU07580505</t>
  </si>
  <si>
    <t>Heilaar</t>
  </si>
  <si>
    <t>buurt_gegeneraliseerd_2021.61be868c-aee5-462b-b18c-ce7fa6496910</t>
  </si>
  <si>
    <t>BU07580506</t>
  </si>
  <si>
    <t>2021BU07580506</t>
  </si>
  <si>
    <t>buurt_gegeneraliseerd_2021.9bd79382-ba9e-45a3-92bf-ce9bc6251868</t>
  </si>
  <si>
    <t>BU07580507</t>
  </si>
  <si>
    <t>2021BU07580507</t>
  </si>
  <si>
    <t>Steenakker</t>
  </si>
  <si>
    <t>buurt_gegeneraliseerd_2021.2e4ca4f5-7100-4587-80e5-04c6d12f8495</t>
  </si>
  <si>
    <t>BU07580508</t>
  </si>
  <si>
    <t>2021BU07580508</t>
  </si>
  <si>
    <t>Effen-Rith</t>
  </si>
  <si>
    <t>buurt_gegeneraliseerd_2021.e82476a3-4e66-4f46-8170-99e97b66d73c</t>
  </si>
  <si>
    <t>BU07580509</t>
  </si>
  <si>
    <t>2021BU07580509</t>
  </si>
  <si>
    <t>Liesbos</t>
  </si>
  <si>
    <t>buurt_gegeneraliseerd_2021.2cbc0b25-3b12-44d5-bf62-19780a37ac6a</t>
  </si>
  <si>
    <t>BU07580600</t>
  </si>
  <si>
    <t>2021BU07580600</t>
  </si>
  <si>
    <t>Gageldonk</t>
  </si>
  <si>
    <t>buurt_gegeneraliseerd_2021.3a78881f-fa26-4ac8-9fc5-8c05b9c5dfbb</t>
  </si>
  <si>
    <t>BU07580601</t>
  </si>
  <si>
    <t>2021BU07580601</t>
  </si>
  <si>
    <t>Kievitsloop</t>
  </si>
  <si>
    <t>buurt_gegeneraliseerd_2021.57b24ece-f6e2-4cef-83be-68dccbd8a3e6</t>
  </si>
  <si>
    <t>BU07580602</t>
  </si>
  <si>
    <t>2021BU07580602</t>
  </si>
  <si>
    <t>buurt_gegeneraliseerd_2021.2e80e48a-23a1-4d4b-9d9a-bb298c7a2622</t>
  </si>
  <si>
    <t>BU07580603</t>
  </si>
  <si>
    <t>2021BU07580603</t>
  </si>
  <si>
    <t>Muizenberg</t>
  </si>
  <si>
    <t>buurt_gegeneraliseerd_2021.8351fcae-4973-4e04-a757-bcb8f655d51f</t>
  </si>
  <si>
    <t>BU07580604</t>
  </si>
  <si>
    <t>2021BU07580604</t>
  </si>
  <si>
    <t>Heksenwiel</t>
  </si>
  <si>
    <t>buurt_gegeneraliseerd_2021.98db6fb2-d41a-41ad-a590-fda8299afe89</t>
  </si>
  <si>
    <t>BU07580605</t>
  </si>
  <si>
    <t>2021BU07580605</t>
  </si>
  <si>
    <t>Overkroeten</t>
  </si>
  <si>
    <t>buurt_gegeneraliseerd_2021.aec42003-53d1-4a14-80e5-7a2b0bb1972d</t>
  </si>
  <si>
    <t>BU07580606</t>
  </si>
  <si>
    <t>2021BU07580606</t>
  </si>
  <si>
    <t>Kroeten</t>
  </si>
  <si>
    <t>buurt_gegeneraliseerd_2021.4bb3daaf-9373-48c5-a8df-75ac568d05c0</t>
  </si>
  <si>
    <t>BU07580607</t>
  </si>
  <si>
    <t>2021BU07580607</t>
  </si>
  <si>
    <t>Emer</t>
  </si>
  <si>
    <t>buurt_gegeneraliseerd_2021.c7edbe84-9770-429c-ba83-f540ba9d3f63</t>
  </si>
  <si>
    <t>BU07580609</t>
  </si>
  <si>
    <t>2021BU07580609</t>
  </si>
  <si>
    <t>Hagebeemd</t>
  </si>
  <si>
    <t>buurt_gegeneraliseerd_2021.0aa8e283-4005-42f2-a0d1-0b4ac0ab6fa3</t>
  </si>
  <si>
    <t>BU07580700</t>
  </si>
  <si>
    <t>2021BU07580700</t>
  </si>
  <si>
    <t>Bavel</t>
  </si>
  <si>
    <t>buurt_gegeneraliseerd_2021.e1de4583-7363-4814-acb3-77dd75b8a2f0</t>
  </si>
  <si>
    <t>BU07580701</t>
  </si>
  <si>
    <t>2021BU07580701</t>
  </si>
  <si>
    <t>Nieuw Wolfslaar</t>
  </si>
  <si>
    <t>buurt_gegeneraliseerd_2021.266bcb7c-06c6-4c70-8043-bcb7b635133c</t>
  </si>
  <si>
    <t>BU07580709</t>
  </si>
  <si>
    <t>2021BU07580709</t>
  </si>
  <si>
    <t>Buitengebied Bavel</t>
  </si>
  <si>
    <t>buurt_gegeneraliseerd_2021.dc06e80c-f84a-4f3a-bb6d-19f0c4814074</t>
  </si>
  <si>
    <t>BU07580800</t>
  </si>
  <si>
    <t>2021BU07580800</t>
  </si>
  <si>
    <t>Ulvenhout</t>
  </si>
  <si>
    <t>buurt_gegeneraliseerd_2021.13877225-ba83-4d2d-a09f-23a41f5410d7</t>
  </si>
  <si>
    <t>BU07580809</t>
  </si>
  <si>
    <t>2021BU07580809</t>
  </si>
  <si>
    <t>Buitengebied Ulvenhout</t>
  </si>
  <si>
    <t>buurt_gegeneraliseerd_2021.45fbd263-adab-4a8c-9d62-76bf1f079a3f</t>
  </si>
  <si>
    <t>BU07580900</t>
  </si>
  <si>
    <t>2021BU07580900</t>
  </si>
  <si>
    <t>Prinsenbeek</t>
  </si>
  <si>
    <t>buurt_gegeneraliseerd_2021.602866d7-eae4-4f6b-9b77-95bab01e6c49</t>
  </si>
  <si>
    <t>BU07580909</t>
  </si>
  <si>
    <t>2021BU07580909</t>
  </si>
  <si>
    <t>Buitengebied Prinsenbeek</t>
  </si>
  <si>
    <t>buurt_gegeneraliseerd_2021.2cd26292-6d13-46cf-b67f-ac76d2b0baf4</t>
  </si>
  <si>
    <t>BU07581000</t>
  </si>
  <si>
    <t>2021BU07581000</t>
  </si>
  <si>
    <t>Teteringen</t>
  </si>
  <si>
    <t>buurt_gegeneraliseerd_2021.be7c5756-0d07-4453-99fc-00af01d169a6</t>
  </si>
  <si>
    <t>BU07581008</t>
  </si>
  <si>
    <t>2021BU07581008</t>
  </si>
  <si>
    <t>Vuchtpolder</t>
  </si>
  <si>
    <t>buurt_gegeneraliseerd_2021.c3fe21bf-1d60-44de-b439-b58701e68046</t>
  </si>
  <si>
    <t>BU07581009</t>
  </si>
  <si>
    <t>2021BU07581009</t>
  </si>
  <si>
    <t>Buitengebied Teteringen</t>
  </si>
  <si>
    <t>buurt_gegeneraliseerd_2021.ab9c8c36-6de9-4e6f-91bf-d92fb97afad8</t>
  </si>
  <si>
    <t>BU07770000</t>
  </si>
  <si>
    <t>2021BU07770000</t>
  </si>
  <si>
    <t>Centrum Oost 1</t>
  </si>
  <si>
    <t>GM0777</t>
  </si>
  <si>
    <t>buurt_gegeneraliseerd_2021.db6f0194-90a9-4cba-ac05-97f1e52c60ed</t>
  </si>
  <si>
    <t>BU07770001</t>
  </si>
  <si>
    <t>2021BU07770001</t>
  </si>
  <si>
    <t>Centrum Oost 2</t>
  </si>
  <si>
    <t>buurt_gegeneraliseerd_2021.40a2f5e5-9f07-4352-8442-f97afd260a2b</t>
  </si>
  <si>
    <t>BU07770002</t>
  </si>
  <si>
    <t>2021BU07770002</t>
  </si>
  <si>
    <t>Centrum Oost 3</t>
  </si>
  <si>
    <t>buurt_gegeneraliseerd_2021.212d6543-73ae-4d4a-8d00-c2f20ac18953</t>
  </si>
  <si>
    <t>BU07770003</t>
  </si>
  <si>
    <t>2021BU07770003</t>
  </si>
  <si>
    <t>Centrum West 1</t>
  </si>
  <si>
    <t>buurt_gegeneraliseerd_2021.d481b6db-214e-4ad1-863e-f768dbade178</t>
  </si>
  <si>
    <t>BU07770004</t>
  </si>
  <si>
    <t>2021BU07770004</t>
  </si>
  <si>
    <t>Centrum West 2</t>
  </si>
  <si>
    <t>buurt_gegeneraliseerd_2021.743005f1-ec69-4fef-96dc-78f3ecadbd80</t>
  </si>
  <si>
    <t>BU07770005</t>
  </si>
  <si>
    <t>2021BU07770005</t>
  </si>
  <si>
    <t>Het Hooghuis</t>
  </si>
  <si>
    <t>buurt_gegeneraliseerd_2021.9b304303-dfa1-4b4e-b9c0-e38691954d24</t>
  </si>
  <si>
    <t>BU07770100</t>
  </si>
  <si>
    <t>2021BU07770100</t>
  </si>
  <si>
    <t>Midden bedrijventerrein Vosdonk</t>
  </si>
  <si>
    <t>buurt_gegeneraliseerd_2021.f4b556e4-51e5-41c7-9d92-9ce5a91b8497</t>
  </si>
  <si>
    <t>BU07770200</t>
  </si>
  <si>
    <t>2021BU07770200</t>
  </si>
  <si>
    <t>Midden landelijk gebied</t>
  </si>
  <si>
    <t>buurt_gegeneraliseerd_2021.2164adb9-72cc-4863-924c-c87983e29745</t>
  </si>
  <si>
    <t>BU07771000</t>
  </si>
  <si>
    <t>2021BU07771000</t>
  </si>
  <si>
    <t>buurt_gegeneraliseerd_2021.a8f53499-33e5-4bfc-8c3b-b8110d68297f</t>
  </si>
  <si>
    <t>BU07771001</t>
  </si>
  <si>
    <t>2021BU07771001</t>
  </si>
  <si>
    <t>buurt_gegeneraliseerd_2021.ceb8e399-f0c4-4350-ac15-f831ffd78731</t>
  </si>
  <si>
    <t>BU07771002</t>
  </si>
  <si>
    <t>2021BU07771002</t>
  </si>
  <si>
    <t>buurt_gegeneraliseerd_2021.73651261-f0c0-46b8-a7b0-93eae8f3ac68</t>
  </si>
  <si>
    <t>BU07771003</t>
  </si>
  <si>
    <t>2021BU07771003</t>
  </si>
  <si>
    <t>buurt_gegeneraliseerd_2021.50c31cd1-9886-4054-8742-769de78a31f2</t>
  </si>
  <si>
    <t>BU07771004</t>
  </si>
  <si>
    <t>2021BU07771004</t>
  </si>
  <si>
    <t>Baai 1</t>
  </si>
  <si>
    <t>buurt_gegeneraliseerd_2021.e05ba68d-985c-4cc5-8efd-57ab79171498</t>
  </si>
  <si>
    <t>BU07771005</t>
  </si>
  <si>
    <t>2021BU07771005</t>
  </si>
  <si>
    <t>Baai 2</t>
  </si>
  <si>
    <t>buurt_gegeneraliseerd_2021.4ef7e185-e620-44f6-bc4d-c7196914ecae</t>
  </si>
  <si>
    <t>BU07771006</t>
  </si>
  <si>
    <t>2021BU07771006</t>
  </si>
  <si>
    <t>Baai 3</t>
  </si>
  <si>
    <t>buurt_gegeneraliseerd_2021.2a91a48e-9bd1-4d85-9004-5e15228e38a2</t>
  </si>
  <si>
    <t>BU07771007</t>
  </si>
  <si>
    <t>2021BU07771007</t>
  </si>
  <si>
    <t>Baai 4</t>
  </si>
  <si>
    <t>buurt_gegeneraliseerd_2021.4412f20f-f2ba-4283-abe0-88a1f9b18063</t>
  </si>
  <si>
    <t>BU07771008</t>
  </si>
  <si>
    <t>2021BU07771008</t>
  </si>
  <si>
    <t>Sander-Banken 1</t>
  </si>
  <si>
    <t>buurt_gegeneraliseerd_2021.31122fef-c54a-48ab-9f68-8841c7ebc815</t>
  </si>
  <si>
    <t>BU07771009</t>
  </si>
  <si>
    <t>2021BU07771009</t>
  </si>
  <si>
    <t>Sander-Banken 2</t>
  </si>
  <si>
    <t>buurt_gegeneraliseerd_2021.610a52fd-a8a8-4a00-b941-21a0ed269ba5</t>
  </si>
  <si>
    <t>BU07771010</t>
  </si>
  <si>
    <t>2021BU07771010</t>
  </si>
  <si>
    <t>Sander-Banken 3</t>
  </si>
  <si>
    <t>buurt_gegeneraliseerd_2021.1a05de50-22c8-480b-b0cf-303fb9052dc6</t>
  </si>
  <si>
    <t>BU07771011</t>
  </si>
  <si>
    <t>2021BU07771011</t>
  </si>
  <si>
    <t>Sander-Banken 4</t>
  </si>
  <si>
    <t>buurt_gegeneraliseerd_2021.80c1605f-db61-4d9a-bd00-f72491dbe4f1</t>
  </si>
  <si>
    <t>BU07771012</t>
  </si>
  <si>
    <t>2021BU07771012</t>
  </si>
  <si>
    <t>De Grient</t>
  </si>
  <si>
    <t>buurt_gegeneraliseerd_2021.9af56ecd-2a57-4829-8992-09f508969a0c</t>
  </si>
  <si>
    <t>BU07771013</t>
  </si>
  <si>
    <t>2021BU07771013</t>
  </si>
  <si>
    <t>De Keen</t>
  </si>
  <si>
    <t>buurt_gegeneraliseerd_2021.9cf90f9a-abf3-4e5b-8417-7c98119b0308</t>
  </si>
  <si>
    <t>BU07771014</t>
  </si>
  <si>
    <t>2021BU07771014</t>
  </si>
  <si>
    <t>Attelaken</t>
  </si>
  <si>
    <t>buurt_gegeneraliseerd_2021.c962eab2-c388-4c1a-a185-f9710952ac84</t>
  </si>
  <si>
    <t>BU07771015</t>
  </si>
  <si>
    <t>2021BU07771015</t>
  </si>
  <si>
    <t>Schoenmakershoek</t>
  </si>
  <si>
    <t>buurt_gegeneraliseerd_2021.bc216a05-ee1e-4e65-8b72-daed6a162f28</t>
  </si>
  <si>
    <t>BU07771100</t>
  </si>
  <si>
    <t>2021BU07771100</t>
  </si>
  <si>
    <t>Bedrijventerrein Vossendaal</t>
  </si>
  <si>
    <t>buurt_gegeneraliseerd_2021.13675be8-0d96-4476-95f0-83f3b45bfe14</t>
  </si>
  <si>
    <t>BU07771200</t>
  </si>
  <si>
    <t>2021BU07771200</t>
  </si>
  <si>
    <t>Noord landelijk gebied 1</t>
  </si>
  <si>
    <t>buurt_gegeneraliseerd_2021.942e33b3-39b5-4a12-9ff6-d9b57d76641c</t>
  </si>
  <si>
    <t>BU07771201</t>
  </si>
  <si>
    <t>2021BU07771201</t>
  </si>
  <si>
    <t>Noord landelijk gebied 2</t>
  </si>
  <si>
    <t>buurt_gegeneraliseerd_2021.0c6fcd37-7708-4711-9b49-014a0053f3fa</t>
  </si>
  <si>
    <t>BU07771202</t>
  </si>
  <si>
    <t>2021BU07771202</t>
  </si>
  <si>
    <t>Noord landelijk gebied 3</t>
  </si>
  <si>
    <t>buurt_gegeneraliseerd_2021.fa9cff6e-6e6b-4206-9b1b-a64ec5f0c345</t>
  </si>
  <si>
    <t>BU07771203</t>
  </si>
  <si>
    <t>2021BU07771203</t>
  </si>
  <si>
    <t>Noord landelijk gebied 4</t>
  </si>
  <si>
    <t>buurt_gegeneraliseerd_2021.db554028-5eb2-4bce-a497-42b02bad1de1</t>
  </si>
  <si>
    <t>BU07772000</t>
  </si>
  <si>
    <t>2021BU07772000</t>
  </si>
  <si>
    <t>Banakkers 1</t>
  </si>
  <si>
    <t>buurt_gegeneraliseerd_2021.c89ad8e4-7751-4e40-b8b3-603fd79ddf0e</t>
  </si>
  <si>
    <t>BU07772001</t>
  </si>
  <si>
    <t>2021BU07772001</t>
  </si>
  <si>
    <t>Banakkers 2</t>
  </si>
  <si>
    <t>buurt_gegeneraliseerd_2021.ffc6d0bb-f3a9-44cb-926d-e2f60addd870</t>
  </si>
  <si>
    <t>BU07772002</t>
  </si>
  <si>
    <t>2021BU07772002</t>
  </si>
  <si>
    <t>Banakkers 3</t>
  </si>
  <si>
    <t>buurt_gegeneraliseerd_2021.2ae86daa-d607-459c-8f23-81c6ff7549c6</t>
  </si>
  <si>
    <t>BU07772003</t>
  </si>
  <si>
    <t>2021BU07772003</t>
  </si>
  <si>
    <t>Banakkers 4</t>
  </si>
  <si>
    <t>buurt_gegeneraliseerd_2021.a4adb9f1-c771-43cd-96d2-52e18fd3101b</t>
  </si>
  <si>
    <t>BU07772004</t>
  </si>
  <si>
    <t>2021BU07772004</t>
  </si>
  <si>
    <t>Grauwe Polder 1</t>
  </si>
  <si>
    <t>buurt_gegeneraliseerd_2021.58c0c6f4-faef-4f14-88c2-8f39126b5cf6</t>
  </si>
  <si>
    <t>BU07772005</t>
  </si>
  <si>
    <t>2021BU07772005</t>
  </si>
  <si>
    <t>Grauwe Polder 2</t>
  </si>
  <si>
    <t>buurt_gegeneraliseerd_2021.82b3da23-8945-49a6-b775-875d60209880</t>
  </si>
  <si>
    <t>BU07772006</t>
  </si>
  <si>
    <t>2021BU07772006</t>
  </si>
  <si>
    <t>Grauwe Polder 3</t>
  </si>
  <si>
    <t>buurt_gegeneraliseerd_2021.43215331-86a4-4d45-9402-8c31666f473a</t>
  </si>
  <si>
    <t>BU07772007</t>
  </si>
  <si>
    <t>2021BU07772007</t>
  </si>
  <si>
    <t>Grauwe Polder 4</t>
  </si>
  <si>
    <t>buurt_gegeneraliseerd_2021.73ba099e-7138-41b1-a98c-dc9bc846213c</t>
  </si>
  <si>
    <t>BU07772008</t>
  </si>
  <si>
    <t>2021BU07772008</t>
  </si>
  <si>
    <t>Grauwe Polder 5</t>
  </si>
  <si>
    <t>buurt_gegeneraliseerd_2021.5118b846-3f5b-4f0e-b9ea-02954e35b169</t>
  </si>
  <si>
    <t>BU07772009</t>
  </si>
  <si>
    <t>2021BU07772009</t>
  </si>
  <si>
    <t>Hoge Neerstraat</t>
  </si>
  <si>
    <t>buurt_gegeneraliseerd_2021.bc04aebf-2dfc-4ca0-9e9f-c36bcd9337c3</t>
  </si>
  <si>
    <t>BU07772010</t>
  </si>
  <si>
    <t>2021BU07772010</t>
  </si>
  <si>
    <t>Centrum Zuid</t>
  </si>
  <si>
    <t>buurt_gegeneraliseerd_2021.fa94e105-d0b7-4c29-94d9-d1c272f1a223</t>
  </si>
  <si>
    <t>BU07772011</t>
  </si>
  <si>
    <t>2021BU07772011</t>
  </si>
  <si>
    <t>buurt_gegeneraliseerd_2021.e0cf0c1e-ced7-4c56-8936-7149bdd70324</t>
  </si>
  <si>
    <t>BU07772100</t>
  </si>
  <si>
    <t>2021BU07772100</t>
  </si>
  <si>
    <t>Zuid bedrijventerrein Vosdonk</t>
  </si>
  <si>
    <t>buurt_gegeneraliseerd_2021.784f46ec-fb98-4c97-b0ff-d8491f0a2de1</t>
  </si>
  <si>
    <t>BU07772200</t>
  </si>
  <si>
    <t>2021BU07772200</t>
  </si>
  <si>
    <t>Bedrijventerrein Trivium</t>
  </si>
  <si>
    <t>buurt_gegeneraliseerd_2021.6a6fb837-ee5d-4567-8786-50e968d28224</t>
  </si>
  <si>
    <t>BU07772300</t>
  </si>
  <si>
    <t>2021BU07772300</t>
  </si>
  <si>
    <t>Zuid landelijk gebied 1</t>
  </si>
  <si>
    <t>buurt_gegeneraliseerd_2021.3105ddb9-66d1-47d0-ac4d-60384df42cf1</t>
  </si>
  <si>
    <t>BU07772301</t>
  </si>
  <si>
    <t>2021BU07772301</t>
  </si>
  <si>
    <t>Zuid landelijk gebied 2</t>
  </si>
  <si>
    <t>buurt_gegeneraliseerd_2021.74a1e6fe-7fb1-4fb9-b638-4e46ba0eaeec</t>
  </si>
  <si>
    <t>BU07772302</t>
  </si>
  <si>
    <t>2021BU07772302</t>
  </si>
  <si>
    <t>Zuid landelijk gebied 3</t>
  </si>
  <si>
    <t>buurt_gegeneraliseerd_2021.a64bccfc-1c30-494c-9a02-93ca2f8bbc44</t>
  </si>
  <si>
    <t>BU07772303</t>
  </si>
  <si>
    <t>2021BU07772303</t>
  </si>
  <si>
    <t>Zuid landelijk gebied 4</t>
  </si>
  <si>
    <t>buurt_gegeneraliseerd_2021.1cc61f74-600e-442c-bc87-1b7a3e070309</t>
  </si>
  <si>
    <t>BU08280000</t>
  </si>
  <si>
    <t>2021BU08280000</t>
  </si>
  <si>
    <t>GM0828</t>
  </si>
  <si>
    <t>buurt_gegeneraliseerd_2021.a67dfef7-c1a3-486e-a273-4b73152773b4</t>
  </si>
  <si>
    <t>BU08280001</t>
  </si>
  <si>
    <t>2021BU08280001</t>
  </si>
  <si>
    <t>buurt_gegeneraliseerd_2021.9b390aae-8a1e-4cb5-8161-a76c69565d8d</t>
  </si>
  <si>
    <t>BU08280002</t>
  </si>
  <si>
    <t>2021BU08280002</t>
  </si>
  <si>
    <t>buurt_gegeneraliseerd_2021.f9c4360d-ca29-4f0d-8cce-964f3043b3a1</t>
  </si>
  <si>
    <t>BU08280100</t>
  </si>
  <si>
    <t>2021BU08280100</t>
  </si>
  <si>
    <t>Verzetsheldenbuurt I</t>
  </si>
  <si>
    <t>buurt_gegeneraliseerd_2021.87d3ecc9-0471-4cad-a24e-1ae15519b8bb</t>
  </si>
  <si>
    <t>BU08280101</t>
  </si>
  <si>
    <t>2021BU08280101</t>
  </si>
  <si>
    <t>Berghemseweg-Zuid</t>
  </si>
  <si>
    <t>buurt_gegeneraliseerd_2021.e0294245-d8dc-4d89-a65b-df845d94be29</t>
  </si>
  <si>
    <t>BU08280102</t>
  </si>
  <si>
    <t>2021BU08280102</t>
  </si>
  <si>
    <t>Verzetsheldenbuurt II</t>
  </si>
  <si>
    <t>buurt_gegeneraliseerd_2021.3cfc31b1-06e0-4d41-aeed-223fe1abbbff</t>
  </si>
  <si>
    <t>BU08280103</t>
  </si>
  <si>
    <t>2021BU08280103</t>
  </si>
  <si>
    <t>buurt_gegeneraliseerd_2021.12b51611-483e-4fea-b122-775a8249cab3</t>
  </si>
  <si>
    <t>BU08280104</t>
  </si>
  <si>
    <t>2021BU08280104</t>
  </si>
  <si>
    <t>Roofvogelbuurt</t>
  </si>
  <si>
    <t>buurt_gegeneraliseerd_2021.95f78aba-bf6f-4d8d-8563-df870f264773</t>
  </si>
  <si>
    <t>BU08280105</t>
  </si>
  <si>
    <t>2021BU08280105</t>
  </si>
  <si>
    <t>Schadewijk Noord-Oost</t>
  </si>
  <si>
    <t>buurt_gegeneraliseerd_2021.a76d0b11-2879-4096-8f38-6867817692e9</t>
  </si>
  <si>
    <t>BU08280106</t>
  </si>
  <si>
    <t>2021BU08280106</t>
  </si>
  <si>
    <t>De Horzak</t>
  </si>
  <si>
    <t>buurt_gegeneraliseerd_2021.24156cf6-6a1f-40f3-a606-1a7c358c3f38</t>
  </si>
  <si>
    <t>BU08280200</t>
  </si>
  <si>
    <t>2021BU08280200</t>
  </si>
  <si>
    <t>buurt_gegeneraliseerd_2021.5a7b294b-9279-45ec-8969-dda9c24f95af</t>
  </si>
  <si>
    <t>BU08280201</t>
  </si>
  <si>
    <t>2021BU08280201</t>
  </si>
  <si>
    <t>Landweer</t>
  </si>
  <si>
    <t>buurt_gegeneraliseerd_2021.8bf99808-b1e8-4acd-a96e-5b9d729fa402</t>
  </si>
  <si>
    <t>BU08280202</t>
  </si>
  <si>
    <t>2021BU08280202</t>
  </si>
  <si>
    <t>Danenhoef</t>
  </si>
  <si>
    <t>buurt_gegeneraliseerd_2021.01fc011b-e676-4e22-ac8c-1ef1ed5d660c</t>
  </si>
  <si>
    <t>BU08280300</t>
  </si>
  <si>
    <t>2021BU08280300</t>
  </si>
  <si>
    <t>Kortfoort</t>
  </si>
  <si>
    <t>buurt_gegeneraliseerd_2021.3a226bd7-9ac2-4444-9acc-84255053eb65</t>
  </si>
  <si>
    <t>BU08280301</t>
  </si>
  <si>
    <t>2021BU08280301</t>
  </si>
  <si>
    <t>Oranjebuurt I en Ruivert</t>
  </si>
  <si>
    <t>buurt_gegeneraliseerd_2021.6f7f92a3-93f2-4b28-81d0-7ca11ed588f2</t>
  </si>
  <si>
    <t>BU08280302</t>
  </si>
  <si>
    <t>2021BU08280302</t>
  </si>
  <si>
    <t>Zeeheldenbuurt I</t>
  </si>
  <si>
    <t>buurt_gegeneraliseerd_2021.6baa2c5b-c9d9-4de8-91bc-82e94a02cf9e</t>
  </si>
  <si>
    <t>BU08280303</t>
  </si>
  <si>
    <t>2021BU08280303</t>
  </si>
  <si>
    <t>Zeeheldenbuurt II</t>
  </si>
  <si>
    <t>buurt_gegeneraliseerd_2021.e5b82cf8-f3fe-409a-b2b3-62c4f0b1534e</t>
  </si>
  <si>
    <t>BU08280304</t>
  </si>
  <si>
    <t>2021BU08280304</t>
  </si>
  <si>
    <t>buurt_gegeneraliseerd_2021.c8559dd2-7dc2-4655-b044-6c4fa81b985a</t>
  </si>
  <si>
    <t>BU08280305</t>
  </si>
  <si>
    <t>2021BU08280305</t>
  </si>
  <si>
    <t>Oranjebuurt II</t>
  </si>
  <si>
    <t>buurt_gegeneraliseerd_2021.cf0117cb-9f45-41e8-93ce-a236067b19eb</t>
  </si>
  <si>
    <t>BU08280306</t>
  </si>
  <si>
    <t>2021BU08280306</t>
  </si>
  <si>
    <t>Willibrordusweg-Oost</t>
  </si>
  <si>
    <t>buurt_gegeneraliseerd_2021.76c0f8f6-71ce-4a4b-9b09-ad9eb57eea59</t>
  </si>
  <si>
    <t>BU08280307</t>
  </si>
  <si>
    <t>2021BU08280307</t>
  </si>
  <si>
    <t>Willibrordusweg-West</t>
  </si>
  <si>
    <t>buurt_gegeneraliseerd_2021.21bf0f7c-b001-45cb-ad49-9a9ae702a9b0</t>
  </si>
  <si>
    <t>BU08280400</t>
  </si>
  <si>
    <t>2021BU08280400</t>
  </si>
  <si>
    <t>Oorlogsheldenbuurt</t>
  </si>
  <si>
    <t>buurt_gegeneraliseerd_2021.fa23b48c-f715-40f7-b6f4-3eca67e9a6a3</t>
  </si>
  <si>
    <t>BU08280401</t>
  </si>
  <si>
    <t>2021BU08280401</t>
  </si>
  <si>
    <t>Hertogenbuurt</t>
  </si>
  <si>
    <t>buurt_gegeneraliseerd_2021.9ab52133-f6c9-48b4-a16a-e3a357abb12d</t>
  </si>
  <si>
    <t>BU08280402</t>
  </si>
  <si>
    <t>2021BU08280402</t>
  </si>
  <si>
    <t>Mettegeupel</t>
  </si>
  <si>
    <t>buurt_gegeneraliseerd_2021.8d6e5b6a-c84e-4771-a7e4-d9fab450f0d2</t>
  </si>
  <si>
    <t>BU08280403</t>
  </si>
  <si>
    <t>2021BU08280403</t>
  </si>
  <si>
    <t>buurt_gegeneraliseerd_2021.97024e46-d23f-455e-8372-b7b975371498</t>
  </si>
  <si>
    <t>BU08280404</t>
  </si>
  <si>
    <t>2021BU08280404</t>
  </si>
  <si>
    <t>Rusheuvel</t>
  </si>
  <si>
    <t>buurt_gegeneraliseerd_2021.e055d706-6226-4740-9cfd-cf1ff4e71ca5</t>
  </si>
  <si>
    <t>BU08280500</t>
  </si>
  <si>
    <t>2021BU08280500</t>
  </si>
  <si>
    <t>Elzenburg</t>
  </si>
  <si>
    <t>buurt_gegeneraliseerd_2021.cbd6438d-a0a8-493e-9cec-b06386fb895f</t>
  </si>
  <si>
    <t>BU08280501</t>
  </si>
  <si>
    <t>2021BU08280501</t>
  </si>
  <si>
    <t>De Winkel</t>
  </si>
  <si>
    <t>buurt_gegeneraliseerd_2021.94c991e4-8bee-4922-bb4b-636da374f24b</t>
  </si>
  <si>
    <t>BU08280502</t>
  </si>
  <si>
    <t>2021BU08280502</t>
  </si>
  <si>
    <t>Hooimeer</t>
  </si>
  <si>
    <t>buurt_gegeneraliseerd_2021.3981fa3c-855a-4fdf-b1de-b45e109d3455</t>
  </si>
  <si>
    <t>BU08280503</t>
  </si>
  <si>
    <t>2021BU08280503</t>
  </si>
  <si>
    <t>buurt_gegeneraliseerd_2021.e20ac488-cc1f-4148-9d51-8cd2a8cbc041</t>
  </si>
  <si>
    <t>BU08280600</t>
  </si>
  <si>
    <t>2021BU08280600</t>
  </si>
  <si>
    <t>buurt_gegeneraliseerd_2021.829333de-9c59-45da-8c7a-e87a208a6539</t>
  </si>
  <si>
    <t>BU08280601</t>
  </si>
  <si>
    <t>2021BU08280601</t>
  </si>
  <si>
    <t>Van Hogendorplaan-West</t>
  </si>
  <si>
    <t>buurt_gegeneraliseerd_2021.283fb260-c31a-4a76-9cd8-30278f80b783</t>
  </si>
  <si>
    <t>BU08280602</t>
  </si>
  <si>
    <t>2021BU08280602</t>
  </si>
  <si>
    <t>buurt_gegeneraliseerd_2021.199eb356-8be8-43af-b71b-c0853bf98d52</t>
  </si>
  <si>
    <t>BU08280603</t>
  </si>
  <si>
    <t>2021BU08280603</t>
  </si>
  <si>
    <t>Wagenaarstraat en omgeving</t>
  </si>
  <si>
    <t>buurt_gegeneraliseerd_2021.3ce5e25f-aad6-4b37-a3ed-94301b3db7e5</t>
  </si>
  <si>
    <t>BU08280604</t>
  </si>
  <si>
    <t>2021BU08280604</t>
  </si>
  <si>
    <t>Vondellaan-Zuid</t>
  </si>
  <si>
    <t>buurt_gegeneraliseerd_2021.03390576-ae78-4c2b-a3a9-41081db0a8f6</t>
  </si>
  <si>
    <t>BU08280605</t>
  </si>
  <si>
    <t>2021BU08280605</t>
  </si>
  <si>
    <t>Euterpelaan-Noord</t>
  </si>
  <si>
    <t>buurt_gegeneraliseerd_2021.3a03eba9-0760-4995-b3e1-b50d0815af30</t>
  </si>
  <si>
    <t>BU08280606</t>
  </si>
  <si>
    <t>2021BU08280606</t>
  </si>
  <si>
    <t>Beethovengaarde en Lisztgaarde</t>
  </si>
  <si>
    <t>buurt_gegeneraliseerd_2021.2cf3016a-5d12-4e0c-b9cf-5265465c0600</t>
  </si>
  <si>
    <t>BU08280607</t>
  </si>
  <si>
    <t>2021BU08280607</t>
  </si>
  <si>
    <t>Witte Hoef</t>
  </si>
  <si>
    <t>buurt_gegeneraliseerd_2021.a66f0227-f6bb-4457-bc8d-2338bfe2fa75</t>
  </si>
  <si>
    <t>BU08280608</t>
  </si>
  <si>
    <t>2021BU08280608</t>
  </si>
  <si>
    <t>Het Woud</t>
  </si>
  <si>
    <t>buurt_gegeneraliseerd_2021.be594044-b70e-4b26-857f-6edbc3dbcd45</t>
  </si>
  <si>
    <t>BU08280700</t>
  </si>
  <si>
    <t>2021BU08280700</t>
  </si>
  <si>
    <t>Vlashoek</t>
  </si>
  <si>
    <t>buurt_gegeneraliseerd_2021.adea0291-9183-44c9-87a9-69a341983c08</t>
  </si>
  <si>
    <t>BU08280701</t>
  </si>
  <si>
    <t>2021BU08280701</t>
  </si>
  <si>
    <t>Heihoek</t>
  </si>
  <si>
    <t>buurt_gegeneraliseerd_2021.3ef1117f-e607-42d8-8c13-e3067df5187c</t>
  </si>
  <si>
    <t>BU08280702</t>
  </si>
  <si>
    <t>2021BU08280702</t>
  </si>
  <si>
    <t>Hoefeind</t>
  </si>
  <si>
    <t>buurt_gegeneraliseerd_2021.e42807b1-cdf6-44b0-9121-e4ef1f9122b2</t>
  </si>
  <si>
    <t>BU08280703</t>
  </si>
  <si>
    <t>2021BU08280703</t>
  </si>
  <si>
    <t>Amsteleind</t>
  </si>
  <si>
    <t>buurt_gegeneraliseerd_2021.0c3691f8-a0e5-49e8-95e8-7dfd43b801fc</t>
  </si>
  <si>
    <t>BU08280704</t>
  </si>
  <si>
    <t>2021BU08280704</t>
  </si>
  <si>
    <t>buurt_gegeneraliseerd_2021.eb425c93-6ba1-4bbb-9b7d-5b6f3c5e44f3</t>
  </si>
  <si>
    <t>BU08280705</t>
  </si>
  <si>
    <t>2021BU08280705</t>
  </si>
  <si>
    <t>Loovelt</t>
  </si>
  <si>
    <t>buurt_gegeneraliseerd_2021.99ad224f-fcae-4ee9-a8f9-442f774c6d8c</t>
  </si>
  <si>
    <t>BU08280706</t>
  </si>
  <si>
    <t>2021BU08280706</t>
  </si>
  <si>
    <t>Lockaert</t>
  </si>
  <si>
    <t>buurt_gegeneraliseerd_2021.914a1429-8b42-4a8e-b487-eb59e699258c</t>
  </si>
  <si>
    <t>BU08280707</t>
  </si>
  <si>
    <t>2021BU08280707</t>
  </si>
  <si>
    <t>Westerveld</t>
  </si>
  <si>
    <t>buurt_gegeneraliseerd_2021.0f113a48-de90-4bac-a836-9cab6a27f6fd</t>
  </si>
  <si>
    <t>BU08280708</t>
  </si>
  <si>
    <t>2021BU08280708</t>
  </si>
  <si>
    <t>Klein Mikkeldonk</t>
  </si>
  <si>
    <t>buurt_gegeneraliseerd_2021.d3ae36c8-70fc-4988-af34-47e08836998f</t>
  </si>
  <si>
    <t>BU08280709</t>
  </si>
  <si>
    <t>2021BU08280709</t>
  </si>
  <si>
    <t>Schalkskamp</t>
  </si>
  <si>
    <t>buurt_gegeneraliseerd_2021.a6fc95a5-3a40-4df1-9388-e13583ba8591</t>
  </si>
  <si>
    <t>BU08280806</t>
  </si>
  <si>
    <t>2021BU08280806</t>
  </si>
  <si>
    <t>buurt_gegeneraliseerd_2021.6645d7e2-3c8d-4048-8dfc-ff1fc0c34ab6</t>
  </si>
  <si>
    <t>BU08280807</t>
  </si>
  <si>
    <t>2021BU08280807</t>
  </si>
  <si>
    <t>Frankenbeemd</t>
  </si>
  <si>
    <t>buurt_gegeneraliseerd_2021.52df36b3-59f6-470b-90f2-a0f7ba16befe</t>
  </si>
  <si>
    <t>BU08280808</t>
  </si>
  <si>
    <t>2021BU08280808</t>
  </si>
  <si>
    <t>Langendonk</t>
  </si>
  <si>
    <t>buurt_gegeneraliseerd_2021.ba5751be-5885-4b6e-be04-226410ea6dc3</t>
  </si>
  <si>
    <t>BU08280809</t>
  </si>
  <si>
    <t>2021BU08280809</t>
  </si>
  <si>
    <t>buurt_gegeneraliseerd_2021.6191f517-032e-4656-bbc1-fdf3d4b51c82</t>
  </si>
  <si>
    <t>BU08280905</t>
  </si>
  <si>
    <t>2021BU08280905</t>
  </si>
  <si>
    <t>Geffense Bosjes</t>
  </si>
  <si>
    <t>buurt_gegeneraliseerd_2021.e335c133-82d7-4b7a-99ad-93af6973aa57</t>
  </si>
  <si>
    <t>BU08280906</t>
  </si>
  <si>
    <t>2021BU08280906</t>
  </si>
  <si>
    <t>De Tillaard en De Elzen</t>
  </si>
  <si>
    <t>buurt_gegeneraliseerd_2021.f1973cdc-7194-46c8-a50f-0469f611bdc3</t>
  </si>
  <si>
    <t>BU08280907</t>
  </si>
  <si>
    <t>2021BU08280907</t>
  </si>
  <si>
    <t>De Haag</t>
  </si>
  <si>
    <t>buurt_gegeneraliseerd_2021.9eac5157-58a5-411e-8e13-cb89870a9923</t>
  </si>
  <si>
    <t>BU08280908</t>
  </si>
  <si>
    <t>2021BU08280908</t>
  </si>
  <si>
    <t>Vierwinden</t>
  </si>
  <si>
    <t>buurt_gegeneraliseerd_2021.7f7a2024-10b9-4f40-a209-3f07e53844b5</t>
  </si>
  <si>
    <t>BU08280909</t>
  </si>
  <si>
    <t>2021BU08280909</t>
  </si>
  <si>
    <t>Vorstengraf</t>
  </si>
  <si>
    <t>buurt_gegeneraliseerd_2021.3d2b8260-4df7-422a-8a45-c88fe43c2fac</t>
  </si>
  <si>
    <t>BU08281000</t>
  </si>
  <si>
    <t>2021BU08281000</t>
  </si>
  <si>
    <t>Berghem-Noord</t>
  </si>
  <si>
    <t>buurt_gegeneraliseerd_2021.df682058-8fc8-4060-bd9d-8bfa972d7735</t>
  </si>
  <si>
    <t>BU08281001</t>
  </si>
  <si>
    <t>2021BU08281001</t>
  </si>
  <si>
    <t>Berghem-Zuid</t>
  </si>
  <si>
    <t>buurt_gegeneraliseerd_2021.31c4a277-486f-427c-b038-f26122a8d507</t>
  </si>
  <si>
    <t>BU08281007</t>
  </si>
  <si>
    <t>2021BU08281007</t>
  </si>
  <si>
    <t>Buitengebied Duurendseind</t>
  </si>
  <si>
    <t>buurt_gegeneraliseerd_2021.6f20fefe-00da-437d-8c67-64dbffeb65a8</t>
  </si>
  <si>
    <t>BU08281008</t>
  </si>
  <si>
    <t>2021BU08281008</t>
  </si>
  <si>
    <t>Buitengebied Voorste en Achterste Heide</t>
  </si>
  <si>
    <t>buurt_gegeneraliseerd_2021.3cd2b8fc-d235-4037-9727-6a48c3491cb6</t>
  </si>
  <si>
    <t>BU08281009</t>
  </si>
  <si>
    <t>2021BU08281009</t>
  </si>
  <si>
    <t>Buitengebied Gement</t>
  </si>
  <si>
    <t>buurt_gegeneraliseerd_2021.e982ad24-77f1-44b9-a2e0-c5c07ee285cf</t>
  </si>
  <si>
    <t>BU08281100</t>
  </si>
  <si>
    <t>2021BU08281100</t>
  </si>
  <si>
    <t>Haren</t>
  </si>
  <si>
    <t>buurt_gegeneraliseerd_2021.4990f92b-bc2a-4f78-8a85-6fc861f77929</t>
  </si>
  <si>
    <t>BU08281108</t>
  </si>
  <si>
    <t>2021BU08281108</t>
  </si>
  <si>
    <t>Buitengebied Stijbeemden</t>
  </si>
  <si>
    <t>buurt_gegeneraliseerd_2021.928f3827-5d6e-4374-bde0-a0d2400ae503</t>
  </si>
  <si>
    <t>BU08281109</t>
  </si>
  <si>
    <t>2021BU08281109</t>
  </si>
  <si>
    <t>Buitengebied Ossekampen</t>
  </si>
  <si>
    <t>buurt_gegeneraliseerd_2021.43187a06-63da-40b9-9582-620c115011a1</t>
  </si>
  <si>
    <t>BU08281200</t>
  </si>
  <si>
    <t>2021BU08281200</t>
  </si>
  <si>
    <t>Macharen</t>
  </si>
  <si>
    <t>buurt_gegeneraliseerd_2021.1123c2b6-96d3-4065-bf16-982f80ade07e</t>
  </si>
  <si>
    <t>BU08281208</t>
  </si>
  <si>
    <t>2021BU08281208</t>
  </si>
  <si>
    <t>Buitengebied Harense Broek</t>
  </si>
  <si>
    <t>buurt_gegeneraliseerd_2021.99c4fd64-5ea5-4a4f-840d-3fc1de8d5fbf</t>
  </si>
  <si>
    <t>BU08281209</t>
  </si>
  <si>
    <t>2021BU08281209</t>
  </si>
  <si>
    <t>Buitengebied De Tuinlangel</t>
  </si>
  <si>
    <t>buurt_gegeneraliseerd_2021.9a1ef330-eeba-4ce7-965a-96fc177262db</t>
  </si>
  <si>
    <t>BU08281300</t>
  </si>
  <si>
    <t>2021BU08281300</t>
  </si>
  <si>
    <t>Megen</t>
  </si>
  <si>
    <t>buurt_gegeneraliseerd_2021.76adc38c-b918-471c-ad8d-91f4961edd68</t>
  </si>
  <si>
    <t>BU08281308</t>
  </si>
  <si>
    <t>2021BU08281308</t>
  </si>
  <si>
    <t>Buitengebied Maasakker</t>
  </si>
  <si>
    <t>buurt_gegeneraliseerd_2021.880647f4-82b1-46d2-980a-0979d10f9b19</t>
  </si>
  <si>
    <t>BU08281309</t>
  </si>
  <si>
    <t>2021BU08281309</t>
  </si>
  <si>
    <t>Buitengebied De Waarden</t>
  </si>
  <si>
    <t>buurt_gegeneraliseerd_2021.559ab446-6a28-4c65-bc4f-885d8fc3b605</t>
  </si>
  <si>
    <t>BU08281400</t>
  </si>
  <si>
    <t>2021BU08281400</t>
  </si>
  <si>
    <t>Ravenstein</t>
  </si>
  <si>
    <t>buurt_gegeneraliseerd_2021.0ed6416b-244b-4920-b843-98aca3c7fe2b</t>
  </si>
  <si>
    <t>BU08281401</t>
  </si>
  <si>
    <t>2021BU08281401</t>
  </si>
  <si>
    <t>De Kolk, Schonenberg en De Weem</t>
  </si>
  <si>
    <t>buurt_gegeneraliseerd_2021.48e19750-7eaf-48be-acfa-9822483c88cf</t>
  </si>
  <si>
    <t>BU08281403</t>
  </si>
  <si>
    <t>2021BU08281403</t>
  </si>
  <si>
    <t>Huisseling</t>
  </si>
  <si>
    <t>buurt_gegeneraliseerd_2021.28f8c3f8-e302-4106-b852-d4ca9724bb15</t>
  </si>
  <si>
    <t>BU08281404</t>
  </si>
  <si>
    <t>2021BU08281404</t>
  </si>
  <si>
    <t>De Bulk</t>
  </si>
  <si>
    <t>buurt_gegeneraliseerd_2021.8badd897-0537-4503-ba87-1d4e7fe198c1</t>
  </si>
  <si>
    <t>BU08281409</t>
  </si>
  <si>
    <t>2021BU08281409</t>
  </si>
  <si>
    <t>Buitengebied Ravenstein en Huisseling</t>
  </si>
  <si>
    <t>buurt_gegeneraliseerd_2021.e6de15e1-1f83-4808-bf63-5a4216a9b382</t>
  </si>
  <si>
    <t>BU08281500</t>
  </si>
  <si>
    <t>2021BU08281500</t>
  </si>
  <si>
    <t>Herpen</t>
  </si>
  <si>
    <t>buurt_gegeneraliseerd_2021.601e55ec-e9fe-4243-b803-a9a12b729d51</t>
  </si>
  <si>
    <t>BU08281509</t>
  </si>
  <si>
    <t>2021BU08281509</t>
  </si>
  <si>
    <t>Buitengebied Herpen</t>
  </si>
  <si>
    <t>buurt_gegeneraliseerd_2021.4621535c-d8e1-474e-8cd3-915bae079e90</t>
  </si>
  <si>
    <t>BU08281600</t>
  </si>
  <si>
    <t>2021BU08281600</t>
  </si>
  <si>
    <t>Overlangel</t>
  </si>
  <si>
    <t>buurt_gegeneraliseerd_2021.481425fe-23d7-4884-b3cd-51983c37a2b0</t>
  </si>
  <si>
    <t>BU08281601</t>
  </si>
  <si>
    <t>2021BU08281601</t>
  </si>
  <si>
    <t>Neerloon</t>
  </si>
  <si>
    <t>buurt_gegeneraliseerd_2021.8924b66d-7d40-49ca-80f3-b0fb280292b0</t>
  </si>
  <si>
    <t>BU08281609</t>
  </si>
  <si>
    <t>2021BU08281609</t>
  </si>
  <si>
    <t>buurt_gegeneraliseerd_2021.767829f3-9e88-4d04-a70f-b0302bb667f6</t>
  </si>
  <si>
    <t>BU08281700</t>
  </si>
  <si>
    <t>2021BU08281700</t>
  </si>
  <si>
    <t>Deursen en Dennenburg</t>
  </si>
  <si>
    <t>buurt_gegeneraliseerd_2021.5f620a6c-ebb9-408e-8138-fd508043f3f0</t>
  </si>
  <si>
    <t>BU08281701</t>
  </si>
  <si>
    <t>2021BU08281701</t>
  </si>
  <si>
    <t>Dieden</t>
  </si>
  <si>
    <t>buurt_gegeneraliseerd_2021.953616e2-ea4c-4577-aa13-1b50764b242e</t>
  </si>
  <si>
    <t>BU08281702</t>
  </si>
  <si>
    <t>2021BU08281702</t>
  </si>
  <si>
    <t>Demen</t>
  </si>
  <si>
    <t>buurt_gegeneraliseerd_2021.e2f14364-5fb3-4352-835b-33c22b394d36</t>
  </si>
  <si>
    <t>BU08281703</t>
  </si>
  <si>
    <t>2021BU08281703</t>
  </si>
  <si>
    <t>Neerlangel</t>
  </si>
  <si>
    <t>buurt_gegeneraliseerd_2021.482c2073-5e2f-44a2-a915-c09eeb770d44</t>
  </si>
  <si>
    <t>BU08281709</t>
  </si>
  <si>
    <t>2021BU08281709</t>
  </si>
  <si>
    <t>Buitengebied Deursen en Dennenburg</t>
  </si>
  <si>
    <t>buurt_gegeneraliseerd_2021.97f83322-a44f-4336-ae58-885837dd9081</t>
  </si>
  <si>
    <t>BU08281800</t>
  </si>
  <si>
    <t>2021BU08281800</t>
  </si>
  <si>
    <t>Lith</t>
  </si>
  <si>
    <t>buurt_gegeneraliseerd_2021.a0b8cff3-4f1a-46f5-89cd-efa506b3ba06</t>
  </si>
  <si>
    <t>BU08281808</t>
  </si>
  <si>
    <t>2021BU08281808</t>
  </si>
  <si>
    <t>De Lithse Ham</t>
  </si>
  <si>
    <t>buurt_gegeneraliseerd_2021.bb709ea0-0c13-49ef-bab3-44ddd7703a17</t>
  </si>
  <si>
    <t>BU08281809</t>
  </si>
  <si>
    <t>2021BU08281809</t>
  </si>
  <si>
    <t>Buitengebied Lith</t>
  </si>
  <si>
    <t>buurt_gegeneraliseerd_2021.f2c2bd36-7bfb-4937-8f80-39a1772b34e0</t>
  </si>
  <si>
    <t>BU08281900</t>
  </si>
  <si>
    <t>2021BU08281900</t>
  </si>
  <si>
    <t>Lithoijen</t>
  </si>
  <si>
    <t>buurt_gegeneraliseerd_2021.cd7803a1-d36b-47a6-8494-cacad7e2ec55</t>
  </si>
  <si>
    <t>BU08281901</t>
  </si>
  <si>
    <t>2021BU08281901</t>
  </si>
  <si>
    <t>Teeffelen</t>
  </si>
  <si>
    <t>buurt_gegeneraliseerd_2021.74aa205b-0adc-4817-bf2e-8d280e122989</t>
  </si>
  <si>
    <t>BU08281908</t>
  </si>
  <si>
    <t>2021BU08281908</t>
  </si>
  <si>
    <t>Buitengebied Teeffelen</t>
  </si>
  <si>
    <t>buurt_gegeneraliseerd_2021.9906d02f-4f30-4c36-9738-ceb21c9d3022</t>
  </si>
  <si>
    <t>BU08281909</t>
  </si>
  <si>
    <t>2021BU08281909</t>
  </si>
  <si>
    <t>Buitengebied Lithoijen</t>
  </si>
  <si>
    <t>buurt_gegeneraliseerd_2021.ad7c0921-f06f-481c-981f-5e070c92dc64</t>
  </si>
  <si>
    <t>BU08282000</t>
  </si>
  <si>
    <t>2021BU08282000</t>
  </si>
  <si>
    <t>Oijen</t>
  </si>
  <si>
    <t>buurt_gegeneraliseerd_2021.0b99a632-619c-484b-8818-d8faceca5673</t>
  </si>
  <si>
    <t>BU08282009</t>
  </si>
  <si>
    <t>2021BU08282009</t>
  </si>
  <si>
    <t>Buitengebied Oijen</t>
  </si>
  <si>
    <t>buurt_gegeneraliseerd_2021.1cf2da38-4b49-455f-854a-204f57ffcb32</t>
  </si>
  <si>
    <t>BU08282100</t>
  </si>
  <si>
    <t>2021BU08282100</t>
  </si>
  <si>
    <t>Maren-Kessel</t>
  </si>
  <si>
    <t>buurt_gegeneraliseerd_2021.cb783a5e-9dcf-4e95-baa3-8ca5cf81323a</t>
  </si>
  <si>
    <t>BU08282101</t>
  </si>
  <si>
    <t>2021BU08282101</t>
  </si>
  <si>
    <t>Maren</t>
  </si>
  <si>
    <t>buurt_gegeneraliseerd_2021.107dc9ac-e045-42b4-8f20-db37fb8e3e48</t>
  </si>
  <si>
    <t>BU08282102</t>
  </si>
  <si>
    <t>2021BU08282102</t>
  </si>
  <si>
    <t>buurt_gegeneraliseerd_2021.4b5e39a6-fe01-43e5-aa36-78ac2f1adc78</t>
  </si>
  <si>
    <t>BU08282103</t>
  </si>
  <si>
    <t>2021BU08282103</t>
  </si>
  <si>
    <t>'t Wild</t>
  </si>
  <si>
    <t>buurt_gegeneraliseerd_2021.7d773ce6-6321-4bd7-8f08-2078e49b82a4</t>
  </si>
  <si>
    <t>BU08282109</t>
  </si>
  <si>
    <t>2021BU08282109</t>
  </si>
  <si>
    <t>Buitengebied het Laag Heemaal</t>
  </si>
  <si>
    <t>buurt_gegeneraliseerd_2021.a83ac655-3b97-4cbf-94e5-d93ce41d2c3f</t>
  </si>
  <si>
    <t>BU08282200</t>
  </si>
  <si>
    <t>2021BU08282200</t>
  </si>
  <si>
    <t>Geffen</t>
  </si>
  <si>
    <t>buurt_gegeneraliseerd_2021.7f0ebe7f-6d2f-4107-8cdd-9008682cba91</t>
  </si>
  <si>
    <t>BU08282201</t>
  </si>
  <si>
    <t>2021BU08282201</t>
  </si>
  <si>
    <t>Runrot en Papendijk</t>
  </si>
  <si>
    <t>buurt_gegeneraliseerd_2021.b52fab6d-1da0-4630-9d0b-77982cf48f55</t>
  </si>
  <si>
    <t>BU08282208</t>
  </si>
  <si>
    <t>2021BU08282208</t>
  </si>
  <si>
    <t>Buitengebied ten oosten van Geffen</t>
  </si>
  <si>
    <t>buurt_gegeneraliseerd_2021.78fedb7c-ce50-4373-844a-a1da887858fb</t>
  </si>
  <si>
    <t>BU08282209</t>
  </si>
  <si>
    <t>2021BU08282209</t>
  </si>
  <si>
    <t>Buitengebied ten noorden van Geffen</t>
  </si>
  <si>
    <t>buurt_gegeneraliseerd_2021.e28420d6-2f13-452f-98f0-4ffee23b57aa</t>
  </si>
  <si>
    <t>BU08281508</t>
  </si>
  <si>
    <t>2021BU08281508</t>
  </si>
  <si>
    <t>Koolwijk en Bossen</t>
  </si>
  <si>
    <t>buurt_gegeneraliseerd_2021.d06271c3-a9a5-4611-8cb7-cefcd632ed09</t>
  </si>
  <si>
    <t>BU09950110</t>
  </si>
  <si>
    <t>2021BU09950110</t>
  </si>
  <si>
    <t>Kofschip, SGL</t>
  </si>
  <si>
    <t>GM0995</t>
  </si>
  <si>
    <t>buurt_gegeneraliseerd_2021.7b171abd-af61-425e-b459-a88544a10208</t>
  </si>
  <si>
    <t>BU09950111</t>
  </si>
  <si>
    <t>2021BU09950111</t>
  </si>
  <si>
    <t>Zuiderzeelaan, Waddenlaan</t>
  </si>
  <si>
    <t>buurt_gegeneraliseerd_2021.6ce7430f-39fa-411b-9ec0-c44f91e64610</t>
  </si>
  <si>
    <t>BU09950112</t>
  </si>
  <si>
    <t>2021BU09950112</t>
  </si>
  <si>
    <t>IJssellaan</t>
  </si>
  <si>
    <t>buurt_gegeneraliseerd_2021.55bf3fd1-6e1d-4ceb-ba64-878b07800637</t>
  </si>
  <si>
    <t>BU09950113</t>
  </si>
  <si>
    <t>2021BU09950113</t>
  </si>
  <si>
    <t>Langezand</t>
  </si>
  <si>
    <t>buurt_gegeneraliseerd_2021.39f899b2-0893-4098-ba69-69f9ecae1b76</t>
  </si>
  <si>
    <t>BU09950114</t>
  </si>
  <si>
    <t>2021BU09950114</t>
  </si>
  <si>
    <t>Kofschip Noord</t>
  </si>
  <si>
    <t>buurt_gegeneraliseerd_2021.f337b76e-40d6-4808-82d3-5a03fb9ebe1b</t>
  </si>
  <si>
    <t>BU09950115</t>
  </si>
  <si>
    <t>2021BU09950115</t>
  </si>
  <si>
    <t>Groene Velden</t>
  </si>
  <si>
    <t>buurt_gegeneraliseerd_2021.0b976488-1a07-417a-9788-863d7d0df555</t>
  </si>
  <si>
    <t>BU09950117</t>
  </si>
  <si>
    <t>2021BU09950117</t>
  </si>
  <si>
    <t>Overijsselse Hout</t>
  </si>
  <si>
    <t>buurt_gegeneraliseerd_2021.77357f80-d4e6-4aa5-9c36-9c5f26ec4714</t>
  </si>
  <si>
    <t>BU09950118</t>
  </si>
  <si>
    <t>2021BU09950118</t>
  </si>
  <si>
    <t>Bedrijventerrein Gildenhof</t>
  </si>
  <si>
    <t>buurt_gegeneraliseerd_2021.a4bb1944-b100-4777-b38d-22776216c9be</t>
  </si>
  <si>
    <t>BU09950119</t>
  </si>
  <si>
    <t>2021BU09950119</t>
  </si>
  <si>
    <t>Jagersveld</t>
  </si>
  <si>
    <t>buurt_gegeneraliseerd_2021.93d99f1a-4848-41d4-90e4-6538079f889f</t>
  </si>
  <si>
    <t>BU09950161</t>
  </si>
  <si>
    <t>2021BU09950161</t>
  </si>
  <si>
    <t>Bastion</t>
  </si>
  <si>
    <t>buurt_gegeneraliseerd_2021.2bea55bd-d073-453f-8402-b0cbbecf4b48</t>
  </si>
  <si>
    <t>BU09950162</t>
  </si>
  <si>
    <t>2021BU09950162</t>
  </si>
  <si>
    <t>Stadspark, Badweg, Langevelderslag</t>
  </si>
  <si>
    <t>buurt_gegeneraliseerd_2021.80ee45d5-ec17-433a-8194-29e249eda3f0</t>
  </si>
  <si>
    <t>BU09950166</t>
  </si>
  <si>
    <t>2021BU09950166</t>
  </si>
  <si>
    <t>Lelycentre, Maerlant</t>
  </si>
  <si>
    <t>buurt_gegeneraliseerd_2021.dd2cbada-7438-439d-a7c7-731bdfa0801f</t>
  </si>
  <si>
    <t>BU09950172</t>
  </si>
  <si>
    <t>2021BU09950172</t>
  </si>
  <si>
    <t>Sportpark Langezand</t>
  </si>
  <si>
    <t>buurt_gegeneraliseerd_2021.97fbdbda-d2b4-48f9-957c-90d1a974f5e8</t>
  </si>
  <si>
    <t>BU09950174</t>
  </si>
  <si>
    <t>2021BU09950174</t>
  </si>
  <si>
    <t>Stiltebos, Camping de Houtrib</t>
  </si>
  <si>
    <t>buurt_gegeneraliseerd_2021.e0ba803c-762c-4f78-84a7-a3a04573c9a0</t>
  </si>
  <si>
    <t>BU09950220</t>
  </si>
  <si>
    <t>2021BU09950220</t>
  </si>
  <si>
    <t>buurt_gegeneraliseerd_2021.59ee1178-bc89-4495-b5aa-b05cf22d8a65</t>
  </si>
  <si>
    <t>BU09950221</t>
  </si>
  <si>
    <t>2021BU09950221</t>
  </si>
  <si>
    <t>Atol</t>
  </si>
  <si>
    <t>buurt_gegeneraliseerd_2021.8e998ef8-3e60-436c-bb06-60bbde9dfbde</t>
  </si>
  <si>
    <t>BU09950222</t>
  </si>
  <si>
    <t>2021BU09950222</t>
  </si>
  <si>
    <t>Damrif, Kustrif, Gors, Zandbank</t>
  </si>
  <si>
    <t>buurt_gegeneraliseerd_2021.f74102bf-feff-4a79-bf20-5867d36c5764</t>
  </si>
  <si>
    <t>BU09950223</t>
  </si>
  <si>
    <t>2021BU09950223</t>
  </si>
  <si>
    <t>Bongerd, Buitenplaats</t>
  </si>
  <si>
    <t>buurt_gegeneraliseerd_2021.5739ed7c-d2bf-4c58-b502-323f12def123</t>
  </si>
  <si>
    <t>BU09950224</t>
  </si>
  <si>
    <t>2021BU09950224</t>
  </si>
  <si>
    <t>De Schans</t>
  </si>
  <si>
    <t>buurt_gegeneraliseerd_2021.6c49de6f-2f57-4d2c-ad18-6021a5a5d4b0</t>
  </si>
  <si>
    <t>BU09950225</t>
  </si>
  <si>
    <t>2021BU09950225</t>
  </si>
  <si>
    <t>Hofstede, Plantage, Wijngaard</t>
  </si>
  <si>
    <t>buurt_gegeneraliseerd_2021.425a9b07-bf57-4f17-9163-c58d273127c5</t>
  </si>
  <si>
    <t>BU09950226</t>
  </si>
  <si>
    <t>2021BU09950226</t>
  </si>
  <si>
    <t>Oostrandpark</t>
  </si>
  <si>
    <t>buurt_gegeneraliseerd_2021.09aeaf3d-b6b5-43cd-9e2a-f5f64ad5c7a7</t>
  </si>
  <si>
    <t>BU09950227</t>
  </si>
  <si>
    <t>2021BU09950227</t>
  </si>
  <si>
    <t>Buitenhof</t>
  </si>
  <si>
    <t>buurt_gegeneraliseerd_2021.54e0e374-9b20-4f55-b4ef-a09790e3da68</t>
  </si>
  <si>
    <t>BU09950228</t>
  </si>
  <si>
    <t>2021BU09950228</t>
  </si>
  <si>
    <t>De Meent</t>
  </si>
  <si>
    <t>buurt_gegeneraliseerd_2021.52f79ffd-5d3d-4c99-9670-cb6650b153fa</t>
  </si>
  <si>
    <t>BU09950310</t>
  </si>
  <si>
    <t>2021BU09950310</t>
  </si>
  <si>
    <t>Wijkcentrum</t>
  </si>
  <si>
    <t>buurt_gegeneraliseerd_2021.7d8997e5-66ae-4a23-a9cb-17ca1fabfd3b</t>
  </si>
  <si>
    <t>BU09950311</t>
  </si>
  <si>
    <t>2021BU09950311</t>
  </si>
  <si>
    <t>Kamp</t>
  </si>
  <si>
    <t>buurt_gegeneraliseerd_2021.f3686fce-c40a-47aa-a424-1384f6634dfc</t>
  </si>
  <si>
    <t>BU09950312</t>
  </si>
  <si>
    <t>2021BU09950312</t>
  </si>
  <si>
    <t>buurt_gegeneraliseerd_2021.b7b1440b-eb14-438c-98e4-12d06bce94dd</t>
  </si>
  <si>
    <t>BU09950313</t>
  </si>
  <si>
    <t>2021BU09950313</t>
  </si>
  <si>
    <t>Griend</t>
  </si>
  <si>
    <t>buurt_gegeneraliseerd_2021.ed069ee5-3f9e-4d7c-9eb6-2298fa559cdf</t>
  </si>
  <si>
    <t>BU09950314</t>
  </si>
  <si>
    <t>2021BU09950314</t>
  </si>
  <si>
    <t>Zoom</t>
  </si>
  <si>
    <t>buurt_gegeneraliseerd_2021.d3d66810-4994-48ae-b591-1e99a9808522</t>
  </si>
  <si>
    <t>BU09950315</t>
  </si>
  <si>
    <t>2021BU09950315</t>
  </si>
  <si>
    <t>Wold</t>
  </si>
  <si>
    <t>buurt_gegeneraliseerd_2021.50b8ae78-47fe-4bf2-9f9b-ec1d433e9a2d</t>
  </si>
  <si>
    <t>BU09950316</t>
  </si>
  <si>
    <t>2021BU09950316</t>
  </si>
  <si>
    <t>Archipel, Beukenhof, Rozengaard</t>
  </si>
  <si>
    <t>buurt_gegeneraliseerd_2021.038052de-b71f-4073-8954-ed082bf44557</t>
  </si>
  <si>
    <t>BU09950317</t>
  </si>
  <si>
    <t>2021BU09950317</t>
  </si>
  <si>
    <t>Woldpark, Houttuinen, Gelderse Hout</t>
  </si>
  <si>
    <t>buurt_gegeneraliseerd_2021.085eb2ea-84ef-43d8-9038-9b579b369851</t>
  </si>
  <si>
    <t>BU09950420</t>
  </si>
  <si>
    <t>2021BU09950420</t>
  </si>
  <si>
    <t>Wijkcentrum, Voorstraat</t>
  </si>
  <si>
    <t>buurt_gegeneraliseerd_2021.4c95e967-b267-413b-ba28-b8c741f77c8f</t>
  </si>
  <si>
    <t>BU09950421</t>
  </si>
  <si>
    <t>2021BU09950421</t>
  </si>
  <si>
    <t>Getijdenbuurt, Sportpark Doggersbank</t>
  </si>
  <si>
    <t>buurt_gegeneraliseerd_2021.6e75ab45-23ec-4c5a-88cf-6fc160743dc9</t>
  </si>
  <si>
    <t>BU09950422</t>
  </si>
  <si>
    <t>2021BU09950422</t>
  </si>
  <si>
    <t>Zeeenbuurt</t>
  </si>
  <si>
    <t>buurt_gegeneraliseerd_2021.55c71d43-4b10-4ea1-b51a-153605d1bb64</t>
  </si>
  <si>
    <t>BU09950423</t>
  </si>
  <si>
    <t>2021BU09950423</t>
  </si>
  <si>
    <t>Zeestromen en Slotenbuurt</t>
  </si>
  <si>
    <t>buurt_gegeneraliseerd_2021.8c49c533-269c-4c95-8e08-67a8fd29d880</t>
  </si>
  <si>
    <t>BU09950424</t>
  </si>
  <si>
    <t>2021BU09950424</t>
  </si>
  <si>
    <t>Merenbuurt</t>
  </si>
  <si>
    <t>buurt_gegeneraliseerd_2021.13314eff-3ef0-48a2-b9df-821074088b55</t>
  </si>
  <si>
    <t>BU09950425</t>
  </si>
  <si>
    <t>2021BU09950425</t>
  </si>
  <si>
    <t>buurt_gegeneraliseerd_2021.4d75635b-11cf-4be0-bf14-458258932a00</t>
  </si>
  <si>
    <t>BU09950428</t>
  </si>
  <si>
    <t>2021BU09950428</t>
  </si>
  <si>
    <t>Bedrijventerrein Ketelmeerstraat</t>
  </si>
  <si>
    <t>buurt_gegeneraliseerd_2021.2003f780-bed8-4139-ab66-c3e9a6261b16</t>
  </si>
  <si>
    <t>BU09950431</t>
  </si>
  <si>
    <t>2021BU09950431</t>
  </si>
  <si>
    <t>Landerijen Noord/West</t>
  </si>
  <si>
    <t>buurt_gegeneraliseerd_2021.465fb9fb-6b61-4b08-908d-391e050169f5</t>
  </si>
  <si>
    <t>BU09950432</t>
  </si>
  <si>
    <t>2021BU09950432</t>
  </si>
  <si>
    <t>Landerijen Zuid/West</t>
  </si>
  <si>
    <t>buurt_gegeneraliseerd_2021.96ad4252-ec8d-4ade-bf7b-d5c91c276422</t>
  </si>
  <si>
    <t>BU09950433</t>
  </si>
  <si>
    <t>2021BU09950433</t>
  </si>
  <si>
    <t>Landerijen Noord/Oost</t>
  </si>
  <si>
    <t>buurt_gegeneraliseerd_2021.1c953fde-efe6-44a9-a774-1222d9aba38f</t>
  </si>
  <si>
    <t>BU09950434</t>
  </si>
  <si>
    <t>2021BU09950434</t>
  </si>
  <si>
    <t>Landerijen Zuid/Oost</t>
  </si>
  <si>
    <t>buurt_gegeneraliseerd_2021.18cb8187-4a76-4114-a70f-6d2bebcc99c5</t>
  </si>
  <si>
    <t>BU09950521</t>
  </si>
  <si>
    <t>2021BU09950521</t>
  </si>
  <si>
    <t>Kempenaar Oost</t>
  </si>
  <si>
    <t>buurt_gegeneraliseerd_2021.2a285dbd-7694-4f82-adb1-842a996cbf86</t>
  </si>
  <si>
    <t>BU09950522</t>
  </si>
  <si>
    <t>2021BU09950522</t>
  </si>
  <si>
    <t>Kempenaar West</t>
  </si>
  <si>
    <t>buurt_gegeneraliseerd_2021.195d425a-344b-4a58-a18a-99fb7724bcf8</t>
  </si>
  <si>
    <t>BU09950523</t>
  </si>
  <si>
    <t>2021BU09950523</t>
  </si>
  <si>
    <t>Kogge</t>
  </si>
  <si>
    <t>buurt_gegeneraliseerd_2021.4bd63e87-59d0-486c-a60b-4e45fde40c46</t>
  </si>
  <si>
    <t>BU09950524</t>
  </si>
  <si>
    <t>2021BU09950524</t>
  </si>
  <si>
    <t>Hanzepark</t>
  </si>
  <si>
    <t>buurt_gegeneraliseerd_2021.ede40a76-902b-40fe-a86c-6255dd65ce79</t>
  </si>
  <si>
    <t>BU09950525</t>
  </si>
  <si>
    <t>2021BU09950525</t>
  </si>
  <si>
    <t>Schouw</t>
  </si>
  <si>
    <t>buurt_gegeneraliseerd_2021.cfe33f02-35fd-4074-95e0-803ebab5b9cd</t>
  </si>
  <si>
    <t>BU09950526</t>
  </si>
  <si>
    <t>2021BU09950526</t>
  </si>
  <si>
    <t>Gondel</t>
  </si>
  <si>
    <t>buurt_gegeneraliseerd_2021.7f0cb398-3a96-4412-aa42-70712129bbff</t>
  </si>
  <si>
    <t>BU09950527</t>
  </si>
  <si>
    <t>2021BU09950527</t>
  </si>
  <si>
    <t>Sportpark Schouw</t>
  </si>
  <si>
    <t>buurt_gegeneraliseerd_2021.b0617bc3-73ac-4425-91de-f13e2cbd23ae</t>
  </si>
  <si>
    <t>BU09950528</t>
  </si>
  <si>
    <t>2021BU09950528</t>
  </si>
  <si>
    <t>Bedrijventerrein Kempenaar</t>
  </si>
  <si>
    <t>buurt_gegeneraliseerd_2021.d64c68f5-cb20-4bb0-925f-c5e8660a10ff</t>
  </si>
  <si>
    <t>BU09950611</t>
  </si>
  <si>
    <t>2021BU09950611</t>
  </si>
  <si>
    <t>Karveel Oost</t>
  </si>
  <si>
    <t>buurt_gegeneraliseerd_2021.48785bb8-505d-46bd-b6c2-f2060fd9f434</t>
  </si>
  <si>
    <t>BU09950612</t>
  </si>
  <si>
    <t>2021BU09950612</t>
  </si>
  <si>
    <t>Karveel West</t>
  </si>
  <si>
    <t>buurt_gegeneraliseerd_2021.b813de4a-6d28-43ff-accf-037243c44cbb</t>
  </si>
  <si>
    <t>BU09950613</t>
  </si>
  <si>
    <t>2021BU09950613</t>
  </si>
  <si>
    <t>Boeier</t>
  </si>
  <si>
    <t>buurt_gegeneraliseerd_2021.8779e564-101a-4c52-94db-d87c00e0ec5c</t>
  </si>
  <si>
    <t>BU09950614</t>
  </si>
  <si>
    <t>2021BU09950614</t>
  </si>
  <si>
    <t>Noordzoom Oost</t>
  </si>
  <si>
    <t>buurt_gegeneraliseerd_2021.f81ed883-62d9-42db-a4a2-a0fdc7a51c69</t>
  </si>
  <si>
    <t>BU09950615</t>
  </si>
  <si>
    <t>2021BU09950615</t>
  </si>
  <si>
    <t>Golfpark, Lommerrijk</t>
  </si>
  <si>
    <t>buurt_gegeneraliseerd_2021.737ec694-4e16-417e-a182-05da6b6d957f</t>
  </si>
  <si>
    <t>BU09950631</t>
  </si>
  <si>
    <t>2021BU09950631</t>
  </si>
  <si>
    <t>Saerdam, Vliegend Hert, Fortuijn</t>
  </si>
  <si>
    <t>buurt_gegeneraliseerd_2021.b4853c55-64e4-452b-a6f0-6acd12c10b2c</t>
  </si>
  <si>
    <t>BU09950632</t>
  </si>
  <si>
    <t>2021BU09950632</t>
  </si>
  <si>
    <t>Punter</t>
  </si>
  <si>
    <t>buurt_gegeneraliseerd_2021.f7d10f00-6d50-4de5-ab00-6f11e1cb0f80</t>
  </si>
  <si>
    <t>BU09950633</t>
  </si>
  <si>
    <t>2021BU09950633</t>
  </si>
  <si>
    <t>Jol</t>
  </si>
  <si>
    <t>buurt_gegeneraliseerd_2021.eab462c2-5ed8-473f-bf3e-0b34e159f28e</t>
  </si>
  <si>
    <t>BU09950634</t>
  </si>
  <si>
    <t>2021BU09950634</t>
  </si>
  <si>
    <t>Galjoen</t>
  </si>
  <si>
    <t>buurt_gegeneraliseerd_2021.93e6607b-cd11-4726-b6dc-f106bc4f878b</t>
  </si>
  <si>
    <t>BU09950635</t>
  </si>
  <si>
    <t>2021BU09950635</t>
  </si>
  <si>
    <t>Park, Jol, Gajoen</t>
  </si>
  <si>
    <t>buurt_gegeneraliseerd_2021.3adad469-8543-4bb8-b757-11a37a5ad30a</t>
  </si>
  <si>
    <t>BU09950637</t>
  </si>
  <si>
    <t>2021BU09950637</t>
  </si>
  <si>
    <t>Galjoen Zuid</t>
  </si>
  <si>
    <t>buurt_gegeneraliseerd_2021.8fa031e1-3708-4dd1-b8cc-3aa3ebe823c4</t>
  </si>
  <si>
    <t>BU09950638</t>
  </si>
  <si>
    <t>2021BU09950638</t>
  </si>
  <si>
    <t>Bedrijventerrein Jol</t>
  </si>
  <si>
    <t>buurt_gegeneraliseerd_2021.887472e4-fa6a-4575-a65b-a5a366440e75</t>
  </si>
  <si>
    <t>BU09950651</t>
  </si>
  <si>
    <t>2021BU09950651</t>
  </si>
  <si>
    <t>Houtribhoogte Zuid</t>
  </si>
  <si>
    <t>buurt_gegeneraliseerd_2021.9450ddf0-3550-444c-8212-6f4e2edd518e</t>
  </si>
  <si>
    <t>BU09950652</t>
  </si>
  <si>
    <t>2021BU09950652</t>
  </si>
  <si>
    <t>Houtribhoogte Noord</t>
  </si>
  <si>
    <t>buurt_gegeneraliseerd_2021.1c1b5115-4d09-4c1b-b3bc-b54ffadcb51d</t>
  </si>
  <si>
    <t>BU09950671</t>
  </si>
  <si>
    <t>2021BU09950671</t>
  </si>
  <si>
    <t>Volkstuinen Bosweg</t>
  </si>
  <si>
    <t>buurt_gegeneraliseerd_2021.f30814c3-5154-4fc9-8bdd-cdc9238b1055</t>
  </si>
  <si>
    <t>BU09950672</t>
  </si>
  <si>
    <t>2021BU09950672</t>
  </si>
  <si>
    <t>Golfresort</t>
  </si>
  <si>
    <t>buurt_gegeneraliseerd_2021.1039ff49-bd4c-4581-b565-960554c6619e</t>
  </si>
  <si>
    <t>BU09950711</t>
  </si>
  <si>
    <t>2021BU09950711</t>
  </si>
  <si>
    <t>Landstrekenwijk Oost</t>
  </si>
  <si>
    <t>buurt_gegeneraliseerd_2021.8a11c591-71b5-4a11-86ab-d38f7de5e46b</t>
  </si>
  <si>
    <t>BU09950712</t>
  </si>
  <si>
    <t>2021BU09950712</t>
  </si>
  <si>
    <t>Landstrekenwijk Midden</t>
  </si>
  <si>
    <t>buurt_gegeneraliseerd_2021.a000bdb1-1bcb-41e2-ae11-c5a8c9a327f5</t>
  </si>
  <si>
    <t>BU09950713</t>
  </si>
  <si>
    <t>2021BU09950713</t>
  </si>
  <si>
    <t>Landstrekenwijk West</t>
  </si>
  <si>
    <t>buurt_gegeneraliseerd_2021.d4209656-e5c1-48a1-b10a-d0a789d14c6d</t>
  </si>
  <si>
    <t>BU09950731</t>
  </si>
  <si>
    <t>2021BU09950731</t>
  </si>
  <si>
    <t>Grietenij</t>
  </si>
  <si>
    <t>buurt_gegeneraliseerd_2021.a4573a9b-a5b3-46f5-bae5-e3870642c7c5</t>
  </si>
  <si>
    <t>BU09950732</t>
  </si>
  <si>
    <t>2021BU09950732</t>
  </si>
  <si>
    <t>De Doelen, De Marken</t>
  </si>
  <si>
    <t>buurt_gegeneraliseerd_2021.72b4995d-8085-4211-8a89-a68737bc3099</t>
  </si>
  <si>
    <t>BU09950733</t>
  </si>
  <si>
    <t>2021BU09950733</t>
  </si>
  <si>
    <t>De Meierij, Kerspel</t>
  </si>
  <si>
    <t>buurt_gegeneraliseerd_2021.c4e50d53-9419-40b3-8ff2-6b8b9a76ea3e</t>
  </si>
  <si>
    <t>BU09950734</t>
  </si>
  <si>
    <t>2021BU09950734</t>
  </si>
  <si>
    <t>Bedrijventerrein Middendreef</t>
  </si>
  <si>
    <t>buurt_gegeneraliseerd_2021.53a5ca43-54ad-43a3-8803-3ed4a2d867fe</t>
  </si>
  <si>
    <t>BU09950741</t>
  </si>
  <si>
    <t>2021BU09950741</t>
  </si>
  <si>
    <t>Botter Oost</t>
  </si>
  <si>
    <t>buurt_gegeneraliseerd_2021.5d33c415-cd09-4727-8869-998c4dcf9170</t>
  </si>
  <si>
    <t>BU09950742</t>
  </si>
  <si>
    <t>2021BU09950742</t>
  </si>
  <si>
    <t>Botter West</t>
  </si>
  <si>
    <t>buurt_gegeneraliseerd_2021.c79ff562-222a-43ef-bb6c-b067f134f590</t>
  </si>
  <si>
    <t>BU09950743</t>
  </si>
  <si>
    <t>2021BU09950743</t>
  </si>
  <si>
    <t>Tjalk</t>
  </si>
  <si>
    <t>buurt_gegeneraliseerd_2021.95fbeef7-c1e7-452e-ac6f-eea46c16abe9</t>
  </si>
  <si>
    <t>BU09950744</t>
  </si>
  <si>
    <t>2021BU09950744</t>
  </si>
  <si>
    <t>Schoener</t>
  </si>
  <si>
    <t>buurt_gegeneraliseerd_2021.349a6b0b-517c-4755-a775-7d25b5566c77</t>
  </si>
  <si>
    <t>BU09950747</t>
  </si>
  <si>
    <t>2021BU09950747</t>
  </si>
  <si>
    <t>Park Schoener</t>
  </si>
  <si>
    <t>buurt_gegeneraliseerd_2021.ee47b0b1-3715-45f1-b3d2-32f269a28df7</t>
  </si>
  <si>
    <t>BU09950748</t>
  </si>
  <si>
    <t>2021BU09950748</t>
  </si>
  <si>
    <t>Bedrijventerrein Tjalk</t>
  </si>
  <si>
    <t>buurt_gegeneraliseerd_2021.4d1d043d-1512-4aaa-92d9-ff32e477977e</t>
  </si>
  <si>
    <t>BU09950766</t>
  </si>
  <si>
    <t>2021BU09950766</t>
  </si>
  <si>
    <t>Het Ravelijn, Ziekenhuisweg</t>
  </si>
  <si>
    <t>buurt_gegeneraliseerd_2021.e420a663-7b70-494e-a8f7-c02c11c43c97</t>
  </si>
  <si>
    <t>BU09950822</t>
  </si>
  <si>
    <t>2021BU09950822</t>
  </si>
  <si>
    <t>Hollandse Hout (Villapark)</t>
  </si>
  <si>
    <t>buurt_gegeneraliseerd_2021.d8058b90-8a10-4693-8e7b-587b27aa9444</t>
  </si>
  <si>
    <t>BU09950836</t>
  </si>
  <si>
    <t>2021BU09950836</t>
  </si>
  <si>
    <t>Oostvaardersdijk, Meerdijkhaven</t>
  </si>
  <si>
    <t>buurt_gegeneraliseerd_2021.da568456-605f-42d5-926f-1920918c7c71</t>
  </si>
  <si>
    <t>BU09950851</t>
  </si>
  <si>
    <t>2021BU09950851</t>
  </si>
  <si>
    <t>Lelystad-Haven West</t>
  </si>
  <si>
    <t>buurt_gegeneraliseerd_2021.28a95a27-823c-408c-a4be-9332cc2c0a30</t>
  </si>
  <si>
    <t>BU09950852</t>
  </si>
  <si>
    <t>2021BU09950852</t>
  </si>
  <si>
    <t>Lelystad-Haven Oost</t>
  </si>
  <si>
    <t>buurt_gegeneraliseerd_2021.d8ef33a7-c231-4611-9103-77f3e92a7828</t>
  </si>
  <si>
    <t>BU09950853</t>
  </si>
  <si>
    <t>2021BU09950853</t>
  </si>
  <si>
    <t>Lelystad-Haven Werkeiland</t>
  </si>
  <si>
    <t>buurt_gegeneraliseerd_2021.65aaa731-a8da-41a9-bdd6-357fb84c8484</t>
  </si>
  <si>
    <t>BU09950871</t>
  </si>
  <si>
    <t>2021BU09950871</t>
  </si>
  <si>
    <t>'t Bovenwater</t>
  </si>
  <si>
    <t>buurt_gegeneraliseerd_2021.7cd461bc-78d2-4aa3-ac6d-7a5acca09714</t>
  </si>
  <si>
    <t>BU09950872</t>
  </si>
  <si>
    <t>2021BU09950872</t>
  </si>
  <si>
    <t>Uilenweg</t>
  </si>
  <si>
    <t>buurt_gegeneraliseerd_2021.4b27dbd2-0c2d-4471-a1ed-ac940a07a243</t>
  </si>
  <si>
    <t>BU09950881</t>
  </si>
  <si>
    <t>2021BU09950881</t>
  </si>
  <si>
    <t>Industrieterrein Noordersluis Oost</t>
  </si>
  <si>
    <t>buurt_gegeneraliseerd_2021.3481ee12-3928-4305-bdce-d7a60c239f7a</t>
  </si>
  <si>
    <t>BU09950882</t>
  </si>
  <si>
    <t>2021BU09950882</t>
  </si>
  <si>
    <t>Industrieterrein Noordersluis West</t>
  </si>
  <si>
    <t>buurt_gegeneraliseerd_2021.4774c382-b099-4020-b0dd-1e1e383c1b82</t>
  </si>
  <si>
    <t>BU09950961</t>
  </si>
  <si>
    <t>2021BU09950961</t>
  </si>
  <si>
    <t>Waagpassage</t>
  </si>
  <si>
    <t>buurt_gegeneraliseerd_2021.f5f74ba0-3bce-4a91-8c22-b689dc64f02d</t>
  </si>
  <si>
    <t>BU09950962</t>
  </si>
  <si>
    <t>2021BU09950962</t>
  </si>
  <si>
    <t>Neringpassage</t>
  </si>
  <si>
    <t>buurt_gegeneraliseerd_2021.2307f4f6-16e6-4eb8-8e87-cd2b66387fd1</t>
  </si>
  <si>
    <t>BU09950963</t>
  </si>
  <si>
    <t>2021BU09950963</t>
  </si>
  <si>
    <t>buurt_gegeneraliseerd_2021.4bd75854-b5f8-4313-bdd5-d59f545ae174</t>
  </si>
  <si>
    <t>BU09950964</t>
  </si>
  <si>
    <t>2021BU09950964</t>
  </si>
  <si>
    <t>Stadhuisstraat</t>
  </si>
  <si>
    <t>buurt_gegeneraliseerd_2021.8e6a99d1-7230-4316-89e3-567ef460673d</t>
  </si>
  <si>
    <t>BU09950965</t>
  </si>
  <si>
    <t>2021BU09950965</t>
  </si>
  <si>
    <t>Lindenlaan</t>
  </si>
  <si>
    <t>buurt_gegeneraliseerd_2021.434220c7-6b8d-4e2c-9807-d4924e753a9d</t>
  </si>
  <si>
    <t>BU09951017</t>
  </si>
  <si>
    <t>2021BU09951017</t>
  </si>
  <si>
    <t>Visvijverbos</t>
  </si>
  <si>
    <t>buurt_gegeneraliseerd_2021.2e515da3-b0be-4ad1-9922-15964ecd963b</t>
  </si>
  <si>
    <t>BU09951018</t>
  </si>
  <si>
    <t>2021BU09951018</t>
  </si>
  <si>
    <t>Karperweg, IJsselmeerdijk</t>
  </si>
  <si>
    <t>buurt_gegeneraliseerd_2021.e301dd2e-34f5-411c-b09b-f82af8cd4d95</t>
  </si>
  <si>
    <t>BU09951019</t>
  </si>
  <si>
    <t>2021BU09951019</t>
  </si>
  <si>
    <t>Visvijver-, Bijl-, Klokbeker-, Plavuizenweg</t>
  </si>
  <si>
    <t>buurt_gegeneraliseerd_2021.929024f8-54e0-4848-9d98-7bd429d0ef50</t>
  </si>
  <si>
    <t>BU09951029</t>
  </si>
  <si>
    <t>2021BU09951029</t>
  </si>
  <si>
    <t>Edelhert-, Runder-, Wisent-, Elandweg</t>
  </si>
  <si>
    <t>buurt_gegeneraliseerd_2021.69e5aa45-f2c0-4879-9197-d0022ba851a0</t>
  </si>
  <si>
    <t>BU09951031</t>
  </si>
  <si>
    <t>2021BU09951031</t>
  </si>
  <si>
    <t>Beginweg, Bronsweg, Jupiterweg</t>
  </si>
  <si>
    <t>buurt_gegeneraliseerd_2021.3a360f03-68b9-416b-88bb-efabda38cc2b</t>
  </si>
  <si>
    <t>BU09951037</t>
  </si>
  <si>
    <t>2021BU09951037</t>
  </si>
  <si>
    <t>Sportveld Beginweg, Overijsselse Hout</t>
  </si>
  <si>
    <t>buurt_gegeneraliseerd_2021.98d4fc5e-edbe-483b-a7ca-b88a360b8637</t>
  </si>
  <si>
    <t>BU09951039</t>
  </si>
  <si>
    <t>2021BU09951039</t>
  </si>
  <si>
    <t>Lisdodde-, Dronter-, Zeeasterweg, -pad</t>
  </si>
  <si>
    <t>buurt_gegeneraliseerd_2021.3a8c9c39-49a3-4877-968b-e71674d5ce64</t>
  </si>
  <si>
    <t>BU09951041</t>
  </si>
  <si>
    <t>2021BU09951041</t>
  </si>
  <si>
    <t>Natuurpark Lelystad</t>
  </si>
  <si>
    <t>buurt_gegeneraliseerd_2021.327b9175-4b99-4e81-b9e5-60012432edd0</t>
  </si>
  <si>
    <t>BU09951047</t>
  </si>
  <si>
    <t>2021BU09951047</t>
  </si>
  <si>
    <t>Larserbos, Rietweg</t>
  </si>
  <si>
    <t>buurt_gegeneraliseerd_2021.343e8b12-128d-48f2-ae2d-0cf6d3be5c97</t>
  </si>
  <si>
    <t>BU09951049</t>
  </si>
  <si>
    <t>2021BU09951049</t>
  </si>
  <si>
    <t>Vlotgrasweg</t>
  </si>
  <si>
    <t>buurt_gegeneraliseerd_2021.3b59de9d-3a3c-4be3-89e1-0cdd2182e11e</t>
  </si>
  <si>
    <t>BU09951058</t>
  </si>
  <si>
    <t>2021BU09951058</t>
  </si>
  <si>
    <t>Airport Lelystad</t>
  </si>
  <si>
    <t>buurt_gegeneraliseerd_2021.47bd0d3b-5239-4d86-90c1-b30b7b9e332e</t>
  </si>
  <si>
    <t>BU09951059</t>
  </si>
  <si>
    <t>2021BU09951059</t>
  </si>
  <si>
    <t>Meerkoetenweg, Eendenweg, Larserpad</t>
  </si>
  <si>
    <t>buurt_gegeneraliseerd_2021.cdedaf9f-5714-4f50-9498-621170276da3</t>
  </si>
  <si>
    <t>BU09951067</t>
  </si>
  <si>
    <t>2021BU09951067</t>
  </si>
  <si>
    <t>Knarbos</t>
  </si>
  <si>
    <t>buurt_gegeneraliseerd_2021.f9eb8c20-277f-4ea8-a3ea-d37dfc48d667</t>
  </si>
  <si>
    <t>BU09951068</t>
  </si>
  <si>
    <t>2021BU09951068</t>
  </si>
  <si>
    <t>Pijlstaartweg, Vleetweg, Larserweg</t>
  </si>
  <si>
    <t>buurt_gegeneraliseerd_2021.730698f5-4bb5-4251-a2b7-068194bccfe1</t>
  </si>
  <si>
    <t>BU09951069</t>
  </si>
  <si>
    <t>2021BU09951069</t>
  </si>
  <si>
    <t>Vogelweg, Meeuwenweg, Pijlstaartweg</t>
  </si>
  <si>
    <t>buurt_gegeneraliseerd_2021.2f9cb6bd-9324-4520-b13a-2bc9c47c39b7</t>
  </si>
  <si>
    <t>BU09951070</t>
  </si>
  <si>
    <t>2021BU09951070</t>
  </si>
  <si>
    <t>Gelderse Hout</t>
  </si>
  <si>
    <t>buurt_gegeneraliseerd_2021.a224f827-5e9f-41da-a066-f10421690d87</t>
  </si>
  <si>
    <t>BU09951071</t>
  </si>
  <si>
    <t>2021BU09951071</t>
  </si>
  <si>
    <t>Flevobos</t>
  </si>
  <si>
    <t>buurt_gegeneraliseerd_2021.f30fb957-6f16-416d-ac94-6db38ad766f7</t>
  </si>
  <si>
    <t>BU09951073</t>
  </si>
  <si>
    <t>2021BU09951073</t>
  </si>
  <si>
    <t>Overijsselse Hout, Hoefslag, Hondsdraf</t>
  </si>
  <si>
    <t>buurt_gegeneraliseerd_2021.a567a281-f886-41eb-841c-577f28daeeeb</t>
  </si>
  <si>
    <t>BU09951074</t>
  </si>
  <si>
    <t>2021BU09951074</t>
  </si>
  <si>
    <t>Strand Houtribhoek, Houtribbos</t>
  </si>
  <si>
    <t>buurt_gegeneraliseerd_2021.05e605f0-4483-4b9b-a932-464dbec7fd7f</t>
  </si>
  <si>
    <t>BU09951075</t>
  </si>
  <si>
    <t>2021BU09951075</t>
  </si>
  <si>
    <t>Overijsselse Hout, Jagersbos</t>
  </si>
  <si>
    <t>buurt_gegeneraliseerd_2021.fa8b709f-6ed2-4e61-b187-19c645da42b0</t>
  </si>
  <si>
    <t>BU09951076</t>
  </si>
  <si>
    <t>2021BU09951076</t>
  </si>
  <si>
    <t>Zuigerplaspark</t>
  </si>
  <si>
    <t>buurt_gegeneraliseerd_2021.52365337-6fc5-468b-b1db-41b97ef8df10</t>
  </si>
  <si>
    <t>BU09951078</t>
  </si>
  <si>
    <t>2021BU09951078</t>
  </si>
  <si>
    <t>Larserplein</t>
  </si>
  <si>
    <t>buurt_gegeneraliseerd_2021.8a12116f-515f-45e5-9c22-d4cc7ee58bcf</t>
  </si>
  <si>
    <t>BU09951081</t>
  </si>
  <si>
    <t>2021BU09951081</t>
  </si>
  <si>
    <t>Flevopoort II</t>
  </si>
  <si>
    <t>buurt_gegeneraliseerd_2021.fac5b10b-6d85-437b-ba1f-87ca10be62f7</t>
  </si>
  <si>
    <t>BU09951082</t>
  </si>
  <si>
    <t>2021BU09951082</t>
  </si>
  <si>
    <t>Flevopoort I</t>
  </si>
  <si>
    <t>buurt_gegeneraliseerd_2021.d331d70b-744c-43cd-8d72-2ba6a48de211</t>
  </si>
  <si>
    <t>BU09951083</t>
  </si>
  <si>
    <t>2021BU09951083</t>
  </si>
  <si>
    <t>Industrieterrein Oostervaart Oost</t>
  </si>
  <si>
    <t>buurt_gegeneraliseerd_2021.2fa6c860-b99c-4b69-8e08-8044922d13a3</t>
  </si>
  <si>
    <t>BU09951084</t>
  </si>
  <si>
    <t>2021BU09951084</t>
  </si>
  <si>
    <t>Industrieterrein Oostervaart Midden</t>
  </si>
  <si>
    <t>buurt_gegeneraliseerd_2021.d56b9636-9e8d-43e1-bc62-d79b42c9adf9</t>
  </si>
  <si>
    <t>BU09951085</t>
  </si>
  <si>
    <t>2021BU09951085</t>
  </si>
  <si>
    <t>Industrieterrein Oostervaart West</t>
  </si>
  <si>
    <t>buurt_gegeneraliseerd_2021.1374aefe-12bd-4351-be7e-f3318f6e207a</t>
  </si>
  <si>
    <t>BU09951087</t>
  </si>
  <si>
    <t>2021BU09951087</t>
  </si>
  <si>
    <t>Larservaartbos</t>
  </si>
  <si>
    <t>buurt_gegeneraliseerd_2021.3f129b7a-8be9-468c-adce-14b3eb85cadf</t>
  </si>
  <si>
    <t>BU09951088</t>
  </si>
  <si>
    <t>2021BU09951088</t>
  </si>
  <si>
    <t>Bedrijvenpark Larserpoort</t>
  </si>
  <si>
    <t>buurt_gegeneraliseerd_2021.d9a8be9e-9810-46af-83cf-12f8b76df3a9</t>
  </si>
  <si>
    <t>BU09951097</t>
  </si>
  <si>
    <t>2021BU09951097</t>
  </si>
  <si>
    <t>Hollandse Hout</t>
  </si>
  <si>
    <t>buurt_gegeneraliseerd_2021.994230cf-c110-4646-bfdf-6c28b8de7ee6</t>
  </si>
  <si>
    <t>BU09951098</t>
  </si>
  <si>
    <t>2021BU09951098</t>
  </si>
  <si>
    <t>Oostvaardersplassen</t>
  </si>
  <si>
    <t>buurt_gegeneraliseerd_2021.65944dec-7ba9-42ac-947e-c214dbd11a25</t>
  </si>
  <si>
    <t>BU09951111</t>
  </si>
  <si>
    <t>2021BU09951111</t>
  </si>
  <si>
    <t>Flora West</t>
  </si>
  <si>
    <t>buurt_gegeneraliseerd_2021.ca87327f-24b8-4cd0-b5c3-c01a4e3f83c5</t>
  </si>
  <si>
    <t>BU09951112</t>
  </si>
  <si>
    <t>2021BU09951112</t>
  </si>
  <si>
    <t>Flora Midden</t>
  </si>
  <si>
    <t>buurt_gegeneraliseerd_2021.8be5a99e-51d7-4de3-b6da-e1e94b4227dc</t>
  </si>
  <si>
    <t>BU09951113</t>
  </si>
  <si>
    <t>2021BU09951113</t>
  </si>
  <si>
    <t>Flora Oost PIL</t>
  </si>
  <si>
    <t>buurt_gegeneraliseerd_2021.b16b63a1-8744-4de0-9e6e-98abfa4b3aea</t>
  </si>
  <si>
    <t>BU09951121</t>
  </si>
  <si>
    <t>2021BU09951121</t>
  </si>
  <si>
    <t>Woonhavenpad</t>
  </si>
  <si>
    <t>buurt_gegeneraliseerd_2021.a5996f76-21b1-4bf8-ad7e-2d5e9354fac2</t>
  </si>
  <si>
    <t>BU09951122</t>
  </si>
  <si>
    <t>2021BU09951122</t>
  </si>
  <si>
    <t>Warande West</t>
  </si>
  <si>
    <t>buurt_gegeneraliseerd_2021.ab501bf5-ffb0-4313-b62b-b1477ddd84f3</t>
  </si>
  <si>
    <t>BU09951131</t>
  </si>
  <si>
    <t>2021BU09951131</t>
  </si>
  <si>
    <t>Biomassa</t>
  </si>
  <si>
    <t>buurt_gegeneraliseerd_2021.cd95bbdd-1f52-465c-a5b0-ff220a49ba07</t>
  </si>
  <si>
    <t>BU09951132</t>
  </si>
  <si>
    <t>2021BU09951132</t>
  </si>
  <si>
    <t>Fauna, Bosvalkweg, Zuiderpoort</t>
  </si>
  <si>
    <t>buurt_gegeneraliseerd_2021.af994f0c-3bae-435f-9f91-c64026c7b91a</t>
  </si>
  <si>
    <t>BU09951133</t>
  </si>
  <si>
    <t>2021BU09951133</t>
  </si>
  <si>
    <t>Warande Oost</t>
  </si>
  <si>
    <t>buurt_gegeneraliseerd_2021.912778a3-4ecd-49dd-85d9-a4a86db3b680</t>
  </si>
  <si>
    <t>BU09951134</t>
  </si>
  <si>
    <t>2021BU09951134</t>
  </si>
  <si>
    <t>Warande Oost/Midden</t>
  </si>
  <si>
    <t>buurt_gegeneraliseerd_2021.0f56f242-a4d1-42ce-826d-fbe49367c0c2</t>
  </si>
  <si>
    <t>BU09951149</t>
  </si>
  <si>
    <t>2021BU09951149</t>
  </si>
  <si>
    <t>Warande Zuid</t>
  </si>
  <si>
    <t>buurt_gegeneraliseerd_2021.b3fac952-e7fb-4490-af53-03889290f9b6</t>
  </si>
  <si>
    <t>BU09951161</t>
  </si>
  <si>
    <t>2021BU09951161</t>
  </si>
  <si>
    <t>Warande Midden</t>
  </si>
  <si>
    <t>buurt_gegeneraliseerd_2021.c3f83909-7d1f-44aa-b29a-0a5239fecfed</t>
  </si>
  <si>
    <t>BU15250101</t>
  </si>
  <si>
    <t>2021BU15250101</t>
  </si>
  <si>
    <t>De Rodes</t>
  </si>
  <si>
    <t>GM1525</t>
  </si>
  <si>
    <t>buurt_gegeneraliseerd_2021.dcd77dbc-0e38-44d6-ae73-902ee72e1db4</t>
  </si>
  <si>
    <t>BU15250102</t>
  </si>
  <si>
    <t>2021BU15250102</t>
  </si>
  <si>
    <t>De Knip</t>
  </si>
  <si>
    <t>buurt_gegeneraliseerd_2021.f9f32d89-93ba-4985-baf3-a27bbd67c3cc</t>
  </si>
  <si>
    <t>BU15250103</t>
  </si>
  <si>
    <t>2021BU15250103</t>
  </si>
  <si>
    <t>Everlasting</t>
  </si>
  <si>
    <t>buurt_gegeneraliseerd_2021.b06dc71f-a48e-4efc-bca4-ef36a4afe361</t>
  </si>
  <si>
    <t>BU15250104</t>
  </si>
  <si>
    <t>2021BU15250104</t>
  </si>
  <si>
    <t>Over de Brug</t>
  </si>
  <si>
    <t>buurt_gegeneraliseerd_2021.8dbed418-5d5e-44e7-acf3-f93a911bc3bb</t>
  </si>
  <si>
    <t>BU15250201</t>
  </si>
  <si>
    <t>2021BU15250201</t>
  </si>
  <si>
    <t>buurt_gegeneraliseerd_2021.d479751f-7854-4d91-a7d7-0d7b7f982e5f</t>
  </si>
  <si>
    <t>BU15250202</t>
  </si>
  <si>
    <t>2021BU15250202</t>
  </si>
  <si>
    <t>Kruiden Noord</t>
  </si>
  <si>
    <t>buurt_gegeneraliseerd_2021.ea4b4f59-6f00-4da0-b79f-a318cdd23036</t>
  </si>
  <si>
    <t>BU15250203</t>
  </si>
  <si>
    <t>2021BU15250203</t>
  </si>
  <si>
    <t>Kruiden Zuid</t>
  </si>
  <si>
    <t>buurt_gegeneraliseerd_2021.50998cfc-c368-402a-a55b-49c179d74ff2</t>
  </si>
  <si>
    <t>BU15250204</t>
  </si>
  <si>
    <t>2021BU15250204</t>
  </si>
  <si>
    <t>Vissenbuurt</t>
  </si>
  <si>
    <t>buurt_gegeneraliseerd_2021.fa00c811-7277-47d9-a89b-8b7d64255581</t>
  </si>
  <si>
    <t>BU15250205</t>
  </si>
  <si>
    <t>2021BU15250205</t>
  </si>
  <si>
    <t>Schouten</t>
  </si>
  <si>
    <t>buurt_gegeneraliseerd_2021.ee87b476-414c-4c2c-969b-c7cbd389c0ce</t>
  </si>
  <si>
    <t>BU15250301</t>
  </si>
  <si>
    <t>2021BU15250301</t>
  </si>
  <si>
    <t>Componisten</t>
  </si>
  <si>
    <t>buurt_gegeneraliseerd_2021.f7cd629c-aaa8-47db-b708-e5edf1f88ed1</t>
  </si>
  <si>
    <t>BU15250302</t>
  </si>
  <si>
    <t>2021BU15250302</t>
  </si>
  <si>
    <t>Bollenbuurt</t>
  </si>
  <si>
    <t>buurt_gegeneraliseerd_2021.f14c4d38-392a-4cc5-a352-54d373701681</t>
  </si>
  <si>
    <t>BU15250303</t>
  </si>
  <si>
    <t>2021BU15250303</t>
  </si>
  <si>
    <t>Bolbloemen</t>
  </si>
  <si>
    <t>buurt_gegeneraliseerd_2021.af0ebb66-3802-4786-82d2-2b971c62063c</t>
  </si>
  <si>
    <t>BU15250304</t>
  </si>
  <si>
    <t>2021BU15250304</t>
  </si>
  <si>
    <t>Hooghkamer</t>
  </si>
  <si>
    <t>buurt_gegeneraliseerd_2021.23b70dfc-13de-4a3b-88db-44e5b66423b8</t>
  </si>
  <si>
    <t>BU15250401</t>
  </si>
  <si>
    <t>2021BU15250401</t>
  </si>
  <si>
    <t>Berg en Dal</t>
  </si>
  <si>
    <t>buurt_gegeneraliseerd_2021.3b96fe15-851c-4e68-bf17-ca066cf75236</t>
  </si>
  <si>
    <t>BU15250402</t>
  </si>
  <si>
    <t>2021BU15250402</t>
  </si>
  <si>
    <t>Buurtschap Teijlingen</t>
  </si>
  <si>
    <t>buurt_gegeneraliseerd_2021.891b575f-7f70-448c-af69-b900e921388f</t>
  </si>
  <si>
    <t>BU15250403</t>
  </si>
  <si>
    <t>2021BU15250403</t>
  </si>
  <si>
    <t>Boekhorstpolder</t>
  </si>
  <si>
    <t>buurt_gegeneraliseerd_2021.caff8081-738d-4045-88f1-d7b5c47a6929</t>
  </si>
  <si>
    <t>BU15250404</t>
  </si>
  <si>
    <t>2021BU15250404</t>
  </si>
  <si>
    <t>Elsgeesterpolder</t>
  </si>
  <si>
    <t>buurt_gegeneraliseerd_2021.ea4424e7-e7ec-40bf-a8a6-e36ad39b7655</t>
  </si>
  <si>
    <t>BU15250405</t>
  </si>
  <si>
    <t>2021BU15250405</t>
  </si>
  <si>
    <t>Voorhout buitengebied</t>
  </si>
  <si>
    <t>buurt_gegeneraliseerd_2021.6e05563f-2245-4997-adce-10a208a8614c</t>
  </si>
  <si>
    <t>BU15251101</t>
  </si>
  <si>
    <t>2021BU15251101</t>
  </si>
  <si>
    <t>Postbuurt</t>
  </si>
  <si>
    <t>buurt_gegeneraliseerd_2021.f9179355-4cd1-433b-bfcb-2375f37745ba</t>
  </si>
  <si>
    <t>BU15251102</t>
  </si>
  <si>
    <t>2021BU15251102</t>
  </si>
  <si>
    <t>buurt_gegeneraliseerd_2021.f0372a48-30c0-402d-8019-bd50af3e240c</t>
  </si>
  <si>
    <t>BU15251103</t>
  </si>
  <si>
    <t>2021BU15251103</t>
  </si>
  <si>
    <t>Wasbeek</t>
  </si>
  <si>
    <t>buurt_gegeneraliseerd_2021.49c1b02e-e90a-4c78-a627-de24087b0ee5</t>
  </si>
  <si>
    <t>BU15251104</t>
  </si>
  <si>
    <t>2021BU15251104</t>
  </si>
  <si>
    <t>Langeveld</t>
  </si>
  <si>
    <t>buurt_gegeneraliseerd_2021.cf6e4c97-c916-48c0-b456-9606d8a5f9ec</t>
  </si>
  <si>
    <t>BU15251201</t>
  </si>
  <si>
    <t>2021BU15251201</t>
  </si>
  <si>
    <t>buurt_gegeneraliseerd_2021.9bca03e4-4e5c-4d78-8a85-7f4f070a8c15</t>
  </si>
  <si>
    <t>BU15251202</t>
  </si>
  <si>
    <t>2021BU15251202</t>
  </si>
  <si>
    <t>Kooibuurt</t>
  </si>
  <si>
    <t>buurt_gegeneraliseerd_2021.5e0dd6e9-d15f-4c74-85af-87a107202869</t>
  </si>
  <si>
    <t>BU15251203</t>
  </si>
  <si>
    <t>2021BU15251203</t>
  </si>
  <si>
    <t>Kagerweide</t>
  </si>
  <si>
    <t>buurt_gegeneraliseerd_2021.65c4570c-6027-4283-9861-151f0d5f712c</t>
  </si>
  <si>
    <t>BU15251204</t>
  </si>
  <si>
    <t>2021BU15251204</t>
  </si>
  <si>
    <t>buurt_gegeneraliseerd_2021.c814c23e-66e5-44df-b61c-0d1aee0097a8</t>
  </si>
  <si>
    <t>BU15251205</t>
  </si>
  <si>
    <t>2021BU15251205</t>
  </si>
  <si>
    <t>Mennepark</t>
  </si>
  <si>
    <t>buurt_gegeneraliseerd_2021.a6f5d109-156d-4ad4-9080-2980ae33fa89</t>
  </si>
  <si>
    <t>BU15251206</t>
  </si>
  <si>
    <t>2021BU15251206</t>
  </si>
  <si>
    <t>buurt_gegeneraliseerd_2021.c0f59b43-7a2a-454c-9b3a-17a7be311552</t>
  </si>
  <si>
    <t>BU15251207</t>
  </si>
  <si>
    <t>2021BU15251207</t>
  </si>
  <si>
    <t>Vrouwenpolderbuurt</t>
  </si>
  <si>
    <t>buurt_gegeneraliseerd_2021.a46eabc8-d6b0-4c78-854a-66c70c643fb7</t>
  </si>
  <si>
    <t>BU15251208</t>
  </si>
  <si>
    <t>2021BU15251208</t>
  </si>
  <si>
    <t>buurt_gegeneraliseerd_2021.c98ca07c-e3d6-46c7-8eb6-db5647ff1277</t>
  </si>
  <si>
    <t>BU15251301</t>
  </si>
  <si>
    <t>2021BU15251301</t>
  </si>
  <si>
    <t>Rode Molenbuurt</t>
  </si>
  <si>
    <t>buurt_gegeneraliseerd_2021.eaba17be-7dc9-4465-aacd-d92e234f63ee</t>
  </si>
  <si>
    <t>BU15251302</t>
  </si>
  <si>
    <t>2021BU15251302</t>
  </si>
  <si>
    <t>Wetenschapsbuurt</t>
  </si>
  <si>
    <t>buurt_gegeneraliseerd_2021.c852c3d0-a792-4ea3-8953-221019be5d5a</t>
  </si>
  <si>
    <t>BU15251303</t>
  </si>
  <si>
    <t>2021BU15251303</t>
  </si>
  <si>
    <t>Jagtlust</t>
  </si>
  <si>
    <t>buurt_gegeneraliseerd_2021.b64be836-f62c-4ce4-903b-9aedaf1da813</t>
  </si>
  <si>
    <t>BU15251304</t>
  </si>
  <si>
    <t>2021BU15251304</t>
  </si>
  <si>
    <t>buurt_gegeneraliseerd_2021.9b20e5cb-a12d-44c9-a051-510e4ae70cdd</t>
  </si>
  <si>
    <t>BU15251401</t>
  </si>
  <si>
    <t>2021BU15251401</t>
  </si>
  <si>
    <t>Overteylingen</t>
  </si>
  <si>
    <t>buurt_gegeneraliseerd_2021.b337cca0-b7ae-4aef-9dff-f7c3ba1f57c9</t>
  </si>
  <si>
    <t>BU15251402</t>
  </si>
  <si>
    <t>2021BU15251402</t>
  </si>
  <si>
    <t>Kasteelbuurt</t>
  </si>
  <si>
    <t>buurt_gegeneraliseerd_2021.10f92033-c6d2-4cd6-a280-ff7b8280a8ce</t>
  </si>
  <si>
    <t>BU15251403</t>
  </si>
  <si>
    <t>2021BU15251403</t>
  </si>
  <si>
    <t>Horsten en Vorsten</t>
  </si>
  <si>
    <t>buurt_gegeneraliseerd_2021.98d67f8a-79e6-4a77-b54d-ebbacd649f6f</t>
  </si>
  <si>
    <t>BU15251404</t>
  </si>
  <si>
    <t>2021BU15251404</t>
  </si>
  <si>
    <t>Koningshuysbuurt</t>
  </si>
  <si>
    <t>buurt_gegeneraliseerd_2021.47c2124e-4fa5-4ff6-a4cb-9111df73872b</t>
  </si>
  <si>
    <t>BU15251405</t>
  </si>
  <si>
    <t>2021BU15251405</t>
  </si>
  <si>
    <t>buurt_gegeneraliseerd_2021.c13952b2-b5e1-4f40-b08e-5342dfc27052</t>
  </si>
  <si>
    <t>BU15251406</t>
  </si>
  <si>
    <t>2021BU15251406</t>
  </si>
  <si>
    <t>buurt_gegeneraliseerd_2021.dc33e132-0edb-42a6-84a9-e40d071864ed</t>
  </si>
  <si>
    <t>BU15251407</t>
  </si>
  <si>
    <t>2021BU15251407</t>
  </si>
  <si>
    <t>buurt_gegeneraliseerd_2021.a52feb48-c16d-49eb-9ba4-3c1f160fbf58</t>
  </si>
  <si>
    <t>BU15251408</t>
  </si>
  <si>
    <t>2021BU15251408</t>
  </si>
  <si>
    <t>buurt_gegeneraliseerd_2021.38a801d4-5515-47e5-8f05-14518e2610ed</t>
  </si>
  <si>
    <t>BU15251501</t>
  </si>
  <si>
    <t>2021BU15251501</t>
  </si>
  <si>
    <t>Sassenheim buitengebied Noord</t>
  </si>
  <si>
    <t>buurt_gegeneraliseerd_2021.0741b212-8aa7-4829-9dcf-4c8759bafe68</t>
  </si>
  <si>
    <t>BU15251502</t>
  </si>
  <si>
    <t>2021BU15251502</t>
  </si>
  <si>
    <t>Sassenheim buitengebied Oost</t>
  </si>
  <si>
    <t>buurt_gegeneraliseerd_2021.c7bf0d19-505f-44ca-acfd-a28a70b04985</t>
  </si>
  <si>
    <t>BU15251503</t>
  </si>
  <si>
    <t>2021BU15251503</t>
  </si>
  <si>
    <t>Sassenheim buitengebied Zuid</t>
  </si>
  <si>
    <t>buurt_gegeneraliseerd_2021.d2274e89-2974-45de-9da5-c649294c0211</t>
  </si>
  <si>
    <t>BU15252101</t>
  </si>
  <si>
    <t>2021BU15252101</t>
  </si>
  <si>
    <t>Middelbuurt</t>
  </si>
  <si>
    <t>buurt_gegeneraliseerd_2021.780d098a-4b52-4a91-a401-2157eb950a20</t>
  </si>
  <si>
    <t>BU15252102</t>
  </si>
  <si>
    <t>2021BU15252102</t>
  </si>
  <si>
    <t>Kloosterland-Endepoel</t>
  </si>
  <si>
    <t>buurt_gegeneraliseerd_2021.57dc44b4-7a94-4a8d-b740-e44e76340e5a</t>
  </si>
  <si>
    <t>BU15252103</t>
  </si>
  <si>
    <t>2021BU15252103</t>
  </si>
  <si>
    <t>Westeinde-Lommerlust</t>
  </si>
  <si>
    <t>buurt_gegeneraliseerd_2021.46f0a608-ff3e-475f-9ed9-c03c84d7b398</t>
  </si>
  <si>
    <t>BU15252104</t>
  </si>
  <si>
    <t>2021BU15252104</t>
  </si>
  <si>
    <t>Veerpolder</t>
  </si>
  <si>
    <t>buurt_gegeneraliseerd_2021.e7f45d5b-4653-4510-99dc-d8089bf52cfd</t>
  </si>
  <si>
    <t>BU15252201</t>
  </si>
  <si>
    <t>2021BU15252201</t>
  </si>
  <si>
    <t>Hennepoel</t>
  </si>
  <si>
    <t>buurt_gegeneraliseerd_2021.da343975-3406-48c6-9634-c5f2105f460c</t>
  </si>
  <si>
    <t>BU15252202</t>
  </si>
  <si>
    <t>2021BU15252202</t>
  </si>
  <si>
    <t>Warmond buitengebied-Oosteinde</t>
  </si>
  <si>
    <t>buurt_gegeneraliseerd_2021.963c89e6-4e96-4010-bec3-cea1a08e6800</t>
  </si>
  <si>
    <t>BU16211111</t>
  </si>
  <si>
    <t>2021BU16211111</t>
  </si>
  <si>
    <t>Dorp Bergschenhoek</t>
  </si>
  <si>
    <t>GM1621</t>
  </si>
  <si>
    <t>buurt_gegeneraliseerd_2021.eec773ab-c5b3-4ed4-9f26-87cb4ce9c80e</t>
  </si>
  <si>
    <t>BU16211121</t>
  </si>
  <si>
    <t>2021BU16211121</t>
  </si>
  <si>
    <t>De Driehoek</t>
  </si>
  <si>
    <t>buurt_gegeneraliseerd_2021.337f9cd8-c7d2-40b5-8d12-3658aeaeeeaa</t>
  </si>
  <si>
    <t>BU16211211</t>
  </si>
  <si>
    <t>2021BU16211211</t>
  </si>
  <si>
    <t>Bergsche Ackers</t>
  </si>
  <si>
    <t>buurt_gegeneraliseerd_2021.399a2ea6-8f91-4884-b427-c177120cb378</t>
  </si>
  <si>
    <t>BU16211221</t>
  </si>
  <si>
    <t>2021BU16211221</t>
  </si>
  <si>
    <t>Oosteindsche Ackers</t>
  </si>
  <si>
    <t>buurt_gegeneraliseerd_2021.4fd51b51-c94a-4f19-bc7b-85ba3cd5c83f</t>
  </si>
  <si>
    <t>BU16211231</t>
  </si>
  <si>
    <t>2021BU16211231</t>
  </si>
  <si>
    <t>Ackerse Zoom</t>
  </si>
  <si>
    <t>buurt_gegeneraliseerd_2021.c4a87e47-14c4-4bc1-a0b8-fd76f7b6abac</t>
  </si>
  <si>
    <t>BU16211311</t>
  </si>
  <si>
    <t>2021BU16211311</t>
  </si>
  <si>
    <t>buurt_gegeneraliseerd_2021.87ce0848-672b-421f-abc7-cdf6a389f435</t>
  </si>
  <si>
    <t>BU16211321</t>
  </si>
  <si>
    <t>2021BU16211321</t>
  </si>
  <si>
    <t>buurt_gegeneraliseerd_2021.fc51aa8a-c9d2-4328-8c33-aa872c2ff173</t>
  </si>
  <si>
    <t>BU16211331</t>
  </si>
  <si>
    <t>2021BU16211331</t>
  </si>
  <si>
    <t>Boterdorpse Zoom</t>
  </si>
  <si>
    <t>buurt_gegeneraliseerd_2021.f2879ba0-18a4-4507-92fe-01e72b618847</t>
  </si>
  <si>
    <t>BU16211411</t>
  </si>
  <si>
    <t>2021BU16211411</t>
  </si>
  <si>
    <t>Wilderszijde</t>
  </si>
  <si>
    <t>buurt_gegeneraliseerd_2021.78d5d7f0-5fde-4f67-a439-55b6fb2a9bd9</t>
  </si>
  <si>
    <t>BU16211514</t>
  </si>
  <si>
    <t>2021BU16211514</t>
  </si>
  <si>
    <t>Bergse Nos</t>
  </si>
  <si>
    <t>buurt_gegeneraliseerd_2021.f5b56ea3-d13d-4aca-b857-09c032decad9</t>
  </si>
  <si>
    <t>BU16211522</t>
  </si>
  <si>
    <t>2021BU16211522</t>
  </si>
  <si>
    <t>Schreyracker</t>
  </si>
  <si>
    <t>buurt_gegeneraliseerd_2021.87204223-c414-49ce-99cd-92c596918b94</t>
  </si>
  <si>
    <t>BU16211531</t>
  </si>
  <si>
    <t>2021BU16211531</t>
  </si>
  <si>
    <t>Hoeksekade</t>
  </si>
  <si>
    <t>buurt_gegeneraliseerd_2021.6e9fc785-8319-4a17-b749-8a6cf4153659</t>
  </si>
  <si>
    <t>BU16211543</t>
  </si>
  <si>
    <t>2021BU16211543</t>
  </si>
  <si>
    <t>Weg en Land</t>
  </si>
  <si>
    <t>buurt_gegeneraliseerd_2021.900b2751-d31d-4e1e-938c-bb17a828c18c</t>
  </si>
  <si>
    <t>BU16211552</t>
  </si>
  <si>
    <t>2021BU16211552</t>
  </si>
  <si>
    <t>Warmoeziersweg</t>
  </si>
  <si>
    <t>buurt_gegeneraliseerd_2021.8f6634aa-1471-4e45-8f5c-5c7c4e660f1e</t>
  </si>
  <si>
    <t>BU16212111</t>
  </si>
  <si>
    <t>2021BU16212111</t>
  </si>
  <si>
    <t>Berkel Dorp</t>
  </si>
  <si>
    <t>buurt_gegeneraliseerd_2021.cdda4421-9da8-4647-981c-4f0ab337cf38</t>
  </si>
  <si>
    <t>BU16212121</t>
  </si>
  <si>
    <t>2021BU16212121</t>
  </si>
  <si>
    <t>Parkbuurt</t>
  </si>
  <si>
    <t>buurt_gegeneraliseerd_2021.96d3bd10-b579-4d9a-88e9-593def92f5e2</t>
  </si>
  <si>
    <t>BU16212131</t>
  </si>
  <si>
    <t>2021BU16212131</t>
  </si>
  <si>
    <t>buurt_gegeneraliseerd_2021.a99a5afd-402f-421b-a763-197f1fe80dc4</t>
  </si>
  <si>
    <t>BU16212144</t>
  </si>
  <si>
    <t>2021BU16212144</t>
  </si>
  <si>
    <t>Annie M.G. Schmidtpark Midden</t>
  </si>
  <si>
    <t>buurt_gegeneraliseerd_2021.2e687168-ebbf-438d-af81-51d9d050d68b</t>
  </si>
  <si>
    <t>BU16212211</t>
  </si>
  <si>
    <t>2021BU16212211</t>
  </si>
  <si>
    <t>Bomen- en Struikenbuurt</t>
  </si>
  <si>
    <t>buurt_gegeneraliseerd_2021.ce8e34b7-3a3f-4f3e-8925-ed7a8efd9055</t>
  </si>
  <si>
    <t>BU16212221</t>
  </si>
  <si>
    <t>2021BU16212221</t>
  </si>
  <si>
    <t>buurt_gegeneraliseerd_2021.d09a4488-74d6-4784-839f-1b47783057ba</t>
  </si>
  <si>
    <t>BU16212231</t>
  </si>
  <si>
    <t>2021BU16212231</t>
  </si>
  <si>
    <t>Edelsteenbuurt</t>
  </si>
  <si>
    <t>buurt_gegeneraliseerd_2021.0f9a6783-1ee8-4589-937a-2568269b3b0c</t>
  </si>
  <si>
    <t>BU16212241</t>
  </si>
  <si>
    <t>2021BU16212241</t>
  </si>
  <si>
    <t>buurt_gegeneraliseerd_2021.3a103756-0451-45d8-8aa6-0d7498f3161f</t>
  </si>
  <si>
    <t>BU16212254</t>
  </si>
  <si>
    <t>2021BU16212254</t>
  </si>
  <si>
    <t>Annie M.G. Schmidtpark Noord</t>
  </si>
  <si>
    <t>buurt_gegeneraliseerd_2021.29eeed4c-208b-41a8-ba77-2b81c8cf92e0</t>
  </si>
  <si>
    <t>BU16212311</t>
  </si>
  <si>
    <t>2021BU16212311</t>
  </si>
  <si>
    <t>buurt_gegeneraliseerd_2021.c9881b23-920d-4991-bea4-42671e33f55d</t>
  </si>
  <si>
    <t>BU16212321</t>
  </si>
  <si>
    <t>2021BU16212321</t>
  </si>
  <si>
    <t>buurt_gegeneraliseerd_2021.ad85abde-b66d-4f4a-a121-0923a6922c28</t>
  </si>
  <si>
    <t>BU16212331</t>
  </si>
  <si>
    <t>2021BU16212331</t>
  </si>
  <si>
    <t>buurt_gegeneraliseerd_2021.b3a9cd25-66a3-4c0a-9b15-d30e332a8486</t>
  </si>
  <si>
    <t>BU16212412</t>
  </si>
  <si>
    <t>2021BU16212412</t>
  </si>
  <si>
    <t>buurt_gegeneraliseerd_2021.bf410cdf-f673-484d-8d37-1d27f1cddc5c</t>
  </si>
  <si>
    <t>BU16212511</t>
  </si>
  <si>
    <t>2021BU16212511</t>
  </si>
  <si>
    <t>buurt_gegeneraliseerd_2021.9781e3f1-7342-4d0d-87fc-b20f1768c128</t>
  </si>
  <si>
    <t>BU16212521</t>
  </si>
  <si>
    <t>2021BU16212521</t>
  </si>
  <si>
    <t>Parc Rodenrijs</t>
  </si>
  <si>
    <t>buurt_gegeneraliseerd_2021.b81f2475-7ed9-49cb-a615-48acb3e94f7e</t>
  </si>
  <si>
    <t>BU16212531</t>
  </si>
  <si>
    <t>2021BU16212531</t>
  </si>
  <si>
    <t>buurt_gegeneraliseerd_2021.4e7394a1-9921-434c-a6f5-a379f9936b0e</t>
  </si>
  <si>
    <t>BU16212541</t>
  </si>
  <si>
    <t>2021BU16212541</t>
  </si>
  <si>
    <t>Weidebloembuurt</t>
  </si>
  <si>
    <t>buurt_gegeneraliseerd_2021.29e8a8a1-7f80-4976-a70e-ab0e5c3cbc7b</t>
  </si>
  <si>
    <t>BU16212611</t>
  </si>
  <si>
    <t>2021BU16212611</t>
  </si>
  <si>
    <t>Rodenrijse Zoom</t>
  </si>
  <si>
    <t>buurt_gegeneraliseerd_2021.fd6f15c5-2e00-4a12-9c4f-521d5143ec60</t>
  </si>
  <si>
    <t>BU16212621</t>
  </si>
  <si>
    <t>2021BU16212621</t>
  </si>
  <si>
    <t>Bonfut</t>
  </si>
  <si>
    <t>buurt_gegeneraliseerd_2021.dd02a105-e516-4e74-a630-11435211cc56</t>
  </si>
  <si>
    <t>BU16212633</t>
  </si>
  <si>
    <t>2021BU16212633</t>
  </si>
  <si>
    <t>Berkelse Poort</t>
  </si>
  <si>
    <t>buurt_gegeneraliseerd_2021.22a24e52-0409-4d6b-9656-c2d224a59c6f</t>
  </si>
  <si>
    <t>BU16212644</t>
  </si>
  <si>
    <t>2021BU16212644</t>
  </si>
  <si>
    <t>Annie M.G. Schmidtpark Zuid</t>
  </si>
  <si>
    <t>buurt_gegeneraliseerd_2021.52881c45-98af-436c-88cd-e5abe9701367</t>
  </si>
  <si>
    <t>BU16212711</t>
  </si>
  <si>
    <t>2021BU16212711</t>
  </si>
  <si>
    <t>Bolwerk</t>
  </si>
  <si>
    <t>buurt_gegeneraliseerd_2021.35ad2946-3479-4dc0-8baf-f312a0ad7ba2</t>
  </si>
  <si>
    <t>BU16212721</t>
  </si>
  <si>
    <t>2021BU16212721</t>
  </si>
  <si>
    <t>Gouden Griffelbuurt</t>
  </si>
  <si>
    <t>buurt_gegeneraliseerd_2021.17823c02-7ecc-4977-b9e5-7ce94d14542f</t>
  </si>
  <si>
    <t>BU16212731</t>
  </si>
  <si>
    <t>2021BU16212731</t>
  </si>
  <si>
    <t>Gouden Uilbuurt</t>
  </si>
  <si>
    <t>buurt_gegeneraliseerd_2021.eae98335-938d-4828-9a37-05546fef7631</t>
  </si>
  <si>
    <t>BU16212741</t>
  </si>
  <si>
    <t>2021BU16212741</t>
  </si>
  <si>
    <t>Buurt 2741</t>
  </si>
  <si>
    <t>buurt_gegeneraliseerd_2021.b3efc6e6-171b-4982-b747-b51698b14908</t>
  </si>
  <si>
    <t>BU16212814</t>
  </si>
  <si>
    <t>2021BU16212814</t>
  </si>
  <si>
    <t>Vlinderstrik</t>
  </si>
  <si>
    <t>buurt_gegeneraliseerd_2021.7d4c9657-9123-4c9e-96ee-908e6f5ece30</t>
  </si>
  <si>
    <t>BU16212823</t>
  </si>
  <si>
    <t>2021BU16212823</t>
  </si>
  <si>
    <t>Spoorhaven</t>
  </si>
  <si>
    <t>buurt_gegeneraliseerd_2021.b873fda3-5123-4431-9ba3-308db48d6f14</t>
  </si>
  <si>
    <t>BU16212833</t>
  </si>
  <si>
    <t>2021BU16212833</t>
  </si>
  <si>
    <t>Bedrijventerrein Rodenrijs</t>
  </si>
  <si>
    <t>buurt_gegeneraliseerd_2021.e5456c2e-ca90-4995-94e9-02e7611eb1e8</t>
  </si>
  <si>
    <t>BU16212843</t>
  </si>
  <si>
    <t>2021BU16212843</t>
  </si>
  <si>
    <t>buurt_gegeneraliseerd_2021.3bd42103-842e-459f-a6d4-44771519d17a</t>
  </si>
  <si>
    <t>BU16212851</t>
  </si>
  <si>
    <t>2021BU16212851</t>
  </si>
  <si>
    <t>Buurt 2851</t>
  </si>
  <si>
    <t>buurt_gegeneraliseerd_2021.b19232ee-5f2c-41b4-96d7-8cd038f30500</t>
  </si>
  <si>
    <t>BU16212864</t>
  </si>
  <si>
    <t>2021BU16212864</t>
  </si>
  <si>
    <t>Bergboezem</t>
  </si>
  <si>
    <t>buurt_gegeneraliseerd_2021.5dfd33cc-ab66-405e-88c3-14d5c2f4236b</t>
  </si>
  <si>
    <t>BU16213111</t>
  </si>
  <si>
    <t>2021BU16213111</t>
  </si>
  <si>
    <t>buurt_gegeneraliseerd_2021.354055df-6189-49b6-b317-dcc94c99ae67</t>
  </si>
  <si>
    <t>BU16213121</t>
  </si>
  <si>
    <t>2021BU16213121</t>
  </si>
  <si>
    <t>buurt_gegeneraliseerd_2021.a529a3d2-a2ab-430c-82ce-1bddb534b417</t>
  </si>
  <si>
    <t>BU16213133</t>
  </si>
  <si>
    <t>2021BU16213133</t>
  </si>
  <si>
    <t>De Hoefslag</t>
  </si>
  <si>
    <t>buurt_gegeneraliseerd_2021.20e8a27e-4a79-4b03-9f13-9f9020467851</t>
  </si>
  <si>
    <t>BU16213141</t>
  </si>
  <si>
    <t>2021BU16213141</t>
  </si>
  <si>
    <t>buurt_gegeneraliseerd_2021.afff5d8e-dcef-4dbb-b3a9-d6591a8cc382</t>
  </si>
  <si>
    <t>BU16213162</t>
  </si>
  <si>
    <t>2021BU16213162</t>
  </si>
  <si>
    <t>Zeldenrust</t>
  </si>
  <si>
    <t>buurt_gegeneraliseerd_2021.44fc0164-642e-4ddc-b95c-d8a23ddbf8bf</t>
  </si>
  <si>
    <t>BU16213211</t>
  </si>
  <si>
    <t>2021BU16213211</t>
  </si>
  <si>
    <t>buurt_gegeneraliseerd_2021.56a87011-ebad-457d-8d62-7df17291818a</t>
  </si>
  <si>
    <t>BU16213221</t>
  </si>
  <si>
    <t>2021BU16213221</t>
  </si>
  <si>
    <t>buurt_gegeneraliseerd_2021.cf7d1338-d3ed-4ed4-8eb9-868e07bbbee5</t>
  </si>
  <si>
    <t>BU16213231</t>
  </si>
  <si>
    <t>2021BU16213231</t>
  </si>
  <si>
    <t>buurt_gegeneraliseerd_2021.99e6aaf2-7ab3-49bd-b738-bf48f5c4c9c5</t>
  </si>
  <si>
    <t>BU16213242</t>
  </si>
  <si>
    <t>2021BU16213242</t>
  </si>
  <si>
    <t>Merenveld</t>
  </si>
  <si>
    <t>buurt_gegeneraliseerd_2021.53e6466c-ff81-42a5-a6b2-99577d88c45e</t>
  </si>
  <si>
    <t>BU16213251</t>
  </si>
  <si>
    <t>2021BU16213251</t>
  </si>
  <si>
    <t>buurt_gegeneraliseerd_2021.555c568c-9756-4e7d-b02b-09c96f3a55ff</t>
  </si>
  <si>
    <t>BU16213261</t>
  </si>
  <si>
    <t>2021BU16213261</t>
  </si>
  <si>
    <t>buurt_gegeneraliseerd_2021.d1d945ed-8dbc-4627-bc6f-be77342ca33b</t>
  </si>
  <si>
    <t>BU16213312</t>
  </si>
  <si>
    <t>2021BU16213312</t>
  </si>
  <si>
    <t>Overbuurtse Polder</t>
  </si>
  <si>
    <t>buurt_gegeneraliseerd_2021.fe92fc28-0b66-44d8-9391-970ce6dc0467</t>
  </si>
  <si>
    <t>BU16213323</t>
  </si>
  <si>
    <t>2021BU16213323</t>
  </si>
  <si>
    <t>Klappolder</t>
  </si>
  <si>
    <t>buurt_gegeneraliseerd_2021.e608f998-efe3-45c1-9a73-5ccf1cf3f63c</t>
  </si>
  <si>
    <t>BU16213334</t>
  </si>
  <si>
    <t>2021BU16213334</t>
  </si>
  <si>
    <t>Rotte Zoom</t>
  </si>
  <si>
    <t>buurt_gegeneraliseerd_2021.75b60116-1dce-4da2-8ea7-1464cadfbba8</t>
  </si>
  <si>
    <t>BU16213344</t>
  </si>
  <si>
    <t>2021BU16213344</t>
  </si>
  <si>
    <t>buurt_gegeneraliseerd_2021.d7e47c3c-e41d-423d-9b86-dbf067c42f18</t>
  </si>
  <si>
    <t>BU16213353</t>
  </si>
  <si>
    <t>2021BU16213353</t>
  </si>
  <si>
    <t>Prisma</t>
  </si>
  <si>
    <t>buurt_gegeneraliseerd_2021.143dad6d-714d-4202-994a-f15aa0a23062</t>
  </si>
  <si>
    <t>BU16740000</t>
  </si>
  <si>
    <t>2021BU16740000</t>
  </si>
  <si>
    <t>Centrum-Oud</t>
  </si>
  <si>
    <t>GM1674</t>
  </si>
  <si>
    <t>buurt_gegeneraliseerd_2021.438051cc-ab4f-4767-867a-50546633dc1f</t>
  </si>
  <si>
    <t>BU16740001</t>
  </si>
  <si>
    <t>2021BU16740001</t>
  </si>
  <si>
    <t>Centrum-Nieuw</t>
  </si>
  <si>
    <t>buurt_gegeneraliseerd_2021.be141a57-d4d4-4108-a16c-5b8fc8a4d4bb</t>
  </si>
  <si>
    <t>BU16740002</t>
  </si>
  <si>
    <t>2021BU16740002</t>
  </si>
  <si>
    <t>buurt_gegeneraliseerd_2021.95d380a7-4ccc-41dd-bcb6-96b63440c082</t>
  </si>
  <si>
    <t>BU16740003</t>
  </si>
  <si>
    <t>2021BU16740003</t>
  </si>
  <si>
    <t>Vrouwenhof</t>
  </si>
  <si>
    <t>buurt_gegeneraliseerd_2021.8173d59e-b460-4af3-a1dc-0f505eda60c1</t>
  </si>
  <si>
    <t>BU16740100</t>
  </si>
  <si>
    <t>2021BU16740100</t>
  </si>
  <si>
    <t>Sint Josephbuurt</t>
  </si>
  <si>
    <t>buurt_gegeneraliseerd_2021.ca335797-8230-416f-9482-fc4e1b871493</t>
  </si>
  <si>
    <t>BU16740101</t>
  </si>
  <si>
    <t>2021BU16740101</t>
  </si>
  <si>
    <t>Fatima-villapark</t>
  </si>
  <si>
    <t>buurt_gegeneraliseerd_2021.182f4888-43de-41e2-bea5-a4d6ac2c29ce</t>
  </si>
  <si>
    <t>BU16740102</t>
  </si>
  <si>
    <t>2021BU16740102</t>
  </si>
  <si>
    <t>Keijenburg</t>
  </si>
  <si>
    <t>buurt_gegeneraliseerd_2021.54d18ce5-7ec7-4770-ad4d-bb6422bde32c</t>
  </si>
  <si>
    <t>BU16740200</t>
  </si>
  <si>
    <t>2021BU16740200</t>
  </si>
  <si>
    <t>Parklaan-Hoogstraat</t>
  </si>
  <si>
    <t>buurt_gegeneraliseerd_2021.ae21fd59-17d1-49d5-aca8-525fd99a783e</t>
  </si>
  <si>
    <t>BU16740201</t>
  </si>
  <si>
    <t>2021BU16740201</t>
  </si>
  <si>
    <t>Spoorstraat-Van Coothlaan</t>
  </si>
  <si>
    <t>buurt_gegeneraliseerd_2021.a2277611-4a23-4128-b882-e0d42c4e867c</t>
  </si>
  <si>
    <t>BU16740202</t>
  </si>
  <si>
    <t>2021BU16740202</t>
  </si>
  <si>
    <t>Kalsdonk</t>
  </si>
  <si>
    <t>buurt_gegeneraliseerd_2021.e462f094-4528-4e59-9c95-c48f87ed86b8</t>
  </si>
  <si>
    <t>BU16740209</t>
  </si>
  <si>
    <t>2021BU16740209</t>
  </si>
  <si>
    <t>Nieuwenberg</t>
  </si>
  <si>
    <t>buurt_gegeneraliseerd_2021.04b217d9-df14-415b-820a-f37896c99888</t>
  </si>
  <si>
    <t>BU16740300</t>
  </si>
  <si>
    <t>2021BU16740300</t>
  </si>
  <si>
    <t>Heerma van Vossstraat-Molenbeek</t>
  </si>
  <si>
    <t>buurt_gegeneraliseerd_2021.c5f0c1e1-b2fa-4e98-8902-a4c369862c6e</t>
  </si>
  <si>
    <t>BU16740301</t>
  </si>
  <si>
    <t>2021BU16740301</t>
  </si>
  <si>
    <t>Herreweg</t>
  </si>
  <si>
    <t>buurt_gegeneraliseerd_2021.e2619886-d79f-4492-869f-766f0c3b605e</t>
  </si>
  <si>
    <t>BU16740302</t>
  </si>
  <si>
    <t>2021BU16740302</t>
  </si>
  <si>
    <t>Ettingen</t>
  </si>
  <si>
    <t>buurt_gegeneraliseerd_2021.2fd04da7-578a-4fef-b1c1-9bca9933652e</t>
  </si>
  <si>
    <t>BU16740303</t>
  </si>
  <si>
    <t>2021BU16740303</t>
  </si>
  <si>
    <t>Scherpdeel</t>
  </si>
  <si>
    <t>buurt_gegeneraliseerd_2021.7d8b0d70-bb66-4696-9419-86f0c74e4eee</t>
  </si>
  <si>
    <t>BU16740309</t>
  </si>
  <si>
    <t>2021BU16740309</t>
  </si>
  <si>
    <t>Vroenhout</t>
  </si>
  <si>
    <t>buurt_gegeneraliseerd_2021.9d5cdf2f-e2a5-45b9-8513-079eb66b4f50</t>
  </si>
  <si>
    <t>BU16740400</t>
  </si>
  <si>
    <t>2021BU16740400</t>
  </si>
  <si>
    <t>Kroeven-Noordwest</t>
  </si>
  <si>
    <t>buurt_gegeneraliseerd_2021.9ff66ee9-8163-4b6e-ad4e-e95c0f3b53fa</t>
  </si>
  <si>
    <t>BU16740401</t>
  </si>
  <si>
    <t>2021BU16740401</t>
  </si>
  <si>
    <t>Kroeven-Noordoost</t>
  </si>
  <si>
    <t>buurt_gegeneraliseerd_2021.0711c7d3-39d0-4f95-b99a-7412625d6a85</t>
  </si>
  <si>
    <t>BU16740402</t>
  </si>
  <si>
    <t>2021BU16740402</t>
  </si>
  <si>
    <t>Kroeven-Zuidwest</t>
  </si>
  <si>
    <t>buurt_gegeneraliseerd_2021.d72afbf5-e4c5-4b48-8655-94647fc91a2d</t>
  </si>
  <si>
    <t>BU16740403</t>
  </si>
  <si>
    <t>2021BU16740403</t>
  </si>
  <si>
    <t>Kroeven-Zuidoost</t>
  </si>
  <si>
    <t>buurt_gegeneraliseerd_2021.b9fd972b-7f65-4f57-b19d-57cdb1d1f61b</t>
  </si>
  <si>
    <t>BU16740404</t>
  </si>
  <si>
    <t>2021BU16740404</t>
  </si>
  <si>
    <t>Minnebeek-Watermolen</t>
  </si>
  <si>
    <t>buurt_gegeneraliseerd_2021.01126287-ea63-45be-afd2-4c776e4a810a</t>
  </si>
  <si>
    <t>BU16740405</t>
  </si>
  <si>
    <t>2021BU16740405</t>
  </si>
  <si>
    <t>De Krogten</t>
  </si>
  <si>
    <t>buurt_gegeneraliseerd_2021.4d88f7c1-f95b-438f-ade1-b0fae531785d</t>
  </si>
  <si>
    <t>BU16740409</t>
  </si>
  <si>
    <t>2021BU16740409</t>
  </si>
  <si>
    <t>Borteldonk</t>
  </si>
  <si>
    <t>buurt_gegeneraliseerd_2021.11c78e5b-bbb5-481b-9140-c6be2f0fdb47</t>
  </si>
  <si>
    <t>BU16740500</t>
  </si>
  <si>
    <t>2021BU16740500</t>
  </si>
  <si>
    <t>Bovendonk</t>
  </si>
  <si>
    <t>buurt_gegeneraliseerd_2021.47a4a18c-4c1f-4aa7-bb38-a06155640460</t>
  </si>
  <si>
    <t>BU16740501</t>
  </si>
  <si>
    <t>2021BU16740501</t>
  </si>
  <si>
    <t>Langdonk-West</t>
  </si>
  <si>
    <t>buurt_gegeneraliseerd_2021.7b2f7405-a9cf-411e-84f0-848315350cc6</t>
  </si>
  <si>
    <t>BU16740502</t>
  </si>
  <si>
    <t>2021BU16740502</t>
  </si>
  <si>
    <t>Langdonk-Oost</t>
  </si>
  <si>
    <t>buurt_gegeneraliseerd_2021.af184bd7-6f95-4b1b-b2b7-fd7e6f51fc2f</t>
  </si>
  <si>
    <t>BU16740509</t>
  </si>
  <si>
    <t>2021BU16740509</t>
  </si>
  <si>
    <t>Vierhoeven</t>
  </si>
  <si>
    <t>buurt_gegeneraliseerd_2021.629ed637-34b3-48e4-b461-22779ee3f308</t>
  </si>
  <si>
    <t>BU16740600</t>
  </si>
  <si>
    <t>2021BU16740600</t>
  </si>
  <si>
    <t>Kortendijk A</t>
  </si>
  <si>
    <t>buurt_gegeneraliseerd_2021.b07c8f20-295f-4edb-a992-046c5f2a43e6</t>
  </si>
  <si>
    <t>BU16740601</t>
  </si>
  <si>
    <t>2021BU16740601</t>
  </si>
  <si>
    <t>Kortendijk C</t>
  </si>
  <si>
    <t>buurt_gegeneraliseerd_2021.7a7c5fce-b4bd-41a5-a454-c883b46d00a1</t>
  </si>
  <si>
    <t>BU16740602</t>
  </si>
  <si>
    <t>2021BU16740602</t>
  </si>
  <si>
    <t>Kortendijk L</t>
  </si>
  <si>
    <t>buurt_gegeneraliseerd_2021.1ff245e4-93fa-44fe-a116-8108e898e773</t>
  </si>
  <si>
    <t>BU16740603</t>
  </si>
  <si>
    <t>2021BU16740603</t>
  </si>
  <si>
    <t>Landerije</t>
  </si>
  <si>
    <t>buurt_gegeneraliseerd_2021.75ac780d-f883-44d3-9686-90aeef571423</t>
  </si>
  <si>
    <t>BU16740609</t>
  </si>
  <si>
    <t>2021BU16740609</t>
  </si>
  <si>
    <t>Bakkersberg-Langendijk</t>
  </si>
  <si>
    <t>buurt_gegeneraliseerd_2021.ef207981-aa71-43de-8945-c17c879aa9f7</t>
  </si>
  <si>
    <t>BU16740700</t>
  </si>
  <si>
    <t>2021BU16740700</t>
  </si>
  <si>
    <t>Hulsdonk</t>
  </si>
  <si>
    <t>buurt_gegeneraliseerd_2021.83ec1ffa-974e-4758-9c06-efdad679c72b</t>
  </si>
  <si>
    <t>BU16740701</t>
  </si>
  <si>
    <t>2021BU16740701</t>
  </si>
  <si>
    <t>Tolberg-Oost</t>
  </si>
  <si>
    <t>buurt_gegeneraliseerd_2021.0c4230c1-5eac-4c56-b4fa-f14db3786acc</t>
  </si>
  <si>
    <t>BU16740702</t>
  </si>
  <si>
    <t>2021BU16740702</t>
  </si>
  <si>
    <t>Tolberg-Centrum</t>
  </si>
  <si>
    <t>buurt_gegeneraliseerd_2021.a38ba340-4ea0-470d-a11c-ec7676011989</t>
  </si>
  <si>
    <t>BU16740703</t>
  </si>
  <si>
    <t>2021BU16740703</t>
  </si>
  <si>
    <t>Tolberg-West</t>
  </si>
  <si>
    <t>buurt_gegeneraliseerd_2021.8f9502d6-3515-477e-8b7d-656839612749</t>
  </si>
  <si>
    <t>BU16740705</t>
  </si>
  <si>
    <t>2021BU16740705</t>
  </si>
  <si>
    <t>Weihoek-Oost</t>
  </si>
  <si>
    <t>buurt_gegeneraliseerd_2021.a34bfb15-03bf-4f8b-8e8c-fe57b3d129ec</t>
  </si>
  <si>
    <t>BU16740706</t>
  </si>
  <si>
    <t>2021BU16740706</t>
  </si>
  <si>
    <t>Weihoek-West</t>
  </si>
  <si>
    <t>buurt_gegeneraliseerd_2021.44e6b256-44b0-4993-8072-233d6bf2d696</t>
  </si>
  <si>
    <t>BU16740709</t>
  </si>
  <si>
    <t>2021BU16740709</t>
  </si>
  <si>
    <t>Haiink</t>
  </si>
  <si>
    <t>buurt_gegeneraliseerd_2021.57fafa66-bf64-4ec5-9fbc-dc9f1ed3b3fe</t>
  </si>
  <si>
    <t>BU16740800</t>
  </si>
  <si>
    <t>2021BU16740800</t>
  </si>
  <si>
    <t>Borchwerf-Noord</t>
  </si>
  <si>
    <t>buurt_gegeneraliseerd_2021.bb351a18-2121-496f-9291-ca1f6117c615</t>
  </si>
  <si>
    <t>BU16740801</t>
  </si>
  <si>
    <t>2021BU16740801</t>
  </si>
  <si>
    <t>Borchwerf-Zuid</t>
  </si>
  <si>
    <t>buurt_gegeneraliseerd_2021.ca9d1cfa-2d99-4718-baf5-65727e387134</t>
  </si>
  <si>
    <t>BU16740802</t>
  </si>
  <si>
    <t>2021BU16740802</t>
  </si>
  <si>
    <t>Majoppeveld-Noord</t>
  </si>
  <si>
    <t>buurt_gegeneraliseerd_2021.d8d1979c-6786-4681-8dea-b336c643a9c2</t>
  </si>
  <si>
    <t>BU16740803</t>
  </si>
  <si>
    <t>2021BU16740803</t>
  </si>
  <si>
    <t>Majoppeveld-Zuid</t>
  </si>
  <si>
    <t>buurt_gegeneraliseerd_2021.77099a02-7d1c-4a1e-a025-3cb2519c91c5</t>
  </si>
  <si>
    <t>BU16740804</t>
  </si>
  <si>
    <t>2021BU16740804</t>
  </si>
  <si>
    <t>Vijfhuizenberg</t>
  </si>
  <si>
    <t>buurt_gegeneraliseerd_2021.3df4d7ec-78ae-4953-9403-2aafc7d603a4</t>
  </si>
  <si>
    <t>BU16741000</t>
  </si>
  <si>
    <t>2021BU16741000</t>
  </si>
  <si>
    <t>Nispen</t>
  </si>
  <si>
    <t>buurt_gegeneraliseerd_2021.e01ea16c-6214-46fb-9f51-cda4355fc6f1</t>
  </si>
  <si>
    <t>BU16741009</t>
  </si>
  <si>
    <t>2021BU16741009</t>
  </si>
  <si>
    <t>Verspreide huizen Nispen</t>
  </si>
  <si>
    <t>buurt_gegeneraliseerd_2021.95b754ad-101e-4af7-a334-f7a560ee542e</t>
  </si>
  <si>
    <t>BU16741100</t>
  </si>
  <si>
    <t>2021BU16741100</t>
  </si>
  <si>
    <t>Wouw</t>
  </si>
  <si>
    <t>buurt_gegeneraliseerd_2021.d8952245-12f0-4d54-9d9d-6d041e4f9398</t>
  </si>
  <si>
    <t>BU16741108</t>
  </si>
  <si>
    <t>2021BU16741108</t>
  </si>
  <si>
    <t>Verspreide huizen Wouw in het Noorden</t>
  </si>
  <si>
    <t>buurt_gegeneraliseerd_2021.e848fe8c-ef10-4d75-96d0-e3e64fa08c4d</t>
  </si>
  <si>
    <t>BU16741109</t>
  </si>
  <si>
    <t>2021BU16741109</t>
  </si>
  <si>
    <t>Verspreide huizen Wouw in het Zuiden</t>
  </si>
  <si>
    <t>buurt_gegeneraliseerd_2021.a2f774d2-c088-4a01-9c20-d64c427c9a29</t>
  </si>
  <si>
    <t>BU16741200</t>
  </si>
  <si>
    <t>2021BU16741200</t>
  </si>
  <si>
    <t>Heerle</t>
  </si>
  <si>
    <t>buurt_gegeneraliseerd_2021.d86cc2c3-ee68-4e34-859f-9cc03cdb22db</t>
  </si>
  <si>
    <t>BU16741209</t>
  </si>
  <si>
    <t>2021BU16741209</t>
  </si>
  <si>
    <t>Verspreide huizen Heerle</t>
  </si>
  <si>
    <t>buurt_gegeneraliseerd_2021.8cb4dbc6-d80a-4f0e-b591-b46c4e0f8a0a</t>
  </si>
  <si>
    <t>BU16741300</t>
  </si>
  <si>
    <t>2021BU16741300</t>
  </si>
  <si>
    <t>Moerstraten</t>
  </si>
  <si>
    <t>buurt_gegeneraliseerd_2021.15fb6ebb-3524-4890-a3ba-3c58c324b544</t>
  </si>
  <si>
    <t>BU16741309</t>
  </si>
  <si>
    <t>2021BU16741309</t>
  </si>
  <si>
    <t>Verspreide huizen Moerstraten</t>
  </si>
  <si>
    <t>buurt_gegeneraliseerd_2021.f4d49c8b-5d37-4c23-904d-c769d928e6fa</t>
  </si>
  <si>
    <t>BU16741400</t>
  </si>
  <si>
    <t>2021BU16741400</t>
  </si>
  <si>
    <t>Wouwse Plantage</t>
  </si>
  <si>
    <t>buurt_gegeneraliseerd_2021.c6fd2d14-465e-4645-9ec8-8e00fa872b5c</t>
  </si>
  <si>
    <t>BU16741409</t>
  </si>
  <si>
    <t>2021BU16741409</t>
  </si>
  <si>
    <t>Verspreide huizen Wouwse Plantage</t>
  </si>
  <si>
    <t>buurt_gegeneraliseerd_2021.71c7709c-035c-43da-bcb1-6e8458fb2ba4</t>
  </si>
  <si>
    <t>BU17280000</t>
  </si>
  <si>
    <t>2021BU17280000</t>
  </si>
  <si>
    <t>Bladel Centrum</t>
  </si>
  <si>
    <t>GM1728</t>
  </si>
  <si>
    <t>buurt_gegeneraliseerd_2021.4b5a8e30-f5cd-43af-b0e6-e5f4cfa474e6</t>
  </si>
  <si>
    <t>BU17280001</t>
  </si>
  <si>
    <t>2021BU17280001</t>
  </si>
  <si>
    <t>Bladel Bedrijventerrein De Sleutel</t>
  </si>
  <si>
    <t>buurt_gegeneraliseerd_2021.f9703fb6-96ae-473b-b88e-d865ccd8b46f</t>
  </si>
  <si>
    <t>BU17280002</t>
  </si>
  <si>
    <t>2021BU17280002</t>
  </si>
  <si>
    <t>Bladel Bedrijventerrein De Beemd en Leemskuilen</t>
  </si>
  <si>
    <t>buurt_gegeneraliseerd_2021.27a67aaf-d442-456d-bad4-14e77a39312d</t>
  </si>
  <si>
    <t>BU17280003</t>
  </si>
  <si>
    <t>2021BU17280003</t>
  </si>
  <si>
    <t>Bladel Wilhelminalaan</t>
  </si>
  <si>
    <t>buurt_gegeneraliseerd_2021.acd7dc06-b2b7-4579-9863-27a6512d1d01</t>
  </si>
  <si>
    <t>BU17280004</t>
  </si>
  <si>
    <t>2021BU17280004</t>
  </si>
  <si>
    <t>Bladel Gozelinusbocht</t>
  </si>
  <si>
    <t>buurt_gegeneraliseerd_2021.48da3c63-cd0d-4371-87f8-dc35d7445f50</t>
  </si>
  <si>
    <t>BU17280005</t>
  </si>
  <si>
    <t>2021BU17280005</t>
  </si>
  <si>
    <t>Bladel Heeleind</t>
  </si>
  <si>
    <t>buurt_gegeneraliseerd_2021.af83a166-6b2d-485a-9c1b-a7ba2f46568f</t>
  </si>
  <si>
    <t>BU17280006</t>
  </si>
  <si>
    <t>2021BU17280006</t>
  </si>
  <si>
    <t>Bladel Hofstad</t>
  </si>
  <si>
    <t>buurt_gegeneraliseerd_2021.d7248f46-ea80-41dd-9847-28c9345054a0</t>
  </si>
  <si>
    <t>BU17280007</t>
  </si>
  <si>
    <t>2021BU17280007</t>
  </si>
  <si>
    <t>Bladel Veilig Oord</t>
  </si>
  <si>
    <t>buurt_gegeneraliseerd_2021.fd5b2557-2b77-4203-a08f-38b5dcf806f4</t>
  </si>
  <si>
    <t>BU17280008</t>
  </si>
  <si>
    <t>2021BU17280008</t>
  </si>
  <si>
    <t>Bladel Zuid</t>
  </si>
  <si>
    <t>buurt_gegeneraliseerd_2021.77b3285d-0c36-40cd-8620-9f7735d60854</t>
  </si>
  <si>
    <t>BU17280009</t>
  </si>
  <si>
    <t>2021BU17280009</t>
  </si>
  <si>
    <t>Verspreide huizen Bladel</t>
  </si>
  <si>
    <t>buurt_gegeneraliseerd_2021.8f07efae-7a8b-43cf-9b7c-777aff9a7ade</t>
  </si>
  <si>
    <t>BU17280100</t>
  </si>
  <si>
    <t>2021BU17280100</t>
  </si>
  <si>
    <t>Netersel</t>
  </si>
  <si>
    <t>buurt_gegeneraliseerd_2021.2ac18549-e941-4a56-8cc6-0d541765ca6e</t>
  </si>
  <si>
    <t>BU17280109</t>
  </si>
  <si>
    <t>2021BU17280109</t>
  </si>
  <si>
    <t>Verspreide huizen Netersel</t>
  </si>
  <si>
    <t>buurt_gegeneraliseerd_2021.672dba6c-e016-4007-b310-b0e8f93d38dc</t>
  </si>
  <si>
    <t>BU17280200</t>
  </si>
  <si>
    <t>2021BU17280200</t>
  </si>
  <si>
    <t>Hapert Centrum</t>
  </si>
  <si>
    <t>buurt_gegeneraliseerd_2021.1d2b9c6d-4c98-4274-b3cc-063543a941be</t>
  </si>
  <si>
    <t>BU17280201</t>
  </si>
  <si>
    <t>2021BU17280201</t>
  </si>
  <si>
    <t>Industrieterrein Hapert</t>
  </si>
  <si>
    <t>buurt_gegeneraliseerd_2021.910fe81e-fc92-45f0-8b85-7e3fdf17d09c</t>
  </si>
  <si>
    <t>BU17280202</t>
  </si>
  <si>
    <t>2021BU17280202</t>
  </si>
  <si>
    <t>Hapert Oost</t>
  </si>
  <si>
    <t>buurt_gegeneraliseerd_2021.cffdcee8-f87b-4669-a16a-2a6a9d8bcd05</t>
  </si>
  <si>
    <t>BU17280203</t>
  </si>
  <si>
    <t>2021BU17280203</t>
  </si>
  <si>
    <t>Hapert Noord</t>
  </si>
  <si>
    <t>buurt_gegeneraliseerd_2021.43e98807-7513-45fa-9337-a08c8ba0ed1f</t>
  </si>
  <si>
    <t>BU17280204</t>
  </si>
  <si>
    <t>2021BU17280204</t>
  </si>
  <si>
    <t>Hapert Zuid-West</t>
  </si>
  <si>
    <t>buurt_gegeneraliseerd_2021.99c03f64-6c5d-497e-bfc3-c60bcb6741d8</t>
  </si>
  <si>
    <t>BU17280207</t>
  </si>
  <si>
    <t>2021BU17280207</t>
  </si>
  <si>
    <t>Hapert Het Vennenbos</t>
  </si>
  <si>
    <t>buurt_gegeneraliseerd_2021.efa315c5-e3d7-42c3-9955-ee240f5dce13</t>
  </si>
  <si>
    <t>BU17280208</t>
  </si>
  <si>
    <t>2021BU17280208</t>
  </si>
  <si>
    <t>Hapert Kempisch Bedrijvenpark</t>
  </si>
  <si>
    <t>buurt_gegeneraliseerd_2021.e30fc2fe-1ab6-4167-afe3-a2ebb87cc0eb</t>
  </si>
  <si>
    <t>BU17280209</t>
  </si>
  <si>
    <t>2021BU17280209</t>
  </si>
  <si>
    <t>Verspreide huizen Hapert</t>
  </si>
  <si>
    <t>buurt_gegeneraliseerd_2021.de37b24d-507b-40a9-810a-b5f90b0e8bab</t>
  </si>
  <si>
    <t>BU17280300</t>
  </si>
  <si>
    <t>2021BU17280300</t>
  </si>
  <si>
    <t>Hoogeloon</t>
  </si>
  <si>
    <t>buurt_gegeneraliseerd_2021.a60b070f-84ee-4060-9277-0460efd9d250</t>
  </si>
  <si>
    <t>BU17280301</t>
  </si>
  <si>
    <t>2021BU17280301</t>
  </si>
  <si>
    <t>Hoogcasteren en omgeving</t>
  </si>
  <si>
    <t>buurt_gegeneraliseerd_2021.f5b58a2a-f358-4784-ab0a-f0500fb335b0</t>
  </si>
  <si>
    <t>BU17280309</t>
  </si>
  <si>
    <t>2021BU17280309</t>
  </si>
  <si>
    <t>Verspreide huizen Hoogeloon</t>
  </si>
  <si>
    <t>buurt_gegeneraliseerd_2021.3eee9bd1-d2aa-459c-b3a4-0f93725bbd0b</t>
  </si>
  <si>
    <t>BU17280400</t>
  </si>
  <si>
    <t>2021BU17280400</t>
  </si>
  <si>
    <t>Casteren</t>
  </si>
  <si>
    <t>buurt_gegeneraliseerd_2021.69d51675-eb87-4f9c-8c89-ac9c20fe3ef7</t>
  </si>
  <si>
    <t>BU17280409</t>
  </si>
  <si>
    <t>2021BU17280409</t>
  </si>
  <si>
    <t>Verspreide huizen Casteren</t>
  </si>
  <si>
    <t>buurt_gegeneraliseerd_2021.70115036-af5b-449b-8a1f-24ba7f82ee3e</t>
  </si>
  <si>
    <t>BU17340101</t>
  </si>
  <si>
    <t>2021BU17340101</t>
  </si>
  <si>
    <t>Eimeren</t>
  </si>
  <si>
    <t>GM1734</t>
  </si>
  <si>
    <t>buurt_gegeneraliseerd_2021.9c0ce0c4-845c-4017-ad42-1e3e625d74a1</t>
  </si>
  <si>
    <t>BU17340102</t>
  </si>
  <si>
    <t>2021BU17340102</t>
  </si>
  <si>
    <t>Buitengebied Elst Oost</t>
  </si>
  <si>
    <t>buurt_gegeneraliseerd_2021.baf2d72a-582c-4fd0-b186-e888b15cbb2a</t>
  </si>
  <si>
    <t>BU17340103</t>
  </si>
  <si>
    <t>2021BU17340103</t>
  </si>
  <si>
    <t>Buitengebied Hollanderbroek</t>
  </si>
  <si>
    <t>buurt_gegeneraliseerd_2021.f6be614d-64ce-4df7-a2eb-4c7fe74947f9</t>
  </si>
  <si>
    <t>BU17340104</t>
  </si>
  <si>
    <t>2021BU17340104</t>
  </si>
  <si>
    <t>Reeth</t>
  </si>
  <si>
    <t>buurt_gegeneraliseerd_2021.e14f2932-678e-41a4-8127-288e6b76c286</t>
  </si>
  <si>
    <t>BU17340201</t>
  </si>
  <si>
    <t>2021BU17340201</t>
  </si>
  <si>
    <t>Kersenbongerd</t>
  </si>
  <si>
    <t>buurt_gegeneraliseerd_2021.b1c9bdba-017c-424a-9cf1-f7b08e92a48f</t>
  </si>
  <si>
    <t>BU17340202</t>
  </si>
  <si>
    <t>2021BU17340202</t>
  </si>
  <si>
    <t>de Wuurde</t>
  </si>
  <si>
    <t>buurt_gegeneraliseerd_2021.5d0dafff-505c-4cde-ac8a-698a32833001</t>
  </si>
  <si>
    <t>BU17340203</t>
  </si>
  <si>
    <t>2021BU17340203</t>
  </si>
  <si>
    <t>Elst centrum Zuidzijde</t>
  </si>
  <si>
    <t>buurt_gegeneraliseerd_2021.b0b6f8de-dc9a-4631-bd49-87a1c6b5fa9c</t>
  </si>
  <si>
    <t>BU17340204</t>
  </si>
  <si>
    <t>2021BU17340204</t>
  </si>
  <si>
    <t>Lynden</t>
  </si>
  <si>
    <t>buurt_gegeneraliseerd_2021.856b8665-4636-480d-8d8c-7d7665d3bd25</t>
  </si>
  <si>
    <t>BU17340205</t>
  </si>
  <si>
    <t>2021BU17340205</t>
  </si>
  <si>
    <t>Vosbergen</t>
  </si>
  <si>
    <t>buurt_gegeneraliseerd_2021.9b5df617-4a81-4379-acdc-d82cab93aede</t>
  </si>
  <si>
    <t>BU17340206</t>
  </si>
  <si>
    <t>2021BU17340206</t>
  </si>
  <si>
    <t>Huyekamp</t>
  </si>
  <si>
    <t>buurt_gegeneraliseerd_2021.3b3a9600-7db3-4dd8-adaf-3a4692964c15</t>
  </si>
  <si>
    <t>BU17340207</t>
  </si>
  <si>
    <t>2021BU17340207</t>
  </si>
  <si>
    <t>de Zuiling</t>
  </si>
  <si>
    <t>buurt_gegeneraliseerd_2021.14fcc2eb-3d95-413a-afa4-40644c6ef9a8</t>
  </si>
  <si>
    <t>BU17340301</t>
  </si>
  <si>
    <t>2021BU17340301</t>
  </si>
  <si>
    <t>de Helster</t>
  </si>
  <si>
    <t>buurt_gegeneraliseerd_2021.e1a5d88c-cb06-460e-93ed-32a619a221a6</t>
  </si>
  <si>
    <t>BU17340302</t>
  </si>
  <si>
    <t>2021BU17340302</t>
  </si>
  <si>
    <t>Steding</t>
  </si>
  <si>
    <t>buurt_gegeneraliseerd_2021.8351121c-e75c-45fb-b144-fef066612725</t>
  </si>
  <si>
    <t>BU17340303</t>
  </si>
  <si>
    <t>2021BU17340303</t>
  </si>
  <si>
    <t>Elst Centrum Noordzijde</t>
  </si>
  <si>
    <t>buurt_gegeneraliseerd_2021.f9f6dccb-a4e2-45ab-990d-c23654c4638e</t>
  </si>
  <si>
    <t>BU17340304</t>
  </si>
  <si>
    <t>2021BU17340304</t>
  </si>
  <si>
    <t>buurt_gegeneraliseerd_2021.63f7c591-ab98-4222-95b7-e59df0dd30d2</t>
  </si>
  <si>
    <t>BU17340305</t>
  </si>
  <si>
    <t>2021BU17340305</t>
  </si>
  <si>
    <t>Hollanderbroek</t>
  </si>
  <si>
    <t>buurt_gegeneraliseerd_2021.47e49d8d-1037-46fa-a5c5-3fe6dbe164ca</t>
  </si>
  <si>
    <t>BU17340306</t>
  </si>
  <si>
    <t>2021BU17340306</t>
  </si>
  <si>
    <t>de Kist</t>
  </si>
  <si>
    <t>buurt_gegeneraliseerd_2021.5bd6b31b-ebfa-4463-83ee-fd5270208707</t>
  </si>
  <si>
    <t>BU17340401</t>
  </si>
  <si>
    <t>2021BU17340401</t>
  </si>
  <si>
    <t>Merm</t>
  </si>
  <si>
    <t>buurt_gegeneraliseerd_2021.9f680255-5703-479d-b50f-0ac3781e28b4</t>
  </si>
  <si>
    <t>BU17340402</t>
  </si>
  <si>
    <t>2021BU17340402</t>
  </si>
  <si>
    <t>De Aam</t>
  </si>
  <si>
    <t>buurt_gegeneraliseerd_2021.9b38f6f6-c0a7-4d62-93e5-208bbc47a6fe</t>
  </si>
  <si>
    <t>BU17340501</t>
  </si>
  <si>
    <t>2021BU17340501</t>
  </si>
  <si>
    <t>Westeraam, Centrale zone</t>
  </si>
  <si>
    <t>buurt_gegeneraliseerd_2021.9b58635e-4f52-4ccc-84bb-de5354d1c182</t>
  </si>
  <si>
    <t>BU17340502</t>
  </si>
  <si>
    <t>2021BU17340502</t>
  </si>
  <si>
    <t>Lingebuurt</t>
  </si>
  <si>
    <t>buurt_gegeneraliseerd_2021.5be15e70-ac8a-4df1-9097-fef77d6fa109</t>
  </si>
  <si>
    <t>BU17340503</t>
  </si>
  <si>
    <t>2021BU17340503</t>
  </si>
  <si>
    <t>Vierslag</t>
  </si>
  <si>
    <t>buurt_gegeneraliseerd_2021.4a0fcd7b-9531-43b5-b46b-fa9535a7b0ff</t>
  </si>
  <si>
    <t>BU17340504</t>
  </si>
  <si>
    <t>2021BU17340504</t>
  </si>
  <si>
    <t>buurt_gegeneraliseerd_2021.b1989130-8f57-4362-be0e-3989b217b5ed</t>
  </si>
  <si>
    <t>BU17340505</t>
  </si>
  <si>
    <t>2021BU17340505</t>
  </si>
  <si>
    <t>Lanenbuurt</t>
  </si>
  <si>
    <t>buurt_gegeneraliseerd_2021.6c822898-e11c-4e36-879c-8c3659f4eee7</t>
  </si>
  <si>
    <t>BU17340601</t>
  </si>
  <si>
    <t>2021BU17340601</t>
  </si>
  <si>
    <t>Omgeving Oude Bemmelseweg</t>
  </si>
  <si>
    <t>buurt_gegeneraliseerd_2021.2d647a6d-c36b-45f4-a734-d52d67903896</t>
  </si>
  <si>
    <t>BU17340602</t>
  </si>
  <si>
    <t>2021BU17340602</t>
  </si>
  <si>
    <t>Eshof</t>
  </si>
  <si>
    <t>buurt_gegeneraliseerd_2021.872ee8b2-ffc3-4c70-a022-aed400c2f2db</t>
  </si>
  <si>
    <t>BU17340603</t>
  </si>
  <si>
    <t>2021BU17340603</t>
  </si>
  <si>
    <t>De Brieneshof-De Pas</t>
  </si>
  <si>
    <t>buurt_gegeneraliseerd_2021.38b414a7-ef5e-48a7-aaa9-23c0a3d85929</t>
  </si>
  <si>
    <t>BU17340701</t>
  </si>
  <si>
    <t>2021BU17340701</t>
  </si>
  <si>
    <t>Kern Oosterhout</t>
  </si>
  <si>
    <t>buurt_gegeneraliseerd_2021.b2b0eaee-516e-4bae-84f6-afb2ede1c13a</t>
  </si>
  <si>
    <t>BU17340702</t>
  </si>
  <si>
    <t>2021BU17340702</t>
  </si>
  <si>
    <t>Buitengebied Oosterhout oost</t>
  </si>
  <si>
    <t>buurt_gegeneraliseerd_2021.b78c369b-79da-44cb-9108-45289f0c70cb</t>
  </si>
  <si>
    <t>BU17340703</t>
  </si>
  <si>
    <t>2021BU17340703</t>
  </si>
  <si>
    <t>De Rietgraaf</t>
  </si>
  <si>
    <t>buurt_gegeneraliseerd_2021.a3c070e3-8194-41b9-99db-da45b53a805e</t>
  </si>
  <si>
    <t>BU17340704</t>
  </si>
  <si>
    <t>2021BU17340704</t>
  </si>
  <si>
    <t>Buitengebied Oosterhout West</t>
  </si>
  <si>
    <t>buurt_gegeneraliseerd_2021.02664bee-d32a-4bcd-b400-13f04f81139e</t>
  </si>
  <si>
    <t>BU17340705</t>
  </si>
  <si>
    <t>2021BU17340705</t>
  </si>
  <si>
    <t>Tergouw</t>
  </si>
  <si>
    <t>buurt_gegeneraliseerd_2021.b63bed0e-42f0-427c-bfdd-426f88c7ab97</t>
  </si>
  <si>
    <t>BU17340706</t>
  </si>
  <si>
    <t>2021BU17340706</t>
  </si>
  <si>
    <t>Uiterwaarden Oosterhoutsche Waarden</t>
  </si>
  <si>
    <t>buurt_gegeneraliseerd_2021.b5e805d0-9b9b-46a9-a847-40f70ba80913</t>
  </si>
  <si>
    <t>BU17340801</t>
  </si>
  <si>
    <t>2021BU17340801</t>
  </si>
  <si>
    <t>buurt_gegeneraliseerd_2021.6d57b67b-a0d5-4450-a981-a720a520c8ba</t>
  </si>
  <si>
    <t>BU17340802</t>
  </si>
  <si>
    <t>2021BU17340802</t>
  </si>
  <si>
    <t>Kern Slijk-Ewijk</t>
  </si>
  <si>
    <t>buurt_gegeneraliseerd_2021.7e213d16-3a21-4a9d-91a1-a363ffb95ab7</t>
  </si>
  <si>
    <t>BU17340803</t>
  </si>
  <si>
    <t>2021BU17340803</t>
  </si>
  <si>
    <t>Uiterwaarden Loenense butenpolder</t>
  </si>
  <si>
    <t>buurt_gegeneraliseerd_2021.6fe38a61-e1de-4326-aa03-58ad8d310259</t>
  </si>
  <si>
    <t>BU17340804</t>
  </si>
  <si>
    <t>2021BU17340804</t>
  </si>
  <si>
    <t>Buitengebied de Danenberg</t>
  </si>
  <si>
    <t>buurt_gegeneraliseerd_2021.7b903b7b-14cc-4b19-8a67-8170fb410c74</t>
  </si>
  <si>
    <t>BU17340901</t>
  </si>
  <si>
    <t>2021BU17340901</t>
  </si>
  <si>
    <t>Buitengebied Herveld Zuid</t>
  </si>
  <si>
    <t>buurt_gegeneraliseerd_2021.b8d311bd-947c-4276-8167-d1b8d82b10d6</t>
  </si>
  <si>
    <t>BU17340902</t>
  </si>
  <si>
    <t>2021BU17340902</t>
  </si>
  <si>
    <t>Kern Herveld</t>
  </si>
  <si>
    <t>buurt_gegeneraliseerd_2021.27e61802-b1a6-4b78-9f0e-df7961301bfc</t>
  </si>
  <si>
    <t>BU17340903</t>
  </si>
  <si>
    <t>2021BU17340903</t>
  </si>
  <si>
    <t>Omg. Binnenstraat-Stenenkamerstraat</t>
  </si>
  <si>
    <t>buurt_gegeneraliseerd_2021.d42d29c3-eb7b-427e-9744-5163c46d8453</t>
  </si>
  <si>
    <t>BU17340904</t>
  </si>
  <si>
    <t>2021BU17340904</t>
  </si>
  <si>
    <t>Buitengebied Herveldse Veld</t>
  </si>
  <si>
    <t>buurt_gegeneraliseerd_2021.c80f429f-ee9c-4f96-9b0e-fa780365149f</t>
  </si>
  <si>
    <t>BU17340905</t>
  </si>
  <si>
    <t>2021BU17340905</t>
  </si>
  <si>
    <t>Kern Herveld Zuid</t>
  </si>
  <si>
    <t>buurt_gegeneraliseerd_2021.e85e3ab3-0b77-4eb2-ae97-ff4066f72a30</t>
  </si>
  <si>
    <t>BU17341001</t>
  </si>
  <si>
    <t>2021BU17341001</t>
  </si>
  <si>
    <t>Wolferen</t>
  </si>
  <si>
    <t>buurt_gegeneraliseerd_2021.415caeb9-e902-4024-af89-2f872d82a373</t>
  </si>
  <si>
    <t>BU17341002</t>
  </si>
  <si>
    <t>2021BU17341002</t>
  </si>
  <si>
    <t>Bedrijventerrein Andelst Oost</t>
  </si>
  <si>
    <t>buurt_gegeneraliseerd_2021.ccc32196-9807-4639-a21b-b6c2eb803b0d</t>
  </si>
  <si>
    <t>BU17341003</t>
  </si>
  <si>
    <t>2021BU17341003</t>
  </si>
  <si>
    <t>Buitengebied Andelst</t>
  </si>
  <si>
    <t>buurt_gegeneraliseerd_2021.40d312f1-9db5-4087-a9cd-62085e6aaf02</t>
  </si>
  <si>
    <t>BU17341004</t>
  </si>
  <si>
    <t>2021BU17341004</t>
  </si>
  <si>
    <t>De Schalm</t>
  </si>
  <si>
    <t>buurt_gegeneraliseerd_2021.20aa7dfc-acc2-4f8f-a2f3-0bb546d038c8</t>
  </si>
  <si>
    <t>BU17341005</t>
  </si>
  <si>
    <t>2021BU17341005</t>
  </si>
  <si>
    <t>Uiterwaarden Andelst</t>
  </si>
  <si>
    <t>buurt_gegeneraliseerd_2021.d8a1a8e2-1b83-4518-b0ad-4b6855e31b90</t>
  </si>
  <si>
    <t>BU17341006</t>
  </si>
  <si>
    <t>2021BU17341006</t>
  </si>
  <si>
    <t>Kern Andelst</t>
  </si>
  <si>
    <t>buurt_gegeneraliseerd_2021.d110747c-4bc6-48ef-a9e7-2504eb11e3eb</t>
  </si>
  <si>
    <t>BU17341101</t>
  </si>
  <si>
    <t>2021BU17341101</t>
  </si>
  <si>
    <t>Zetten Centrum</t>
  </si>
  <si>
    <t>buurt_gegeneraliseerd_2021.5d2c85d5-64b1-4952-bcfd-6fd0c9894e8b</t>
  </si>
  <si>
    <t>BU17341102</t>
  </si>
  <si>
    <t>2021BU17341102</t>
  </si>
  <si>
    <t>Zetten Noord-Magdalena</t>
  </si>
  <si>
    <t>buurt_gegeneraliseerd_2021.dfb3bcdf-0a91-4c98-ae21-5ef3cc354047</t>
  </si>
  <si>
    <t>BU17341103</t>
  </si>
  <si>
    <t>2021BU17341103</t>
  </si>
  <si>
    <t>Omg. Sterappel, Loohof en Zetten Zuid</t>
  </si>
  <si>
    <t>buurt_gegeneraliseerd_2021.13c9d598-1319-4276-8ef5-6a4adba371b0</t>
  </si>
  <si>
    <t>BU17341104</t>
  </si>
  <si>
    <t>2021BU17341104</t>
  </si>
  <si>
    <t>buurt_gegeneraliseerd_2021.559f4b4a-e049-45ea-b300-162dc528f68a</t>
  </si>
  <si>
    <t>BU17341105</t>
  </si>
  <si>
    <t>2021BU17341105</t>
  </si>
  <si>
    <t>Zetten NoordWest</t>
  </si>
  <si>
    <t>buurt_gegeneraliseerd_2021.cd986711-485f-489c-abd7-e924d88ad013</t>
  </si>
  <si>
    <t>BU17341106</t>
  </si>
  <si>
    <t>2021BU17341106</t>
  </si>
  <si>
    <t>Rieshout</t>
  </si>
  <si>
    <t>buurt_gegeneraliseerd_2021.46845815-d5e0-4560-9781-236efd66f0b0</t>
  </si>
  <si>
    <t>BU17341107</t>
  </si>
  <si>
    <t>2021BU17341107</t>
  </si>
  <si>
    <t>Omg. Vluchtheuvellaan</t>
  </si>
  <si>
    <t>buurt_gegeneraliseerd_2021.bbec79b7-b32d-4495-b542-f90947000c21</t>
  </si>
  <si>
    <t>BU17341201</t>
  </si>
  <si>
    <t>2021BU17341201</t>
  </si>
  <si>
    <t>Buitengebied Zetten Oost</t>
  </si>
  <si>
    <t>buurt_gegeneraliseerd_2021.c3643e80-a341-453c-964f-dc8cbea4fa62</t>
  </si>
  <si>
    <t>BU17341202</t>
  </si>
  <si>
    <t>2021BU17341202</t>
  </si>
  <si>
    <t>Buitengebied Zetten West</t>
  </si>
  <si>
    <t>buurt_gegeneraliseerd_2021.9434c5f1-8694-4bf7-8194-d79d6bb2a33b</t>
  </si>
  <si>
    <t>BU17341301</t>
  </si>
  <si>
    <t>2021BU17341301</t>
  </si>
  <si>
    <t>Kern Hemmen</t>
  </si>
  <si>
    <t>buurt_gegeneraliseerd_2021.6ae7bd34-62a6-48ce-b266-82f7830c92fa</t>
  </si>
  <si>
    <t>BU17341302</t>
  </si>
  <si>
    <t>2021BU17341302</t>
  </si>
  <si>
    <t>Buitengebied Hemmen</t>
  </si>
  <si>
    <t>buurt_gegeneraliseerd_2021.8a2ff1c3-eab2-4c23-842f-f8101b4313ba</t>
  </si>
  <si>
    <t>BU17341401</t>
  </si>
  <si>
    <t>2021BU17341401</t>
  </si>
  <si>
    <t>Kern Randwijk</t>
  </si>
  <si>
    <t>buurt_gegeneraliseerd_2021.d529bdef-88aa-4e9e-ad4a-cba065138ccf</t>
  </si>
  <si>
    <t>BU17341402</t>
  </si>
  <si>
    <t>2021BU17341402</t>
  </si>
  <si>
    <t>Buitengebied Randwijk</t>
  </si>
  <si>
    <t>buurt_gegeneraliseerd_2021.ba7da1f3-6a04-4d87-9696-c1f924554055</t>
  </si>
  <si>
    <t>BU17341403</t>
  </si>
  <si>
    <t>2021BU17341403</t>
  </si>
  <si>
    <t>Indoornik</t>
  </si>
  <si>
    <t>buurt_gegeneraliseerd_2021.d78e5baf-c87d-4217-a21a-4b64f7825675</t>
  </si>
  <si>
    <t>BU17341404</t>
  </si>
  <si>
    <t>2021BU17341404</t>
  </si>
  <si>
    <t>Buitengebied Lakemond</t>
  </si>
  <si>
    <t>buurt_gegeneraliseerd_2021.ce1d8c81-8eaf-40eb-802e-2f8410b25eb7</t>
  </si>
  <si>
    <t>BU17341405</t>
  </si>
  <si>
    <t>2021BU17341405</t>
  </si>
  <si>
    <t>Uiterwaarden Randwijk</t>
  </si>
  <si>
    <t>buurt_gegeneraliseerd_2021.55cba3a6-4e4f-414c-a2ec-95ac2ba8d248</t>
  </si>
  <si>
    <t>BU17341501</t>
  </si>
  <si>
    <t>2021BU17341501</t>
  </si>
  <si>
    <t>Poort van Midden-Gelderland Zuid (Heterenkum)</t>
  </si>
  <si>
    <t>buurt_gegeneraliseerd_2021.149b96f7-9bd1-42c2-850a-5c1cf4f4f593</t>
  </si>
  <si>
    <t>BU17341502</t>
  </si>
  <si>
    <t>2021BU17341502</t>
  </si>
  <si>
    <t>Liefkenshoek</t>
  </si>
  <si>
    <t>buurt_gegeneraliseerd_2021.0d4ebd42-9626-4d50-b178-8c990565edd0</t>
  </si>
  <si>
    <t>BU17341503</t>
  </si>
  <si>
    <t>2021BU17341503</t>
  </si>
  <si>
    <t>Poort van Midden-Gelderland Noord 1/2/3</t>
  </si>
  <si>
    <t>buurt_gegeneraliseerd_2021.22f77f6a-9d39-4de4-9818-03b801793f34</t>
  </si>
  <si>
    <t>BU17341504</t>
  </si>
  <si>
    <t>2021BU17341504</t>
  </si>
  <si>
    <t>De Haantjes-Vogelbuurt</t>
  </si>
  <si>
    <t>buurt_gegeneraliseerd_2021.24468081-75ac-435c-ad4f-c51b795a8cf5</t>
  </si>
  <si>
    <t>BU17341505</t>
  </si>
  <si>
    <t>2021BU17341505</t>
  </si>
  <si>
    <t>Omg. Julianaweg</t>
  </si>
  <si>
    <t>buurt_gegeneraliseerd_2021.cb757e05-3eef-432f-9201-a645c70a2910</t>
  </si>
  <si>
    <t>BU17341506</t>
  </si>
  <si>
    <t>2021BU17341506</t>
  </si>
  <si>
    <t>Kern Heteren</t>
  </si>
  <si>
    <t>buurt_gegeneraliseerd_2021.b1bce3c7-2f5f-42ed-bff0-3453def625e2</t>
  </si>
  <si>
    <t>BU17341507</t>
  </si>
  <si>
    <t>2021BU17341507</t>
  </si>
  <si>
    <t>Melkweide</t>
  </si>
  <si>
    <t>buurt_gegeneraliseerd_2021.740ec519-4a2e-4189-9b65-ee18b19e2364</t>
  </si>
  <si>
    <t>BU17341601</t>
  </si>
  <si>
    <t>2021BU17341601</t>
  </si>
  <si>
    <t>Uiterwaarden Heteren</t>
  </si>
  <si>
    <t>buurt_gegeneraliseerd_2021.17598338-2668-41cd-969c-45170140e24c</t>
  </si>
  <si>
    <t>BU17341602</t>
  </si>
  <si>
    <t>2021BU17341602</t>
  </si>
  <si>
    <t>Buitengebied Heteren Boterhoek-Weerbroek</t>
  </si>
  <si>
    <t>buurt_gegeneraliseerd_2021.54aa490d-16a1-425a-b882-6a00f2f999db</t>
  </si>
  <si>
    <t>BU17341603</t>
  </si>
  <si>
    <t>2021BU17341603</t>
  </si>
  <si>
    <t>Buitengebied Heteren Uylenburg</t>
  </si>
  <si>
    <t>buurt_gegeneraliseerd_2021.a9966b97-b91d-4776-be90-88208dfbeb7e</t>
  </si>
  <si>
    <t>BU17341701</t>
  </si>
  <si>
    <t>2021BU17341701</t>
  </si>
  <si>
    <t>Buitengebied Valburg Zuid</t>
  </si>
  <si>
    <t>buurt_gegeneraliseerd_2021.d7717c30-6f56-4430-bd29-bca738dd91a3</t>
  </si>
  <si>
    <t>BU17341702</t>
  </si>
  <si>
    <t>2021BU17341702</t>
  </si>
  <si>
    <t>Molenzicht</t>
  </si>
  <si>
    <t>buurt_gegeneraliseerd_2021.7a09b41f-bc3e-4c93-9acc-297faf18ccba</t>
  </si>
  <si>
    <t>BU17341703</t>
  </si>
  <si>
    <t>2021BU17341703</t>
  </si>
  <si>
    <t>Buitengebied Homoet</t>
  </si>
  <si>
    <t>buurt_gegeneraliseerd_2021.79ddef98-3f21-4ae2-867b-f1c0cd4396c5</t>
  </si>
  <si>
    <t>BU17341704</t>
  </si>
  <si>
    <t>2021BU17341704</t>
  </si>
  <si>
    <t>De Weem</t>
  </si>
  <si>
    <t>buurt_gegeneraliseerd_2021.fa2007a8-998b-4b85-abe6-7b7fccf0491c</t>
  </si>
  <si>
    <t>BU17341705</t>
  </si>
  <si>
    <t>2021BU17341705</t>
  </si>
  <si>
    <t>Buitengebied De Meilanden</t>
  </si>
  <si>
    <t>buurt_gegeneraliseerd_2021.d4bff00c-dda9-45e9-9576-28101a641b65</t>
  </si>
  <si>
    <t>BU17341706</t>
  </si>
  <si>
    <t>2021BU17341706</t>
  </si>
  <si>
    <t>Kern Valburg</t>
  </si>
  <si>
    <t>buurt_gegeneraliseerd_2021.efb73026-2efe-4cc0-9980-914e6b9bdc6d</t>
  </si>
  <si>
    <t>BU17341801</t>
  </si>
  <si>
    <t>2021BU17341801</t>
  </si>
  <si>
    <t>Buitengebied Driel Noordhoek en Boltweg</t>
  </si>
  <si>
    <t>buurt_gegeneraliseerd_2021.af4f49e1-714c-4eb6-8303-a5f1a0ec90ca</t>
  </si>
  <si>
    <t>BU17341802</t>
  </si>
  <si>
    <t>2021BU17341802</t>
  </si>
  <si>
    <t>buurt_gegeneraliseerd_2021.cf38ef48-9c17-4acc-9b24-98798ef318f0</t>
  </si>
  <si>
    <t>BU17341803</t>
  </si>
  <si>
    <t>2021BU17341803</t>
  </si>
  <si>
    <t>Uiterwaarden Driel</t>
  </si>
  <si>
    <t>buurt_gegeneraliseerd_2021.a524c082-e8d8-40f9-8dda-bd3b86d53c70</t>
  </si>
  <si>
    <t>BU17341804</t>
  </si>
  <si>
    <t>2021BU17341804</t>
  </si>
  <si>
    <t>Breekenhof</t>
  </si>
  <si>
    <t>buurt_gegeneraliseerd_2021.3b5939d7-d7a1-40cd-9de5-4958ad8821ba</t>
  </si>
  <si>
    <t>BU17341805</t>
  </si>
  <si>
    <t>2021BU17341805</t>
  </si>
  <si>
    <t>Kern Driel</t>
  </si>
  <si>
    <t>buurt_gegeneraliseerd_2021.f7715d95-68f7-4861-b53b-09791c19823f</t>
  </si>
  <si>
    <t>BU17341806</t>
  </si>
  <si>
    <t>2021BU17341806</t>
  </si>
  <si>
    <t>Buitengebied Driel Keulse Kamp-GrietenKamp-Leedjes</t>
  </si>
  <si>
    <t>buurt_gegeneraliseerd_2021.aaff9ce2-9d00-4385-8f74-668a8a5468df</t>
  </si>
  <si>
    <t>BU17341807</t>
  </si>
  <si>
    <t>2021BU17341807</t>
  </si>
  <si>
    <t>Oldenhof</t>
  </si>
  <si>
    <t>buurt_gegeneraliseerd_2021.1dd34d74-1b1a-4722-b64f-05223d34098b</t>
  </si>
  <si>
    <t>BU17341808</t>
  </si>
  <si>
    <t>2021BU17341808</t>
  </si>
  <si>
    <t>omg. Reuvenkamp</t>
  </si>
  <si>
    <t>buurt_gegeneraliseerd_2021.81451824-0891-4d08-8e87-34460836db39</t>
  </si>
  <si>
    <t>BU18590000</t>
  </si>
  <si>
    <t>2021BU18590000</t>
  </si>
  <si>
    <t>Borculo Centrum</t>
  </si>
  <si>
    <t>GM1859</t>
  </si>
  <si>
    <t>buurt_gegeneraliseerd_2021.fd532dc9-ef4e-468c-a3f9-2d2592f59145</t>
  </si>
  <si>
    <t>BU18590002</t>
  </si>
  <si>
    <t>2021BU18590002</t>
  </si>
  <si>
    <t>Hambroek</t>
  </si>
  <si>
    <t>buurt_gegeneraliseerd_2021.54fd53de-b74a-4fe9-bbc9-984214745416</t>
  </si>
  <si>
    <t>BU18590003</t>
  </si>
  <si>
    <t>2021BU18590003</t>
  </si>
  <si>
    <t>Geesteren</t>
  </si>
  <si>
    <t>buurt_gegeneraliseerd_2021.af95b168-3e3d-4706-a26c-bf863ae9b6bc</t>
  </si>
  <si>
    <t>BU18590004</t>
  </si>
  <si>
    <t>2021BU18590004</t>
  </si>
  <si>
    <t>Gelselaar</t>
  </si>
  <si>
    <t>buurt_gegeneraliseerd_2021.88b0b1b1-6260-4664-94cd-f6837818a4e7</t>
  </si>
  <si>
    <t>BU18590005</t>
  </si>
  <si>
    <t>2021BU18590005</t>
  </si>
  <si>
    <t>Haarlo</t>
  </si>
  <si>
    <t>buurt_gegeneraliseerd_2021.9e692f57-22a3-47a2-951b-e89426567e69</t>
  </si>
  <si>
    <t>BU18590006</t>
  </si>
  <si>
    <t>2021BU18590006</t>
  </si>
  <si>
    <t>Verspreide huizen Gelselaar</t>
  </si>
  <si>
    <t>buurt_gegeneraliseerd_2021.5af9c8f2-f881-47f0-9e66-626d9a126559</t>
  </si>
  <si>
    <t>BU18590007</t>
  </si>
  <si>
    <t>2021BU18590007</t>
  </si>
  <si>
    <t>buurt_gegeneraliseerd_2021.4b3064ce-eed2-499e-86b8-37b87f57688e</t>
  </si>
  <si>
    <t>BU18590008</t>
  </si>
  <si>
    <t>2021BU18590008</t>
  </si>
  <si>
    <t>Verspreide huizen Borculo</t>
  </si>
  <si>
    <t>buurt_gegeneraliseerd_2021.11df1bec-a332-4ff0-8863-b297c3b203a4</t>
  </si>
  <si>
    <t>BU18590009</t>
  </si>
  <si>
    <t>2021BU18590009</t>
  </si>
  <si>
    <t>Verspreide huizen Haarlo</t>
  </si>
  <si>
    <t>buurt_gegeneraliseerd_2021.613af2c8-aa1b-403b-ba24-37a285908f40</t>
  </si>
  <si>
    <t>BU18590010</t>
  </si>
  <si>
    <t>2021BU18590010</t>
  </si>
  <si>
    <t>Elbrink</t>
  </si>
  <si>
    <t>buurt_gegeneraliseerd_2021.ee7fc08f-628b-423f-b79e-237ea0f2038d</t>
  </si>
  <si>
    <t>BU18590011</t>
  </si>
  <si>
    <t>2021BU18590011</t>
  </si>
  <si>
    <t>buurt_gegeneraliseerd_2021.6093bacb-74d5-42bf-87b7-81b84ae16bff</t>
  </si>
  <si>
    <t>BU18590012</t>
  </si>
  <si>
    <t>2021BU18590012</t>
  </si>
  <si>
    <t>Oostenrijkse Buurt</t>
  </si>
  <si>
    <t>buurt_gegeneraliseerd_2021.41a6b318-a30b-4b10-98cb-3e5211163dcf</t>
  </si>
  <si>
    <t>BU18590013</t>
  </si>
  <si>
    <t>2021BU18590013</t>
  </si>
  <si>
    <t>Industrieterrein Borculo</t>
  </si>
  <si>
    <t>buurt_gegeneraliseerd_2021.e43c0341-00dc-41be-9390-3a88f5856acb</t>
  </si>
  <si>
    <t>BU18590014</t>
  </si>
  <si>
    <t>2021BU18590014</t>
  </si>
  <si>
    <t>buurt_gegeneraliseerd_2021.8196547f-cb80-46f1-8bd7-75ef06598103</t>
  </si>
  <si>
    <t>BU18590015</t>
  </si>
  <si>
    <t>2021BU18590015</t>
  </si>
  <si>
    <t>De Koppel</t>
  </si>
  <si>
    <t>buurt_gegeneraliseerd_2021.d65a62cd-5cff-4914-9812-1b4a6252f38f</t>
  </si>
  <si>
    <t>BU18590016</t>
  </si>
  <si>
    <t>2021BU18590016</t>
  </si>
  <si>
    <t>buurt_gegeneraliseerd_2021.b91fa0c4-f8d4-46a7-91bf-d4d693edff3c</t>
  </si>
  <si>
    <t>BU18590017</t>
  </si>
  <si>
    <t>2021BU18590017</t>
  </si>
  <si>
    <t>Nieuw Boer</t>
  </si>
  <si>
    <t>buurt_gegeneraliseerd_2021.fb6b875e-6fcd-4c89-ac6c-ea3881f7284e</t>
  </si>
  <si>
    <t>BU18590018</t>
  </si>
  <si>
    <t>2021BU18590018</t>
  </si>
  <si>
    <t>Schollenkamp</t>
  </si>
  <si>
    <t>buurt_gegeneraliseerd_2021.45d369eb-a658-47ad-b3d8-2626e7ca1ca4</t>
  </si>
  <si>
    <t>BU18590102</t>
  </si>
  <si>
    <t>2021BU18590102</t>
  </si>
  <si>
    <t>Rekken</t>
  </si>
  <si>
    <t>buurt_gegeneraliseerd_2021.6542cd4f-cb39-40ff-b4bd-0808554e4da1</t>
  </si>
  <si>
    <t>BU18590104</t>
  </si>
  <si>
    <t>2021BU18590104</t>
  </si>
  <si>
    <t>Verspreide huizen Hupsel-West</t>
  </si>
  <si>
    <t>buurt_gegeneraliseerd_2021.c552dc33-d46a-420b-b766-831e9180fcab</t>
  </si>
  <si>
    <t>BU18590105</t>
  </si>
  <si>
    <t>2021BU18590105</t>
  </si>
  <si>
    <t>Verspreide huizen Hupsel-Oost</t>
  </si>
  <si>
    <t>buurt_gegeneraliseerd_2021.ac652b03-d001-4d08-93cf-b56dfb9efc23</t>
  </si>
  <si>
    <t>BU18590106</t>
  </si>
  <si>
    <t>2021BU18590106</t>
  </si>
  <si>
    <t>Verspreide huizen Holterhoek</t>
  </si>
  <si>
    <t>buurt_gegeneraliseerd_2021.eb582d7b-f920-4f5a-89cc-59a1587a9660</t>
  </si>
  <si>
    <t>BU18590107</t>
  </si>
  <si>
    <t>2021BU18590107</t>
  </si>
  <si>
    <t>Verspreide huizen Mallem en Loo</t>
  </si>
  <si>
    <t>buurt_gegeneraliseerd_2021.e3023c3a-8b33-4201-b1c7-f12326a3eaed</t>
  </si>
  <si>
    <t>BU18590108</t>
  </si>
  <si>
    <t>2021BU18590108</t>
  </si>
  <si>
    <t>Verspreide huizen Olden Eibergen</t>
  </si>
  <si>
    <t>buurt_gegeneraliseerd_2021.7c1563d7-94bc-4f57-a5b5-dacf7bcea164</t>
  </si>
  <si>
    <t>BU18590109</t>
  </si>
  <si>
    <t>2021BU18590109</t>
  </si>
  <si>
    <t>Verspreide huizen Rekken</t>
  </si>
  <si>
    <t>buurt_gegeneraliseerd_2021.9762d5dc-7447-4493-840c-aee408e446fe</t>
  </si>
  <si>
    <t>BU18590110</t>
  </si>
  <si>
    <t>2021BU18590110</t>
  </si>
  <si>
    <t>Westenesch-Hofrichter</t>
  </si>
  <si>
    <t>buurt_gegeneraliseerd_2021.389e071f-b76f-4cad-949d-af498dfb64ab</t>
  </si>
  <si>
    <t>BU18590111</t>
  </si>
  <si>
    <t>2021BU18590111</t>
  </si>
  <si>
    <t>buurt_gegeneraliseerd_2021.46299555-9050-4fcb-9c54-a6950b764116</t>
  </si>
  <si>
    <t>BU18590112</t>
  </si>
  <si>
    <t>2021BU18590112</t>
  </si>
  <si>
    <t>D'n Esch</t>
  </si>
  <si>
    <t>buurt_gegeneraliseerd_2021.da13fc32-4755-4530-b1e8-9918a17fd58a</t>
  </si>
  <si>
    <t>BU18590113</t>
  </si>
  <si>
    <t>2021BU18590113</t>
  </si>
  <si>
    <t>Bronbeek-Rozenkamp</t>
  </si>
  <si>
    <t>buurt_gegeneraliseerd_2021.1b2fcec8-26e6-4f18-921e-8392bc9760a1</t>
  </si>
  <si>
    <t>BU18590114</t>
  </si>
  <si>
    <t>2021BU18590114</t>
  </si>
  <si>
    <t>Zuivelfabriek</t>
  </si>
  <si>
    <t>buurt_gegeneraliseerd_2021.294c0f35-7ef4-4cf4-b550-80761826e166</t>
  </si>
  <si>
    <t>BU18590115</t>
  </si>
  <si>
    <t>2021BU18590115</t>
  </si>
  <si>
    <t>Op de Bleek</t>
  </si>
  <si>
    <t>buurt_gegeneraliseerd_2021.ae819c70-976a-4c6a-bea6-6fd59df1149d</t>
  </si>
  <si>
    <t>BU18590116</t>
  </si>
  <si>
    <t>2021BU18590116</t>
  </si>
  <si>
    <t>Eibergen Centrum</t>
  </si>
  <si>
    <t>buurt_gegeneraliseerd_2021.4af9894a-b730-4ee1-b66b-4d4aee6f41fa</t>
  </si>
  <si>
    <t>BU18590117</t>
  </si>
  <si>
    <t>2021BU18590117</t>
  </si>
  <si>
    <t>Mollemors</t>
  </si>
  <si>
    <t>buurt_gegeneraliseerd_2021.3bfa5204-5273-4179-83ed-129c156aaf0b</t>
  </si>
  <si>
    <t>BU18590118</t>
  </si>
  <si>
    <t>2021BU18590118</t>
  </si>
  <si>
    <t>Berkellanden</t>
  </si>
  <si>
    <t>buurt_gegeneraliseerd_2021.ce47582f-4ec3-4908-9319-b596ffde0efa</t>
  </si>
  <si>
    <t>BU18590119</t>
  </si>
  <si>
    <t>2021BU18590119</t>
  </si>
  <si>
    <t>Prins Bernhardstraat eo</t>
  </si>
  <si>
    <t>buurt_gegeneraliseerd_2021.308f0123-e250-40c8-a230-6d73550f62ce</t>
  </si>
  <si>
    <t>BU18590120</t>
  </si>
  <si>
    <t>2021BU18590120</t>
  </si>
  <si>
    <t>Simmelink West</t>
  </si>
  <si>
    <t>buurt_gegeneraliseerd_2021.14d97de3-d880-48b5-8657-47c37f3e3e94</t>
  </si>
  <si>
    <t>BU18590121</t>
  </si>
  <si>
    <t>2021BU18590121</t>
  </si>
  <si>
    <t>Simmelink Noord</t>
  </si>
  <si>
    <t>buurt_gegeneraliseerd_2021.31db5144-436b-4ccb-991f-6746a5f92ab6</t>
  </si>
  <si>
    <t>BU18590122</t>
  </si>
  <si>
    <t>2021BU18590122</t>
  </si>
  <si>
    <t>Simmelink Zuid</t>
  </si>
  <si>
    <t>buurt_gegeneraliseerd_2021.f76a6826-6411-4051-bfc1-7d150b18d70c</t>
  </si>
  <si>
    <t>BU18590123</t>
  </si>
  <si>
    <t>2021BU18590123</t>
  </si>
  <si>
    <t>Vrijersmaat-Plan Zuid</t>
  </si>
  <si>
    <t>buurt_gegeneraliseerd_2021.e85cbc83-37ac-4353-b999-e1834e4e6c8a</t>
  </si>
  <si>
    <t>BU18590124</t>
  </si>
  <si>
    <t>2021BU18590124</t>
  </si>
  <si>
    <t>Industrieterrein De Kiefte</t>
  </si>
  <si>
    <t>buurt_gegeneraliseerd_2021.fa4867ac-767c-4efc-874f-44e960b24077</t>
  </si>
  <si>
    <t>BU18590200</t>
  </si>
  <si>
    <t>2021BU18590200</t>
  </si>
  <si>
    <t>Beltrum</t>
  </si>
  <si>
    <t>buurt_gegeneraliseerd_2021.8ffebaad-2067-4488-9244-d58d001875bb</t>
  </si>
  <si>
    <t>BU18590206</t>
  </si>
  <si>
    <t>2021BU18590206</t>
  </si>
  <si>
    <t>Verspreide huizen Voor-Beltrum</t>
  </si>
  <si>
    <t>buurt_gegeneraliseerd_2021.68a7aba3-9d74-4da3-ac1b-2f933e1d0e6c</t>
  </si>
  <si>
    <t>BU18590207</t>
  </si>
  <si>
    <t>2021BU18590207</t>
  </si>
  <si>
    <t>Verspreide huizen Beltrum Lintvelde en Avest</t>
  </si>
  <si>
    <t>buurt_gegeneraliseerd_2021.6f3b077b-25e6-4c61-bfe9-ac4bfdee5172</t>
  </si>
  <si>
    <t>BU18590209</t>
  </si>
  <si>
    <t>2021BU18590209</t>
  </si>
  <si>
    <t>Verspreide huizen Beltrumsche Veld</t>
  </si>
  <si>
    <t>buurt_gegeneraliseerd_2021.a0279c55-f790-4aad-995a-4b412cfc3e64</t>
  </si>
  <si>
    <t>BU18590301</t>
  </si>
  <si>
    <t>2021BU18590301</t>
  </si>
  <si>
    <t>Noordijk</t>
  </si>
  <si>
    <t>buurt_gegeneraliseerd_2021.6d68de1e-6f1f-4902-829a-937f43d60dc4</t>
  </si>
  <si>
    <t>BU18590302</t>
  </si>
  <si>
    <t>2021BU18590302</t>
  </si>
  <si>
    <t>Rietmolen</t>
  </si>
  <si>
    <t>buurt_gegeneraliseerd_2021.836b6308-6298-4fb0-bd98-aacbbc3c8957</t>
  </si>
  <si>
    <t>BU18590307</t>
  </si>
  <si>
    <t>2021BU18590307</t>
  </si>
  <si>
    <t>Verspreide huizen Rietmolen en Broeke</t>
  </si>
  <si>
    <t>buurt_gegeneraliseerd_2021.83de8224-c74e-4d4b-a1f6-9136c876b200</t>
  </si>
  <si>
    <t>BU18590308</t>
  </si>
  <si>
    <t>2021BU18590308</t>
  </si>
  <si>
    <t>Verspreide huizen Noordijk</t>
  </si>
  <si>
    <t>buurt_gegeneraliseerd_2021.e675def0-a9e6-407c-9e9e-b3462f7cbe7f</t>
  </si>
  <si>
    <t>BU18590309</t>
  </si>
  <si>
    <t>2021BU18590309</t>
  </si>
  <si>
    <t>Verspreide huizen Neede</t>
  </si>
  <si>
    <t>buurt_gegeneraliseerd_2021.253a639a-6e5d-444b-b840-fb1d32457be4</t>
  </si>
  <si>
    <t>BU18590310</t>
  </si>
  <si>
    <t>2021BU18590310</t>
  </si>
  <si>
    <t>De Berg</t>
  </si>
  <si>
    <t>buurt_gegeneraliseerd_2021.948a68ce-40ce-49f3-b8f6-889836cf4955</t>
  </si>
  <si>
    <t>BU18590311</t>
  </si>
  <si>
    <t>2021BU18590311</t>
  </si>
  <si>
    <t>Roodland</t>
  </si>
  <si>
    <t>buurt_gegeneraliseerd_2021.630f101e-b64e-4305-8a1d-da487178b39c</t>
  </si>
  <si>
    <t>BU18590312</t>
  </si>
  <si>
    <t>2021BU18590312</t>
  </si>
  <si>
    <t>Ruwenhof-Meijersveld</t>
  </si>
  <si>
    <t>buurt_gegeneraliseerd_2021.a14b0cc8-daab-462a-9147-e34856b4337d</t>
  </si>
  <si>
    <t>BU18590313</t>
  </si>
  <si>
    <t>2021BU18590313</t>
  </si>
  <si>
    <t>Hondelink</t>
  </si>
  <si>
    <t>buurt_gegeneraliseerd_2021.19cfd60b-c53d-4651-b681-32ce06a41fd9</t>
  </si>
  <si>
    <t>BU18590314</t>
  </si>
  <si>
    <t>2021BU18590314</t>
  </si>
  <si>
    <t>Hofmaat</t>
  </si>
  <si>
    <t>buurt_gegeneraliseerd_2021.968d002a-18bf-4119-8fdf-8996b86ea0c0</t>
  </si>
  <si>
    <t>BU18590315</t>
  </si>
  <si>
    <t>2021BU18590315</t>
  </si>
  <si>
    <t>Neede Centrum</t>
  </si>
  <si>
    <t>buurt_gegeneraliseerd_2021.09a2081a-71c3-42bd-9125-dca383f79106</t>
  </si>
  <si>
    <t>BU18590316</t>
  </si>
  <si>
    <t>2021BU18590316</t>
  </si>
  <si>
    <t>Julianastraat eo</t>
  </si>
  <si>
    <t>buurt_gegeneraliseerd_2021.e5477d49-9e32-4808-8bdf-a6b85ee4d08d</t>
  </si>
  <si>
    <t>BU18590317</t>
  </si>
  <si>
    <t>2021BU18590317</t>
  </si>
  <si>
    <t>De Kamp-Spilbroek</t>
  </si>
  <si>
    <t>buurt_gegeneraliseerd_2021.e2ee90b7-9b2a-4dee-9706-91ded6627438</t>
  </si>
  <si>
    <t>BU18590318</t>
  </si>
  <si>
    <t>2021BU18590318</t>
  </si>
  <si>
    <t>Moeshof eo</t>
  </si>
  <si>
    <t>buurt_gegeneraliseerd_2021.a37a682a-6982-42d7-a19c-f9fbcfa16031</t>
  </si>
  <si>
    <t>BU18590319</t>
  </si>
  <si>
    <t>2021BU18590319</t>
  </si>
  <si>
    <t>Industerrein Neede</t>
  </si>
  <si>
    <t>buurt_gegeneraliseerd_2021.fea03d65-4309-4e4a-b746-4efc2ea009ae</t>
  </si>
  <si>
    <t>BU18590405</t>
  </si>
  <si>
    <t>2021BU18590405</t>
  </si>
  <si>
    <t>Verspreide huizen Ruurlo</t>
  </si>
  <si>
    <t>buurt_gegeneraliseerd_2021.fffccc4e-cad2-4d12-a128-a34685624f33</t>
  </si>
  <si>
    <t>BU18590406</t>
  </si>
  <si>
    <t>2021BU18590406</t>
  </si>
  <si>
    <t>Verspreide huizen Veldhoek</t>
  </si>
  <si>
    <t>buurt_gegeneraliseerd_2021.d0a114a4-d5d3-4db4-b185-fc2d8d553b63</t>
  </si>
  <si>
    <t>BU18590407</t>
  </si>
  <si>
    <t>2021BU18590407</t>
  </si>
  <si>
    <t>buurt_gegeneraliseerd_2021.2f9abfb2-e873-47d2-a539-fe2df5b40fe8</t>
  </si>
  <si>
    <t>BU18590408</t>
  </si>
  <si>
    <t>2021BU18590408</t>
  </si>
  <si>
    <t>Verspreide huizen Zuidelijk Broek</t>
  </si>
  <si>
    <t>buurt_gegeneraliseerd_2021.5e0416d6-bace-4065-ab93-160a08c3e460</t>
  </si>
  <si>
    <t>BU18590410</t>
  </si>
  <si>
    <t>2021BU18590410</t>
  </si>
  <si>
    <t>Verspreide huizen Ruurlosche Broek</t>
  </si>
  <si>
    <t>buurt_gegeneraliseerd_2021.173bc369-45b5-4d90-86bb-6e914f29bdeb</t>
  </si>
  <si>
    <t>BU18590411</t>
  </si>
  <si>
    <t>2021BU18590411</t>
  </si>
  <si>
    <t>Everwenninkhoek</t>
  </si>
  <si>
    <t>buurt_gegeneraliseerd_2021.63fc7565-7c91-4cd0-a80f-9f3b57ec28c1</t>
  </si>
  <si>
    <t>BU18590412</t>
  </si>
  <si>
    <t>2021BU18590412</t>
  </si>
  <si>
    <t>Garvelinkkamp</t>
  </si>
  <si>
    <t>buurt_gegeneraliseerd_2021.a9d036ad-ee52-4bfb-bbb9-d1c36a6c60f2</t>
  </si>
  <si>
    <t>BU18590413</t>
  </si>
  <si>
    <t>2021BU18590413</t>
  </si>
  <si>
    <t>Smidsbrink</t>
  </si>
  <si>
    <t>buurt_gegeneraliseerd_2021.6a5a198e-4f7c-4612-8b2f-667bd87b0a67</t>
  </si>
  <si>
    <t>BU18590414</t>
  </si>
  <si>
    <t>2021BU18590414</t>
  </si>
  <si>
    <t>Ruurlo Centrum</t>
  </si>
  <si>
    <t>buurt_gegeneraliseerd_2021.61520a90-38ab-4ae3-8794-0083dc6337e4</t>
  </si>
  <si>
    <t>BU18590415</t>
  </si>
  <si>
    <t>2021BU18590415</t>
  </si>
  <si>
    <t>Haarskamp</t>
  </si>
  <si>
    <t>buurt_gegeneraliseerd_2021.a04dacb9-995e-4bf2-b6c3-e1e0fc988f41</t>
  </si>
  <si>
    <t>BU18590416</t>
  </si>
  <si>
    <t>2021BU18590416</t>
  </si>
  <si>
    <t>Leusinkbrink</t>
  </si>
  <si>
    <t>buurt_gegeneraliseerd_2021.1dab9a92-ad6d-4ca3-8fa8-7a6d1a8a9b08</t>
  </si>
  <si>
    <t>BU18590417</t>
  </si>
  <si>
    <t>2021BU18590417</t>
  </si>
  <si>
    <t>buurt_gegeneraliseerd_2021.4056d614-5346-4afd-aae9-b74577b777de</t>
  </si>
  <si>
    <t>BU18590418</t>
  </si>
  <si>
    <t>2021BU18590418</t>
  </si>
  <si>
    <t>Industrieterrein Ruurlo</t>
  </si>
  <si>
    <t>buurt_gegeneraliseerd_2021.c0cd67c8-8a23-4e68-b30d-ff2a3efc31e4</t>
  </si>
  <si>
    <t>BU19790101</t>
  </si>
  <si>
    <t>2021BU19790101</t>
  </si>
  <si>
    <t>Centrum-Delfzijl</t>
  </si>
  <si>
    <t>GM1979</t>
  </si>
  <si>
    <t>buurt_gegeneraliseerd_2021.8d8750e6-27dd-44bd-acdc-7a0591ae0305</t>
  </si>
  <si>
    <t>BU19790202</t>
  </si>
  <si>
    <t>2021BU19790202</t>
  </si>
  <si>
    <t>Over de Gracht</t>
  </si>
  <si>
    <t>buurt_gegeneraliseerd_2021.3c5fcf41-17dd-4bc8-ab6b-78cbb5a55544</t>
  </si>
  <si>
    <t>BU19790203</t>
  </si>
  <si>
    <t>2021BU19790203</t>
  </si>
  <si>
    <t>Scheepvaartbuurt</t>
  </si>
  <si>
    <t>buurt_gegeneraliseerd_2021.454471e8-bfa7-47f8-9ac5-715939a6e4a3</t>
  </si>
  <si>
    <t>BU19790204</t>
  </si>
  <si>
    <t>2021BU19790204</t>
  </si>
  <si>
    <t>Steenbakkersbuurt</t>
  </si>
  <si>
    <t>buurt_gegeneraliseerd_2021.b28a48fd-4246-4b6a-93a9-d137ff4df6a4</t>
  </si>
  <si>
    <t>BU19790205</t>
  </si>
  <si>
    <t>2021BU19790205</t>
  </si>
  <si>
    <t>Tuikwerderrak</t>
  </si>
  <si>
    <t>buurt_gegeneraliseerd_2021.af6370e0-7d8f-47a9-84b2-054d70f26290</t>
  </si>
  <si>
    <t>BU19790221</t>
  </si>
  <si>
    <t>2021BU19790221</t>
  </si>
  <si>
    <t>Bosplan Tuikwerderrak</t>
  </si>
  <si>
    <t>buurt_gegeneraliseerd_2021.379fd075-0010-4b68-bb26-abfe910c0c72</t>
  </si>
  <si>
    <t>BU19790306</t>
  </si>
  <si>
    <t>2021BU19790306</t>
  </si>
  <si>
    <t>Doklanden</t>
  </si>
  <si>
    <t>buurt_gegeneraliseerd_2021.f1d42cc9-056e-4f17-bfac-8aa58ffc0acb</t>
  </si>
  <si>
    <t>BU19790307</t>
  </si>
  <si>
    <t>2021BU19790307</t>
  </si>
  <si>
    <t>Farmsum</t>
  </si>
  <si>
    <t>buurt_gegeneraliseerd_2021.861792d1-6286-445a-927e-cbddff12962c</t>
  </si>
  <si>
    <t>BU19790308</t>
  </si>
  <si>
    <t>2021BU19790308</t>
  </si>
  <si>
    <t>buurt_gegeneraliseerd_2021.14206b36-4865-43d9-8266-86db8b5ccd75</t>
  </si>
  <si>
    <t>BU19790309</t>
  </si>
  <si>
    <t>2021BU19790309</t>
  </si>
  <si>
    <t>Koveltemp</t>
  </si>
  <si>
    <t>buurt_gegeneraliseerd_2021.24186801-d145-4259-b197-d180323fc9f9</t>
  </si>
  <si>
    <t>BU19790410</t>
  </si>
  <si>
    <t>2021BU19790410</t>
  </si>
  <si>
    <t>Vliethoven</t>
  </si>
  <si>
    <t>buurt_gegeneraliseerd_2021.0fe7bef4-86a5-4302-8bdf-4051c8bd2cca</t>
  </si>
  <si>
    <t>BU19790411</t>
  </si>
  <si>
    <t>2021BU19790411</t>
  </si>
  <si>
    <t>buurt_gegeneraliseerd_2021.9326909f-d213-4d9b-bb8c-e9958f4f2e98</t>
  </si>
  <si>
    <t>BU19790412</t>
  </si>
  <si>
    <t>2021BU19790412</t>
  </si>
  <si>
    <t>Tuikwerd</t>
  </si>
  <si>
    <t>buurt_gegeneraliseerd_2021.68890f40-2919-40d0-809d-681a9cb23d76</t>
  </si>
  <si>
    <t>BU19790413</t>
  </si>
  <si>
    <t>2021BU19790413</t>
  </si>
  <si>
    <t>Oogstbuurt</t>
  </si>
  <si>
    <t>buurt_gegeneraliseerd_2021.fd2477c8-c88d-472b-a1cb-0ab7f94132cf</t>
  </si>
  <si>
    <t>BU19790414</t>
  </si>
  <si>
    <t>2021BU19790414</t>
  </si>
  <si>
    <t>Rietkampen</t>
  </si>
  <si>
    <t>buurt_gegeneraliseerd_2021.c6c8ab4c-586a-4b47-985f-217ae9257994</t>
  </si>
  <si>
    <t>BU19790415</t>
  </si>
  <si>
    <t>2021BU19790415</t>
  </si>
  <si>
    <t>Kruidenoever</t>
  </si>
  <si>
    <t>buurt_gegeneraliseerd_2021.d4ad77e2-be3e-4880-bd8c-508a109d2253</t>
  </si>
  <si>
    <t>BU19790518</t>
  </si>
  <si>
    <t>2021BU19790518</t>
  </si>
  <si>
    <t>Fivelmonde</t>
  </si>
  <si>
    <t>buurt_gegeneraliseerd_2021.08e53a17-c042-42b4-bdba-246bd50fa04b</t>
  </si>
  <si>
    <t>BU19790519</t>
  </si>
  <si>
    <t>2021BU19790519</t>
  </si>
  <si>
    <t>Fivelzigt</t>
  </si>
  <si>
    <t>buurt_gegeneraliseerd_2021.9de26e71-84e7-4bdb-9221-314c3ba3ff1c</t>
  </si>
  <si>
    <t>BU19790520</t>
  </si>
  <si>
    <t>2021BU19790520</t>
  </si>
  <si>
    <t>Dethmerseiland</t>
  </si>
  <si>
    <t>buurt_gegeneraliseerd_2021.e05f10a5-0476-46cc-be0c-cb7f586b5fed</t>
  </si>
  <si>
    <t>BU19790622</t>
  </si>
  <si>
    <t>2021BU19790622</t>
  </si>
  <si>
    <t>Kwelderland</t>
  </si>
  <si>
    <t>buurt_gegeneraliseerd_2021.f7377cd9-a9f3-4fbb-b623-8c08f218170c</t>
  </si>
  <si>
    <t>BU19790623</t>
  </si>
  <si>
    <t>2021BU19790623</t>
  </si>
  <si>
    <t>Vestingbuurt</t>
  </si>
  <si>
    <t>buurt_gegeneraliseerd_2021.49a5a020-a7e0-4562-a8d4-921cf78e58cb</t>
  </si>
  <si>
    <t>BU19790624</t>
  </si>
  <si>
    <t>2021BU19790624</t>
  </si>
  <si>
    <t>buurt_gegeneraliseerd_2021.ceac5798-b6b4-4205-834a-135ee0f03f66</t>
  </si>
  <si>
    <t>BU19790625</t>
  </si>
  <si>
    <t>2021BU19790625</t>
  </si>
  <si>
    <t>Zandplatenbuurt</t>
  </si>
  <si>
    <t>buurt_gegeneraliseerd_2021.89571221-88d4-4a14-ae3e-d2d34b087c7c</t>
  </si>
  <si>
    <t>BU19790626</t>
  </si>
  <si>
    <t>2021BU19790626</t>
  </si>
  <si>
    <t>Bornholm</t>
  </si>
  <si>
    <t>buurt_gegeneraliseerd_2021.b0a88c79-8ee9-45a9-878b-0a23ed8242cf</t>
  </si>
  <si>
    <t>BU19790646</t>
  </si>
  <si>
    <t>2021BU19790646</t>
  </si>
  <si>
    <t>Polarisbuurt</t>
  </si>
  <si>
    <t>buurt_gegeneraliseerd_2021.7c01b0c2-6d39-4344-81c9-be124029e1e6</t>
  </si>
  <si>
    <t>BU19790647</t>
  </si>
  <si>
    <t>2021BU19790647</t>
  </si>
  <si>
    <t>buurt_gegeneraliseerd_2021.0a0066fe-760d-4614-9d08-be6abf2755e3</t>
  </si>
  <si>
    <t>BU19790727</t>
  </si>
  <si>
    <t>2021BU19790727</t>
  </si>
  <si>
    <t>Uitwierde</t>
  </si>
  <si>
    <t>buurt_gegeneraliseerd_2021.f68a92fd-295c-43cb-b6f7-5fd9b89faa93</t>
  </si>
  <si>
    <t>BU19790728</t>
  </si>
  <si>
    <t>2021BU19790728</t>
  </si>
  <si>
    <t>Biessum</t>
  </si>
  <si>
    <t>buurt_gegeneraliseerd_2021.3a225b84-bcbd-4181-babd-d549831416e2</t>
  </si>
  <si>
    <t>BU19790730</t>
  </si>
  <si>
    <t>2021BU19790730</t>
  </si>
  <si>
    <t>Nansum</t>
  </si>
  <si>
    <t>buurt_gegeneraliseerd_2021.f09a8c5f-0d5a-4e3b-aa6d-691ac740f910</t>
  </si>
  <si>
    <t>BU19790733</t>
  </si>
  <si>
    <t>2021BU19790733</t>
  </si>
  <si>
    <t>Holwierde</t>
  </si>
  <si>
    <t>buurt_gegeneraliseerd_2021.cb28d4ea-43c5-400b-98db-6163deb712f1</t>
  </si>
  <si>
    <t>BU19790734</t>
  </si>
  <si>
    <t>2021BU19790734</t>
  </si>
  <si>
    <t>Krewerd</t>
  </si>
  <si>
    <t>buurt_gegeneraliseerd_2021.e8bfb317-10a2-456a-9b30-34f436d8947e</t>
  </si>
  <si>
    <t>BU19790735</t>
  </si>
  <si>
    <t>2021BU19790735</t>
  </si>
  <si>
    <t>Godlinze</t>
  </si>
  <si>
    <t>buurt_gegeneraliseerd_2021.daaa1507-a831-4b27-9b7e-85bdab93888a</t>
  </si>
  <si>
    <t>BU19790736</t>
  </si>
  <si>
    <t>2021BU19790736</t>
  </si>
  <si>
    <t>Losdorp</t>
  </si>
  <si>
    <t>buurt_gegeneraliseerd_2021.65499ff8-5e03-46b6-a3f3-554cb714ee8c</t>
  </si>
  <si>
    <t>BU19790737</t>
  </si>
  <si>
    <t>2021BU19790737</t>
  </si>
  <si>
    <t>Bierum</t>
  </si>
  <si>
    <t>buurt_gegeneraliseerd_2021.28857dde-b0f0-4fe8-b5ce-b11a7a4b5859</t>
  </si>
  <si>
    <t>BU19790738</t>
  </si>
  <si>
    <t>2021BU19790738</t>
  </si>
  <si>
    <t>buurt_gegeneraliseerd_2021.2bc13cf0-6db5-4690-84ab-e6f4332773c8</t>
  </si>
  <si>
    <t>BU19790739</t>
  </si>
  <si>
    <t>2021BU19790739</t>
  </si>
  <si>
    <t>Buitengebied Noord-Bierum</t>
  </si>
  <si>
    <t>buurt_gegeneraliseerd_2021.e196425a-3705-4b7e-b6cf-455b47b40664</t>
  </si>
  <si>
    <t>BU19790829</t>
  </si>
  <si>
    <t>2021BU19790829</t>
  </si>
  <si>
    <t>Weiwerd</t>
  </si>
  <si>
    <t>buurt_gegeneraliseerd_2021.ecdf2846-aa22-4ac2-9d08-b7f249eec4e4</t>
  </si>
  <si>
    <t>BU19790831</t>
  </si>
  <si>
    <t>2021BU19790831</t>
  </si>
  <si>
    <t>Oosterhorn</t>
  </si>
  <si>
    <t>buurt_gegeneraliseerd_2021.6b0744af-bfcf-43bc-b08a-4e9abcd2343a</t>
  </si>
  <si>
    <t>BU19790932</t>
  </si>
  <si>
    <t>2021BU19790932</t>
  </si>
  <si>
    <t>Meedhuizen</t>
  </si>
  <si>
    <t>buurt_gegeneraliseerd_2021.dcde4719-cddf-4df8-9cb2-14e044952bae</t>
  </si>
  <si>
    <t>BU19790940</t>
  </si>
  <si>
    <t>2021BU19790940</t>
  </si>
  <si>
    <t>Borgsweer</t>
  </si>
  <si>
    <t>buurt_gegeneraliseerd_2021.886d807c-6bd0-4521-90ba-a4b1194895b6</t>
  </si>
  <si>
    <t>BU19790941</t>
  </si>
  <si>
    <t>2021BU19790941</t>
  </si>
  <si>
    <t>Termunterzijl</t>
  </si>
  <si>
    <t>buurt_gegeneraliseerd_2021.31547051-abe0-429d-989d-dba8a9eaeddd</t>
  </si>
  <si>
    <t>BU19790942</t>
  </si>
  <si>
    <t>2021BU19790942</t>
  </si>
  <si>
    <t>Termunten</t>
  </si>
  <si>
    <t>buurt_gegeneraliseerd_2021.fe586a04-5e60-4203-bf99-d6ca816ce0ec</t>
  </si>
  <si>
    <t>BU19790943</t>
  </si>
  <si>
    <t>2021BU19790943</t>
  </si>
  <si>
    <t>Woldendorp</t>
  </si>
  <si>
    <t>buurt_gegeneraliseerd_2021.01ac208d-7ab8-43fe-8206-da72c1942d4c</t>
  </si>
  <si>
    <t>BU19790944</t>
  </si>
  <si>
    <t>2021BU19790944</t>
  </si>
  <si>
    <t>Wagenborgen</t>
  </si>
  <si>
    <t>buurt_gegeneraliseerd_2021.97da823c-e20e-4b76-a614-1a7ffd44ccfc</t>
  </si>
  <si>
    <t>BU19790945</t>
  </si>
  <si>
    <t>2021BU19790945</t>
  </si>
  <si>
    <t>Buitengebied Zuid-Termunten</t>
  </si>
  <si>
    <t>buurt_gegeneraliseerd_2021.459aff63-d80f-46e4-b898-4005e22c1c51</t>
  </si>
  <si>
    <t>BU19790948</t>
  </si>
  <si>
    <t>2021BU19790948</t>
  </si>
  <si>
    <t>Baamsum</t>
  </si>
  <si>
    <t>buurt_gegeneraliseerd_2021.19ec7824-7395-40d9-a2f7-a9c6e6b61ce3</t>
  </si>
  <si>
    <t>BU19791016</t>
  </si>
  <si>
    <t>2021BU19791016</t>
  </si>
  <si>
    <t>Eelwerd</t>
  </si>
  <si>
    <t>buurt_gegeneraliseerd_2021.74edbffa-ee06-4bba-b3dc-2691cd212079</t>
  </si>
  <si>
    <t>BU19791017</t>
  </si>
  <si>
    <t>2021BU19791017</t>
  </si>
  <si>
    <t>Sikkel</t>
  </si>
  <si>
    <t>buurt_gegeneraliseerd_2021.adbb2ddd-69ae-49df-bb08-c30e6faba1aa</t>
  </si>
  <si>
    <t>BU19791149</t>
  </si>
  <si>
    <t>2021BU19791149</t>
  </si>
  <si>
    <t>Centrum-Appingedam</t>
  </si>
  <si>
    <t>buurt_gegeneraliseerd_2021.e1a52f23-a23c-4cc6-be80-d081fedc9806</t>
  </si>
  <si>
    <t>BU19791150</t>
  </si>
  <si>
    <t>2021BU19791150</t>
  </si>
  <si>
    <t>De Wierde</t>
  </si>
  <si>
    <t>buurt_gegeneraliseerd_2021.b8ecf516-7311-4834-82d7-94bc210ffc09</t>
  </si>
  <si>
    <t>BU19791151</t>
  </si>
  <si>
    <t>2021BU19791151</t>
  </si>
  <si>
    <t>buurt_gegeneraliseerd_2021.a6cbe047-1565-4698-9fb6-5a7dd0ffa33d</t>
  </si>
  <si>
    <t>BU19791252</t>
  </si>
  <si>
    <t>2021BU19791252</t>
  </si>
  <si>
    <t>Woldweg</t>
  </si>
  <si>
    <t>buurt_gegeneraliseerd_2021.7c8ebd14-0a40-40b4-a4a8-739858b89a9c</t>
  </si>
  <si>
    <t>BU19791253</t>
  </si>
  <si>
    <t>2021BU19791253</t>
  </si>
  <si>
    <t>Opwierde</t>
  </si>
  <si>
    <t>buurt_gegeneraliseerd_2021.4e8925cf-5fbf-4a79-ae5d-5938fbf38f20</t>
  </si>
  <si>
    <t>BU19791254</t>
  </si>
  <si>
    <t>2021BU19791254</t>
  </si>
  <si>
    <t>Eendrachtbuurt</t>
  </si>
  <si>
    <t>buurt_gegeneraliseerd_2021.a2c06e9e-f204-4cd6-8ea5-383a36fc145c</t>
  </si>
  <si>
    <t>BU19791255</t>
  </si>
  <si>
    <t>2021BU19791255</t>
  </si>
  <si>
    <t>Opwierde Zuid</t>
  </si>
  <si>
    <t>buurt_gegeneraliseerd_2021.13ab559b-1c84-46a1-b72c-9ba6f2f9c894</t>
  </si>
  <si>
    <t>BU19791256</t>
  </si>
  <si>
    <t>2021BU19791256</t>
  </si>
  <si>
    <t>Opwierde Noord</t>
  </si>
  <si>
    <t>buurt_gegeneraliseerd_2021.b86634e4-2e49-42cb-9cd3-3ed3de956887</t>
  </si>
  <si>
    <t>BU19791257</t>
  </si>
  <si>
    <t>2021BU19791257</t>
  </si>
  <si>
    <t>Farmsumerweg</t>
  </si>
  <si>
    <t>buurt_gegeneraliseerd_2021.b116c882-4444-4571-b0a7-a02b4081524c</t>
  </si>
  <si>
    <t>BU19791258</t>
  </si>
  <si>
    <t>2021BU19791258</t>
  </si>
  <si>
    <t>Solwerd</t>
  </si>
  <si>
    <t>buurt_gegeneraliseerd_2021.0a5d0266-c6b7-49ce-acab-20d511d862bc</t>
  </si>
  <si>
    <t>BU19791359</t>
  </si>
  <si>
    <t>2021BU19791359</t>
  </si>
  <si>
    <t>buurt_gegeneraliseerd_2021.029bbff5-c699-4ae4-bf2f-3ee8a48a5c3b</t>
  </si>
  <si>
    <t>BU19791360</t>
  </si>
  <si>
    <t>2021BU19791360</t>
  </si>
  <si>
    <t>Hoflanden</t>
  </si>
  <si>
    <t>buurt_gegeneraliseerd_2021.f3eea67a-ac85-4660-ad68-61ffd21dc131</t>
  </si>
  <si>
    <t>BU19791361</t>
  </si>
  <si>
    <t>2021BU19791361</t>
  </si>
  <si>
    <t>Westerdraai</t>
  </si>
  <si>
    <t>buurt_gegeneraliseerd_2021.d1e8befb-f5da-425b-aab1-2b8924f83952</t>
  </si>
  <si>
    <t>BU19791362</t>
  </si>
  <si>
    <t>2021BU19791362</t>
  </si>
  <si>
    <t>Tjamsweer</t>
  </si>
  <si>
    <t>buurt_gegeneraliseerd_2021.78fa6ba6-c7cd-4a40-bb53-4203a3d5b620</t>
  </si>
  <si>
    <t>BU19791363</t>
  </si>
  <si>
    <t>2021BU19791363</t>
  </si>
  <si>
    <t>Oling</t>
  </si>
  <si>
    <t>buurt_gegeneraliseerd_2021.368065da-a3bb-49c3-88fc-2c97a1451914</t>
  </si>
  <si>
    <t>BU19791364</t>
  </si>
  <si>
    <t>2021BU19791364</t>
  </si>
  <si>
    <t>Olingermeeden</t>
  </si>
  <si>
    <t>buurt_gegeneraliseerd_2021.9fbaaa04-3515-45c9-9f4b-fbf8434a5829</t>
  </si>
  <si>
    <t>BU19791465</t>
  </si>
  <si>
    <t>2021BU19791465</t>
  </si>
  <si>
    <t>Jukwerd</t>
  </si>
  <si>
    <t>buurt_gegeneraliseerd_2021.b4ef4ebd-7626-44fa-8e1e-4d6cd2c8b007</t>
  </si>
  <si>
    <t>BU19791466</t>
  </si>
  <si>
    <t>2021BU19791466</t>
  </si>
  <si>
    <t>Garreweer</t>
  </si>
  <si>
    <t>buurt_gegeneraliseerd_2021.ae9cec5c-853c-4e18-a370-feb37466d14f</t>
  </si>
  <si>
    <t>BU19791467</t>
  </si>
  <si>
    <t>2021BU19791467</t>
  </si>
  <si>
    <t>Marsum</t>
  </si>
  <si>
    <t>buurt_gegeneraliseerd_2021.74d49613-c807-44c5-af00-fa5c30822b66</t>
  </si>
  <si>
    <t>BU19791468</t>
  </si>
  <si>
    <t>2021BU19791468</t>
  </si>
  <si>
    <t>Ekenstein</t>
  </si>
  <si>
    <t>buurt_gegeneraliseerd_2021.53419cce-dd66-4a3f-816c-57c6219d2e39</t>
  </si>
  <si>
    <t>BU19791469</t>
  </si>
  <si>
    <t>2021BU19791469</t>
  </si>
  <si>
    <t>Buitengebied Noord-Appingedam</t>
  </si>
  <si>
    <t>buurt_gegeneraliseerd_2021.3722e556-7610-449f-adfb-ec7d1921ff7e</t>
  </si>
  <si>
    <t>BU19791570</t>
  </si>
  <si>
    <t>2021BU19791570</t>
  </si>
  <si>
    <t>Laskwerd</t>
  </si>
  <si>
    <t>buurt_gegeneraliseerd_2021.76a3c7f4-7e4c-4af0-8739-6b3ac3aedfbf</t>
  </si>
  <si>
    <t>BU19791571</t>
  </si>
  <si>
    <t>2021BU19791571</t>
  </si>
  <si>
    <t>Fivelpoort</t>
  </si>
  <si>
    <t>buurt_gegeneraliseerd_2021.58e1c1ea-2783-4e5a-8613-f88e8fb7616e</t>
  </si>
  <si>
    <t>BU19791572</t>
  </si>
  <si>
    <t>2021BU19791572</t>
  </si>
  <si>
    <t>Buitengebied Zuid-Appingedam</t>
  </si>
  <si>
    <t>buurt_gegeneraliseerd_2021.0e591dae-107b-4529-b889-1d003ab0d86c</t>
  </si>
  <si>
    <t>BU19791673</t>
  </si>
  <si>
    <t>2021BU19791673</t>
  </si>
  <si>
    <t>Loppersum</t>
  </si>
  <si>
    <t>buurt_gegeneraliseerd_2021.34019b18-b524-460f-89fb-9d0eec882ca5</t>
  </si>
  <si>
    <t>BU19791674</t>
  </si>
  <si>
    <t>2021BU19791674</t>
  </si>
  <si>
    <t>Garrelsweer</t>
  </si>
  <si>
    <t>buurt_gegeneraliseerd_2021.fcff19b8-10bd-4b23-8fa3-4af9529009b0</t>
  </si>
  <si>
    <t>BU19791675</t>
  </si>
  <si>
    <t>2021BU19791675</t>
  </si>
  <si>
    <t>buurt_gegeneraliseerd_2021.d6f0d818-e366-47d0-96bd-5fdf57fb373d</t>
  </si>
  <si>
    <t>BU19791676</t>
  </si>
  <si>
    <t>2021BU19791676</t>
  </si>
  <si>
    <t>Buitengebied Noord-Loppersum</t>
  </si>
  <si>
    <t>buurt_gegeneraliseerd_2021.8707490e-5dd2-4ea7-b04a-9fc4670e0a77</t>
  </si>
  <si>
    <t>BU19791777</t>
  </si>
  <si>
    <t>2021BU19791777</t>
  </si>
  <si>
    <t>Stedum</t>
  </si>
  <si>
    <t>buurt_gegeneraliseerd_2021.bc30035b-8a45-40f9-ba59-cf312a99ba3a</t>
  </si>
  <si>
    <t>BU19791778</t>
  </si>
  <si>
    <t>2021BU19791778</t>
  </si>
  <si>
    <t>Westeremden</t>
  </si>
  <si>
    <t>buurt_gegeneraliseerd_2021.999250ca-a3e0-491f-b593-dafbf7cafa99</t>
  </si>
  <si>
    <t>BU19791779</t>
  </si>
  <si>
    <t>2021BU19791779</t>
  </si>
  <si>
    <t>Garsthuizen</t>
  </si>
  <si>
    <t>buurt_gegeneraliseerd_2021.6d161661-5050-44b1-b1a0-c1614c43ac10</t>
  </si>
  <si>
    <t>BU19791780</t>
  </si>
  <si>
    <t>2021BU19791780</t>
  </si>
  <si>
    <t>Buitengebied Noord-Stedum</t>
  </si>
  <si>
    <t>buurt_gegeneraliseerd_2021.10e8af2f-7e85-44a4-90c5-f77e6203ce1c</t>
  </si>
  <si>
    <t>BU19791881</t>
  </si>
  <si>
    <t>2021BU19791881</t>
  </si>
  <si>
    <t>Middelstum</t>
  </si>
  <si>
    <t>buurt_gegeneraliseerd_2021.a0de5473-635f-4767-aa03-4ff0fa42e844</t>
  </si>
  <si>
    <t>BU19791882</t>
  </si>
  <si>
    <t>2021BU19791882</t>
  </si>
  <si>
    <t>Westerwijtwerd</t>
  </si>
  <si>
    <t>buurt_gegeneraliseerd_2021.7ef1078e-2cc3-4853-b208-e2f28f032fb2</t>
  </si>
  <si>
    <t>BU19791883</t>
  </si>
  <si>
    <t>2021BU19791883</t>
  </si>
  <si>
    <t>Huizinge</t>
  </si>
  <si>
    <t>buurt_gegeneraliseerd_2021.cf6aa7fd-2830-4e6c-82e2-c9741157a2d7</t>
  </si>
  <si>
    <t>BU19791884</t>
  </si>
  <si>
    <t>2021BU19791884</t>
  </si>
  <si>
    <t>Toornwerd</t>
  </si>
  <si>
    <t>buurt_gegeneraliseerd_2021.e9e0650c-a8f7-4f15-a655-662a725703a9</t>
  </si>
  <si>
    <t>BU19791885</t>
  </si>
  <si>
    <t>2021BU19791885</t>
  </si>
  <si>
    <t>Buitengebied Noord-Middelstum</t>
  </si>
  <si>
    <t>buurt_gegeneraliseerd_2021.101e55a1-9a11-449e-8eed-d0bef01efab2</t>
  </si>
  <si>
    <t>BU19791986</t>
  </si>
  <si>
    <t>2021BU19791986</t>
  </si>
  <si>
    <t>'t Zandt</t>
  </si>
  <si>
    <t>buurt_gegeneraliseerd_2021.ac2967fe-5b1f-4835-b1d1-261d2c590499</t>
  </si>
  <si>
    <t>BU19791987</t>
  </si>
  <si>
    <t>2021BU19791987</t>
  </si>
  <si>
    <t>Zeerijp</t>
  </si>
  <si>
    <t>buurt_gegeneraliseerd_2021.75bf564d-6800-427f-8812-ef57dfa2933c</t>
  </si>
  <si>
    <t>BU19791988</t>
  </si>
  <si>
    <t>2021BU19791988</t>
  </si>
  <si>
    <t>Zijldijk</t>
  </si>
  <si>
    <t>buurt_gegeneraliseerd_2021.52ccf845-21cb-468f-9b82-0be3a25a4ca9</t>
  </si>
  <si>
    <t>BU19791989</t>
  </si>
  <si>
    <t>2021BU19791989</t>
  </si>
  <si>
    <t>Leermens</t>
  </si>
  <si>
    <t>buurt_gegeneraliseerd_2021.ed3d4e3b-94f7-4b02-b45f-d179fd86b408</t>
  </si>
  <si>
    <t>BU19791990</t>
  </si>
  <si>
    <t>2021BU19791990</t>
  </si>
  <si>
    <t>Oosterwijtwerd</t>
  </si>
  <si>
    <t>buurt_gegeneraliseerd_2021.159e94d9-2a7a-4206-86e0-49d4cc047df0</t>
  </si>
  <si>
    <t>BU19791991</t>
  </si>
  <si>
    <t>2021BU19791991</t>
  </si>
  <si>
    <t>Eenum</t>
  </si>
  <si>
    <t>buurt_gegeneraliseerd_2021.5c3ec401-a021-4ea3-8549-f738ce0cc879</t>
  </si>
  <si>
    <t>BU19791992</t>
  </si>
  <si>
    <t>2021BU19791992</t>
  </si>
  <si>
    <t>Buitengebied Noord-'t Zandt</t>
  </si>
  <si>
    <t>buurt_gegeneraliseerd_2021.626d9036-3abb-4531-93ef-2ccd91c19c21</t>
  </si>
  <si>
    <t>BU00140000</t>
  </si>
  <si>
    <t>2021BU00140000</t>
  </si>
  <si>
    <t>GM0014</t>
  </si>
  <si>
    <t>buurt_gegeneraliseerd_2021.e8b11d46-29af-4719-9fdd-2bdfe809dda0</t>
  </si>
  <si>
    <t>BU00140001</t>
  </si>
  <si>
    <t>2021BU00140001</t>
  </si>
  <si>
    <t>buurt_gegeneraliseerd_2021.4a17fd23-b633-4414-9218-80903cccc812</t>
  </si>
  <si>
    <t>BU00140002</t>
  </si>
  <si>
    <t>2021BU00140002</t>
  </si>
  <si>
    <t>buurt_gegeneraliseerd_2021.ba6dd980-361a-4eeb-b6c5-04c27486f55f</t>
  </si>
  <si>
    <t>BU00140003</t>
  </si>
  <si>
    <t>2021BU00140003</t>
  </si>
  <si>
    <t>buurt_gegeneraliseerd_2021.4f5846db-b512-434a-89ef-a3fd972c2f28</t>
  </si>
  <si>
    <t>BU00140004</t>
  </si>
  <si>
    <t>2021BU00140004</t>
  </si>
  <si>
    <t>Noorderplantsoen</t>
  </si>
  <si>
    <t>buurt_gegeneraliseerd_2021.55357a74-fca6-4951-9e6d-a00906a0d262</t>
  </si>
  <si>
    <t>BU00140005</t>
  </si>
  <si>
    <t>2021BU00140005</t>
  </si>
  <si>
    <t>Hortusbuurt-Ebbingekwartier</t>
  </si>
  <si>
    <t>buurt_gegeneraliseerd_2021.cc909db6-890e-49d0-8972-933b50460802</t>
  </si>
  <si>
    <t>BU00140007</t>
  </si>
  <si>
    <t>2021BU00140007</t>
  </si>
  <si>
    <t>UMCG</t>
  </si>
  <si>
    <t>buurt_gegeneraliseerd_2021.cadbe4aa-e178-4f8c-9ec2-77f703790a3e</t>
  </si>
  <si>
    <t>BU00140008</t>
  </si>
  <si>
    <t>2021BU00140008</t>
  </si>
  <si>
    <t>buurt_gegeneraliseerd_2021.59dd577f-4108-4894-8776-bbb8bba02a92</t>
  </si>
  <si>
    <t>BU00140100</t>
  </si>
  <si>
    <t>2021BU00140100</t>
  </si>
  <si>
    <t>De Meeuwen</t>
  </si>
  <si>
    <t>buurt_gegeneraliseerd_2021.9becc127-8e20-4b4c-b2ed-71fe13c3e7dd</t>
  </si>
  <si>
    <t>BU00140101</t>
  </si>
  <si>
    <t>2021BU00140101</t>
  </si>
  <si>
    <t>Oosterpoort</t>
  </si>
  <si>
    <t>buurt_gegeneraliseerd_2021.6861793b-3d90-49b2-a295-575d9bf4e7e1</t>
  </si>
  <si>
    <t>BU00140102</t>
  </si>
  <si>
    <t>2021BU00140102</t>
  </si>
  <si>
    <t>Herewegbuurt</t>
  </si>
  <si>
    <t>buurt_gegeneraliseerd_2021.8f833a5b-8b7e-4d7d-ac1e-fd6d09eaad3b</t>
  </si>
  <si>
    <t>BU00140103</t>
  </si>
  <si>
    <t>2021BU00140103</t>
  </si>
  <si>
    <t>buurt_gegeneraliseerd_2021.27fcc170-6dab-4cac-a757-8690a3b1a7a7</t>
  </si>
  <si>
    <t>BU00140104</t>
  </si>
  <si>
    <t>2021BU00140104</t>
  </si>
  <si>
    <t>Grunobuurt</t>
  </si>
  <si>
    <t>buurt_gegeneraliseerd_2021.d1b59c12-718b-4c1b-8eec-7e87a854d3e7</t>
  </si>
  <si>
    <t>BU00140105</t>
  </si>
  <si>
    <t>2021BU00140105</t>
  </si>
  <si>
    <t>Badstratenbuurt</t>
  </si>
  <si>
    <t>buurt_gegeneraliseerd_2021.8ac38b2c-c7fd-47ad-a14d-8d51bf9bfd71</t>
  </si>
  <si>
    <t>BU00140106</t>
  </si>
  <si>
    <t>2021BU00140106</t>
  </si>
  <si>
    <t>buurt_gegeneraliseerd_2021.c9ee5ad8-8e79-4b49-947a-f9167482ae47</t>
  </si>
  <si>
    <t>BU00140107</t>
  </si>
  <si>
    <t>2021BU00140107</t>
  </si>
  <si>
    <t>Laanhuizen</t>
  </si>
  <si>
    <t>buurt_gegeneraliseerd_2021.b6cad376-4f09-4d08-9d6c-35fdc9ecfd32</t>
  </si>
  <si>
    <t>BU00140108</t>
  </si>
  <si>
    <t>2021BU00140108</t>
  </si>
  <si>
    <t>Stadspark</t>
  </si>
  <si>
    <t>buurt_gegeneraliseerd_2021.22fc5576-63ca-4bae-bbbe-37442ed58fa8</t>
  </si>
  <si>
    <t>BU00140109</t>
  </si>
  <si>
    <t>2021BU00140109</t>
  </si>
  <si>
    <t>Martini Trade Park</t>
  </si>
  <si>
    <t>buurt_gegeneraliseerd_2021.ad5af2bf-1142-4ba8-8569-fdc0a725aab7</t>
  </si>
  <si>
    <t>BU00140200</t>
  </si>
  <si>
    <t>2021BU00140200</t>
  </si>
  <si>
    <t>buurt_gegeneraliseerd_2021.75394468-da90-4ba0-9641-8698e38b84a1</t>
  </si>
  <si>
    <t>BU00140201</t>
  </si>
  <si>
    <t>2021BU00140201</t>
  </si>
  <si>
    <t>Noorderplantsoenbuurt</t>
  </si>
  <si>
    <t>buurt_gegeneraliseerd_2021.b441ea2d-562a-4455-839c-a1a7d2359691</t>
  </si>
  <si>
    <t>BU00140202</t>
  </si>
  <si>
    <t>2021BU00140202</t>
  </si>
  <si>
    <t>buurt_gegeneraliseerd_2021.66d0d55c-7787-440c-8e42-45dcf25484c7</t>
  </si>
  <si>
    <t>BU00140203</t>
  </si>
  <si>
    <t>2021BU00140203</t>
  </si>
  <si>
    <t>Kostverloren</t>
  </si>
  <si>
    <t>buurt_gegeneraliseerd_2021.423e9caf-3984-4a5e-8522-d77f5826d589</t>
  </si>
  <si>
    <t>BU00140300</t>
  </si>
  <si>
    <t>2021BU00140300</t>
  </si>
  <si>
    <t>buurt_gegeneraliseerd_2021.d477efc2-0cec-4ef6-93f9-27fbf31e8d30</t>
  </si>
  <si>
    <t>BU00140301</t>
  </si>
  <si>
    <t>2021BU00140301</t>
  </si>
  <si>
    <t>buurt_gegeneraliseerd_2021.1e55ea90-c544-477a-9323-2dbbc9ad2a30</t>
  </si>
  <si>
    <t>BU00140302</t>
  </si>
  <si>
    <t>2021BU00140302</t>
  </si>
  <si>
    <t>buurt_gegeneraliseerd_2021.42fb65a7-a0b9-4d09-8c7b-8192189509be</t>
  </si>
  <si>
    <t>BU00140400</t>
  </si>
  <si>
    <t>2021BU00140400</t>
  </si>
  <si>
    <t>Gorechtbuurt</t>
  </si>
  <si>
    <t>buurt_gegeneraliseerd_2021.9d662ecb-49c7-4533-bef9-db910321ff18</t>
  </si>
  <si>
    <t>BU00140401</t>
  </si>
  <si>
    <t>2021BU00140401</t>
  </si>
  <si>
    <t>buurt_gegeneraliseerd_2021.f07805d0-ca93-4429-8bc6-c36637c543ea</t>
  </si>
  <si>
    <t>BU00140402</t>
  </si>
  <si>
    <t>2021BU00140402</t>
  </si>
  <si>
    <t>buurt_gegeneraliseerd_2021.48480e30-a1f9-4c90-8c6a-406c56ec46df</t>
  </si>
  <si>
    <t>BU00140403</t>
  </si>
  <si>
    <t>2021BU00140403</t>
  </si>
  <si>
    <t>buurt_gegeneraliseerd_2021.357fcffc-0665-475b-828e-594dc45c7750</t>
  </si>
  <si>
    <t>BU00140404</t>
  </si>
  <si>
    <t>2021BU00140404</t>
  </si>
  <si>
    <t>Damsterbuurt</t>
  </si>
  <si>
    <t>buurt_gegeneraliseerd_2021.d73443b7-9e66-4f2b-b1bc-dd6e8b6ea63f</t>
  </si>
  <si>
    <t>BU00140500</t>
  </si>
  <si>
    <t>2021BU00140500</t>
  </si>
  <si>
    <t>De Linie</t>
  </si>
  <si>
    <t>buurt_gegeneraliseerd_2021.840efa78-54f7-4eca-a953-aeea363714b6</t>
  </si>
  <si>
    <t>BU00140501</t>
  </si>
  <si>
    <t>2021BU00140501</t>
  </si>
  <si>
    <t>Europapark</t>
  </si>
  <si>
    <t>buurt_gegeneraliseerd_2021.d4ea3a3d-a8d9-4be7-8083-017a1c274dc1</t>
  </si>
  <si>
    <t>BU00140502</t>
  </si>
  <si>
    <t>2021BU00140502</t>
  </si>
  <si>
    <t>Eemskanaal</t>
  </si>
  <si>
    <t>buurt_gegeneraliseerd_2021.5fdd22c7-40c4-4809-af00-a18971442093</t>
  </si>
  <si>
    <t>BU00140503</t>
  </si>
  <si>
    <t>2021BU00140503</t>
  </si>
  <si>
    <t>Kop van Oost</t>
  </si>
  <si>
    <t>buurt_gegeneraliseerd_2021.6e207bc5-2480-4b6b-ad58-6a285ed4b47e</t>
  </si>
  <si>
    <t>BU00140504</t>
  </si>
  <si>
    <t>2021BU00140504</t>
  </si>
  <si>
    <t>Woonschepenhaven</t>
  </si>
  <si>
    <t>buurt_gegeneraliseerd_2021.af8e509b-f173-404d-9ee0-980f0e2ece0c</t>
  </si>
  <si>
    <t>BU00140505</t>
  </si>
  <si>
    <t>2021BU00140505</t>
  </si>
  <si>
    <t>Driebond</t>
  </si>
  <si>
    <t>buurt_gegeneraliseerd_2021.0315ac91-5f9e-44d1-a515-8f7dc1cf3fa7</t>
  </si>
  <si>
    <t>BU00140506</t>
  </si>
  <si>
    <t>2021BU00140506</t>
  </si>
  <si>
    <t>Eemspoort</t>
  </si>
  <si>
    <t>buurt_gegeneraliseerd_2021.c427fe8b-ef27-448a-b3b8-c9d04452f14b</t>
  </si>
  <si>
    <t>BU00140507</t>
  </si>
  <si>
    <t>2021BU00140507</t>
  </si>
  <si>
    <t>Euvelgunne</t>
  </si>
  <si>
    <t>buurt_gegeneraliseerd_2021.b324191d-3db2-4410-90f3-e7beeea0d199</t>
  </si>
  <si>
    <t>BU00140508</t>
  </si>
  <si>
    <t>2021BU00140508</t>
  </si>
  <si>
    <t>Winschoterdiep</t>
  </si>
  <si>
    <t>buurt_gegeneraliseerd_2021.a2468a94-4f89-47a2-955e-3eea53f6221e</t>
  </si>
  <si>
    <t>BU00140509</t>
  </si>
  <si>
    <t>2021BU00140509</t>
  </si>
  <si>
    <t>Stainkoel'n</t>
  </si>
  <si>
    <t>buurt_gegeneraliseerd_2021.55e56789-27c5-493d-bead-3c0b53c4ed46</t>
  </si>
  <si>
    <t>BU00140510</t>
  </si>
  <si>
    <t>2021BU00140510</t>
  </si>
  <si>
    <t>Roodehaan</t>
  </si>
  <si>
    <t>buurt_gegeneraliseerd_2021.7238de3d-71fe-4a2f-b22d-c70801810e8a</t>
  </si>
  <si>
    <t>BU00140511</t>
  </si>
  <si>
    <t>2021BU00140511</t>
  </si>
  <si>
    <t>buurt_gegeneraliseerd_2021.15fe4ece-fdbc-4ad4-a037-7a4bb6cb12fe</t>
  </si>
  <si>
    <t>BU00140600</t>
  </si>
  <si>
    <t>2021BU00140600</t>
  </si>
  <si>
    <t>Sterrebosbuurt</t>
  </si>
  <si>
    <t>buurt_gegeneraliseerd_2021.34d34742-f8d6-4e76-ae19-6690bb12e448</t>
  </si>
  <si>
    <t>BU00140601</t>
  </si>
  <si>
    <t>2021BU00140601</t>
  </si>
  <si>
    <t>Coendersborg</t>
  </si>
  <si>
    <t>buurt_gegeneraliseerd_2021.6b2b0872-bd09-4ac5-9c07-40c16ec9c832</t>
  </si>
  <si>
    <t>BU00140602</t>
  </si>
  <si>
    <t>2021BU00140602</t>
  </si>
  <si>
    <t>Klein Martijn</t>
  </si>
  <si>
    <t>buurt_gegeneraliseerd_2021.fed1cb49-a82c-4985-bfff-64703130b0c8</t>
  </si>
  <si>
    <t>BU00140603</t>
  </si>
  <si>
    <t>2021BU00140603</t>
  </si>
  <si>
    <t>buurt_gegeneraliseerd_2021.5d685fd8-501c-4cd1-a8c5-415909b1661e</t>
  </si>
  <si>
    <t>BU00140604</t>
  </si>
  <si>
    <t>2021BU00140604</t>
  </si>
  <si>
    <t>Helpman</t>
  </si>
  <si>
    <t>buurt_gegeneraliseerd_2021.105787a9-51de-495d-9eb0-12a06859fcfd</t>
  </si>
  <si>
    <t>BU00140605</t>
  </si>
  <si>
    <t>2021BU00140605</t>
  </si>
  <si>
    <t>De Wijert</t>
  </si>
  <si>
    <t>buurt_gegeneraliseerd_2021.08c1f0c2-fc94-46ee-98db-964a6c9592f8</t>
  </si>
  <si>
    <t>BU00140606</t>
  </si>
  <si>
    <t>2021BU00140606</t>
  </si>
  <si>
    <t>De Wijert-Zuid</t>
  </si>
  <si>
    <t>buurt_gegeneraliseerd_2021.b604454b-b19b-44d7-9e8e-7d97b0928ad2</t>
  </si>
  <si>
    <t>BU00140700</t>
  </si>
  <si>
    <t>2021BU00140700</t>
  </si>
  <si>
    <t>Corpus den Hoorn</t>
  </si>
  <si>
    <t>buurt_gegeneraliseerd_2021.aa183a8e-de32-444f-a798-611a54636c74</t>
  </si>
  <si>
    <t>BU00140701</t>
  </si>
  <si>
    <t>2021BU00140701</t>
  </si>
  <si>
    <t>Hoornse Meer</t>
  </si>
  <si>
    <t>buurt_gegeneraliseerd_2021.900fa40f-ab8e-45ec-9cec-1f89c5ea5c2b</t>
  </si>
  <si>
    <t>BU00140702</t>
  </si>
  <si>
    <t>2021BU00140702</t>
  </si>
  <si>
    <t>Hoornse Park</t>
  </si>
  <si>
    <t>buurt_gegeneraliseerd_2021.3c1b9a06-a921-4516-a873-7ea86d674d7a</t>
  </si>
  <si>
    <t>BU00140703</t>
  </si>
  <si>
    <t>2021BU00140703</t>
  </si>
  <si>
    <t>Van Swieten</t>
  </si>
  <si>
    <t>buurt_gegeneraliseerd_2021.ff5bab11-caca-4fb8-8ec9-80ed2ba3a606</t>
  </si>
  <si>
    <t>BU00140704</t>
  </si>
  <si>
    <t>2021BU00140704</t>
  </si>
  <si>
    <t>Piccardthof</t>
  </si>
  <si>
    <t>buurt_gegeneraliseerd_2021.c2ac6bed-34e7-42d8-ad0a-aa521d91fea7</t>
  </si>
  <si>
    <t>BU00140705</t>
  </si>
  <si>
    <t>2021BU00140705</t>
  </si>
  <si>
    <t>Bruilweering</t>
  </si>
  <si>
    <t>buurt_gegeneraliseerd_2021.83b0b362-5b0d-4182-8f42-1d12667be6ee</t>
  </si>
  <si>
    <t>BU00140800</t>
  </si>
  <si>
    <t>2021BU00140800</t>
  </si>
  <si>
    <t>Hoogkerk Dorp</t>
  </si>
  <si>
    <t>buurt_gegeneraliseerd_2021.9b113af0-7772-4241-9127-4acdaaf3cf85</t>
  </si>
  <si>
    <t>BU00140801</t>
  </si>
  <si>
    <t>2021BU00140801</t>
  </si>
  <si>
    <t>Hoogkerk-Zuid</t>
  </si>
  <si>
    <t>buurt_gegeneraliseerd_2021.3c20e0f1-4c9b-43a6-9e01-a88508c83bbd</t>
  </si>
  <si>
    <t>BU00140802</t>
  </si>
  <si>
    <t>2021BU00140802</t>
  </si>
  <si>
    <t>Westpoort</t>
  </si>
  <si>
    <t>buurt_gegeneraliseerd_2021.0434ef7d-d80f-4f9e-94c1-695a44020135</t>
  </si>
  <si>
    <t>BU00140803</t>
  </si>
  <si>
    <t>2021BU00140803</t>
  </si>
  <si>
    <t>Vierverlaten</t>
  </si>
  <si>
    <t>buurt_gegeneraliseerd_2021.b7be19f5-9ed1-498b-90ee-71945487e018</t>
  </si>
  <si>
    <t>BU00140804</t>
  </si>
  <si>
    <t>2021BU00140804</t>
  </si>
  <si>
    <t>buurt_gegeneraliseerd_2021.7d54a8bd-5724-4a05-83d9-e864cd6d0c08</t>
  </si>
  <si>
    <t>BU00140805</t>
  </si>
  <si>
    <t>2021BU00140805</t>
  </si>
  <si>
    <t>Leegkerk</t>
  </si>
  <si>
    <t>buurt_gegeneraliseerd_2021.e18e9e56-6cab-4745-943c-8bcebf63daa6</t>
  </si>
  <si>
    <t>BU00140806</t>
  </si>
  <si>
    <t>2021BU00140806</t>
  </si>
  <si>
    <t>Gravenburg</t>
  </si>
  <si>
    <t>buurt_gegeneraliseerd_2021.762e0e64-632e-4d26-8d3a-bbd1a7e909bc</t>
  </si>
  <si>
    <t>BU00140807</t>
  </si>
  <si>
    <t>2021BU00140807</t>
  </si>
  <si>
    <t>Suikerfabriekterrein</t>
  </si>
  <si>
    <t>buurt_gegeneraliseerd_2021.7b42a751-0513-4c57-b552-594e16873d18</t>
  </si>
  <si>
    <t>BU00140808</t>
  </si>
  <si>
    <t>2021BU00140808</t>
  </si>
  <si>
    <t>Peizerweg</t>
  </si>
  <si>
    <t>buurt_gegeneraliseerd_2021.b363c20c-ef9b-41bc-9d95-fec89bb9a02d</t>
  </si>
  <si>
    <t>BU00140809</t>
  </si>
  <si>
    <t>2021BU00140809</t>
  </si>
  <si>
    <t>Bangeweer</t>
  </si>
  <si>
    <t>buurt_gegeneraliseerd_2021.5d7d9bef-6b7f-40a6-9100-299c62fde0fe</t>
  </si>
  <si>
    <t>BU00140810</t>
  </si>
  <si>
    <t>2021BU00140810</t>
  </si>
  <si>
    <t>De Buitenhof</t>
  </si>
  <si>
    <t>buurt_gegeneraliseerd_2021.b604ccfc-5a17-47a6-b9ff-8940919dd471</t>
  </si>
  <si>
    <t>BU00140811</t>
  </si>
  <si>
    <t>2021BU00140811</t>
  </si>
  <si>
    <t>buurt_gegeneraliseerd_2021.185bf4ba-a80d-4bfd-8c41-76a10b82f31d</t>
  </si>
  <si>
    <t>BU00140812</t>
  </si>
  <si>
    <t>2021BU00140812</t>
  </si>
  <si>
    <t>De Kring</t>
  </si>
  <si>
    <t>buurt_gegeneraliseerd_2021.e050b124-fae0-4900-bd47-c93472c074e4</t>
  </si>
  <si>
    <t>BU00140900</t>
  </si>
  <si>
    <t>2021BU00140900</t>
  </si>
  <si>
    <t>Vinkhuizen-Noord</t>
  </si>
  <si>
    <t>buurt_gegeneraliseerd_2021.432adbc6-a5d3-466a-bf36-fdb239222725</t>
  </si>
  <si>
    <t>BU00140901</t>
  </si>
  <si>
    <t>2021BU00140901</t>
  </si>
  <si>
    <t>Vinkhuizen-Zuid</t>
  </si>
  <si>
    <t>buurt_gegeneraliseerd_2021.85855058-e042-40eb-8587-6516b821abf7</t>
  </si>
  <si>
    <t>BU00140902</t>
  </si>
  <si>
    <t>2021BU00140902</t>
  </si>
  <si>
    <t>Hoendiep</t>
  </si>
  <si>
    <t>buurt_gegeneraliseerd_2021.c37361f6-5c5e-4ace-8837-5026908d122d</t>
  </si>
  <si>
    <t>BU00140903</t>
  </si>
  <si>
    <t>2021BU00140903</t>
  </si>
  <si>
    <t>Friesestraatweg</t>
  </si>
  <si>
    <t>buurt_gegeneraliseerd_2021.3e614a61-7ff8-4fd3-a57c-b59bf109a227</t>
  </si>
  <si>
    <t>BU00140904</t>
  </si>
  <si>
    <t>2021BU00140904</t>
  </si>
  <si>
    <t>Reitdiep</t>
  </si>
  <si>
    <t>buurt_gegeneraliseerd_2021.fc8a57e9-bfb6-43ae-a7c0-4a2972cda9b7</t>
  </si>
  <si>
    <t>BU00140905</t>
  </si>
  <si>
    <t>2021BU00140905</t>
  </si>
  <si>
    <t>Dorkwerd</t>
  </si>
  <si>
    <t>buurt_gegeneraliseerd_2021.13150c2e-fb5d-4311-ac2d-d3bae26d2ac7</t>
  </si>
  <si>
    <t>BU00140906</t>
  </si>
  <si>
    <t>2021BU00140906</t>
  </si>
  <si>
    <t>De Held</t>
  </si>
  <si>
    <t>buurt_gegeneraliseerd_2021.17fb08c7-b807-4079-afb6-3a1a997cefc0</t>
  </si>
  <si>
    <t>BU00140907</t>
  </si>
  <si>
    <t>2021BU00140907</t>
  </si>
  <si>
    <t>Westpark</t>
  </si>
  <si>
    <t>buurt_gegeneraliseerd_2021.babb0e3e-bdde-42ab-9079-3ca5a23faf17</t>
  </si>
  <si>
    <t>BU00141000</t>
  </si>
  <si>
    <t>2021BU00141000</t>
  </si>
  <si>
    <t>Selwerd</t>
  </si>
  <si>
    <t>buurt_gegeneraliseerd_2021.de307d2b-09fd-4b9e-8287-66b0738601c7</t>
  </si>
  <si>
    <t>BU00141001</t>
  </si>
  <si>
    <t>2021BU00141001</t>
  </si>
  <si>
    <t>Paddepoel-Zuid</t>
  </si>
  <si>
    <t>buurt_gegeneraliseerd_2021.1e504672-4a1a-4bf3-803c-64f60e9359c2</t>
  </si>
  <si>
    <t>BU00141002</t>
  </si>
  <si>
    <t>2021BU00141002</t>
  </si>
  <si>
    <t>Paddepoel-Noord</t>
  </si>
  <si>
    <t>buurt_gegeneraliseerd_2021.362814b3-e3fc-4022-bddc-2bc110846b34</t>
  </si>
  <si>
    <t>BU00141003</t>
  </si>
  <si>
    <t>2021BU00141003</t>
  </si>
  <si>
    <t>Zernike Campus</t>
  </si>
  <si>
    <t>buurt_gegeneraliseerd_2021.c601466b-a4c6-4cd4-88ee-1c0e5e95e11c</t>
  </si>
  <si>
    <t>BU00141004</t>
  </si>
  <si>
    <t>2021BU00141004</t>
  </si>
  <si>
    <t>Selwerderhof</t>
  </si>
  <si>
    <t>buurt_gegeneraliseerd_2021.7b16fd30-66e7-45aa-a280-7576c24d74c5</t>
  </si>
  <si>
    <t>BU00141005</t>
  </si>
  <si>
    <t>2021BU00141005</t>
  </si>
  <si>
    <t>buurt_gegeneraliseerd_2021.5dd9ce11-64f3-4197-825f-3af474942e69</t>
  </si>
  <si>
    <t>BU00141100</t>
  </si>
  <si>
    <t>2021BU00141100</t>
  </si>
  <si>
    <t>Beijum-West</t>
  </si>
  <si>
    <t>buurt_gegeneraliseerd_2021.4232d3ea-d2a6-41c2-85c4-251de44d0d5e</t>
  </si>
  <si>
    <t>BU00141101</t>
  </si>
  <si>
    <t>2021BU00141101</t>
  </si>
  <si>
    <t>Beijum-Oost</t>
  </si>
  <si>
    <t>buurt_gegeneraliseerd_2021.fd6c1060-3f2b-417a-b432-080788640542</t>
  </si>
  <si>
    <t>BU00141102</t>
  </si>
  <si>
    <t>2021BU00141102</t>
  </si>
  <si>
    <t>De Hunze</t>
  </si>
  <si>
    <t>buurt_gegeneraliseerd_2021.2a0d5cec-cb49-4a6a-a370-1d90bd84b42a</t>
  </si>
  <si>
    <t>BU00141103</t>
  </si>
  <si>
    <t>2021BU00141103</t>
  </si>
  <si>
    <t>Van Starkenborgh</t>
  </si>
  <si>
    <t>buurt_gegeneraliseerd_2021.6c7865b1-ee3f-4123-ab78-693f7e2f1e5b</t>
  </si>
  <si>
    <t>BU00141104</t>
  </si>
  <si>
    <t>2021BU00141104</t>
  </si>
  <si>
    <t>Noorderhoogebrug</t>
  </si>
  <si>
    <t>buurt_gegeneraliseerd_2021.fd0167f6-28f6-49ef-876c-78ca16fc7dc4</t>
  </si>
  <si>
    <t>BU00141105</t>
  </si>
  <si>
    <t>2021BU00141105</t>
  </si>
  <si>
    <t>Het Witte Lam</t>
  </si>
  <si>
    <t>buurt_gegeneraliseerd_2021.eb7da60d-9fc1-4028-aabe-89c0aa07c3a9</t>
  </si>
  <si>
    <t>BU00141106</t>
  </si>
  <si>
    <t>2021BU00141106</t>
  </si>
  <si>
    <t>Koningslaagte</t>
  </si>
  <si>
    <t>buurt_gegeneraliseerd_2021.153cab60-f179-4482-a7d0-4af8c9171336</t>
  </si>
  <si>
    <t>BU00141107</t>
  </si>
  <si>
    <t>2021BU00141107</t>
  </si>
  <si>
    <t>Hunzeboord</t>
  </si>
  <si>
    <t>buurt_gegeneraliseerd_2021.23832f11-0ed3-4a31-9bb0-391ff438af46</t>
  </si>
  <si>
    <t>BU00141200</t>
  </si>
  <si>
    <t>2021BU00141200</t>
  </si>
  <si>
    <t>Lewenborg-Noord</t>
  </si>
  <si>
    <t>buurt_gegeneraliseerd_2021.d36e658a-3ff9-4598-9691-8f1879bb7c57</t>
  </si>
  <si>
    <t>BU00141201</t>
  </si>
  <si>
    <t>2021BU00141201</t>
  </si>
  <si>
    <t>Lewenborg-Zuid</t>
  </si>
  <si>
    <t>buurt_gegeneraliseerd_2021.ee40e8a2-ddce-4b0b-906c-cf35380143d2</t>
  </si>
  <si>
    <t>BU00141202</t>
  </si>
  <si>
    <t>2021BU00141202</t>
  </si>
  <si>
    <t>Lewenborg-West</t>
  </si>
  <si>
    <t>buurt_gegeneraliseerd_2021.75d813f3-a43d-45ba-adc2-7263c4eeac29</t>
  </si>
  <si>
    <t>BU00141203</t>
  </si>
  <si>
    <t>2021BU00141203</t>
  </si>
  <si>
    <t>Oosterhoogebrug</t>
  </si>
  <si>
    <t>buurt_gegeneraliseerd_2021.d9a473cd-d2f2-4eec-8422-7ae3d96a0396</t>
  </si>
  <si>
    <t>BU00141204</t>
  </si>
  <si>
    <t>2021BU00141204</t>
  </si>
  <si>
    <t>Ulgersmaborg</t>
  </si>
  <si>
    <t>buurt_gegeneraliseerd_2021.a3c891c8-880e-436c-bb70-bb145e95471b</t>
  </si>
  <si>
    <t>BU00141205</t>
  </si>
  <si>
    <t>2021BU00141205</t>
  </si>
  <si>
    <t>Hunzepark</t>
  </si>
  <si>
    <t>buurt_gegeneraliseerd_2021.78c08097-a785-4742-a066-51fa38c55601</t>
  </si>
  <si>
    <t>BU00141206</t>
  </si>
  <si>
    <t>2021BU00141206</t>
  </si>
  <si>
    <t>Zilvermeer</t>
  </si>
  <si>
    <t>buurt_gegeneraliseerd_2021.691abc24-f5e5-4948-8f73-b788f8b1b450</t>
  </si>
  <si>
    <t>BU00141207</t>
  </si>
  <si>
    <t>2021BU00141207</t>
  </si>
  <si>
    <t>Kardinge</t>
  </si>
  <si>
    <t>buurt_gegeneraliseerd_2021.e31b1df8-4271-43d1-9c04-ae2a9a4d3ca5</t>
  </si>
  <si>
    <t>BU00141208</t>
  </si>
  <si>
    <t>2021BU00141208</t>
  </si>
  <si>
    <t>Drielanden</t>
  </si>
  <si>
    <t>buurt_gegeneraliseerd_2021.69b8f2a2-71d6-4193-a0a4-42611a53cd24</t>
  </si>
  <si>
    <t>BU00141209</t>
  </si>
  <si>
    <t>2021BU00141209</t>
  </si>
  <si>
    <t>Noorddijk</t>
  </si>
  <si>
    <t>buurt_gegeneraliseerd_2021.3becb673-600f-4828-ba88-b2ebb3fa2ecd</t>
  </si>
  <si>
    <t>BU00141210</t>
  </si>
  <si>
    <t>2021BU00141210</t>
  </si>
  <si>
    <t>Ruischerbrug</t>
  </si>
  <si>
    <t>buurt_gegeneraliseerd_2021.19129368-0e7d-4b1f-9609-15e417f8a1ef</t>
  </si>
  <si>
    <t>BU00141211</t>
  </si>
  <si>
    <t>2021BU00141211</t>
  </si>
  <si>
    <t>Ruischerwaard</t>
  </si>
  <si>
    <t>buurt_gegeneraliseerd_2021.9a7cf95a-25a3-416a-b6db-3da2a076111f</t>
  </si>
  <si>
    <t>BU00141300</t>
  </si>
  <si>
    <t>2021BU00141300</t>
  </si>
  <si>
    <t>Middelbert</t>
  </si>
  <si>
    <t>buurt_gegeneraliseerd_2021.1e3d18f5-454f-4282-b478-c11aae5b2283</t>
  </si>
  <si>
    <t>BU00141301</t>
  </si>
  <si>
    <t>2021BU00141301</t>
  </si>
  <si>
    <t>Engelbert</t>
  </si>
  <si>
    <t>buurt_gegeneraliseerd_2021.a9ae2665-f526-4b53-b1d8-08c52a6f9d13</t>
  </si>
  <si>
    <t>BU00141302</t>
  </si>
  <si>
    <t>2021BU00141302</t>
  </si>
  <si>
    <t>Klein Harkstede</t>
  </si>
  <si>
    <t>buurt_gegeneraliseerd_2021.e572515e-5160-4db9-80bc-4b9a325ac56d</t>
  </si>
  <si>
    <t>BU00141400</t>
  </si>
  <si>
    <t>2021BU00141400</t>
  </si>
  <si>
    <t>Meeroevers</t>
  </si>
  <si>
    <t>buurt_gegeneraliseerd_2021.ef469f82-4203-4660-82ab-17df0b859b12</t>
  </si>
  <si>
    <t>BU00141401</t>
  </si>
  <si>
    <t>2021BU00141401</t>
  </si>
  <si>
    <t>Harkstede GN</t>
  </si>
  <si>
    <t>buurt_gegeneraliseerd_2021.d4ae8757-5ab5-4912-b486-083e51ed5517</t>
  </si>
  <si>
    <t>BU00141402</t>
  </si>
  <si>
    <t>2021BU00141402</t>
  </si>
  <si>
    <t>Lageland GN</t>
  </si>
  <si>
    <t>buurt_gegeneraliseerd_2021.e516dcd8-e29a-4254-9cd2-455a9d7837cd</t>
  </si>
  <si>
    <t>BU00141403</t>
  </si>
  <si>
    <t>2021BU00141403</t>
  </si>
  <si>
    <t>Groenewei</t>
  </si>
  <si>
    <t>buurt_gegeneraliseerd_2021.ebfcef01-c689-49fa-8793-b357ebdf312d</t>
  </si>
  <si>
    <t>BU00141404</t>
  </si>
  <si>
    <t>2021BU00141404</t>
  </si>
  <si>
    <t>Tersluis</t>
  </si>
  <si>
    <t>buurt_gegeneraliseerd_2021.02a50398-4714-49f0-adc4-92799b28182e</t>
  </si>
  <si>
    <t>BU00141405</t>
  </si>
  <si>
    <t>2021BU00141405</t>
  </si>
  <si>
    <t>De Zeilen</t>
  </si>
  <si>
    <t>buurt_gegeneraliseerd_2021.5a4884af-07da-4fe0-a6db-0111cb6e06bf</t>
  </si>
  <si>
    <t>BU00141406</t>
  </si>
  <si>
    <t>2021BU00141406</t>
  </si>
  <si>
    <t>De Wierden</t>
  </si>
  <si>
    <t>buurt_gegeneraliseerd_2021.98b8562e-bcb8-4bf1-bed4-7d7b20b6659a</t>
  </si>
  <si>
    <t>BU00141500</t>
  </si>
  <si>
    <t>2021BU00141500</t>
  </si>
  <si>
    <t>Ten Boer Dorp</t>
  </si>
  <si>
    <t>buurt_gegeneraliseerd_2021.f1c1d7dc-1f0e-474c-95d8-f61345e069a1</t>
  </si>
  <si>
    <t>BU00141501</t>
  </si>
  <si>
    <t>2021BU00141501</t>
  </si>
  <si>
    <t>Buitengebied Ten Boer-Zuid</t>
  </si>
  <si>
    <t>buurt_gegeneraliseerd_2021.8767658d-24cd-494a-a6c0-83e2faf1b319</t>
  </si>
  <si>
    <t>BU00141502</t>
  </si>
  <si>
    <t>2021BU00141502</t>
  </si>
  <si>
    <t>Garmerwolde</t>
  </si>
  <si>
    <t>buurt_gegeneraliseerd_2021.fdf1ab54-9c3d-43a7-b5e6-406396841f31</t>
  </si>
  <si>
    <t>BU00141503</t>
  </si>
  <si>
    <t>2021BU00141503</t>
  </si>
  <si>
    <t>Thesinge</t>
  </si>
  <si>
    <t>buurt_gegeneraliseerd_2021.1c6922ef-c0fa-4ef7-8dac-e8b29e30260c</t>
  </si>
  <si>
    <t>BU00141504</t>
  </si>
  <si>
    <t>2021BU00141504</t>
  </si>
  <si>
    <t>Sint Annen</t>
  </si>
  <si>
    <t>buurt_gegeneraliseerd_2021.24ab8d3a-126b-4893-b19a-95c8b468b31c</t>
  </si>
  <si>
    <t>BU00141505</t>
  </si>
  <si>
    <t>2021BU00141505</t>
  </si>
  <si>
    <t>Buitengebied Ten Boer-Noord</t>
  </si>
  <si>
    <t>buurt_gegeneraliseerd_2021.d8fbbf7f-8973-416c-9eab-cb1fd2268764</t>
  </si>
  <si>
    <t>BU00141506</t>
  </si>
  <si>
    <t>2021BU00141506</t>
  </si>
  <si>
    <t>Bedrijventerrein Ten Boer</t>
  </si>
  <si>
    <t>buurt_gegeneraliseerd_2021.7b64b809-e137-4709-bd18-3ded0fd40353</t>
  </si>
  <si>
    <t>BU00141600</t>
  </si>
  <si>
    <t>2021BU00141600</t>
  </si>
  <si>
    <t>Ten Post Dorp</t>
  </si>
  <si>
    <t>buurt_gegeneraliseerd_2021.8dd62568-bfbb-4fe8-85e0-c4f916692520</t>
  </si>
  <si>
    <t>BU00141601</t>
  </si>
  <si>
    <t>2021BU00141601</t>
  </si>
  <si>
    <t>Lellens</t>
  </si>
  <si>
    <t>buurt_gegeneraliseerd_2021.b70789c8-85e3-4a09-93ae-62c5109add15</t>
  </si>
  <si>
    <t>BU00141602</t>
  </si>
  <si>
    <t>2021BU00141602</t>
  </si>
  <si>
    <t>Woltersum</t>
  </si>
  <si>
    <t>buurt_gegeneraliseerd_2021.abc76104-8ffa-4a44-b0ab-97151ff43266</t>
  </si>
  <si>
    <t>BU00141603</t>
  </si>
  <si>
    <t>2021BU00141603</t>
  </si>
  <si>
    <t>Winneweer</t>
  </si>
  <si>
    <t>buurt_gegeneraliseerd_2021.237e0184-90d3-497a-a244-c4c7ab3336b8</t>
  </si>
  <si>
    <t>BU00141604</t>
  </si>
  <si>
    <t>2021BU00141604</t>
  </si>
  <si>
    <t>Wittewierum</t>
  </si>
  <si>
    <t>buurt_gegeneraliseerd_2021.2f394cf9-6746-4909-b915-3110310cf182</t>
  </si>
  <si>
    <t>BU00141605</t>
  </si>
  <si>
    <t>2021BU00141605</t>
  </si>
  <si>
    <t>Buitengebied Ten Post</t>
  </si>
  <si>
    <t>buurt_gegeneraliseerd_2021.e4b986ad-ccb7-4b9a-b475-6ed634ce3b42</t>
  </si>
  <si>
    <t>BU00141700</t>
  </si>
  <si>
    <t>2021BU00141700</t>
  </si>
  <si>
    <t>Haren-Centrum</t>
  </si>
  <si>
    <t>buurt_gegeneraliseerd_2021.10c573ca-4a62-4e44-9db2-ca5ecb39be32</t>
  </si>
  <si>
    <t>BU00141701</t>
  </si>
  <si>
    <t>2021BU00141701</t>
  </si>
  <si>
    <t>Haren-Zuidwest</t>
  </si>
  <si>
    <t>buurt_gegeneraliseerd_2021.db19ed99-aba2-448f-8fb1-3c59955ffda6</t>
  </si>
  <si>
    <t>BU00141702</t>
  </si>
  <si>
    <t>2021BU00141702</t>
  </si>
  <si>
    <t>Haren-Zuidoost</t>
  </si>
  <si>
    <t>buurt_gegeneraliseerd_2021.4ca7c021-b8fd-4208-82b0-e1fdfe49a5bd</t>
  </si>
  <si>
    <t>BU00141703</t>
  </si>
  <si>
    <t>2021BU00141703</t>
  </si>
  <si>
    <t>Haren-Noord</t>
  </si>
  <si>
    <t>buurt_gegeneraliseerd_2021.8ff3caca-b1ea-4ab4-901c-21f525089d03</t>
  </si>
  <si>
    <t>BU00141704</t>
  </si>
  <si>
    <t>2021BU00141704</t>
  </si>
  <si>
    <t>Essen</t>
  </si>
  <si>
    <t>buurt_gegeneraliseerd_2021.5b1d98d7-1058-4cc9-8f48-2cd07eef4178</t>
  </si>
  <si>
    <t>BU00141705</t>
  </si>
  <si>
    <t>2021BU00141705</t>
  </si>
  <si>
    <t>Buitengebied Haren-Noordwest</t>
  </si>
  <si>
    <t>buurt_gegeneraliseerd_2021.6b492fbd-c64f-4735-9fab-87484b491d3d</t>
  </si>
  <si>
    <t>BU00141706</t>
  </si>
  <si>
    <t>2021BU00141706</t>
  </si>
  <si>
    <t>Nesciopark</t>
  </si>
  <si>
    <t>buurt_gegeneraliseerd_2021.aba2b7ce-9b44-4437-8ee2-a7a4afcd9010</t>
  </si>
  <si>
    <t>BU00141707</t>
  </si>
  <si>
    <t>2021BU00141707</t>
  </si>
  <si>
    <t>Paterswoldsemeer</t>
  </si>
  <si>
    <t>buurt_gegeneraliseerd_2021.9e961da7-96fa-4a4e-96d0-a676a4b1d986</t>
  </si>
  <si>
    <t>BU00141708</t>
  </si>
  <si>
    <t>2021BU00141708</t>
  </si>
  <si>
    <t>Buitengebied Haren-Zuidoost</t>
  </si>
  <si>
    <t>buurt_gegeneraliseerd_2021.ebb5e807-d6ff-48b9-a4a4-9da1be546a1f</t>
  </si>
  <si>
    <t>BU00141709</t>
  </si>
  <si>
    <t>2021BU00141709</t>
  </si>
  <si>
    <t>Wolddeelen</t>
  </si>
  <si>
    <t>buurt_gegeneraliseerd_2021.385f04d7-360e-4653-9398-fa00ed9120ce</t>
  </si>
  <si>
    <t>BU00141710</t>
  </si>
  <si>
    <t>2021BU00141710</t>
  </si>
  <si>
    <t>Buitengebied Haren-Zuidwest</t>
  </si>
  <si>
    <t>buurt_gegeneraliseerd_2021.5760cdcf-0c00-470e-b560-0f4694d9ed1d</t>
  </si>
  <si>
    <t>BU00141800</t>
  </si>
  <si>
    <t>2021BU00141800</t>
  </si>
  <si>
    <t>Oosterhaar</t>
  </si>
  <si>
    <t>buurt_gegeneraliseerd_2021.02761b78-2b84-4e9e-ae7a-0ea099e78394</t>
  </si>
  <si>
    <t>BU00141801</t>
  </si>
  <si>
    <t>2021BU00141801</t>
  </si>
  <si>
    <t>buurt_gegeneraliseerd_2021.ac4fdca5-20ce-4076-a210-467456e37215</t>
  </si>
  <si>
    <t>BU00141802</t>
  </si>
  <si>
    <t>2021BU00141802</t>
  </si>
  <si>
    <t>Felland</t>
  </si>
  <si>
    <t>buurt_gegeneraliseerd_2021.5d215872-eae9-4327-a84d-094ca6641bc3</t>
  </si>
  <si>
    <t>BU00141803</t>
  </si>
  <si>
    <t>2021BU00141803</t>
  </si>
  <si>
    <t>Buitengebied Haren-Noordoost</t>
  </si>
  <si>
    <t>buurt_gegeneraliseerd_2021.a4629f7c-b029-4375-a112-d26d94ab0a45</t>
  </si>
  <si>
    <t>BU00141900</t>
  </si>
  <si>
    <t>2021BU00141900</t>
  </si>
  <si>
    <t>Glimmen Dorp</t>
  </si>
  <si>
    <t>buurt_gegeneraliseerd_2021.7d94f089-2c23-43dd-870b-d1392f0f07b5</t>
  </si>
  <si>
    <t>BU00141901</t>
  </si>
  <si>
    <t>2021BU00141901</t>
  </si>
  <si>
    <t>Onnen Dorp</t>
  </si>
  <si>
    <t>buurt_gegeneraliseerd_2021.27194e19-09dd-4337-97e3-4337bf00abea</t>
  </si>
  <si>
    <t>BU00141902</t>
  </si>
  <si>
    <t>2021BU00141902</t>
  </si>
  <si>
    <t>Noordlaren Dorp</t>
  </si>
  <si>
    <t>buurt_gegeneraliseerd_2021.41e8d2d5-cca2-493a-b4f7-dacf2f1c0336</t>
  </si>
  <si>
    <t>BU00141903</t>
  </si>
  <si>
    <t>2021BU00141903</t>
  </si>
  <si>
    <t>Buitengebied Glimmen</t>
  </si>
  <si>
    <t>buurt_gegeneraliseerd_2021.ab128474-9e91-47da-bb88-c58f18ec0ee8</t>
  </si>
  <si>
    <t>BU00141904</t>
  </si>
  <si>
    <t>2021BU00141904</t>
  </si>
  <si>
    <t>Buitengebied Onnen</t>
  </si>
  <si>
    <t>buurt_gegeneraliseerd_2021.22425677-a4de-4edd-95fc-1eb31353b6c4</t>
  </si>
  <si>
    <t>BU00141905</t>
  </si>
  <si>
    <t>2021BU00141905</t>
  </si>
  <si>
    <t>Buitengebied Noordlaren</t>
  </si>
  <si>
    <t>buurt_gegeneraliseerd_2021.9be9c807-18dd-42d0-9e6e-ef6adb9e9393</t>
  </si>
  <si>
    <t>BU00141906</t>
  </si>
  <si>
    <t>2021BU00141906</t>
  </si>
  <si>
    <t>Zuidlaardermeer</t>
  </si>
  <si>
    <t>buurt_gegeneraliseerd_2021.f756f152-2af2-42b7-b620-6c30c7c7e40c</t>
  </si>
  <si>
    <t>BU00141907</t>
  </si>
  <si>
    <t>2021BU00141907</t>
  </si>
  <si>
    <t>Noordlaarderbos</t>
  </si>
  <si>
    <t>buurt_gegeneraliseerd_2021.97146dd4-ec76-43bd-a1a6-1ba3b320c8ce</t>
  </si>
  <si>
    <t>BU00141908</t>
  </si>
  <si>
    <t>2021BU00141908</t>
  </si>
  <si>
    <t>Appelbergen Glimmen</t>
  </si>
  <si>
    <t>buurt_gegeneraliseerd_2021.216745fa-8297-466a-9b49-61c433ff39a8</t>
  </si>
  <si>
    <t>BU00141909</t>
  </si>
  <si>
    <t>2021BU00141909</t>
  </si>
  <si>
    <t>Appelbergen Onnen</t>
  </si>
  <si>
    <t>buurt_gegeneraliseerd_2021.96939044-90bf-4631-9f71-c72ce9ecc1f0</t>
  </si>
  <si>
    <t>BU19491500</t>
  </si>
  <si>
    <t>2021BU19491500</t>
  </si>
  <si>
    <t>Buitengebied Achlum</t>
  </si>
  <si>
    <t>GM1949</t>
  </si>
  <si>
    <t>buurt_gegeneraliseerd_2021.378f49f6-6916-420a-9ebe-3f8fab3462c1</t>
  </si>
  <si>
    <t>BU19491501</t>
  </si>
  <si>
    <t>2021BU19491501</t>
  </si>
  <si>
    <t>Achlum</t>
  </si>
  <si>
    <t>buurt_gegeneraliseerd_2021.6309783b-515f-436f-aab6-7ec01a01d339</t>
  </si>
  <si>
    <t>BU19491600</t>
  </si>
  <si>
    <t>2021BU19491600</t>
  </si>
  <si>
    <t>Buitengebied St.-Annaparochie</t>
  </si>
  <si>
    <t>buurt_gegeneraliseerd_2021.4ec007a9-d3d8-4afa-b39c-669a75a0b1a8</t>
  </si>
  <si>
    <t>BU19491601</t>
  </si>
  <si>
    <t>2021BU19491601</t>
  </si>
  <si>
    <t>St.-Annaparochie Bedr. Nij Toerenburg</t>
  </si>
  <si>
    <t>buurt_gegeneraliseerd_2021.4eb67fd8-a672-4923-905a-3f7cd3b22d66</t>
  </si>
  <si>
    <t>BU19491602</t>
  </si>
  <si>
    <t>2021BU19491602</t>
  </si>
  <si>
    <t>St.-Annaparochie Zuidoost</t>
  </si>
  <si>
    <t>buurt_gegeneraliseerd_2021.21e7d58c-675f-4bf0-8924-586b0880178b</t>
  </si>
  <si>
    <t>BU19491603</t>
  </si>
  <si>
    <t>2021BU19491603</t>
  </si>
  <si>
    <t>St.-Annaparochie Noordwest</t>
  </si>
  <si>
    <t>buurt_gegeneraliseerd_2021.c101983d-7438-427d-9c74-3a5a94b59925</t>
  </si>
  <si>
    <t>BU19491604</t>
  </si>
  <si>
    <t>2021BU19491604</t>
  </si>
  <si>
    <t>St.-Annaparochie Noordoost</t>
  </si>
  <si>
    <t>buurt_gegeneraliseerd_2021.df3dc200-b449-4a18-9363-c90960fc160d</t>
  </si>
  <si>
    <t>BU19491605</t>
  </si>
  <si>
    <t>2021BU19491605</t>
  </si>
  <si>
    <t>St.-Annaparochie Zuidwest</t>
  </si>
  <si>
    <t>buurt_gegeneraliseerd_2021.9e38ee53-f11f-41ae-b386-dff25b1c9280</t>
  </si>
  <si>
    <t>BU19491606</t>
  </si>
  <si>
    <t>2021BU19491606</t>
  </si>
  <si>
    <t>St.-Annaparochie Bedrijventer. de Wissel</t>
  </si>
  <si>
    <t>buurt_gegeneraliseerd_2021.748cd06e-95ba-4e3c-b449-88c51b84a7b7</t>
  </si>
  <si>
    <t>BU19491700</t>
  </si>
  <si>
    <t>2021BU19491700</t>
  </si>
  <si>
    <t>Baaium</t>
  </si>
  <si>
    <t>buurt_gegeneraliseerd_2021.ee81efa8-efeb-47b4-8385-f3bbe17ee0ee</t>
  </si>
  <si>
    <t>BU19491800</t>
  </si>
  <si>
    <t>2021BU19491800</t>
  </si>
  <si>
    <t>Buitengebied Berltsum</t>
  </si>
  <si>
    <t>buurt_gegeneraliseerd_2021.614c4396-e548-4244-b500-6582be053ff1</t>
  </si>
  <si>
    <t>BU19491801</t>
  </si>
  <si>
    <t>2021BU19491801</t>
  </si>
  <si>
    <t>Berltsum Noord</t>
  </si>
  <si>
    <t>buurt_gegeneraliseerd_2021.7abe61e3-10c3-410f-a888-533fa1b7bf5b</t>
  </si>
  <si>
    <t>BU19491802</t>
  </si>
  <si>
    <t>2021BU19491802</t>
  </si>
  <si>
    <t>Berltsum Zuid</t>
  </si>
  <si>
    <t>buurt_gegeneraliseerd_2021.2c0af820-57ef-484d-9764-ac3caa27bc47</t>
  </si>
  <si>
    <t>BU19491803</t>
  </si>
  <si>
    <t>2021BU19491803</t>
  </si>
  <si>
    <t>Berltsum Bedrijventerrein West</t>
  </si>
  <si>
    <t>buurt_gegeneraliseerd_2021.c46a8482-1183-4eb2-845a-d895ebaef746</t>
  </si>
  <si>
    <t>BU19491804</t>
  </si>
  <si>
    <t>2021BU19491804</t>
  </si>
  <si>
    <t>Berltsum Kassen</t>
  </si>
  <si>
    <t>buurt_gegeneraliseerd_2021.f80bb815-c993-4031-9beb-9d719976ee57</t>
  </si>
  <si>
    <t>BU19491900</t>
  </si>
  <si>
    <t>2021BU19491900</t>
  </si>
  <si>
    <t>Buitengebied Bitgum</t>
  </si>
  <si>
    <t>buurt_gegeneraliseerd_2021.e149580b-2530-4719-af1e-a003f3e1672a</t>
  </si>
  <si>
    <t>BU19491901</t>
  </si>
  <si>
    <t>2021BU19491901</t>
  </si>
  <si>
    <t>Bitgum</t>
  </si>
  <si>
    <t>buurt_gegeneraliseerd_2021.5cfb662c-d0f6-4679-96cd-e8bb4fb24e7c</t>
  </si>
  <si>
    <t>BU19492000</t>
  </si>
  <si>
    <t>2021BU19492000</t>
  </si>
  <si>
    <t>Buitengebied Bitgummole</t>
  </si>
  <si>
    <t>buurt_gegeneraliseerd_2021.dba6682b-127c-43a5-a4e9-d598bb7363f7</t>
  </si>
  <si>
    <t>BU19492001</t>
  </si>
  <si>
    <t>2021BU19492001</t>
  </si>
  <si>
    <t>Bitgummole</t>
  </si>
  <si>
    <t>buurt_gegeneraliseerd_2021.04987805-dcb5-4526-948a-622042dc056f</t>
  </si>
  <si>
    <t>BU19492100</t>
  </si>
  <si>
    <t>2021BU19492100</t>
  </si>
  <si>
    <t>Blessum</t>
  </si>
  <si>
    <t>buurt_gegeneraliseerd_2021.d9609e6d-cc60-4e66-a619-a38fc178c6b9</t>
  </si>
  <si>
    <t>BU19492200</t>
  </si>
  <si>
    <t>2021BU19492200</t>
  </si>
  <si>
    <t>Boer</t>
  </si>
  <si>
    <t>buurt_gegeneraliseerd_2021.5c974914-d7f0-40f8-95a4-a00b9597711d</t>
  </si>
  <si>
    <t>BU19492300</t>
  </si>
  <si>
    <t>2021BU19492300</t>
  </si>
  <si>
    <t>Buitengebied Boksum</t>
  </si>
  <si>
    <t>buurt_gegeneraliseerd_2021.f9835eaa-7ca5-49b5-a182-8d1cb1c567c0</t>
  </si>
  <si>
    <t>BU19492301</t>
  </si>
  <si>
    <t>2021BU19492301</t>
  </si>
  <si>
    <t>Boksum</t>
  </si>
  <si>
    <t>buurt_gegeneraliseerd_2021.9dade726-6d66-4db4-9f96-872267c4aa60</t>
  </si>
  <si>
    <t>BU19492400</t>
  </si>
  <si>
    <t>2021BU19492400</t>
  </si>
  <si>
    <t>Buitengebied Deinum</t>
  </si>
  <si>
    <t>buurt_gegeneraliseerd_2021.70b2c8aa-ad43-4dcb-b7e9-6b4e8a589dc1</t>
  </si>
  <si>
    <t>BU19492401</t>
  </si>
  <si>
    <t>2021BU19492401</t>
  </si>
  <si>
    <t>Deinum</t>
  </si>
  <si>
    <t>buurt_gegeneraliseerd_2021.08f682f6-ea3f-46fd-a029-7289d2e8acef</t>
  </si>
  <si>
    <t>BU19492500</t>
  </si>
  <si>
    <t>2021BU19492500</t>
  </si>
  <si>
    <t>Buitengebied Dongjum</t>
  </si>
  <si>
    <t>buurt_gegeneraliseerd_2021.a3261875-a490-4ce9-afcd-10a57c44b018</t>
  </si>
  <si>
    <t>BU19492501</t>
  </si>
  <si>
    <t>2021BU19492501</t>
  </si>
  <si>
    <t>Dongjum</t>
  </si>
  <si>
    <t>buurt_gegeneraliseerd_2021.7da9cae4-15c7-46c2-bb4a-ca1316b5f378</t>
  </si>
  <si>
    <t>BU19492600</t>
  </si>
  <si>
    <t>2021BU19492600</t>
  </si>
  <si>
    <t>Buitengebied Dronryp</t>
  </si>
  <si>
    <t>buurt_gegeneraliseerd_2021.ee11e5e6-7e30-4201-b589-1a4ca0eb60eb</t>
  </si>
  <si>
    <t>BU19492601</t>
  </si>
  <si>
    <t>2021BU19492601</t>
  </si>
  <si>
    <t>Dronryp Bedrijventerrein de Alde Mar</t>
  </si>
  <si>
    <t>buurt_gegeneraliseerd_2021.df40da53-0464-4519-bc25-f1798bedf614</t>
  </si>
  <si>
    <t>BU19492602</t>
  </si>
  <si>
    <t>2021BU19492602</t>
  </si>
  <si>
    <t>Dronryp Midden</t>
  </si>
  <si>
    <t>buurt_gegeneraliseerd_2021.65bd14ab-baaf-438d-a988-568e6a7ba73f</t>
  </si>
  <si>
    <t>BU19492603</t>
  </si>
  <si>
    <t>2021BU19492603</t>
  </si>
  <si>
    <t>Dronryp Oost</t>
  </si>
  <si>
    <t>buurt_gegeneraliseerd_2021.136fcb5b-3cba-4c9b-a39e-445dc9ad6d66</t>
  </si>
  <si>
    <t>BU19492604</t>
  </si>
  <si>
    <t>2021BU19492604</t>
  </si>
  <si>
    <t>Dronryp West</t>
  </si>
  <si>
    <t>buurt_gegeneraliseerd_2021.d4b0ee7a-545f-441a-ade6-b4b34e6eedd6</t>
  </si>
  <si>
    <t>BU19492700</t>
  </si>
  <si>
    <t>2021BU19492700</t>
  </si>
  <si>
    <t>Firdgum</t>
  </si>
  <si>
    <t>buurt_gegeneraliseerd_2021.9c767dc0-5b89-486e-b0d0-5f71066f20d0</t>
  </si>
  <si>
    <t>BU19492800</t>
  </si>
  <si>
    <t>2021BU19492800</t>
  </si>
  <si>
    <t>Buitengebied Franeker</t>
  </si>
  <si>
    <t>buurt_gegeneraliseerd_2021.00e6647e-f3d9-425b-9248-b0977ebf671b</t>
  </si>
  <si>
    <t>BU19492801</t>
  </si>
  <si>
    <t>2021BU19492801</t>
  </si>
  <si>
    <t>Franeker Alvestudewyk</t>
  </si>
  <si>
    <t>buurt_gegeneraliseerd_2021.832d183b-09c6-49ba-a0b0-64864d4e5ec7</t>
  </si>
  <si>
    <t>BU19492802</t>
  </si>
  <si>
    <t>2021BU19492802</t>
  </si>
  <si>
    <t>Franeker Binnenstad</t>
  </si>
  <si>
    <t>buurt_gegeneraliseerd_2021.420ac5db-c03d-446c-831f-f429c3c4d11d</t>
  </si>
  <si>
    <t>BU19492803</t>
  </si>
  <si>
    <t>2021BU19492803</t>
  </si>
  <si>
    <t>Franeker Bloemketerp en Watertorenbuurt</t>
  </si>
  <si>
    <t>buurt_gegeneraliseerd_2021.665e0a99-8450-4c88-8ddb-fe9efd77eb15</t>
  </si>
  <si>
    <t>BU19492804</t>
  </si>
  <si>
    <t>2021BU19492804</t>
  </si>
  <si>
    <t>Franeker Hamburgerrak en st Want</t>
  </si>
  <si>
    <t>buurt_gegeneraliseerd_2021.5509a2ed-eb37-4ca1-a6df-124021aaa675</t>
  </si>
  <si>
    <t>BU19492805</t>
  </si>
  <si>
    <t>2021BU19492805</t>
  </si>
  <si>
    <t>Franeker Industrieter. West en Kie</t>
  </si>
  <si>
    <t>buurt_gegeneraliseerd_2021.235341d7-255c-4429-be16-bdf57a28225e</t>
  </si>
  <si>
    <t>BU19492806</t>
  </si>
  <si>
    <t>2021BU19492806</t>
  </si>
  <si>
    <t>Franeker Industrieterrein Oost</t>
  </si>
  <si>
    <t>buurt_gegeneraliseerd_2021.3113fe30-bfb5-4d81-9010-6bd1de20c549</t>
  </si>
  <si>
    <t>BU19492807</t>
  </si>
  <si>
    <t>2021BU19492807</t>
  </si>
  <si>
    <t>Franeker Industrieterrein Zuid</t>
  </si>
  <si>
    <t>buurt_gegeneraliseerd_2021.ce12d278-301a-4a41-ba5b-d94f75765c1d</t>
  </si>
  <si>
    <t>BU19492808</t>
  </si>
  <si>
    <t>2021BU19492808</t>
  </si>
  <si>
    <t>Franeker It Stiselplak</t>
  </si>
  <si>
    <t>buurt_gegeneraliseerd_2021.25fb57cd-1992-40a6-af12-a9d2ca65a6a8</t>
  </si>
  <si>
    <t>BU19492809</t>
  </si>
  <si>
    <t>2021BU19492809</t>
  </si>
  <si>
    <t>Franeker Kaatsersbuurt</t>
  </si>
  <si>
    <t>buurt_gegeneraliseerd_2021.e75e60e9-8d89-494a-9449-1e1f61eebb55</t>
  </si>
  <si>
    <t>BU19492810</t>
  </si>
  <si>
    <t>2021BU19492810</t>
  </si>
  <si>
    <t>Franeker Keningspark</t>
  </si>
  <si>
    <t>buurt_gegeneraliseerd_2021.427dd185-4ff6-4144-90cb-f07afabed51b</t>
  </si>
  <si>
    <t>BU19492811</t>
  </si>
  <si>
    <t>2021BU19492811</t>
  </si>
  <si>
    <t>Franeker Professorenbuurt</t>
  </si>
  <si>
    <t>buurt_gegeneraliseerd_2021.44c2be7e-e787-4732-b4b5-05b71ffb5ce7</t>
  </si>
  <si>
    <t>BU19492812</t>
  </si>
  <si>
    <t>2021BU19492812</t>
  </si>
  <si>
    <t>Franeker Schalsumerplan en Arkens</t>
  </si>
  <si>
    <t>buurt_gegeneraliseerd_2021.fe0c8458-fa93-40d5-82f7-8fbe6eaa0129</t>
  </si>
  <si>
    <t>BU19492813</t>
  </si>
  <si>
    <t>2021BU19492813</t>
  </si>
  <si>
    <t>Franeker Sexbierumerplan</t>
  </si>
  <si>
    <t>buurt_gegeneraliseerd_2021.0f34bf2b-20ed-4d3c-a052-669ccbf9349b</t>
  </si>
  <si>
    <t>BU19492814</t>
  </si>
  <si>
    <t>2021BU19492814</t>
  </si>
  <si>
    <t>Franeker Stationsbuurt</t>
  </si>
  <si>
    <t>buurt_gegeneraliseerd_2021.47f3cb57-3934-49e6-81bc-a2ba328d620d</t>
  </si>
  <si>
    <t>BU19492815</t>
  </si>
  <si>
    <t>2021BU19492815</t>
  </si>
  <si>
    <t>Franeker 't War</t>
  </si>
  <si>
    <t>buurt_gegeneraliseerd_2021.591e9478-395f-4eeb-a904-abe330936641</t>
  </si>
  <si>
    <t>BU19492816</t>
  </si>
  <si>
    <t>2021BU19492816</t>
  </si>
  <si>
    <t>Franeker Vliet Tuinen en Frisia</t>
  </si>
  <si>
    <t>buurt_gegeneraliseerd_2021.0ea8f711-6c9f-4a8c-b302-2041b6078c43</t>
  </si>
  <si>
    <t>BU19492817</t>
  </si>
  <si>
    <t>2021BU19492817</t>
  </si>
  <si>
    <t>Franeker Witzens</t>
  </si>
  <si>
    <t>buurt_gegeneraliseerd_2021.8d350a76-7ac8-411d-80d9-30fa2d805b16</t>
  </si>
  <si>
    <t>BU19492900</t>
  </si>
  <si>
    <t>2021BU19492900</t>
  </si>
  <si>
    <t>Herbaijum</t>
  </si>
  <si>
    <t>buurt_gegeneraliseerd_2021.32fe2019-0049-45b5-a2dd-f601d6243f52</t>
  </si>
  <si>
    <t>BU19493000</t>
  </si>
  <si>
    <t>2021BU19493000</t>
  </si>
  <si>
    <t>Hitzum</t>
  </si>
  <si>
    <t>buurt_gegeneraliseerd_2021.068a7d04-d93b-4b68-b182-889bef5fcbf2</t>
  </si>
  <si>
    <t>BU19493100</t>
  </si>
  <si>
    <t>2021BU19493100</t>
  </si>
  <si>
    <t>Buitengebied Ingelum</t>
  </si>
  <si>
    <t>buurt_gegeneraliseerd_2021.1fb3b388-3656-49b1-bbc3-1bf7dfd624f5</t>
  </si>
  <si>
    <t>BU19493101</t>
  </si>
  <si>
    <t>2021BU19493101</t>
  </si>
  <si>
    <t>Ingelum</t>
  </si>
  <si>
    <t>buurt_gegeneraliseerd_2021.49783702-f08d-4d35-84eb-da37aa3549e1</t>
  </si>
  <si>
    <t>BU19493200</t>
  </si>
  <si>
    <t>2021BU19493200</t>
  </si>
  <si>
    <t>Buitengebied St.-Jacobiparochie</t>
  </si>
  <si>
    <t>buurt_gegeneraliseerd_2021.5f0469ca-180e-42fb-a6d8-4617449d42fa</t>
  </si>
  <si>
    <t>BU19493201</t>
  </si>
  <si>
    <t>2021BU19493201</t>
  </si>
  <si>
    <t>St.-Jacobiparochie Noord</t>
  </si>
  <si>
    <t>buurt_gegeneraliseerd_2021.5cb6c381-d8b8-4e4a-959a-195dd67ad2b4</t>
  </si>
  <si>
    <t>BU19493202</t>
  </si>
  <si>
    <t>2021BU19493202</t>
  </si>
  <si>
    <t>St.-Jacobiparochie Zuid</t>
  </si>
  <si>
    <t>buurt_gegeneraliseerd_2021.6f9e81c9-8c25-4283-b8c3-8ea8fcc99130</t>
  </si>
  <si>
    <t>BU19493300</t>
  </si>
  <si>
    <t>2021BU19493300</t>
  </si>
  <si>
    <t>Klooster Lidlum</t>
  </si>
  <si>
    <t>buurt_gegeneraliseerd_2021.cb3eb61a-d9da-4875-9aee-242922407b16</t>
  </si>
  <si>
    <t>BU19493400</t>
  </si>
  <si>
    <t>2021BU19493400</t>
  </si>
  <si>
    <t>Buitengebied Marsum</t>
  </si>
  <si>
    <t>buurt_gegeneraliseerd_2021.6c7bf19f-bdea-4078-8c77-92e9b9189a6b</t>
  </si>
  <si>
    <t>BU19493401</t>
  </si>
  <si>
    <t>2021BU19493401</t>
  </si>
  <si>
    <t>buurt_gegeneraliseerd_2021.1faa15fd-1e27-4b2e-97a8-9752da296145</t>
  </si>
  <si>
    <t>BU19493500</t>
  </si>
  <si>
    <t>2021BU19493500</t>
  </si>
  <si>
    <t>Buitengebied Menaam</t>
  </si>
  <si>
    <t>buurt_gegeneraliseerd_2021.8d9089b0-0e97-44cf-9d70-971060ea4f7c</t>
  </si>
  <si>
    <t>BU19493501</t>
  </si>
  <si>
    <t>2021BU19493501</t>
  </si>
  <si>
    <t>Menaam Bedrijventerrein Noord</t>
  </si>
  <si>
    <t>buurt_gegeneraliseerd_2021.99435003-53f8-41ed-b12c-19a65f272947</t>
  </si>
  <si>
    <t>BU19493502</t>
  </si>
  <si>
    <t>2021BU19493502</t>
  </si>
  <si>
    <t>Menaam Oost</t>
  </si>
  <si>
    <t>buurt_gegeneraliseerd_2021.ad77bd82-2e6a-44f7-880c-82e4070a9fa3</t>
  </si>
  <si>
    <t>BU19493503</t>
  </si>
  <si>
    <t>2021BU19493503</t>
  </si>
  <si>
    <t>Menaam West</t>
  </si>
  <si>
    <t>buurt_gegeneraliseerd_2021.016c3984-fa06-4117-83ae-3c9a5df156f6</t>
  </si>
  <si>
    <t>BU19493600</t>
  </si>
  <si>
    <t>2021BU19493600</t>
  </si>
  <si>
    <t>Buitengebied Minnertsga</t>
  </si>
  <si>
    <t>buurt_gegeneraliseerd_2021.e3065ba2-df0f-4a5d-a12a-9836de36dcc4</t>
  </si>
  <si>
    <t>BU19493601</t>
  </si>
  <si>
    <t>2021BU19493601</t>
  </si>
  <si>
    <t>Minnertsga Bedrijventerrein Boskdykje</t>
  </si>
  <si>
    <t>buurt_gegeneraliseerd_2021.75c79dd3-abec-4949-81fc-76e3c8888ced</t>
  </si>
  <si>
    <t>BU19493602</t>
  </si>
  <si>
    <t>2021BU19493602</t>
  </si>
  <si>
    <t>Minnertsga Noord</t>
  </si>
  <si>
    <t>buurt_gegeneraliseerd_2021.25f760b7-a9ae-4676-b2f4-5216b19bdf2f</t>
  </si>
  <si>
    <t>BU19493603</t>
  </si>
  <si>
    <t>2021BU19493603</t>
  </si>
  <si>
    <t>Minnertsga Zuid</t>
  </si>
  <si>
    <t>buurt_gegeneraliseerd_2021.9a1b0234-817f-4427-8ecd-b60822860662</t>
  </si>
  <si>
    <t>BU19493700</t>
  </si>
  <si>
    <t>2021BU19493700</t>
  </si>
  <si>
    <t>Nij Altoenae</t>
  </si>
  <si>
    <t>buurt_gegeneraliseerd_2021.7b24ef57-11d0-4c8d-964f-156265bbed86</t>
  </si>
  <si>
    <t>BU19493800</t>
  </si>
  <si>
    <t>2021BU19493800</t>
  </si>
  <si>
    <t>Buitengebied Oosterbierum</t>
  </si>
  <si>
    <t>buurt_gegeneraliseerd_2021.a0938005-aaa1-440f-8150-56d4cb8be533</t>
  </si>
  <si>
    <t>BU19493801</t>
  </si>
  <si>
    <t>2021BU19493801</t>
  </si>
  <si>
    <t>Oosterbierum</t>
  </si>
  <si>
    <t>buurt_gegeneraliseerd_2021.899cff04-97bc-428e-a5d1-3c9af549aa77</t>
  </si>
  <si>
    <t>BU19493900</t>
  </si>
  <si>
    <t>2021BU19493900</t>
  </si>
  <si>
    <t>Buitengebied Oudebildtzijl</t>
  </si>
  <si>
    <t>buurt_gegeneraliseerd_2021.399bb521-9466-4f82-8b0b-63e1b6b3ed5d</t>
  </si>
  <si>
    <t>BU19493901</t>
  </si>
  <si>
    <t>2021BU19493901</t>
  </si>
  <si>
    <t>Oudebildtzijl</t>
  </si>
  <si>
    <t>buurt_gegeneraliseerd_2021.7e2b4a6f-ff57-495f-9664-9d40501af4df</t>
  </si>
  <si>
    <t>BU19494000</t>
  </si>
  <si>
    <t>2021BU19494000</t>
  </si>
  <si>
    <t>Peins</t>
  </si>
  <si>
    <t>buurt_gegeneraliseerd_2021.71b6cbb0-48a3-477e-be7b-44dc713b5e2b</t>
  </si>
  <si>
    <t>BU19494100</t>
  </si>
  <si>
    <t>2021BU19494100</t>
  </si>
  <si>
    <t>Pietersbierum</t>
  </si>
  <si>
    <t>buurt_gegeneraliseerd_2021.3c34a90f-a2bb-4902-a04e-a5c1abd62751</t>
  </si>
  <si>
    <t>BU19494200</t>
  </si>
  <si>
    <t>2021BU19494200</t>
  </si>
  <si>
    <t>Buitengebied Ried</t>
  </si>
  <si>
    <t>buurt_gegeneraliseerd_2021.c2b6f75f-e2d5-4715-94c0-325243343930</t>
  </si>
  <si>
    <t>BU19494201</t>
  </si>
  <si>
    <t>2021BU19494201</t>
  </si>
  <si>
    <t>Ried</t>
  </si>
  <si>
    <t>buurt_gegeneraliseerd_2021.9acaaccb-a4a0-4966-a74c-35e2a7b2c013</t>
  </si>
  <si>
    <t>BU19494300</t>
  </si>
  <si>
    <t>2021BU19494300</t>
  </si>
  <si>
    <t>Schalsum</t>
  </si>
  <si>
    <t>buurt_gegeneraliseerd_2021.ea333a8c-a0e4-4fbd-a610-697b76c1adfe</t>
  </si>
  <si>
    <t>BU19494400</t>
  </si>
  <si>
    <t>2021BU19494400</t>
  </si>
  <si>
    <t>Buitengebied Sexbierum</t>
  </si>
  <si>
    <t>buurt_gegeneraliseerd_2021.6dadceb7-b16a-4b66-8a36-5e6e06ae7579</t>
  </si>
  <si>
    <t>BU19494401</t>
  </si>
  <si>
    <t>2021BU19494401</t>
  </si>
  <si>
    <t>Sexbierum</t>
  </si>
  <si>
    <t>buurt_gegeneraliseerd_2021.6a625f9f-2b53-4a57-87cc-c9177b41fdec</t>
  </si>
  <si>
    <t>BU19494402</t>
  </si>
  <si>
    <t>2021BU19494402</t>
  </si>
  <si>
    <t>Sexbierum Kassen</t>
  </si>
  <si>
    <t>buurt_gegeneraliseerd_2021.703c55e7-55d4-4c30-9a4f-d2ce9490e20f</t>
  </si>
  <si>
    <t>BU19494403</t>
  </si>
  <si>
    <t>2021BU19494403</t>
  </si>
  <si>
    <t>Sexbierum Waddenglas</t>
  </si>
  <si>
    <t>buurt_gegeneraliseerd_2021.29639ee1-2faf-42be-9f2f-23523171a230</t>
  </si>
  <si>
    <t>BU19494500</t>
  </si>
  <si>
    <t>2021BU19494500</t>
  </si>
  <si>
    <t>Skingen</t>
  </si>
  <si>
    <t>buurt_gegeneraliseerd_2021.f543ec62-0657-491c-8c6e-12ad6dab22b6</t>
  </si>
  <si>
    <t>BU19494600</t>
  </si>
  <si>
    <t>2021BU19494600</t>
  </si>
  <si>
    <t>Slappeterp</t>
  </si>
  <si>
    <t>buurt_gegeneraliseerd_2021.0555ffb4-a661-4461-9da0-fa1c9ddd0ec7</t>
  </si>
  <si>
    <t>BU19494700</t>
  </si>
  <si>
    <t>2021BU19494700</t>
  </si>
  <si>
    <t>Buitengebied Spannum</t>
  </si>
  <si>
    <t>buurt_gegeneraliseerd_2021.5e333952-c1b0-4530-9c0d-c1ec3d2e7926</t>
  </si>
  <si>
    <t>BU19494701</t>
  </si>
  <si>
    <t>2021BU19494701</t>
  </si>
  <si>
    <t>Spannum</t>
  </si>
  <si>
    <t>buurt_gegeneraliseerd_2021.3d22ea81-f593-49bb-a697-f4a3c45a9246</t>
  </si>
  <si>
    <t>BU19494800</t>
  </si>
  <si>
    <t>2021BU19494800</t>
  </si>
  <si>
    <t>Buitengebied Tzum</t>
  </si>
  <si>
    <t>buurt_gegeneraliseerd_2021.d671aec1-9611-4e06-b843-8b3e19a62aff</t>
  </si>
  <si>
    <t>BU19494801</t>
  </si>
  <si>
    <t>2021BU19494801</t>
  </si>
  <si>
    <t>Tzum</t>
  </si>
  <si>
    <t>buurt_gegeneraliseerd_2021.621ffdce-102b-4d34-872d-5480f0e34e62</t>
  </si>
  <si>
    <t>BU19494900</t>
  </si>
  <si>
    <t>2021BU19494900</t>
  </si>
  <si>
    <t>Buitengebied Tzummarum</t>
  </si>
  <si>
    <t>buurt_gegeneraliseerd_2021.b66c2110-8988-471f-8a76-e7a35a8df511</t>
  </si>
  <si>
    <t>BU19494901</t>
  </si>
  <si>
    <t>2021BU19494901</t>
  </si>
  <si>
    <t>Tzummarum Noord</t>
  </si>
  <si>
    <t>buurt_gegeneraliseerd_2021.7f88f8f6-9d34-4a47-b7e1-ea694fa9b6c7</t>
  </si>
  <si>
    <t>BU19494902</t>
  </si>
  <si>
    <t>2021BU19494902</t>
  </si>
  <si>
    <t>Tzummarum Zuid</t>
  </si>
  <si>
    <t>buurt_gegeneraliseerd_2021.d8cf9233-2e7f-4a96-a0f4-6a1b0f224015</t>
  </si>
  <si>
    <t>BU19495000</t>
  </si>
  <si>
    <t>2021BU19495000</t>
  </si>
  <si>
    <t>Buitengebied Vrouwenparochie</t>
  </si>
  <si>
    <t>buurt_gegeneraliseerd_2021.669b2c9f-eb66-46ad-85a4-74eadcb4d6c4</t>
  </si>
  <si>
    <t>BU19495001</t>
  </si>
  <si>
    <t>2021BU19495001</t>
  </si>
  <si>
    <t>Vrouwenparochie</t>
  </si>
  <si>
    <t>buurt_gegeneraliseerd_2021.83fe4a25-7bde-4435-ac51-c33666a41f3e</t>
  </si>
  <si>
    <t>BU19495100</t>
  </si>
  <si>
    <t>2021BU19495100</t>
  </si>
  <si>
    <t>Westhoek</t>
  </si>
  <si>
    <t>buurt_gegeneraliseerd_2021.df79e345-15f5-4739-9c37-8ffcf327f0fe</t>
  </si>
  <si>
    <t>BU19495200</t>
  </si>
  <si>
    <t>2021BU19495200</t>
  </si>
  <si>
    <t>Wier</t>
  </si>
  <si>
    <t>buurt_gegeneraliseerd_2021.300d36ff-82d8-47f3-894d-05c23a8c2036</t>
  </si>
  <si>
    <t>BU19495300</t>
  </si>
  <si>
    <t>2021BU19495300</t>
  </si>
  <si>
    <t>Buitengebied Winsum</t>
  </si>
  <si>
    <t>buurt_gegeneraliseerd_2021.d919b154-1cca-4a09-bbfc-a0912bc07c9a</t>
  </si>
  <si>
    <t>BU19495301</t>
  </si>
  <si>
    <t>2021BU19495301</t>
  </si>
  <si>
    <t>buurt_gegeneraliseerd_2021.1f523df1-db0a-495d-8c73-b3f794053c22</t>
  </si>
  <si>
    <t>BU19495302</t>
  </si>
  <si>
    <t>2021BU19495302</t>
  </si>
  <si>
    <t>Winsum Bedrijventerrein</t>
  </si>
  <si>
    <t>buurt_gegeneraliseerd_2021.f5c8ddeb-2721-4a04-a431-2940226a5eb4</t>
  </si>
  <si>
    <t>BU19495400</t>
  </si>
  <si>
    <t>2021BU19495400</t>
  </si>
  <si>
    <t>Buitengebied Wjelsryp</t>
  </si>
  <si>
    <t>buurt_gegeneraliseerd_2021.41000a8a-48b5-49c6-be35-43cf10b984f2</t>
  </si>
  <si>
    <t>BU19495401</t>
  </si>
  <si>
    <t>2021BU19495401</t>
  </si>
  <si>
    <t>Wjelsryp</t>
  </si>
  <si>
    <t>buurt_gegeneraliseerd_2021.7efa5289-8edc-4910-a4e0-fa9cb4982d0a</t>
  </si>
  <si>
    <t>BU19495500</t>
  </si>
  <si>
    <t>2021BU19495500</t>
  </si>
  <si>
    <t>Zweins</t>
  </si>
  <si>
    <t>buurt_gegeneraliseerd_2021.0841e945-7041-4cd7-a7e7-21bb78f358af</t>
  </si>
  <si>
    <t>BU19110101</t>
  </si>
  <si>
    <t>2021BU19110101</t>
  </si>
  <si>
    <t>Kleine Sluis</t>
  </si>
  <si>
    <t>GM1911</t>
  </si>
  <si>
    <t>buurt_gegeneraliseerd_2021.5517b806-5fac-4043-b301-dc436358c1e9</t>
  </si>
  <si>
    <t>BU19110102</t>
  </si>
  <si>
    <t>2021BU19110102</t>
  </si>
  <si>
    <t>buurt_gegeneraliseerd_2021.eb479af1-72a3-477f-b9a7-e997f3254cd3</t>
  </si>
  <si>
    <t>BU19110103</t>
  </si>
  <si>
    <t>2021BU19110103</t>
  </si>
  <si>
    <t>Van Ewijcksluis</t>
  </si>
  <si>
    <t>buurt_gegeneraliseerd_2021.44014b3b-35d4-4bbc-bc87-535a505f6f8a</t>
  </si>
  <si>
    <t>BU19110104</t>
  </si>
  <si>
    <t>2021BU19110104</t>
  </si>
  <si>
    <t>Elshof Noord</t>
  </si>
  <si>
    <t>buurt_gegeneraliseerd_2021.0004bae3-c929-42f2-a901-74660e041d28</t>
  </si>
  <si>
    <t>BU19110105</t>
  </si>
  <si>
    <t>2021BU19110105</t>
  </si>
  <si>
    <t>Agro Sanatio</t>
  </si>
  <si>
    <t>buurt_gegeneraliseerd_2021.24e4f216-9139-4cbb-b1b2-145d08dec78b</t>
  </si>
  <si>
    <t>BU19110106</t>
  </si>
  <si>
    <t>2021BU19110106</t>
  </si>
  <si>
    <t>buurt_gegeneraliseerd_2021.84c03f61-bd83-4a20-9243-5de87c6042f7</t>
  </si>
  <si>
    <t>BU19110107</t>
  </si>
  <si>
    <t>2021BU19110107</t>
  </si>
  <si>
    <t>Edelesteen en Schildersbuurt</t>
  </si>
  <si>
    <t>buurt_gegeneraliseerd_2021.3215ec38-a28a-44f7-920e-c7988dfc85f8</t>
  </si>
  <si>
    <t>BU19110108</t>
  </si>
  <si>
    <t>2021BU19110108</t>
  </si>
  <si>
    <t>Elshof Zuid</t>
  </si>
  <si>
    <t>buurt_gegeneraliseerd_2021.d4731bf1-8a77-4a89-9bbc-60235eb7c14b</t>
  </si>
  <si>
    <t>BU19110180</t>
  </si>
  <si>
    <t>2021BU19110180</t>
  </si>
  <si>
    <t>Bedrijventerrein Kruiswijk</t>
  </si>
  <si>
    <t>buurt_gegeneraliseerd_2021.85d7f4d3-5344-4a77-a284-8fa7da20cbd1</t>
  </si>
  <si>
    <t>BU19110190</t>
  </si>
  <si>
    <t>2021BU19110190</t>
  </si>
  <si>
    <t>Buitengebied Anna Paulowna</t>
  </si>
  <si>
    <t>buurt_gegeneraliseerd_2021.149abaa6-b08f-429a-aca4-1c4b565f2bab</t>
  </si>
  <si>
    <t>BU19110191</t>
  </si>
  <si>
    <t>2021BU19110191</t>
  </si>
  <si>
    <t>buurt_gegeneraliseerd_2021.475992c3-d24b-4fae-b9ad-1052dc43ee41</t>
  </si>
  <si>
    <t>BU19110201</t>
  </si>
  <si>
    <t>2021BU19110201</t>
  </si>
  <si>
    <t>Breezand (woonkern)</t>
  </si>
  <si>
    <t>buurt_gegeneraliseerd_2021.6439f358-3f2b-4f6c-9aff-9c6fed9bf7aa</t>
  </si>
  <si>
    <t>BU19110202</t>
  </si>
  <si>
    <t>2021BU19110202</t>
  </si>
  <si>
    <t>Gelderse Buurt</t>
  </si>
  <si>
    <t>buurt_gegeneraliseerd_2021.9fa0a64d-4e42-4e01-8e05-645a98d6a517</t>
  </si>
  <si>
    <t>BU19110290</t>
  </si>
  <si>
    <t>2021BU19110290</t>
  </si>
  <si>
    <t>Buitengebied Breezand</t>
  </si>
  <si>
    <t>buurt_gegeneraliseerd_2021.85e965d5-14a9-478f-b4ef-657daed6b16b</t>
  </si>
  <si>
    <t>BU19110301</t>
  </si>
  <si>
    <t>2021BU19110301</t>
  </si>
  <si>
    <t>Wieringerwaard (woonkern)</t>
  </si>
  <si>
    <t>buurt_gegeneraliseerd_2021.1fac3441-c9ca-4608-b1ef-db67801eea92</t>
  </si>
  <si>
    <t>BU19110302</t>
  </si>
  <si>
    <t>2021BU19110302</t>
  </si>
  <si>
    <t>Nieuwesluis</t>
  </si>
  <si>
    <t>buurt_gegeneraliseerd_2021.f7eac614-4d9c-42ee-aa47-1c462cac49c0</t>
  </si>
  <si>
    <t>BU19110390</t>
  </si>
  <si>
    <t>2021BU19110390</t>
  </si>
  <si>
    <t>Buitengebied Wieringerwaard</t>
  </si>
  <si>
    <t>buurt_gegeneraliseerd_2021.e388dd72-c63d-49a8-ae3b-ef5d37b67398</t>
  </si>
  <si>
    <t>BU19110401</t>
  </si>
  <si>
    <t>2021BU19110401</t>
  </si>
  <si>
    <t>Westerland (woonkern)</t>
  </si>
  <si>
    <t>buurt_gegeneraliseerd_2021.0f3b9afa-fad0-45be-8308-c9d8274bc12f</t>
  </si>
  <si>
    <t>BU19110402</t>
  </si>
  <si>
    <t>2021BU19110402</t>
  </si>
  <si>
    <t>De Haukes</t>
  </si>
  <si>
    <t>buurt_gegeneraliseerd_2021.db1c8315-cdd7-43be-91d6-56024fca66bc</t>
  </si>
  <si>
    <t>BU19110490</t>
  </si>
  <si>
    <t>2021BU19110490</t>
  </si>
  <si>
    <t>Buitengebied Westerland</t>
  </si>
  <si>
    <t>buurt_gegeneraliseerd_2021.8aa1afea-a308-446f-a0d8-57476ca0cbee</t>
  </si>
  <si>
    <t>BU19110501</t>
  </si>
  <si>
    <t>2021BU19110501</t>
  </si>
  <si>
    <t>Hippolytushoef Centrum (woonkern)</t>
  </si>
  <si>
    <t>buurt_gegeneraliseerd_2021.7d9eff72-a288-4002-99e5-0f6e1eb8b55e</t>
  </si>
  <si>
    <t>BU19110502</t>
  </si>
  <si>
    <t>2021BU19110502</t>
  </si>
  <si>
    <t>Hippolytushoef West (woonkern)</t>
  </si>
  <si>
    <t>buurt_gegeneraliseerd_2021.722602d8-491b-4c77-9edb-32480d926872</t>
  </si>
  <si>
    <t>BU19110503</t>
  </si>
  <si>
    <t>2021BU19110503</t>
  </si>
  <si>
    <t>Hippolytushoef Oost (woonkern)</t>
  </si>
  <si>
    <t>buurt_gegeneraliseerd_2021.696766e3-bc84-43b3-bd71-94ede50873bf</t>
  </si>
  <si>
    <t>BU19110504</t>
  </si>
  <si>
    <t>2021BU19110504</t>
  </si>
  <si>
    <t>buurt_gegeneraliseerd_2021.a9405208-0dba-4bd9-93e8-c53ec1409ea1</t>
  </si>
  <si>
    <t>BU19110590</t>
  </si>
  <si>
    <t>2021BU19110590</t>
  </si>
  <si>
    <t>Buitengebied Hippolytushoef</t>
  </si>
  <si>
    <t>buurt_gegeneraliseerd_2021.77497451-2a6a-469d-a3ac-567b6bb7b849</t>
  </si>
  <si>
    <t>BU19110601</t>
  </si>
  <si>
    <t>2021BU19110601</t>
  </si>
  <si>
    <t>Den Oever (woonkern)</t>
  </si>
  <si>
    <t>buurt_gegeneraliseerd_2021.9c235e3e-5e31-4a47-9ccf-297317fce06b</t>
  </si>
  <si>
    <t>BU19110602</t>
  </si>
  <si>
    <t>2021BU19110602</t>
  </si>
  <si>
    <t>buurt_gegeneraliseerd_2021.cb513aab-a114-45b2-b1c7-3638fc6f48a7</t>
  </si>
  <si>
    <t>BU19110690</t>
  </si>
  <si>
    <t>2021BU19110690</t>
  </si>
  <si>
    <t>Buitengebied Den Oever</t>
  </si>
  <si>
    <t>buurt_gegeneraliseerd_2021.7e5c41e5-0c8f-454b-aa8b-ebda0128d54c</t>
  </si>
  <si>
    <t>BU19110701</t>
  </si>
  <si>
    <t>2021BU19110701</t>
  </si>
  <si>
    <t>Wieringerwerf Centrum</t>
  </si>
  <si>
    <t>buurt_gegeneraliseerd_2021.7e437e87-d279-4d1e-b0ec-5d87c8394019</t>
  </si>
  <si>
    <t>BU19110702</t>
  </si>
  <si>
    <t>2021BU19110702</t>
  </si>
  <si>
    <t>buurt_gegeneraliseerd_2021.62270573-9d52-495f-8318-b77852696e5f</t>
  </si>
  <si>
    <t>BU19110703</t>
  </si>
  <si>
    <t>2021BU19110703</t>
  </si>
  <si>
    <t>Waddenwijk</t>
  </si>
  <si>
    <t>buurt_gegeneraliseerd_2021.f11d543c-b012-4140-b7c6-931d5e7e3ee3</t>
  </si>
  <si>
    <t>BU19110704</t>
  </si>
  <si>
    <t>2021BU19110704</t>
  </si>
  <si>
    <t>Schepenwijk</t>
  </si>
  <si>
    <t>buurt_gegeneraliseerd_2021.b7f8875c-9f47-423e-80ce-65b096b2cd24</t>
  </si>
  <si>
    <t>BU19110705</t>
  </si>
  <si>
    <t>2021BU19110705</t>
  </si>
  <si>
    <t>Oosterterp en Zuiderpark</t>
  </si>
  <si>
    <t>buurt_gegeneraliseerd_2021.25185d9d-dd23-430d-8432-ab9b97387a7f</t>
  </si>
  <si>
    <t>BU19110780</t>
  </si>
  <si>
    <t>2021BU19110780</t>
  </si>
  <si>
    <t>Bedrijventerrein Robbenplaat</t>
  </si>
  <si>
    <t>buurt_gegeneraliseerd_2021.f4d53247-a7c7-419b-9388-6ad6b98ae466</t>
  </si>
  <si>
    <t>BU19110790</t>
  </si>
  <si>
    <t>2021BU19110790</t>
  </si>
  <si>
    <t>Buitengebied Wieringerwerf</t>
  </si>
  <si>
    <t>buurt_gegeneraliseerd_2021.fac00cb2-55c1-4f63-afc4-a4cdc3b6e36d</t>
  </si>
  <si>
    <t>BU19110801</t>
  </si>
  <si>
    <t>2021BU19110801</t>
  </si>
  <si>
    <t>Kreileroord</t>
  </si>
  <si>
    <t>buurt_gegeneraliseerd_2021.0101fb8e-73c3-454d-980b-8bcd8eb1f005</t>
  </si>
  <si>
    <t>BU19110901</t>
  </si>
  <si>
    <t>2021BU19110901</t>
  </si>
  <si>
    <t>Slootdorp (woonkern)</t>
  </si>
  <si>
    <t>buurt_gegeneraliseerd_2021.83a2abab-6bf7-416f-b849-7e00bd4bafd4</t>
  </si>
  <si>
    <t>BU19110990</t>
  </si>
  <si>
    <t>2021BU19110990</t>
  </si>
  <si>
    <t>Buitengebied Slootdorp</t>
  </si>
  <si>
    <t>buurt_gegeneraliseerd_2021.844b7383-1033-4d37-af6f-fc068e4bb5cc</t>
  </si>
  <si>
    <t>BU19111001</t>
  </si>
  <si>
    <t>2021BU19111001</t>
  </si>
  <si>
    <t>Middenmeer Centrum</t>
  </si>
  <si>
    <t>buurt_gegeneraliseerd_2021.255529ff-bcc9-472c-a425-9b60ded96269</t>
  </si>
  <si>
    <t>BU19111002</t>
  </si>
  <si>
    <t>2021BU19111002</t>
  </si>
  <si>
    <t>Middenmeer Kroonwaard, Schelpenwijk e.o.</t>
  </si>
  <si>
    <t>buurt_gegeneraliseerd_2021.0ba7de19-5f4d-4660-bdb6-fffd19bb5af7</t>
  </si>
  <si>
    <t>BU19111080</t>
  </si>
  <si>
    <t>2021BU19111080</t>
  </si>
  <si>
    <t>Bedrijventerrein Agriport</t>
  </si>
  <si>
    <t>buurt_gegeneraliseerd_2021.a2f4f8e1-067c-41da-ad5f-6dafe26f79a4</t>
  </si>
  <si>
    <t>BU19111081</t>
  </si>
  <si>
    <t>2021BU19111081</t>
  </si>
  <si>
    <t>Bedrijventerrein Middenmeer</t>
  </si>
  <si>
    <t>buurt_gegeneraliseerd_2021.5b223885-4cb5-4142-869c-60834424bac5</t>
  </si>
  <si>
    <t>BU19111090</t>
  </si>
  <si>
    <t>2021BU19111090</t>
  </si>
  <si>
    <t>Buitengebied Middenmeer</t>
  </si>
  <si>
    <t>buurt_gegeneraliseerd_2021.4c20406a-7930-4087-a3d3-f0458e50e6e7</t>
  </si>
  <si>
    <t>BU19111101</t>
  </si>
  <si>
    <t>2021BU19111101</t>
  </si>
  <si>
    <t>Kolhorn (woonkern) en De Strook</t>
  </si>
  <si>
    <t>buurt_gegeneraliseerd_2021.42df78db-a45b-4389-b188-7c2902381bca</t>
  </si>
  <si>
    <t>BU19111190</t>
  </si>
  <si>
    <t>2021BU19111190</t>
  </si>
  <si>
    <t>Buitengebied Kolhorn</t>
  </si>
  <si>
    <t>buurt_gegeneraliseerd_2021.247b821d-089a-4946-bdf0-7c1ea8632398</t>
  </si>
  <si>
    <t>BU19111201</t>
  </si>
  <si>
    <t>2021BU19111201</t>
  </si>
  <si>
    <t>Barsingerhorn (woonkern)</t>
  </si>
  <si>
    <t>buurt_gegeneraliseerd_2021.3983ff59-bc68-40f8-8e90-e3ef018ba45a</t>
  </si>
  <si>
    <t>BU19111290</t>
  </si>
  <si>
    <t>2021BU19111290</t>
  </si>
  <si>
    <t>Buitengebied Barsingerhorn</t>
  </si>
  <si>
    <t>buurt_gegeneraliseerd_2021.9bbd25c0-589a-433c-8de5-2ec5483f466a</t>
  </si>
  <si>
    <t>BU19111301</t>
  </si>
  <si>
    <t>2021BU19111301</t>
  </si>
  <si>
    <t>Haringhuizen (woonkern)</t>
  </si>
  <si>
    <t>buurt_gegeneraliseerd_2021.cf03388a-a5b1-4f1e-821a-d8a1003eec79</t>
  </si>
  <si>
    <t>BU19111390</t>
  </si>
  <si>
    <t>2021BU19111390</t>
  </si>
  <si>
    <t>Buitengebied Haringhuizen</t>
  </si>
  <si>
    <t>buurt_gegeneraliseerd_2021.e71ed9b6-283f-446e-a16b-fcce7cb92947</t>
  </si>
  <si>
    <t>BU19111401</t>
  </si>
  <si>
    <t>2021BU19111401</t>
  </si>
  <si>
    <t>Lutjewinkel (woonkern)</t>
  </si>
  <si>
    <t>buurt_gegeneraliseerd_2021.be8ca6d0-f2aa-4249-abfd-45fbf8a3b582</t>
  </si>
  <si>
    <t>BU19111490</t>
  </si>
  <si>
    <t>2021BU19111490</t>
  </si>
  <si>
    <t>Buitengebied Lutjewinkel</t>
  </si>
  <si>
    <t>buurt_gegeneraliseerd_2021.a97c1360-d336-43b7-b84d-70d75cdfc7dd</t>
  </si>
  <si>
    <t>BU19111501</t>
  </si>
  <si>
    <t>2021BU19111501</t>
  </si>
  <si>
    <t>Winkel Dorpsstraat en omgeving</t>
  </si>
  <si>
    <t>buurt_gegeneraliseerd_2021.4306ebe1-4b34-4d9a-aeaf-31648320854c</t>
  </si>
  <si>
    <t>BU19111502</t>
  </si>
  <si>
    <t>2021BU19111502</t>
  </si>
  <si>
    <t>Winkel ten zuidoosten van de Dorpsstraat</t>
  </si>
  <si>
    <t>buurt_gegeneraliseerd_2021.6bf0e1a8-5906-4fd4-aa1e-8c7be26e84ef</t>
  </si>
  <si>
    <t>BU19111503</t>
  </si>
  <si>
    <t>2021BU19111503</t>
  </si>
  <si>
    <t>Winkel Bomenbuurt en Winkelmadepark</t>
  </si>
  <si>
    <t>buurt_gegeneraliseerd_2021.139198dc-080e-4b17-b41e-f1903f92238d</t>
  </si>
  <si>
    <t>BU19111504</t>
  </si>
  <si>
    <t>2021BU19111504</t>
  </si>
  <si>
    <t>Winkel Trambaan</t>
  </si>
  <si>
    <t>buurt_gegeneraliseerd_2021.b82a445c-3a2d-4ee1-a10d-15de9766ac02</t>
  </si>
  <si>
    <t>BU19111580</t>
  </si>
  <si>
    <t>2021BU19111580</t>
  </si>
  <si>
    <t>Bedrijventerrein Winkelerzand</t>
  </si>
  <si>
    <t>buurt_gegeneraliseerd_2021.be9f9bcf-3476-4d8c-b7a8-3c4a87a44f2d</t>
  </si>
  <si>
    <t>BU19111590</t>
  </si>
  <si>
    <t>2021BU19111590</t>
  </si>
  <si>
    <t>Buitengebied Winkel</t>
  </si>
  <si>
    <t>buurt_gegeneraliseerd_2021.14d8f671-f169-4f8d-9a81-9f6103502390</t>
  </si>
  <si>
    <t>BU19111601</t>
  </si>
  <si>
    <t>2021BU19111601</t>
  </si>
  <si>
    <t>Nieuwe Niedorp Dorpsstraat e.o.</t>
  </si>
  <si>
    <t>buurt_gegeneraliseerd_2021.8d2ff627-c215-461a-a04e-090b57d7cee5</t>
  </si>
  <si>
    <t>BU19111602</t>
  </si>
  <si>
    <t>2021BU19111602</t>
  </si>
  <si>
    <t>De Veert</t>
  </si>
  <si>
    <t>buurt_gegeneraliseerd_2021.78d6cfa8-c803-471a-8426-c6d319262466</t>
  </si>
  <si>
    <t>BU19111690</t>
  </si>
  <si>
    <t>2021BU19111690</t>
  </si>
  <si>
    <t>Buitengebied Nieuwe Niedorp</t>
  </si>
  <si>
    <t>buurt_gegeneraliseerd_2021.7127a4d0-12c4-4812-afc8-01a002ba43ae</t>
  </si>
  <si>
    <t>BU19111701</t>
  </si>
  <si>
    <t>2021BU19111701</t>
  </si>
  <si>
    <t>'t Veld (woonkern)</t>
  </si>
  <si>
    <t>buurt_gegeneraliseerd_2021.57cde8ea-2cd7-4d7d-9103-ccd10b6c0ba6</t>
  </si>
  <si>
    <t>BU19111702</t>
  </si>
  <si>
    <t>2021BU19111702</t>
  </si>
  <si>
    <t>'t Veld Noord</t>
  </si>
  <si>
    <t>buurt_gegeneraliseerd_2021.e775215a-1474-41e8-9ede-a4b2de28c2e3</t>
  </si>
  <si>
    <t>BU19111790</t>
  </si>
  <si>
    <t>2021BU19111790</t>
  </si>
  <si>
    <t>Buitengebied 't Veld</t>
  </si>
  <si>
    <t>buurt_gegeneraliseerd_2021.dbf632c6-c3fe-4029-9dab-a824a949d0ff</t>
  </si>
  <si>
    <t>BU19111801</t>
  </si>
  <si>
    <t>2021BU19111801</t>
  </si>
  <si>
    <t>Zijdewind (woonkern)</t>
  </si>
  <si>
    <t>buurt_gegeneraliseerd_2021.71a8809c-56dd-4f68-bb23-ab62a50268e7</t>
  </si>
  <si>
    <t>BU19111890</t>
  </si>
  <si>
    <t>2021BU19111890</t>
  </si>
  <si>
    <t>Buitengebied Zijdewind/De Weel</t>
  </si>
  <si>
    <t>buurt_gegeneraliseerd_2021.b43a0e0b-b197-4c6c-a259-299405e4f220</t>
  </si>
  <si>
    <t>BU19111901</t>
  </si>
  <si>
    <t>2021BU19111901</t>
  </si>
  <si>
    <t>Oude Niedorp (woonkern)</t>
  </si>
  <si>
    <t>buurt_gegeneraliseerd_2021.47d7efd8-9450-4be8-8961-4ca3d0f23dbc</t>
  </si>
  <si>
    <t>BU19111990</t>
  </si>
  <si>
    <t>2021BU19111990</t>
  </si>
  <si>
    <t>Buitengebied Oude Niedorp</t>
  </si>
  <si>
    <t>buurt_gegeneraliseerd_2021.8d356ea5-31fb-4ed5-a346-dea5377cc3d6</t>
  </si>
  <si>
    <t>BU03880001</t>
  </si>
  <si>
    <t>2021BU03880001</t>
  </si>
  <si>
    <t>Centrum Zuid-Oost</t>
  </si>
  <si>
    <t>GM0388</t>
  </si>
  <si>
    <t>buurt_gegeneraliseerd_2021.0c6a7fb7-0c70-4332-9532-ca8cec7a618a</t>
  </si>
  <si>
    <t>BU03880002</t>
  </si>
  <si>
    <t>2021BU03880002</t>
  </si>
  <si>
    <t>Centrum Noord-Oost</t>
  </si>
  <si>
    <t>buurt_gegeneraliseerd_2021.1a915fac-b920-4661-9742-cabe66b4703c</t>
  </si>
  <si>
    <t>BU03880003</t>
  </si>
  <si>
    <t>2021BU03880003</t>
  </si>
  <si>
    <t>Centrum Noord-West</t>
  </si>
  <si>
    <t>buurt_gegeneraliseerd_2021.e146cc9a-7bc7-4e2f-b2b1-67b4e293a173</t>
  </si>
  <si>
    <t>BU03880004</t>
  </si>
  <si>
    <t>2021BU03880004</t>
  </si>
  <si>
    <t>Centrum Zuid-West</t>
  </si>
  <si>
    <t>buurt_gegeneraliseerd_2021.d065e4fc-397a-4ac8-af9d-5a1ca63caf19</t>
  </si>
  <si>
    <t>BU03880101</t>
  </si>
  <si>
    <t>2021BU03880101</t>
  </si>
  <si>
    <t>buurt_gegeneraliseerd_2021.55b71ed0-1c07-4121-a73b-fd7487e23188</t>
  </si>
  <si>
    <t>BU03880102</t>
  </si>
  <si>
    <t>2021BU03880102</t>
  </si>
  <si>
    <t>Gommerwijk West-West</t>
  </si>
  <si>
    <t>buurt_gegeneraliseerd_2021.0505a347-5d14-4544-b8b8-7c7db7875062</t>
  </si>
  <si>
    <t>BU03880103</t>
  </si>
  <si>
    <t>2021BU03880103</t>
  </si>
  <si>
    <t>Drechterwijk</t>
  </si>
  <si>
    <t>buurt_gegeneraliseerd_2021.1929cd0a-165a-43dc-a194-7ea4a6aad846</t>
  </si>
  <si>
    <t>BU03880104</t>
  </si>
  <si>
    <t>2021BU03880104</t>
  </si>
  <si>
    <t>Gommerwijk West</t>
  </si>
  <si>
    <t>buurt_gegeneraliseerd_2021.6e2f1e16-faf7-498a-b026-77b9ffc7243f</t>
  </si>
  <si>
    <t>BU03880105</t>
  </si>
  <si>
    <t>2021BU03880105</t>
  </si>
  <si>
    <t>Gommerwijk Oost</t>
  </si>
  <si>
    <t>buurt_gegeneraliseerd_2021.581022b4-2c6d-45db-93d6-42567b0bf2b4</t>
  </si>
  <si>
    <t>BU03880106</t>
  </si>
  <si>
    <t>2021BU03880106</t>
  </si>
  <si>
    <t>Oude Gouw</t>
  </si>
  <si>
    <t>buurt_gegeneraliseerd_2021.9897052d-f011-4cf5-b31b-c11d5457379d</t>
  </si>
  <si>
    <t>BU03880107</t>
  </si>
  <si>
    <t>2021BU03880107</t>
  </si>
  <si>
    <t>buurt_gegeneraliseerd_2021.1f13ef61-6e86-4c28-a50f-0170e959b9f0</t>
  </si>
  <si>
    <t>BU03880108</t>
  </si>
  <si>
    <t>2021BU03880108</t>
  </si>
  <si>
    <t>Enkhuizerzand</t>
  </si>
  <si>
    <t>buurt_gegeneraliseerd_2021.1a606516-2364-4256-b6a1-8214e8bfa1c9</t>
  </si>
  <si>
    <t>BU03880201</t>
  </si>
  <si>
    <t>2021BU03880201</t>
  </si>
  <si>
    <t>Enkhuizen buitengebied</t>
  </si>
  <si>
    <t>buurt_gegeneraliseerd_2021.9f41cb25-92fb-43db-8a8e-b00ff68b9307</t>
  </si>
  <si>
    <t>BU03880301</t>
  </si>
  <si>
    <t>2021BU03880301</t>
  </si>
  <si>
    <t>buurt_gegeneraliseerd_2021.b8f106c7-bfa9-49c2-98a5-97c16a765ad7</t>
  </si>
  <si>
    <t>BU03880302</t>
  </si>
  <si>
    <t>2021BU03880302</t>
  </si>
  <si>
    <t>buurt_gegeneraliseerd_2021.49e40284-7831-4937-976d-d9830a5c993b</t>
  </si>
  <si>
    <t>BU03880303</t>
  </si>
  <si>
    <t>2021BU03880303</t>
  </si>
  <si>
    <t>Krabbersplaat</t>
  </si>
  <si>
    <t>buurt_gegeneraliseerd_2021.fc239872-c43a-426f-ba8f-79bfc8b80e5a</t>
  </si>
  <si>
    <t>BU03880304</t>
  </si>
  <si>
    <t>2021BU03880304</t>
  </si>
  <si>
    <t>Ketenwaal</t>
  </si>
  <si>
    <t>buurt_gegeneraliseerd_2021.db81f634-02b1-489c-9a0f-76e542438434</t>
  </si>
  <si>
    <t>BU03881001</t>
  </si>
  <si>
    <t>2021BU03881001</t>
  </si>
  <si>
    <t>IJsselmeer en Markermeer</t>
  </si>
  <si>
    <t>buurt_gegeneraliseerd_2021.2dbd9565-7981-40eb-863f-283c7de28e08</t>
  </si>
  <si>
    <t>BU03881002</t>
  </si>
  <si>
    <t>2021BU03881002</t>
  </si>
  <si>
    <t>Vogeleiland</t>
  </si>
  <si>
    <t>buurt_gegeneraliseerd_2021.89a1bd97-c234-4ef9-8e2b-dfac2bb56d23</t>
  </si>
  <si>
    <t>BU04980000</t>
  </si>
  <si>
    <t>2021BU04980000</t>
  </si>
  <si>
    <t>GM0498</t>
  </si>
  <si>
    <t>buurt_gegeneraliseerd_2021.85b9ed2e-4f4d-4d37-9fed-13e0fbd70bab</t>
  </si>
  <si>
    <t>BU04980001</t>
  </si>
  <si>
    <t>2021BU04980001</t>
  </si>
  <si>
    <t>Ten westen van de Tolweg</t>
  </si>
  <si>
    <t>buurt_gegeneraliseerd_2021.65d71714-57b2-4f1c-b1cb-d9baa3f39007</t>
  </si>
  <si>
    <t>BU04980002</t>
  </si>
  <si>
    <t>2021BU04980002</t>
  </si>
  <si>
    <t>Reigersborg Noord</t>
  </si>
  <si>
    <t>buurt_gegeneraliseerd_2021.7ed33c4b-0961-4bb7-97e2-161405439fbb</t>
  </si>
  <si>
    <t>BU04980003</t>
  </si>
  <si>
    <t>2021BU04980003</t>
  </si>
  <si>
    <t>Plan Noord</t>
  </si>
  <si>
    <t>buurt_gegeneraliseerd_2021.fb6a9436-5361-4e14-9f2b-3ab2d1743036</t>
  </si>
  <si>
    <t>BU04980004</t>
  </si>
  <si>
    <t>2021BU04980004</t>
  </si>
  <si>
    <t>Voorstik</t>
  </si>
  <si>
    <t>buurt_gegeneraliseerd_2021.6169418c-d720-4ee9-910e-16d88824cddb</t>
  </si>
  <si>
    <t>BU04980005</t>
  </si>
  <si>
    <t>2021BU04980005</t>
  </si>
  <si>
    <t>buurt_gegeneraliseerd_2021.cba4b4d4-aa09-494c-92c1-1f2fd51fc834</t>
  </si>
  <si>
    <t>BU04980006</t>
  </si>
  <si>
    <t>2021BU04980006</t>
  </si>
  <si>
    <t>buurt_gegeneraliseerd_2021.e21a90a4-258c-4944-a330-351cc5688337</t>
  </si>
  <si>
    <t>BU04980007</t>
  </si>
  <si>
    <t>2021BU04980007</t>
  </si>
  <si>
    <t>Plan West</t>
  </si>
  <si>
    <t>buurt_gegeneraliseerd_2021.3c549663-b7bb-46ea-9115-a04df7701b16</t>
  </si>
  <si>
    <t>BU04980008</t>
  </si>
  <si>
    <t>2021BU04980008</t>
  </si>
  <si>
    <t>Reigersborg Zuid</t>
  </si>
  <si>
    <t>buurt_gegeneraliseerd_2021.609327a6-8a04-4d47-9dcc-42c6bfa60e55</t>
  </si>
  <si>
    <t>BU04980009</t>
  </si>
  <si>
    <t>2021BU04980009</t>
  </si>
  <si>
    <t>buurt_gegeneraliseerd_2021.b6c7c715-e670-4144-bf52-0c10e84abd15</t>
  </si>
  <si>
    <t>BU04980010</t>
  </si>
  <si>
    <t>2021BU04980010</t>
  </si>
  <si>
    <t>buurt_gegeneraliseerd_2021.dc256d19-17da-4b5d-ae7f-7792237c03b1</t>
  </si>
  <si>
    <t>BU04980100</t>
  </si>
  <si>
    <t>2021BU04980100</t>
  </si>
  <si>
    <t>Westwoud</t>
  </si>
  <si>
    <t>buurt_gegeneraliseerd_2021.f2b5431c-a527-419d-a154-32f7ba962267</t>
  </si>
  <si>
    <t>BU04980101</t>
  </si>
  <si>
    <t>2021BU04980101</t>
  </si>
  <si>
    <t>Oudijk</t>
  </si>
  <si>
    <t>buurt_gegeneraliseerd_2021.f22582ee-8e9c-4fb2-9c33-d12aacabc439</t>
  </si>
  <si>
    <t>BU04980109</t>
  </si>
  <si>
    <t>2021BU04980109</t>
  </si>
  <si>
    <t>Binnenwijzend</t>
  </si>
  <si>
    <t>buurt_gegeneraliseerd_2021.ea9b9881-3e7f-4204-87c7-a04405919c0d</t>
  </si>
  <si>
    <t>BU04980200</t>
  </si>
  <si>
    <t>2021BU04980200</t>
  </si>
  <si>
    <t>Oosterblokker</t>
  </si>
  <si>
    <t>buurt_gegeneraliseerd_2021.905afaa9-a9a8-4e5b-a9e4-194faadad4eb</t>
  </si>
  <si>
    <t>BU04980300</t>
  </si>
  <si>
    <t>2021BU04980300</t>
  </si>
  <si>
    <t>Centrum Venhuizen</t>
  </si>
  <si>
    <t>buurt_gegeneraliseerd_2021.9a9d61b4-f22d-4c02-a9a2-89ee7845e1ed</t>
  </si>
  <si>
    <t>BU04980301</t>
  </si>
  <si>
    <t>2021BU04980301</t>
  </si>
  <si>
    <t>De Buurt</t>
  </si>
  <si>
    <t>buurt_gegeneraliseerd_2021.b51fb60b-12e9-40ca-9a38-e0ff1941f7b4</t>
  </si>
  <si>
    <t>BU04980306</t>
  </si>
  <si>
    <t>2021BU04980306</t>
  </si>
  <si>
    <t>De Hout en Blokdijk venhuizen</t>
  </si>
  <si>
    <t>buurt_gegeneraliseerd_2021.0dfafe96-54a4-48b5-bbb1-b61576cf42fe</t>
  </si>
  <si>
    <t>BU04980308</t>
  </si>
  <si>
    <t>2021BU04980308</t>
  </si>
  <si>
    <t>Drieban (gedeeltelijk), Venhuiz</t>
  </si>
  <si>
    <t>buurt_gegeneraliseerd_2021.965ab0b1-a754-46b7-a050-34164226f158</t>
  </si>
  <si>
    <t>BU04980309</t>
  </si>
  <si>
    <t>2021BU04980309</t>
  </si>
  <si>
    <t>Zuiderdijk</t>
  </si>
  <si>
    <t>buurt_gegeneraliseerd_2021.2d54b17f-4656-4809-8dbe-504b5c783a23</t>
  </si>
  <si>
    <t>BU04980400</t>
  </si>
  <si>
    <t>2021BU04980400</t>
  </si>
  <si>
    <t>Wijdenes</t>
  </si>
  <si>
    <t>buurt_gegeneraliseerd_2021.774c6bb8-ff5d-4feb-a8c9-3aa8942ce83e</t>
  </si>
  <si>
    <t>BU04980401</t>
  </si>
  <si>
    <t>2021BU04980401</t>
  </si>
  <si>
    <t>Drieban Wijdenes</t>
  </si>
  <si>
    <t>buurt_gegeneraliseerd_2021.61190f8e-6ea5-41a6-8efd-50f28f4b8620</t>
  </si>
  <si>
    <t>BU04980500</t>
  </si>
  <si>
    <t>2021BU04980500</t>
  </si>
  <si>
    <t>Schellinkhout</t>
  </si>
  <si>
    <t>buurt_gegeneraliseerd_2021.087e9e2c-289d-40f6-a029-db98b7c2557f</t>
  </si>
  <si>
    <t>BU04980600</t>
  </si>
  <si>
    <t>2021BU04980600</t>
  </si>
  <si>
    <t>De Hout en Blokdijk Hem</t>
  </si>
  <si>
    <t>buurt_gegeneraliseerd_2021.acdb2682-6071-4da5-ae23-7766718b6048</t>
  </si>
  <si>
    <t>BU04980601</t>
  </si>
  <si>
    <t>2021BU04980601</t>
  </si>
  <si>
    <t>Hem</t>
  </si>
  <si>
    <t>buurt_gegeneraliseerd_2021.a1223f43-3949-424d-984d-754dcff01b9a</t>
  </si>
  <si>
    <t>BU04980602</t>
  </si>
  <si>
    <t>2021BU04980602</t>
  </si>
  <si>
    <t>Drieban (gedeeltelijk), Hem</t>
  </si>
  <si>
    <t>buurt_gegeneraliseerd_2021.59170726-3368-4966-a1ae-3e4daf756a97</t>
  </si>
  <si>
    <t>BU04980700</t>
  </si>
  <si>
    <t>2021BU04980700</t>
  </si>
  <si>
    <t>Oosterleek</t>
  </si>
  <si>
    <t>buurt_gegeneraliseerd_2021.1858ac5f-67be-4272-8ffb-e3384e63a34a</t>
  </si>
  <si>
    <t>BU05320101</t>
  </si>
  <si>
    <t>2021BU05320101</t>
  </si>
  <si>
    <t>Lutjebroek buitengebied noord</t>
  </si>
  <si>
    <t>GM0532</t>
  </si>
  <si>
    <t>buurt_gegeneraliseerd_2021.8d782456-99b1-48bf-96ad-38625eba323a</t>
  </si>
  <si>
    <t>BU05320102</t>
  </si>
  <si>
    <t>2021BU05320102</t>
  </si>
  <si>
    <t>Grootebroek buitengebied noord</t>
  </si>
  <si>
    <t>buurt_gegeneraliseerd_2021.816f0357-d008-40a4-abd6-564a3e19038a</t>
  </si>
  <si>
    <t>BU05320103</t>
  </si>
  <si>
    <t>2021BU05320103</t>
  </si>
  <si>
    <t>Bovenkarspel buitengebied noord</t>
  </si>
  <si>
    <t>buurt_gegeneraliseerd_2021.8a485f80-6176-44e2-be62-123a6de7ee9e</t>
  </si>
  <si>
    <t>BU05320201</t>
  </si>
  <si>
    <t>2021BU05320201</t>
  </si>
  <si>
    <t>Lutjebroek</t>
  </si>
  <si>
    <t>buurt_gegeneraliseerd_2021.45aab081-4332-4bb8-8021-3ec61b26a672</t>
  </si>
  <si>
    <t>BU05320202</t>
  </si>
  <si>
    <t>2021BU05320202</t>
  </si>
  <si>
    <t>Oosterweed</t>
  </si>
  <si>
    <t>buurt_gegeneraliseerd_2021.decf3f50-0463-4bde-82b6-a4c388e0b1eb</t>
  </si>
  <si>
    <t>BU05320203</t>
  </si>
  <si>
    <t>2021BU05320203</t>
  </si>
  <si>
    <t>Oud Grootebroek</t>
  </si>
  <si>
    <t>buurt_gegeneraliseerd_2021.daea91e4-f0fa-49ba-b2fa-5e7500185233</t>
  </si>
  <si>
    <t>BU05320204</t>
  </si>
  <si>
    <t>2021BU05320204</t>
  </si>
  <si>
    <t>Zesstedenpark</t>
  </si>
  <si>
    <t>buurt_gegeneraliseerd_2021.af577599-530a-4947-ae66-61b531354491</t>
  </si>
  <si>
    <t>BU05320205</t>
  </si>
  <si>
    <t>2021BU05320205</t>
  </si>
  <si>
    <t>Hooge Sluis</t>
  </si>
  <si>
    <t>buurt_gegeneraliseerd_2021.350fa7a7-63a2-4562-a5bb-4c3dd37f1b4e</t>
  </si>
  <si>
    <t>BU05320206</t>
  </si>
  <si>
    <t>2021BU05320206</t>
  </si>
  <si>
    <t>Noordertocht</t>
  </si>
  <si>
    <t>buurt_gegeneraliseerd_2021.a2577187-aa30-42fc-9da4-01145aa37017</t>
  </si>
  <si>
    <t>BU05320207</t>
  </si>
  <si>
    <t>2021BU05320207</t>
  </si>
  <si>
    <t>Rozeboom</t>
  </si>
  <si>
    <t>buurt_gegeneraliseerd_2021.ff3f9ff5-66d6-46b0-a690-0657ff0f3db8</t>
  </si>
  <si>
    <t>BU05320208</t>
  </si>
  <si>
    <t>2021BU05320208</t>
  </si>
  <si>
    <t>buurt_gegeneraliseerd_2021.a69f8c8d-5af9-461e-a2db-6b43eceeac29</t>
  </si>
  <si>
    <t>BU05320209</t>
  </si>
  <si>
    <t>2021BU05320209</t>
  </si>
  <si>
    <t>Zuidervoert</t>
  </si>
  <si>
    <t>buurt_gegeneraliseerd_2021.4bf0156e-1f9b-440f-830b-9be51388b8b8</t>
  </si>
  <si>
    <t>BU05320210</t>
  </si>
  <si>
    <t>2021BU05320210</t>
  </si>
  <si>
    <t>Oud Bovenkarpel</t>
  </si>
  <si>
    <t>buurt_gegeneraliseerd_2021.9f1d3cbc-ef0f-41ee-b2c8-8f47b465379f</t>
  </si>
  <si>
    <t>BU05320211</t>
  </si>
  <si>
    <t>2021BU05320211</t>
  </si>
  <si>
    <t>CNB</t>
  </si>
  <si>
    <t>buurt_gegeneraliseerd_2021.10b5bde3-96ef-461a-b0f8-67cf17c59e71</t>
  </si>
  <si>
    <t>BU05320301</t>
  </si>
  <si>
    <t>2021BU05320301</t>
  </si>
  <si>
    <t>Lutjebroek buitengebied zuid</t>
  </si>
  <si>
    <t>buurt_gegeneraliseerd_2021.2b625cd5-7f33-4d12-a117-0bd9ec1d0289</t>
  </si>
  <si>
    <t>BU05320302</t>
  </si>
  <si>
    <t>2021BU05320302</t>
  </si>
  <si>
    <t>Centrale zone Grootebroek</t>
  </si>
  <si>
    <t>buurt_gegeneraliseerd_2021.7d7abe36-982f-4826-a091-135d99f9bcbe</t>
  </si>
  <si>
    <t>BU05320303</t>
  </si>
  <si>
    <t>2021BU05320303</t>
  </si>
  <si>
    <t>Grootebroek buitengebied zuid</t>
  </si>
  <si>
    <t>buurt_gegeneraliseerd_2021.dcebc115-44d7-4256-a97f-9ccf329d6ec3</t>
  </si>
  <si>
    <t>BU05320304</t>
  </si>
  <si>
    <t>2021BU05320304</t>
  </si>
  <si>
    <t>Kloosterhof Monniksveld</t>
  </si>
  <si>
    <t>buurt_gegeneraliseerd_2021.12205c60-055b-4fff-91cf-bb8617feb8d1</t>
  </si>
  <si>
    <t>BU05320305</t>
  </si>
  <si>
    <t>2021BU05320305</t>
  </si>
  <si>
    <t>Waterweide</t>
  </si>
  <si>
    <t>buurt_gegeneraliseerd_2021.2a2ec349-1a95-4725-8244-8d1b53553734</t>
  </si>
  <si>
    <t>BU05320306</t>
  </si>
  <si>
    <t>2021BU05320306</t>
  </si>
  <si>
    <t>Oostersluis</t>
  </si>
  <si>
    <t>buurt_gegeneraliseerd_2021.dd26ce03-11bc-4bac-ad4c-343fcddfd026</t>
  </si>
  <si>
    <t>BU05320307</t>
  </si>
  <si>
    <t>2021BU05320307</t>
  </si>
  <si>
    <t>Princenhof Grootebroek</t>
  </si>
  <si>
    <t>buurt_gegeneraliseerd_2021.5ce7dc96-e8b0-41ab-a7ab-4bb9ea8859e6</t>
  </si>
  <si>
    <t>BU05320308</t>
  </si>
  <si>
    <t>2021BU05320308</t>
  </si>
  <si>
    <t>Princenhof Bovenkarspel</t>
  </si>
  <si>
    <t>buurt_gegeneraliseerd_2021.9774fc86-b32c-454e-bbe2-adece19fc79b</t>
  </si>
  <si>
    <t>BU05320309</t>
  </si>
  <si>
    <t>2021BU05320309</t>
  </si>
  <si>
    <t>Centrale zone Bovenkarspel</t>
  </si>
  <si>
    <t>buurt_gegeneraliseerd_2021.5dddfc99-2032-4e00-acfa-b21face0c1b5</t>
  </si>
  <si>
    <t>BU05320310</t>
  </si>
  <si>
    <t>2021BU05320310</t>
  </si>
  <si>
    <t>buurt_gegeneraliseerd_2021.1462ce77-6739-4c92-bbd3-1834303df7d2</t>
  </si>
  <si>
    <t>BU05320311</t>
  </si>
  <si>
    <t>2021BU05320311</t>
  </si>
  <si>
    <t>Broekerhaven</t>
  </si>
  <si>
    <t>buurt_gegeneraliseerd_2021.552516c0-ff4a-4b25-9f16-f3d48399d00e</t>
  </si>
  <si>
    <t>BU05320312</t>
  </si>
  <si>
    <t>2021BU05320312</t>
  </si>
  <si>
    <t>Buitengebied Bovenkarspel zuid</t>
  </si>
  <si>
    <t>buurt_gegeneraliseerd_2021.509566c6-91bc-4983-8a01-2bf5d7de769c</t>
  </si>
  <si>
    <t>BU03610100</t>
  </si>
  <si>
    <t>2021BU03610100</t>
  </si>
  <si>
    <t>Kooimeer</t>
  </si>
  <si>
    <t>GM0361</t>
  </si>
  <si>
    <t>buurt_gegeneraliseerd_2021.4501813b-67ee-431e-843c-6ace1336f98d</t>
  </si>
  <si>
    <t>BU03610101</t>
  </si>
  <si>
    <t>2021BU03610101</t>
  </si>
  <si>
    <t>Dillenburg en Stadhouderskwartier</t>
  </si>
  <si>
    <t>buurt_gegeneraliseerd_2021.fa2bafb1-3bcf-45e8-8f04-fbaae804a896</t>
  </si>
  <si>
    <t>BU03610102</t>
  </si>
  <si>
    <t>2021BU03610102</t>
  </si>
  <si>
    <t>Staatsliedenkwartier en Landstraten</t>
  </si>
  <si>
    <t>buurt_gegeneraliseerd_2021.75df3e36-ac4b-458b-9f81-1805be6c1091</t>
  </si>
  <si>
    <t>BU03610103</t>
  </si>
  <si>
    <t>2021BU03610103</t>
  </si>
  <si>
    <t>Oud-Rochdale</t>
  </si>
  <si>
    <t>buurt_gegeneraliseerd_2021.9a320079-26a0-4599-b894-8562dce29ae7</t>
  </si>
  <si>
    <t>BU03610104</t>
  </si>
  <si>
    <t>2021BU03610104</t>
  </si>
  <si>
    <t>Emmakwartier</t>
  </si>
  <si>
    <t>buurt_gegeneraliseerd_2021.e57004f9-ad66-4d1a-8793-854507766bec</t>
  </si>
  <si>
    <t>BU03610105</t>
  </si>
  <si>
    <t>2021BU03610105</t>
  </si>
  <si>
    <t>Nassaukwartier en Hout</t>
  </si>
  <si>
    <t>buurt_gegeneraliseerd_2021.1b0310ed-441c-4ff8-8dc8-2701937a3949</t>
  </si>
  <si>
    <t>BU03610106</t>
  </si>
  <si>
    <t>2021BU03610106</t>
  </si>
  <si>
    <t>Oranjepark</t>
  </si>
  <si>
    <t>buurt_gegeneraliseerd_2021.ed3c257b-4ec7-4c99-9583-365e0c2be92a</t>
  </si>
  <si>
    <t>BU03610107</t>
  </si>
  <si>
    <t>2021BU03610107</t>
  </si>
  <si>
    <t>Cranenbroek</t>
  </si>
  <si>
    <t>buurt_gegeneraliseerd_2021.7cab021c-d3b1-41e1-bf20-527f432dc17e</t>
  </si>
  <si>
    <t>BU03610108</t>
  </si>
  <si>
    <t>2021BU03610108</t>
  </si>
  <si>
    <t>Bloemwijk en Zocherkwartier</t>
  </si>
  <si>
    <t>buurt_gegeneraliseerd_2021.5ebac9e6-61cb-4288-9391-f00d0e40a4e3</t>
  </si>
  <si>
    <t>BU03610109</t>
  </si>
  <si>
    <t>2021BU03610109</t>
  </si>
  <si>
    <t>buurt_gegeneraliseerd_2021.a74ee516-3568-4fec-8d6a-b3236e7c3f7e</t>
  </si>
  <si>
    <t>BU03610200</t>
  </si>
  <si>
    <t>2021BU03610200</t>
  </si>
  <si>
    <t>Rekerbuurt en Ooievaarsnest</t>
  </si>
  <si>
    <t>buurt_gegeneraliseerd_2021.7f0c20b6-7402-4b25-8b5b-2bc74384509d</t>
  </si>
  <si>
    <t>BU03610201</t>
  </si>
  <si>
    <t>2021BU03610201</t>
  </si>
  <si>
    <t>Oudorp-Noord en Oudorp-Oost</t>
  </si>
  <si>
    <t>buurt_gegeneraliseerd_2021.005bb30f-a433-497d-8038-ce1f14936bf0</t>
  </si>
  <si>
    <t>BU03610202</t>
  </si>
  <si>
    <t>2021BU03610202</t>
  </si>
  <si>
    <t>Oudorp-Centrum</t>
  </si>
  <si>
    <t>buurt_gegeneraliseerd_2021.b949406f-2f02-4ca8-9134-a65b8fe55900</t>
  </si>
  <si>
    <t>BU03610203</t>
  </si>
  <si>
    <t>2021BU03610203</t>
  </si>
  <si>
    <t>Schermereiland en Omval</t>
  </si>
  <si>
    <t>buurt_gegeneraliseerd_2021.dc262522-a2be-4cbc-9cfa-419c778f0e6f</t>
  </si>
  <si>
    <t>BU03610204</t>
  </si>
  <si>
    <t>2021BU03610204</t>
  </si>
  <si>
    <t>Oudorperpolder-Zuid</t>
  </si>
  <si>
    <t>buurt_gegeneraliseerd_2021.6ae858ed-3008-4f9c-ac53-51b7aa99e64a</t>
  </si>
  <si>
    <t>BU03610205</t>
  </si>
  <si>
    <t>2021BU03610205</t>
  </si>
  <si>
    <t>Oudorperpolder-Midden</t>
  </si>
  <si>
    <t>buurt_gegeneraliseerd_2021.22387d44-18a5-4e22-b10d-42bff350a582</t>
  </si>
  <si>
    <t>BU03610206</t>
  </si>
  <si>
    <t>2021BU03610206</t>
  </si>
  <si>
    <t>Oudorperpolder-Noord</t>
  </si>
  <si>
    <t>buurt_gegeneraliseerd_2021.5fea171d-2464-4a82-80c8-4398d5aa8f89</t>
  </si>
  <si>
    <t>BU03610208</t>
  </si>
  <si>
    <t>2021BU03610208</t>
  </si>
  <si>
    <t>De Nollen</t>
  </si>
  <si>
    <t>buurt_gegeneraliseerd_2021.28ad9b2c-bcc4-41b2-a383-85265a731dd1</t>
  </si>
  <si>
    <t>BU03610209</t>
  </si>
  <si>
    <t>2021BU03610209</t>
  </si>
  <si>
    <t>Beverkoog</t>
  </si>
  <si>
    <t>buurt_gegeneraliseerd_2021.4f2376aa-de0e-44dd-bd6c-0ebd46bbad31</t>
  </si>
  <si>
    <t>BU03610300</t>
  </si>
  <si>
    <t>2021BU03610300</t>
  </si>
  <si>
    <t>Oud-Overdie</t>
  </si>
  <si>
    <t>buurt_gegeneraliseerd_2021.8ff00390-ad80-4f47-a57e-da8f579963f0</t>
  </si>
  <si>
    <t>BU03610301</t>
  </si>
  <si>
    <t>2021BU03610301</t>
  </si>
  <si>
    <t>buurt_gegeneraliseerd_2021.225f81c8-3658-4f09-abd0-dd1b472b3a4c</t>
  </si>
  <si>
    <t>BU03610302</t>
  </si>
  <si>
    <t>2021BU03610302</t>
  </si>
  <si>
    <t>Overdie-Oost</t>
  </si>
  <si>
    <t>buurt_gegeneraliseerd_2021.2ac50c3a-7dcb-40ae-b2d1-b4b9e7ec6775</t>
  </si>
  <si>
    <t>BU03610303</t>
  </si>
  <si>
    <t>2021BU03610303</t>
  </si>
  <si>
    <t>Overdie-West</t>
  </si>
  <si>
    <t>buurt_gegeneraliseerd_2021.e7e9fcb4-c592-496e-a75c-94607667a061</t>
  </si>
  <si>
    <t>BU03610308</t>
  </si>
  <si>
    <t>2021BU03610308</t>
  </si>
  <si>
    <t>Boekelermeer-Zuid</t>
  </si>
  <si>
    <t>buurt_gegeneraliseerd_2021.32a9e046-2ebf-46b2-a346-558e1caa11d4</t>
  </si>
  <si>
    <t>BU03610309</t>
  </si>
  <si>
    <t>2021BU03610309</t>
  </si>
  <si>
    <t>Boekelermeer-Noord</t>
  </si>
  <si>
    <t>buurt_gegeneraliseerd_2021.aee07b96-3562-4df9-9785-4afdac0f59a6</t>
  </si>
  <si>
    <t>BU03610400</t>
  </si>
  <si>
    <t>2021BU03610400</t>
  </si>
  <si>
    <t>De Hoef III en IV</t>
  </si>
  <si>
    <t>buurt_gegeneraliseerd_2021.0ff3f27f-5569-4104-8506-696d089cb4f5</t>
  </si>
  <si>
    <t>BU03610401</t>
  </si>
  <si>
    <t>2021BU03610401</t>
  </si>
  <si>
    <t>De Hoef I en II</t>
  </si>
  <si>
    <t>buurt_gegeneraliseerd_2021.665bbf15-c81d-442c-93a4-abbfe7d8d9a2</t>
  </si>
  <si>
    <t>BU03610402</t>
  </si>
  <si>
    <t>2021BU03610402</t>
  </si>
  <si>
    <t>Bergerwegkwartier</t>
  </si>
  <si>
    <t>buurt_gegeneraliseerd_2021.bd328e1e-3634-4d8f-8f72-defc8782a977</t>
  </si>
  <si>
    <t>BU03610403</t>
  </si>
  <si>
    <t>2021BU03610403</t>
  </si>
  <si>
    <t>Bergerhof en Blaeustraatkwartier</t>
  </si>
  <si>
    <t>buurt_gegeneraliseerd_2021.b900693f-2e7a-4c23-9ebe-ed8ad029c482</t>
  </si>
  <si>
    <t>BU03610404</t>
  </si>
  <si>
    <t>2021BU03610404</t>
  </si>
  <si>
    <t>Bergermeer</t>
  </si>
  <si>
    <t>buurt_gegeneraliseerd_2021.75eeca00-48d1-4b82-9307-62b9d56e37ef</t>
  </si>
  <si>
    <t>BU03610409</t>
  </si>
  <si>
    <t>2021BU03610409</t>
  </si>
  <si>
    <t>Landelijk gebied-West</t>
  </si>
  <si>
    <t>buurt_gegeneraliseerd_2021.8c4342b6-84b1-46be-998b-96bdd6777b62</t>
  </si>
  <si>
    <t>BU03610500</t>
  </si>
  <si>
    <t>2021BU03610500</t>
  </si>
  <si>
    <t>Huiswaard-1-Zuid</t>
  </si>
  <si>
    <t>buurt_gegeneraliseerd_2021.06f16258-7d0c-4250-aff9-e5e69afa02c3</t>
  </si>
  <si>
    <t>BU03610501</t>
  </si>
  <si>
    <t>2021BU03610501</t>
  </si>
  <si>
    <t>Muiderwaard</t>
  </si>
  <si>
    <t>buurt_gegeneraliseerd_2021.2382b2f4-c83c-4982-945e-e4aaa85b4661</t>
  </si>
  <si>
    <t>BU03610502</t>
  </si>
  <si>
    <t>2021BU03610502</t>
  </si>
  <si>
    <t>Huiswaard-2-West</t>
  </si>
  <si>
    <t>buurt_gegeneraliseerd_2021.a18c1789-2302-4a71-a5c8-e96f7e6ae04e</t>
  </si>
  <si>
    <t>BU03610503</t>
  </si>
  <si>
    <t>2021BU03610503</t>
  </si>
  <si>
    <t>Huiswaard-2-Oost</t>
  </si>
  <si>
    <t>buurt_gegeneraliseerd_2021.18f2164a-3866-4712-ba94-65eb14aa2ec9</t>
  </si>
  <si>
    <t>BU03610600</t>
  </si>
  <si>
    <t>2021BU03610600</t>
  </si>
  <si>
    <t>'t Rak-Zuid</t>
  </si>
  <si>
    <t>buurt_gegeneraliseerd_2021.64f24af2-bbc7-4cdc-ae7f-2ad42ee74f4c</t>
  </si>
  <si>
    <t>BU03610601</t>
  </si>
  <si>
    <t>2021BU03610601</t>
  </si>
  <si>
    <t>'t Rak-Noord</t>
  </si>
  <si>
    <t>buurt_gegeneraliseerd_2021.125ac958-edfd-4add-9961-5f62ec2a3785</t>
  </si>
  <si>
    <t>BU03610602</t>
  </si>
  <si>
    <t>2021BU03610602</t>
  </si>
  <si>
    <t>De Horn-Noord</t>
  </si>
  <si>
    <t>buurt_gegeneraliseerd_2021.729516a7-e4b3-4799-bd91-9783213cc6c2</t>
  </si>
  <si>
    <t>BU03610603</t>
  </si>
  <si>
    <t>2021BU03610603</t>
  </si>
  <si>
    <t>De Horn-Zuid</t>
  </si>
  <si>
    <t>buurt_gegeneraliseerd_2021.e92cd6a1-798d-411f-acad-93d40df8f7d2</t>
  </si>
  <si>
    <t>BU03610604</t>
  </si>
  <si>
    <t>2021BU03610604</t>
  </si>
  <si>
    <t>De Mare</t>
  </si>
  <si>
    <t>buurt_gegeneraliseerd_2021.128be808-f273-4a4a-b76f-372896e55082</t>
  </si>
  <si>
    <t>BU03610700</t>
  </si>
  <si>
    <t>2021BU03610700</t>
  </si>
  <si>
    <t>Daalmeer-Zuidoost</t>
  </si>
  <si>
    <t>buurt_gegeneraliseerd_2021.a5722852-dd27-4b57-a903-3faaad346510</t>
  </si>
  <si>
    <t>BU03610701</t>
  </si>
  <si>
    <t>2021BU03610701</t>
  </si>
  <si>
    <t>Daalmeer-Zuidwest</t>
  </si>
  <si>
    <t>buurt_gegeneraliseerd_2021.506ee044-deb1-4fd2-9865-0f4f7b015c88</t>
  </si>
  <si>
    <t>BU03610702</t>
  </si>
  <si>
    <t>2021BU03610702</t>
  </si>
  <si>
    <t>Koedijk en De Weijdt</t>
  </si>
  <si>
    <t>buurt_gegeneraliseerd_2021.8df45d13-29e3-4301-9d03-063955aecac6</t>
  </si>
  <si>
    <t>BU03610703</t>
  </si>
  <si>
    <t>2021BU03610703</t>
  </si>
  <si>
    <t>Daalmeer-Noordwest</t>
  </si>
  <si>
    <t>buurt_gegeneraliseerd_2021.1b096399-2aee-4153-b566-10067ca3bd27</t>
  </si>
  <si>
    <t>BU03610704</t>
  </si>
  <si>
    <t>2021BU03610704</t>
  </si>
  <si>
    <t>Daalmeer-Noordoost</t>
  </si>
  <si>
    <t>buurt_gegeneraliseerd_2021.0fa15c57-532b-4cad-9aae-b9c9a8a2fb97</t>
  </si>
  <si>
    <t>BU03610709</t>
  </si>
  <si>
    <t>2021BU03610709</t>
  </si>
  <si>
    <t>buurt_gegeneraliseerd_2021.69addc8c-8282-451b-b710-421fe5a1e16c</t>
  </si>
  <si>
    <t>BU03610800</t>
  </si>
  <si>
    <t>2021BU03610800</t>
  </si>
  <si>
    <t>buurt_gegeneraliseerd_2021.61bc913b-d763-440c-b08f-ea9a9798057a</t>
  </si>
  <si>
    <t>BU03610801</t>
  </si>
  <si>
    <t>2021BU03610801</t>
  </si>
  <si>
    <t>buurt_gegeneraliseerd_2021.ca818f86-38fb-47c5-893c-5e37a7d91579</t>
  </si>
  <si>
    <t>BU03610802</t>
  </si>
  <si>
    <t>2021BU03610802</t>
  </si>
  <si>
    <t>buurt_gegeneraliseerd_2021.df049739-af10-46c0-8a4d-535704766480</t>
  </si>
  <si>
    <t>BU03610803</t>
  </si>
  <si>
    <t>2021BU03610803</t>
  </si>
  <si>
    <t>Overstad</t>
  </si>
  <si>
    <t>buurt_gegeneraliseerd_2021.3000ae16-8f97-4213-81c9-d43043dda2e7</t>
  </si>
  <si>
    <t>BU03610900</t>
  </si>
  <si>
    <t>2021BU03610900</t>
  </si>
  <si>
    <t>Oterleek</t>
  </si>
  <si>
    <t>buurt_gegeneraliseerd_2021.efab2bf0-d75e-4b06-963a-93f331ea5532</t>
  </si>
  <si>
    <t>BU03610901</t>
  </si>
  <si>
    <t>2021BU03610901</t>
  </si>
  <si>
    <t>Ursem</t>
  </si>
  <si>
    <t>buurt_gegeneraliseerd_2021.45f89477-bc80-4aff-9038-fd3f2fcce94b</t>
  </si>
  <si>
    <t>BU03610902</t>
  </si>
  <si>
    <t>2021BU03610902</t>
  </si>
  <si>
    <t>Stompetoren</t>
  </si>
  <si>
    <t>buurt_gegeneraliseerd_2021.a8197ce6-5379-4bef-9bdd-597c6deaee2d</t>
  </si>
  <si>
    <t>BU03610903</t>
  </si>
  <si>
    <t>2021BU03610903</t>
  </si>
  <si>
    <t>Schermerhorn</t>
  </si>
  <si>
    <t>buurt_gegeneraliseerd_2021.5a90ad2f-1148-4bc9-8f31-1d1faf308fad</t>
  </si>
  <si>
    <t>BU03610904</t>
  </si>
  <si>
    <t>2021BU03610904</t>
  </si>
  <si>
    <t>Zuidschermer</t>
  </si>
  <si>
    <t>buurt_gegeneraliseerd_2021.dbd9316b-132e-4dd6-ab92-74c2e5f05b08</t>
  </si>
  <si>
    <t>BU03610905</t>
  </si>
  <si>
    <t>2021BU03610905</t>
  </si>
  <si>
    <t>buurt_gegeneraliseerd_2021.1d487855-fb67-44d1-bb3a-65caa54ff650</t>
  </si>
  <si>
    <t>BU03610906</t>
  </si>
  <si>
    <t>2021BU03610906</t>
  </si>
  <si>
    <t>Grootschermer</t>
  </si>
  <si>
    <t>buurt_gegeneraliseerd_2021.26372f02-c6f7-485d-8081-a21dba9b17a2</t>
  </si>
  <si>
    <t>BU03611000</t>
  </si>
  <si>
    <t>2021BU03611000</t>
  </si>
  <si>
    <t>buurt_gegeneraliseerd_2021.db02bbf3-1715-40fb-8edc-babffeca1092</t>
  </si>
  <si>
    <t>BU03611001</t>
  </si>
  <si>
    <t>2021BU03611001</t>
  </si>
  <si>
    <t>West-Graftdijk</t>
  </si>
  <si>
    <t>buurt_gegeneraliseerd_2021.682337dd-3b11-4df5-a8aa-a01c5e580cdd</t>
  </si>
  <si>
    <t>BU03611002</t>
  </si>
  <si>
    <t>2021BU03611002</t>
  </si>
  <si>
    <t>Graft</t>
  </si>
  <si>
    <t>buurt_gegeneraliseerd_2021.75e32c8d-eba4-4b33-8d0f-951ad1bc1e0d</t>
  </si>
  <si>
    <t>BU03611003</t>
  </si>
  <si>
    <t>2021BU03611003</t>
  </si>
  <si>
    <t>buurt_gegeneraliseerd_2021.736bbaf0-2864-42bb-939e-61ae7076bcb2</t>
  </si>
  <si>
    <t>BU03611004</t>
  </si>
  <si>
    <t>2021BU03611004</t>
  </si>
  <si>
    <t>Oost-Graftdijk</t>
  </si>
  <si>
    <t>buurt_gegeneraliseerd_2021.44c5cd70-5c8c-42b5-b21d-b218a7388a19</t>
  </si>
  <si>
    <t>BU03611005</t>
  </si>
  <si>
    <t>2021BU03611005</t>
  </si>
  <si>
    <t>Starnmeer</t>
  </si>
  <si>
    <t>buurt_gegeneraliseerd_2021.4351b58c-cc1a-4d3d-b516-a1b60bbd9224</t>
  </si>
  <si>
    <t>BU03611006</t>
  </si>
  <si>
    <t>2021BU03611006</t>
  </si>
  <si>
    <t>Markenbinnen</t>
  </si>
  <si>
    <t>buurt_gegeneraliseerd_2021.e0c4c1d6-000c-4ad9-886d-ed2a38a47dd6</t>
  </si>
  <si>
    <t>BU03611100</t>
  </si>
  <si>
    <t>2021BU03611100</t>
  </si>
  <si>
    <t>Vroonermeer-Zuid</t>
  </si>
  <si>
    <t>buurt_gegeneraliseerd_2021.3bf5d520-d5da-4f0b-a20a-b5ac38694155</t>
  </si>
  <si>
    <t>BU03611101</t>
  </si>
  <si>
    <t>2021BU03611101</t>
  </si>
  <si>
    <t>Vroonermeer-Noord</t>
  </si>
  <si>
    <t>buurt_gegeneraliseerd_2021.7708b388-9ae5-4286-802d-ab2e1f5eb2ec</t>
  </si>
  <si>
    <t>BU03700801</t>
  </si>
  <si>
    <t>2021BU03700801</t>
  </si>
  <si>
    <t>Middenbeemster</t>
  </si>
  <si>
    <t>GM0370</t>
  </si>
  <si>
    <t>buurt_gegeneraliseerd_2021.8d6dc84a-fbb9-4f66-a46e-ed9782abc4e5</t>
  </si>
  <si>
    <t>BU03700802</t>
  </si>
  <si>
    <t>2021BU03700802</t>
  </si>
  <si>
    <t>Noordbeemster</t>
  </si>
  <si>
    <t>buurt_gegeneraliseerd_2021.b273a237-37f9-41c5-8feb-4983a8d828df</t>
  </si>
  <si>
    <t>BU03700803</t>
  </si>
  <si>
    <t>2021BU03700803</t>
  </si>
  <si>
    <t>Westbeemster</t>
  </si>
  <si>
    <t>buurt_gegeneraliseerd_2021.2b353ef8-03c8-4ec2-9638-e37e6a92eafc</t>
  </si>
  <si>
    <t>BU03700804</t>
  </si>
  <si>
    <t>2021BU03700804</t>
  </si>
  <si>
    <t>Zuidoostbeemster</t>
  </si>
  <si>
    <t>buurt_gegeneraliseerd_2021.f0184fbd-a38c-4eca-8844-58a890adbeca</t>
  </si>
  <si>
    <t>BU00340101</t>
  </si>
  <si>
    <t>2021BU00340101</t>
  </si>
  <si>
    <t>Centrum Almere Haven</t>
  </si>
  <si>
    <t>GM0034</t>
  </si>
  <si>
    <t>buurt_gegeneraliseerd_2021.fc51c482-6bdf-403f-a48a-0ca5c873d53c</t>
  </si>
  <si>
    <t>BU00340102</t>
  </si>
  <si>
    <t>2021BU00340102</t>
  </si>
  <si>
    <t>buurt_gegeneraliseerd_2021.19d3882a-f133-4f1b-83b7-744dbafe38ff</t>
  </si>
  <si>
    <t>BU00340103</t>
  </si>
  <si>
    <t>2021BU00340103</t>
  </si>
  <si>
    <t>buurt_gegeneraliseerd_2021.4c82bd00-982a-4edc-bd78-c90532845788</t>
  </si>
  <si>
    <t>BU00340104</t>
  </si>
  <si>
    <t>2021BU00340104</t>
  </si>
  <si>
    <t>De Meenten</t>
  </si>
  <si>
    <t>buurt_gegeneraliseerd_2021.9fe6f2e5-408e-44f2-ba71-d8881660d54d</t>
  </si>
  <si>
    <t>BU00340105</t>
  </si>
  <si>
    <t>2021BU00340105</t>
  </si>
  <si>
    <t>buurt_gegeneraliseerd_2021.732fd613-1841-468f-a3a4-61196734da87</t>
  </si>
  <si>
    <t>BU00340106</t>
  </si>
  <si>
    <t>2021BU00340106</t>
  </si>
  <si>
    <t>De Marken</t>
  </si>
  <si>
    <t>buurt_gegeneraliseerd_2021.04f2e345-67f1-420d-a13e-840a3ed83a63</t>
  </si>
  <si>
    <t>BU00340107</t>
  </si>
  <si>
    <t>2021BU00340107</t>
  </si>
  <si>
    <t>De Gouwen</t>
  </si>
  <si>
    <t>buurt_gegeneraliseerd_2021.716cc689-3557-486f-b202-87fa3fe1b4ee</t>
  </si>
  <si>
    <t>BU00340108</t>
  </si>
  <si>
    <t>2021BU00340108</t>
  </si>
  <si>
    <t>buurt_gegeneraliseerd_2021.99e09b6a-7475-4cfb-999c-403050ea3c9c</t>
  </si>
  <si>
    <t>BU00340109</t>
  </si>
  <si>
    <t>2021BU00340109</t>
  </si>
  <si>
    <t>buurt_gegeneraliseerd_2021.46d3ad81-9aad-42b0-ae09-0f0c883aa86c</t>
  </si>
  <si>
    <t>BU00340110</t>
  </si>
  <si>
    <t>2021BU00340110</t>
  </si>
  <si>
    <t>Overgooi</t>
  </si>
  <si>
    <t>buurt_gegeneraliseerd_2021.50e511a4-18bc-4dbe-a4b0-e491b1db40b5</t>
  </si>
  <si>
    <t>BU00340111</t>
  </si>
  <si>
    <t>2021BU00340111</t>
  </si>
  <si>
    <t>De Laren</t>
  </si>
  <si>
    <t>buurt_gegeneraliseerd_2021.c9ca4326-59f2-4889-93b2-642e9f30477b</t>
  </si>
  <si>
    <t>BU00340171</t>
  </si>
  <si>
    <t>2021BU00340171</t>
  </si>
  <si>
    <t>De Steiger</t>
  </si>
  <si>
    <t>buurt_gegeneraliseerd_2021.5a6db2b7-a826-439a-9ae5-9004db7962d5</t>
  </si>
  <si>
    <t>BU00340173</t>
  </si>
  <si>
    <t>2021BU00340173</t>
  </si>
  <si>
    <t>Stichtsekant</t>
  </si>
  <si>
    <t>buurt_gegeneraliseerd_2021.fcb22bd6-30bf-4d93-95d7-a5a160f50166</t>
  </si>
  <si>
    <t>BU00340199</t>
  </si>
  <si>
    <t>2021BU00340199</t>
  </si>
  <si>
    <t>overig Almere Haven</t>
  </si>
  <si>
    <t>buurt_gegeneraliseerd_2021.e31b8251-bab5-41b5-9142-0aaef8df1f0f</t>
  </si>
  <si>
    <t>BU00340201</t>
  </si>
  <si>
    <t>2021BU00340201</t>
  </si>
  <si>
    <t>Centrum Almere Stad</t>
  </si>
  <si>
    <t>buurt_gegeneraliseerd_2021.bb10a80c-afa6-4612-a950-0e3f4f727d83</t>
  </si>
  <si>
    <t>BU00340202</t>
  </si>
  <si>
    <t>2021BU00340202</t>
  </si>
  <si>
    <t>Filmwijk</t>
  </si>
  <si>
    <t>buurt_gegeneraliseerd_2021.97d02aec-3e28-4965-b9de-f536466fadb0</t>
  </si>
  <si>
    <t>BU00340203</t>
  </si>
  <si>
    <t>2021BU00340203</t>
  </si>
  <si>
    <t>Danswijk</t>
  </si>
  <si>
    <t>buurt_gegeneraliseerd_2021.a2bb7b55-5465-494a-a9ff-4c6e973eda2f</t>
  </si>
  <si>
    <t>BU00340204</t>
  </si>
  <si>
    <t>2021BU00340204</t>
  </si>
  <si>
    <t>buurt_gegeneraliseerd_2021.27c02e0c-2f19-4d90-a237-c7a24a5c3b2a</t>
  </si>
  <si>
    <t>BU00340205</t>
  </si>
  <si>
    <t>2021BU00340205</t>
  </si>
  <si>
    <t>Verzetswijk</t>
  </si>
  <si>
    <t>buurt_gegeneraliseerd_2021.d18f25e7-5c93-46ea-b670-19e86d5dca97</t>
  </si>
  <si>
    <t>BU00340206</t>
  </si>
  <si>
    <t>2021BU00340206</t>
  </si>
  <si>
    <t>buurt_gegeneraliseerd_2021.5b97999e-06cf-460e-9a68-3280f5547d88</t>
  </si>
  <si>
    <t>BU00340207</t>
  </si>
  <si>
    <t>2021BU00340207</t>
  </si>
  <si>
    <t>Tussen de Vaarten noord</t>
  </si>
  <si>
    <t>buurt_gegeneraliseerd_2021.abd21acd-28ec-4233-8db2-78b60878c143</t>
  </si>
  <si>
    <t>BU00340208</t>
  </si>
  <si>
    <t>2021BU00340208</t>
  </si>
  <si>
    <t>Tussen de Vaarten zuid</t>
  </si>
  <si>
    <t>buurt_gegeneraliseerd_2021.b60df608-896f-427a-b97e-9d392d3a177c</t>
  </si>
  <si>
    <t>BU00340209</t>
  </si>
  <si>
    <t>2021BU00340209</t>
  </si>
  <si>
    <t>buurt_gegeneraliseerd_2021.214187dd-5d65-4ca5-a9ab-3dac403806f3</t>
  </si>
  <si>
    <t>BU00340210</t>
  </si>
  <si>
    <t>2021BU00340210</t>
  </si>
  <si>
    <t>Kruidenwijk</t>
  </si>
  <si>
    <t>buurt_gegeneraliseerd_2021.fefba177-5a08-41ca-8128-2947857b3c70</t>
  </si>
  <si>
    <t>BU00340211</t>
  </si>
  <si>
    <t>2021BU00340211</t>
  </si>
  <si>
    <t>Stedenwijk</t>
  </si>
  <si>
    <t>buurt_gegeneraliseerd_2021.a63b542e-94b1-4f25-86b1-37a19d9d100d</t>
  </si>
  <si>
    <t>BU00340212</t>
  </si>
  <si>
    <t>2021BU00340212</t>
  </si>
  <si>
    <t>Muziekwijk noord</t>
  </si>
  <si>
    <t>buurt_gegeneraliseerd_2021.315bb9c0-d643-4b2f-acfb-ab245e1da2a6</t>
  </si>
  <si>
    <t>BU00340213</t>
  </si>
  <si>
    <t>2021BU00340213</t>
  </si>
  <si>
    <t>Muziekwijk zuid</t>
  </si>
  <si>
    <t>buurt_gegeneraliseerd_2021.4dcb5021-48ad-4fe0-aada-f83deccc8602</t>
  </si>
  <si>
    <t>BU00340214</t>
  </si>
  <si>
    <t>2021BU00340214</t>
  </si>
  <si>
    <t>Literatuurwijk</t>
  </si>
  <si>
    <t>buurt_gegeneraliseerd_2021.4b8678a4-888f-42cd-95e4-369da79258f0</t>
  </si>
  <si>
    <t>BU00340215</t>
  </si>
  <si>
    <t>2021BU00340215</t>
  </si>
  <si>
    <t>Noorderplassen</t>
  </si>
  <si>
    <t>buurt_gegeneraliseerd_2021.6e46f517-1d72-4479-b440-bd13b5f0ed53</t>
  </si>
  <si>
    <t>BU00340271</t>
  </si>
  <si>
    <t>2021BU00340271</t>
  </si>
  <si>
    <t>Randstad</t>
  </si>
  <si>
    <t>buurt_gegeneraliseerd_2021.2d531b53-712f-4b9c-a084-c3f1902f1274</t>
  </si>
  <si>
    <t>BU00340272</t>
  </si>
  <si>
    <t>2021BU00340272</t>
  </si>
  <si>
    <t>Markerkant</t>
  </si>
  <si>
    <t>buurt_gegeneraliseerd_2021.c2c22a2d-1bbb-4c50-92f9-fce6deeaf7ab</t>
  </si>
  <si>
    <t>BU00340273</t>
  </si>
  <si>
    <t>2021BU00340273</t>
  </si>
  <si>
    <t>Hollandsekant</t>
  </si>
  <si>
    <t>buurt_gegeneraliseerd_2021.eed05230-47cc-4cd0-98b4-28305e8b13c1</t>
  </si>
  <si>
    <t>BU00340274</t>
  </si>
  <si>
    <t>2021BU00340274</t>
  </si>
  <si>
    <t>Gooisekant</t>
  </si>
  <si>
    <t>buurt_gegeneraliseerd_2021.ae22c796-9c73-44ce-9cbb-171d37cc2ec9</t>
  </si>
  <si>
    <t>BU00340275</t>
  </si>
  <si>
    <t>2021BU00340275</t>
  </si>
  <si>
    <t>Veluwsekant</t>
  </si>
  <si>
    <t>buurt_gegeneraliseerd_2021.2db86757-0c44-4419-9763-e062cec01400</t>
  </si>
  <si>
    <t>BU00340276</t>
  </si>
  <si>
    <t>2021BU00340276</t>
  </si>
  <si>
    <t>Sallandsekant</t>
  </si>
  <si>
    <t>buurt_gegeneraliseerd_2021.ff206318-ca5c-46f4-93b6-07e9b3b02645</t>
  </si>
  <si>
    <t>BU00340299</t>
  </si>
  <si>
    <t>2021BU00340299</t>
  </si>
  <si>
    <t>overig Almere Stad</t>
  </si>
  <si>
    <t>buurt_gegeneraliseerd_2021.8554d33d-2f95-4d45-a2d0-f292d938542f</t>
  </si>
  <si>
    <t>BU00340301</t>
  </si>
  <si>
    <t>2021BU00340301</t>
  </si>
  <si>
    <t>Centrum Almere Buiten</t>
  </si>
  <si>
    <t>buurt_gegeneraliseerd_2021.da7ded26-dd65-45f1-903f-a007fd6b6dc5</t>
  </si>
  <si>
    <t>BU00340302</t>
  </si>
  <si>
    <t>2021BU00340302</t>
  </si>
  <si>
    <t>Oostvaardersbuurt</t>
  </si>
  <si>
    <t>buurt_gegeneraliseerd_2021.b327b14d-82a2-4da1-8585-77c36ff5a87d</t>
  </si>
  <si>
    <t>BU00340303</t>
  </si>
  <si>
    <t>2021BU00340303</t>
  </si>
  <si>
    <t>Seizoenenbuurt</t>
  </si>
  <si>
    <t>buurt_gegeneraliseerd_2021.14e3c966-b008-47d5-bf8c-5ff0fc234505</t>
  </si>
  <si>
    <t>BU00340304</t>
  </si>
  <si>
    <t>2021BU00340304</t>
  </si>
  <si>
    <t>buurt_gegeneraliseerd_2021.1b7eb962-3d34-4d7a-88bf-13de1a91b068</t>
  </si>
  <si>
    <t>BU00340305</t>
  </si>
  <si>
    <t>2021BU00340305</t>
  </si>
  <si>
    <t>Bouwmeesterbuurt</t>
  </si>
  <si>
    <t>buurt_gegeneraliseerd_2021.297c9538-c817-4608-b4d8-cfa68d882b0e</t>
  </si>
  <si>
    <t>BU00340306</t>
  </si>
  <si>
    <t>2021BU00340306</t>
  </si>
  <si>
    <t>Landgoederenbuurt</t>
  </si>
  <si>
    <t>buurt_gegeneraliseerd_2021.f34b3565-b8f9-4b35-a1b1-f41339831be3</t>
  </si>
  <si>
    <t>BU00340307</t>
  </si>
  <si>
    <t>2021BU00340307</t>
  </si>
  <si>
    <t>Faunabuurt</t>
  </si>
  <si>
    <t>buurt_gegeneraliseerd_2021.c952f2df-78b4-48f0-9e32-a7dcfd24696e</t>
  </si>
  <si>
    <t>BU00340308</t>
  </si>
  <si>
    <t>2021BU00340308</t>
  </si>
  <si>
    <t>buurt_gegeneraliseerd_2021.20743d5a-5616-4c5c-8c8d-0fafc5d2cd62</t>
  </si>
  <si>
    <t>BU00340309</t>
  </si>
  <si>
    <t>2021BU00340309</t>
  </si>
  <si>
    <t>Regenboogbuurt</t>
  </si>
  <si>
    <t>buurt_gegeneraliseerd_2021.0ecbc29e-af35-4dd6-9619-5848a533636c</t>
  </si>
  <si>
    <t>BU00340310</t>
  </si>
  <si>
    <t>2021BU00340310</t>
  </si>
  <si>
    <t>Indischebuurt</t>
  </si>
  <si>
    <t>buurt_gegeneraliseerd_2021.29dcec03-2bc5-4e7f-bcfc-1f31fc4fcb90</t>
  </si>
  <si>
    <t>BU00340311</t>
  </si>
  <si>
    <t>2021BU00340311</t>
  </si>
  <si>
    <t>buurt_gegeneraliseerd_2021.8c75d6be-560a-4623-90b7-58a23d88500c</t>
  </si>
  <si>
    <t>BU00340312</t>
  </si>
  <si>
    <t>2021BU00340312</t>
  </si>
  <si>
    <t>Stripheldenbuurt</t>
  </si>
  <si>
    <t>buurt_gegeneraliseerd_2021.1f482269-c0d4-4588-b01b-34475cb6a786</t>
  </si>
  <si>
    <t>BU00340313</t>
  </si>
  <si>
    <t>2021BU00340313</t>
  </si>
  <si>
    <t>Sieradenbuurt</t>
  </si>
  <si>
    <t>buurt_gegeneraliseerd_2021.87f315e3-fab1-4d84-b01d-d36b3f97bcae</t>
  </si>
  <si>
    <t>BU00340371</t>
  </si>
  <si>
    <t>2021BU00340371</t>
  </si>
  <si>
    <t>Poldervlak</t>
  </si>
  <si>
    <t>buurt_gegeneraliseerd_2021.12930d74-dabb-4786-b2a9-910f0f00c00e</t>
  </si>
  <si>
    <t>BU00340372</t>
  </si>
  <si>
    <t>2021BU00340372</t>
  </si>
  <si>
    <t>De Vaart</t>
  </si>
  <si>
    <t>buurt_gegeneraliseerd_2021.81ccdfc1-a19c-4803-a757-b50f6a85fa59</t>
  </si>
  <si>
    <t>BU00340373</t>
  </si>
  <si>
    <t>2021BU00340373</t>
  </si>
  <si>
    <t>Buitenvaart</t>
  </si>
  <si>
    <t>buurt_gegeneraliseerd_2021.341e77b6-051f-4fb5-b10c-07194343cb83</t>
  </si>
  <si>
    <t>BU00340399</t>
  </si>
  <si>
    <t>2021BU00340399</t>
  </si>
  <si>
    <t>overig Almere Buiten</t>
  </si>
  <si>
    <t>buurt_gegeneraliseerd_2021.f7754143-092f-4044-90c7-859345a00d59</t>
  </si>
  <si>
    <t>BU00340401</t>
  </si>
  <si>
    <t>2021BU00340401</t>
  </si>
  <si>
    <t>Europakwartier west</t>
  </si>
  <si>
    <t>buurt_gegeneraliseerd_2021.2482ff8b-ae9a-4583-98b4-64de10fa6339</t>
  </si>
  <si>
    <t>BU00340402</t>
  </si>
  <si>
    <t>2021BU00340402</t>
  </si>
  <si>
    <t>Columbuskwartier</t>
  </si>
  <si>
    <t>buurt_gegeneraliseerd_2021.2452bf7b-8e28-4ac8-93e5-2f1ad82dc924</t>
  </si>
  <si>
    <t>BU00340403</t>
  </si>
  <si>
    <t>2021BU00340403</t>
  </si>
  <si>
    <t>Homeruskwartier</t>
  </si>
  <si>
    <t>buurt_gegeneraliseerd_2021.739f35f3-8339-4c90-9e2f-86280f9971c0</t>
  </si>
  <si>
    <t>BU00340404</t>
  </si>
  <si>
    <t>2021BU00340404</t>
  </si>
  <si>
    <t>Olympiakwartier west</t>
  </si>
  <si>
    <t>buurt_gegeneraliseerd_2021.084c8400-9601-4f37-9447-cdc13eba6f6d</t>
  </si>
  <si>
    <t>BU00340405</t>
  </si>
  <si>
    <t>2021BU00340405</t>
  </si>
  <si>
    <t>Duin</t>
  </si>
  <si>
    <t>buurt_gegeneraliseerd_2021.a2f46eac-1e65-4766-a610-fb139970a8d1</t>
  </si>
  <si>
    <t>BU00340406</t>
  </si>
  <si>
    <t>2021BU00340406</t>
  </si>
  <si>
    <t>Europakwartier oost</t>
  </si>
  <si>
    <t>buurt_gegeneraliseerd_2021.a3c7ec4a-ac0b-4e7b-aa74-9533c540fd88</t>
  </si>
  <si>
    <t>BU00340407</t>
  </si>
  <si>
    <t>2021BU00340407</t>
  </si>
  <si>
    <t>Olympiakwartier oost</t>
  </si>
  <si>
    <t>buurt_gegeneraliseerd_2021.87bf2c81-17cb-4dda-a29d-a9a646c3c4c1</t>
  </si>
  <si>
    <t>BU00340471</t>
  </si>
  <si>
    <t>2021BU00340471</t>
  </si>
  <si>
    <t>Hogekant</t>
  </si>
  <si>
    <t>buurt_gegeneraliseerd_2021.15d62990-bb83-4b1e-9623-3ec8e272fd75</t>
  </si>
  <si>
    <t>BU00340472</t>
  </si>
  <si>
    <t>2021BU00340472</t>
  </si>
  <si>
    <t>Middenkant</t>
  </si>
  <si>
    <t>buurt_gegeneraliseerd_2021.c8f0c327-0393-479c-854b-399504f60486</t>
  </si>
  <si>
    <t>BU00340473</t>
  </si>
  <si>
    <t>2021BU00340473</t>
  </si>
  <si>
    <t>Lagekant</t>
  </si>
  <si>
    <t>buurt_gegeneraliseerd_2021.f37c09a2-24d6-4d84-9d83-65778b410717</t>
  </si>
  <si>
    <t>BU00340499</t>
  </si>
  <si>
    <t>2021BU00340499</t>
  </si>
  <si>
    <t>overig Almere Poort</t>
  </si>
  <si>
    <t>buurt_gegeneraliseerd_2021.223dadfa-f970-4be4-b576-ef20a0ef566a</t>
  </si>
  <si>
    <t>BU00340502</t>
  </si>
  <si>
    <t>2021BU00340502</t>
  </si>
  <si>
    <t>Vogelhorst</t>
  </si>
  <si>
    <t>buurt_gegeneraliseerd_2021.01bbbf39-fbb8-4212-af7c-b7038da801ae</t>
  </si>
  <si>
    <t>BU00340503</t>
  </si>
  <si>
    <t>2021BU00340503</t>
  </si>
  <si>
    <t>Nobelhorst</t>
  </si>
  <si>
    <t>buurt_gegeneraliseerd_2021.af161821-084b-4160-bde9-b0d4a33ddd0f</t>
  </si>
  <si>
    <t>BU00340571</t>
  </si>
  <si>
    <t>2021BU00340571</t>
  </si>
  <si>
    <t>Twentsekant</t>
  </si>
  <si>
    <t>buurt_gegeneraliseerd_2021.44c7364c-e67c-4d52-88e1-2bdd5a654874</t>
  </si>
  <si>
    <t>BU00340599</t>
  </si>
  <si>
    <t>2021BU00340599</t>
  </si>
  <si>
    <t>overig Almere Hout</t>
  </si>
  <si>
    <t>buurt_gegeneraliseerd_2021.9c35af41-912d-4190-a63d-c7d0e25a8e13</t>
  </si>
  <si>
    <t>BU00340699</t>
  </si>
  <si>
    <t>2021BU00340699</t>
  </si>
  <si>
    <t>overig Almere Pampus</t>
  </si>
  <si>
    <t>buurt_gegeneraliseerd_2021.47dd1da2-ddc9-4391-993f-84d8359111f8</t>
  </si>
  <si>
    <t>BU16810001</t>
  </si>
  <si>
    <t>2021BU16810001</t>
  </si>
  <si>
    <t>Valthe</t>
  </si>
  <si>
    <t>GM1681</t>
  </si>
  <si>
    <t>buurt_gegeneraliseerd_2021.b70664d2-7432-4826-af71-97d5ce872f17</t>
  </si>
  <si>
    <t>BU16810009</t>
  </si>
  <si>
    <t>2021BU16810009</t>
  </si>
  <si>
    <t>Valthe Buitengebied</t>
  </si>
  <si>
    <t>buurt_gegeneraliseerd_2021.0d2c6463-d08e-467a-99f1-c0551bfb2f6b</t>
  </si>
  <si>
    <t>BU16810101</t>
  </si>
  <si>
    <t>2021BU16810101</t>
  </si>
  <si>
    <t>Kavelingen</t>
  </si>
  <si>
    <t>buurt_gegeneraliseerd_2021.5398b575-f123-4160-831a-6d56793a7c13</t>
  </si>
  <si>
    <t>BU16810102</t>
  </si>
  <si>
    <t>2021BU16810102</t>
  </si>
  <si>
    <t>Valthermond Plaats 60</t>
  </si>
  <si>
    <t>buurt_gegeneraliseerd_2021.2dec32f0-90d2-42bb-b64d-7ed51280f2ad</t>
  </si>
  <si>
    <t>BU16810103</t>
  </si>
  <si>
    <t>2021BU16810103</t>
  </si>
  <si>
    <t>Valthermond Mondenweg</t>
  </si>
  <si>
    <t>buurt_gegeneraliseerd_2021.e38a2783-8541-44a5-9e11-fb8fbc528eea</t>
  </si>
  <si>
    <t>BU16810104</t>
  </si>
  <si>
    <t>2021BU16810104</t>
  </si>
  <si>
    <t>Valthermond Plaats 84</t>
  </si>
  <si>
    <t>buurt_gegeneraliseerd_2021.cde5c726-202c-4707-83e3-86477e0f1ced</t>
  </si>
  <si>
    <t>BU16810109</t>
  </si>
  <si>
    <t>2021BU16810109</t>
  </si>
  <si>
    <t>Valthermond Buitengebied</t>
  </si>
  <si>
    <t>buurt_gegeneraliseerd_2021.481ae7c3-a49b-41fc-a77f-7fdea321741f</t>
  </si>
  <si>
    <t>BU16810209</t>
  </si>
  <si>
    <t>2021BU16810209</t>
  </si>
  <si>
    <t>buurt_gegeneraliseerd_2021.5cc9c48b-bdf5-4964-9de0-b577308ee556</t>
  </si>
  <si>
    <t>BU16810309</t>
  </si>
  <si>
    <t>2021BU16810309</t>
  </si>
  <si>
    <t>buurt_gegeneraliseerd_2021.20fccce2-0db0-4a07-87ba-869c0118d053</t>
  </si>
  <si>
    <t>BU16817901</t>
  </si>
  <si>
    <t>2021BU16817901</t>
  </si>
  <si>
    <t>1e Exloërmond</t>
  </si>
  <si>
    <t>buurt_gegeneraliseerd_2021.e0c861c6-49b0-4fc6-8c96-c9b27aaa24c7</t>
  </si>
  <si>
    <t>BU16817909</t>
  </si>
  <si>
    <t>2021BU16817909</t>
  </si>
  <si>
    <t>1e Exloërmond Buitengebied</t>
  </si>
  <si>
    <t>buurt_gegeneraliseerd_2021.0f833820-16e6-43c4-946e-bcbc9f0c9c0f</t>
  </si>
  <si>
    <t>BU16818001</t>
  </si>
  <si>
    <t>2021BU16818001</t>
  </si>
  <si>
    <t>2e Exloërmond Oost</t>
  </si>
  <si>
    <t>buurt_gegeneraliseerd_2021.da3f4b35-b7e0-433d-9c1d-499c6f86125f</t>
  </si>
  <si>
    <t>BU16818002</t>
  </si>
  <si>
    <t>2021BU16818002</t>
  </si>
  <si>
    <t>2e Exloërmond West</t>
  </si>
  <si>
    <t>buurt_gegeneraliseerd_2021.c63163d6-25a4-43bc-82d6-c2b93f9da9bf</t>
  </si>
  <si>
    <t>BU16818003</t>
  </si>
  <si>
    <t>2021BU16818003</t>
  </si>
  <si>
    <t>Kijlen</t>
  </si>
  <si>
    <t>buurt_gegeneraliseerd_2021.9653697e-b5e8-4654-bb0c-4ed3e48d2ca8</t>
  </si>
  <si>
    <t>BU16818009</t>
  </si>
  <si>
    <t>2021BU16818009</t>
  </si>
  <si>
    <t>2e Exloërmond Buitengebied</t>
  </si>
  <si>
    <t>buurt_gegeneraliseerd_2021.73de08a0-473b-4624-a882-626a4b64ea8a</t>
  </si>
  <si>
    <t>BU16818109</t>
  </si>
  <si>
    <t>2021BU16818109</t>
  </si>
  <si>
    <t>2e Valthermond</t>
  </si>
  <si>
    <t>buurt_gegeneraliseerd_2021.bede4bf9-c7a7-46ee-af1e-8f7a5b7892c4</t>
  </si>
  <si>
    <t>BU16818201</t>
  </si>
  <si>
    <t>2021BU16818201</t>
  </si>
  <si>
    <t>buurt_gegeneraliseerd_2021.21436ba7-0cb8-4803-8325-c6d2400f375c</t>
  </si>
  <si>
    <t>BU16818202</t>
  </si>
  <si>
    <t>2021BU16818202</t>
  </si>
  <si>
    <t>Oud Borger</t>
  </si>
  <si>
    <t>buurt_gegeneraliseerd_2021.b4986339-d95f-41f4-9a01-174a8ab42797</t>
  </si>
  <si>
    <t>BU16818203</t>
  </si>
  <si>
    <t>2021BU16818203</t>
  </si>
  <si>
    <t>Hunzedal</t>
  </si>
  <si>
    <t>buurt_gegeneraliseerd_2021.062e8d7f-ebac-489e-80b9-71a011bdbed9</t>
  </si>
  <si>
    <t>BU16818204</t>
  </si>
  <si>
    <t>2021BU16818204</t>
  </si>
  <si>
    <t>Daalkampen</t>
  </si>
  <si>
    <t>buurt_gegeneraliseerd_2021.d9d357dc-885a-4262-96c2-edf10786db2a</t>
  </si>
  <si>
    <t>BU16818205</t>
  </si>
  <si>
    <t>2021BU16818205</t>
  </si>
  <si>
    <t>Noordesch</t>
  </si>
  <si>
    <t>buurt_gegeneraliseerd_2021.fd077cf0-8085-455d-9ffa-a03324fa6fbd</t>
  </si>
  <si>
    <t>BU16818206</t>
  </si>
  <si>
    <t>2021BU16818206</t>
  </si>
  <si>
    <t>Borger-Centrum</t>
  </si>
  <si>
    <t>buurt_gegeneraliseerd_2021.f32c0cb4-8776-496d-a642-71b840d87507</t>
  </si>
  <si>
    <t>BU16818209</t>
  </si>
  <si>
    <t>2021BU16818209</t>
  </si>
  <si>
    <t>Borger Buitengebied</t>
  </si>
  <si>
    <t>buurt_gegeneraliseerd_2021.be1cf025-ed0b-4e03-b22f-d91ed21e95ed</t>
  </si>
  <si>
    <t>BU16818309</t>
  </si>
  <si>
    <t>2021BU16818309</t>
  </si>
  <si>
    <t>Bronneger</t>
  </si>
  <si>
    <t>buurt_gegeneraliseerd_2021.a4be642c-a589-475f-87dc-39ab56c121e8</t>
  </si>
  <si>
    <t>BU16818409</t>
  </si>
  <si>
    <t>2021BU16818409</t>
  </si>
  <si>
    <t>Bronnegerveen</t>
  </si>
  <si>
    <t>buurt_gegeneraliseerd_2021.ec718541-eea7-4a9a-89ca-e2f685216fbd</t>
  </si>
  <si>
    <t>BU16818501</t>
  </si>
  <si>
    <t>2021BU16818501</t>
  </si>
  <si>
    <t>Buinen</t>
  </si>
  <si>
    <t>buurt_gegeneraliseerd_2021.c52d410c-36ed-42c3-a59d-d7b115207545</t>
  </si>
  <si>
    <t>BU16818509</t>
  </si>
  <si>
    <t>2021BU16818509</t>
  </si>
  <si>
    <t>Buinen Buitengebied</t>
  </si>
  <si>
    <t>buurt_gegeneraliseerd_2021.fed978a9-021a-4706-ada9-84abf17d8d1d</t>
  </si>
  <si>
    <t>BU16818601</t>
  </si>
  <si>
    <t>2021BU16818601</t>
  </si>
  <si>
    <t>Buinerveen</t>
  </si>
  <si>
    <t>buurt_gegeneraliseerd_2021.9106c0d2-e047-4710-a521-cd778862491c</t>
  </si>
  <si>
    <t>BU16818609</t>
  </si>
  <si>
    <t>2021BU16818609</t>
  </si>
  <si>
    <t>Buinerveen Buitengebied</t>
  </si>
  <si>
    <t>buurt_gegeneraliseerd_2021.7eb50929-2ac2-43b3-89ac-443dd6f72ae0</t>
  </si>
  <si>
    <t>BU16818701</t>
  </si>
  <si>
    <t>2021BU16818701</t>
  </si>
  <si>
    <t>Drouwen</t>
  </si>
  <si>
    <t>buurt_gegeneraliseerd_2021.17b271dc-f332-489a-8d8b-7872e1094829</t>
  </si>
  <si>
    <t>BU16818709</t>
  </si>
  <si>
    <t>2021BU16818709</t>
  </si>
  <si>
    <t>Drouwen Buitengebied</t>
  </si>
  <si>
    <t>buurt_gegeneraliseerd_2021.b015b582-77be-46a1-bd34-aa30db96f6c9</t>
  </si>
  <si>
    <t>BU16818801</t>
  </si>
  <si>
    <t>2021BU16818801</t>
  </si>
  <si>
    <t>Drouwenermond</t>
  </si>
  <si>
    <t>buurt_gegeneraliseerd_2021.d9509cb9-4a30-45c1-9a79-3f396f1cc453</t>
  </si>
  <si>
    <t>BU16818809</t>
  </si>
  <si>
    <t>2021BU16818809</t>
  </si>
  <si>
    <t>Drouwenermond Buitengebied</t>
  </si>
  <si>
    <t>buurt_gegeneraliseerd_2021.fddff913-87cf-436a-946f-18f17b6aef68</t>
  </si>
  <si>
    <t>BU16818909</t>
  </si>
  <si>
    <t>2021BU16818909</t>
  </si>
  <si>
    <t>Drouwenerveen</t>
  </si>
  <si>
    <t>buurt_gegeneraliseerd_2021.a6332899-b6e2-46e2-b029-944afcc2c3ff</t>
  </si>
  <si>
    <t>BU16819001</t>
  </si>
  <si>
    <t>2021BU16819001</t>
  </si>
  <si>
    <t>Ees</t>
  </si>
  <si>
    <t>buurt_gegeneraliseerd_2021.703b2de6-4a4f-4872-ab00-330203f1b980</t>
  </si>
  <si>
    <t>BU16819009</t>
  </si>
  <si>
    <t>2021BU16819009</t>
  </si>
  <si>
    <t>Ees Buitengebied</t>
  </si>
  <si>
    <t>buurt_gegeneraliseerd_2021.adee07be-3f2c-4fd1-8681-dccfa510480e</t>
  </si>
  <si>
    <t>BU16819109</t>
  </si>
  <si>
    <t>2021BU16819109</t>
  </si>
  <si>
    <t>Eesergroen</t>
  </si>
  <si>
    <t>buurt_gegeneraliseerd_2021.11da901b-7cc9-4165-af70-ceb0d5f641a0</t>
  </si>
  <si>
    <t>BU16819209</t>
  </si>
  <si>
    <t>2021BU16819209</t>
  </si>
  <si>
    <t>Eeserveen</t>
  </si>
  <si>
    <t>buurt_gegeneraliseerd_2021.8b43da92-11e3-4cea-a7d9-58b393637c79</t>
  </si>
  <si>
    <t>BU16819309</t>
  </si>
  <si>
    <t>2021BU16819309</t>
  </si>
  <si>
    <t>Ellertshaar</t>
  </si>
  <si>
    <t>buurt_gegeneraliseerd_2021.0e43cffb-499d-44ca-9716-e7024b91cf4f</t>
  </si>
  <si>
    <t>BU16819409</t>
  </si>
  <si>
    <t>2021BU16819409</t>
  </si>
  <si>
    <t>Exloërveen</t>
  </si>
  <si>
    <t>buurt_gegeneraliseerd_2021.1962c20a-8312-4b4c-ae65-080ea986e189</t>
  </si>
  <si>
    <t>BU16819501</t>
  </si>
  <si>
    <t>2021BU16819501</t>
  </si>
  <si>
    <t>Westeresch</t>
  </si>
  <si>
    <t>buurt_gegeneraliseerd_2021.b8bcacf7-b5e3-42b4-ac1b-224dec853c7e</t>
  </si>
  <si>
    <t>BU16819502</t>
  </si>
  <si>
    <t>2021BU16819502</t>
  </si>
  <si>
    <t>Noorderesch</t>
  </si>
  <si>
    <t>buurt_gegeneraliseerd_2021.4563957b-5dd1-47b4-abf0-ae31fb6d498c</t>
  </si>
  <si>
    <t>BU16819503</t>
  </si>
  <si>
    <t>2021BU16819503</t>
  </si>
  <si>
    <t>Oud Exloo</t>
  </si>
  <si>
    <t>buurt_gegeneraliseerd_2021.fe17f620-652b-433a-bd3b-f24d33aefc06</t>
  </si>
  <si>
    <t>BU16819509</t>
  </si>
  <si>
    <t>2021BU16819509</t>
  </si>
  <si>
    <t>Exloo Buitengebied</t>
  </si>
  <si>
    <t>buurt_gegeneraliseerd_2021.150bcd06-b930-463e-ad3e-3efbfa002551</t>
  </si>
  <si>
    <t>BU16819601</t>
  </si>
  <si>
    <t>2021BU16819601</t>
  </si>
  <si>
    <t>Klijndijk</t>
  </si>
  <si>
    <t>buurt_gegeneraliseerd_2021.5fd57bbc-fc48-45b0-aaf9-315ce90b1549</t>
  </si>
  <si>
    <t>BU16819609</t>
  </si>
  <si>
    <t>2021BU16819609</t>
  </si>
  <si>
    <t>Klijndijk Buitengebied</t>
  </si>
  <si>
    <t>buurt_gegeneraliseerd_2021.e0faa5bf-09b2-42bb-8c57-17aaf0d65aaa</t>
  </si>
  <si>
    <t>BU16819701</t>
  </si>
  <si>
    <t>2021BU16819701</t>
  </si>
  <si>
    <t>Parklaan west</t>
  </si>
  <si>
    <t>buurt_gegeneraliseerd_2021.c7389bab-e7b7-4eb8-accc-198977b0fb0d</t>
  </si>
  <si>
    <t>BU16819702</t>
  </si>
  <si>
    <t>2021BU16819702</t>
  </si>
  <si>
    <t>Parklaan Oost</t>
  </si>
  <si>
    <t>buurt_gegeneraliseerd_2021.3729d48a-2b4b-4602-87d3-2667398e09d5</t>
  </si>
  <si>
    <t>BU16819703</t>
  </si>
  <si>
    <t>2021BU16819703</t>
  </si>
  <si>
    <t>Nieuw-Buinen Oost</t>
  </si>
  <si>
    <t>buurt_gegeneraliseerd_2021.87ad64f6-0c12-4fa3-9f3f-8cf464191767</t>
  </si>
  <si>
    <t>BU16819704</t>
  </si>
  <si>
    <t>2021BU16819704</t>
  </si>
  <si>
    <t>Nieuw-Buinen Midden</t>
  </si>
  <si>
    <t>buurt_gegeneraliseerd_2021.b37475d2-5971-44d1-a88b-0253663a41b3</t>
  </si>
  <si>
    <t>BU16819705</t>
  </si>
  <si>
    <t>2021BU16819705</t>
  </si>
  <si>
    <t>Nieuw-Buinen West</t>
  </si>
  <si>
    <t>buurt_gegeneraliseerd_2021.7d72e77e-b95b-4e40-991c-1a11d713da68</t>
  </si>
  <si>
    <t>BU16819709</t>
  </si>
  <si>
    <t>2021BU16819709</t>
  </si>
  <si>
    <t>Nieuw-Buinen Buitengebied</t>
  </si>
  <si>
    <t>buurt_gegeneraliseerd_2021.c7bb7093-01a2-4d43-b92d-ea187ec95849</t>
  </si>
  <si>
    <t>BU16819801</t>
  </si>
  <si>
    <t>2021BU16819801</t>
  </si>
  <si>
    <t>Langhietskamp</t>
  </si>
  <si>
    <t>buurt_gegeneraliseerd_2021.fb580546-233e-410c-be81-4f6a645a2d15</t>
  </si>
  <si>
    <t>BU16819802</t>
  </si>
  <si>
    <t>2021BU16819802</t>
  </si>
  <si>
    <t>Oud Odoorn</t>
  </si>
  <si>
    <t>buurt_gegeneraliseerd_2021.90964ef2-8956-430e-9de4-df9bf8fe1c1b</t>
  </si>
  <si>
    <t>BU16819803</t>
  </si>
  <si>
    <t>2021BU16819803</t>
  </si>
  <si>
    <t>Nieuwe Kampen</t>
  </si>
  <si>
    <t>buurt_gegeneraliseerd_2021.ec7b0a61-6847-4f97-8462-aa70c6211465</t>
  </si>
  <si>
    <t>BU16819809</t>
  </si>
  <si>
    <t>2021BU16819809</t>
  </si>
  <si>
    <t>Odoorn Buitengebied</t>
  </si>
  <si>
    <t>buurt_gegeneraliseerd_2021.a705e7f2-2f08-4650-8924-39f3dd1c0ce8</t>
  </si>
  <si>
    <t>BU16819901</t>
  </si>
  <si>
    <t>2021BU16819901</t>
  </si>
  <si>
    <t>Odoornerveen</t>
  </si>
  <si>
    <t>buurt_gegeneraliseerd_2021.c80f46cc-6058-4814-8a4f-7be4f59bdc09</t>
  </si>
  <si>
    <t>BU16819909</t>
  </si>
  <si>
    <t>2021BU16819909</t>
  </si>
  <si>
    <t>Odoornerveen Buitengebied</t>
  </si>
  <si>
    <t>buurt_gegeneraliseerd_2021.ed97ef1a-4d9c-4642-a554-849f165054fd</t>
  </si>
  <si>
    <t>BU01931000</t>
  </si>
  <si>
    <t>2021BU01931000</t>
  </si>
  <si>
    <t>GM0193</t>
  </si>
  <si>
    <t>buurt_gegeneraliseerd_2021.09aecfc1-91b4-4fc8-8e92-39b7f54a1fbd</t>
  </si>
  <si>
    <t>BU01931010</t>
  </si>
  <si>
    <t>2021BU01931010</t>
  </si>
  <si>
    <t>buurt_gegeneraliseerd_2021.233e0281-ecf9-4abe-b37b-02f08166fe43</t>
  </si>
  <si>
    <t>BU01931020</t>
  </si>
  <si>
    <t>2021BU01931020</t>
  </si>
  <si>
    <t>Noordereiland</t>
  </si>
  <si>
    <t>buurt_gegeneraliseerd_2021.17eea8dd-87fb-4b0a-8fcd-24e6b62174f6</t>
  </si>
  <si>
    <t>BU01931100</t>
  </si>
  <si>
    <t>2021BU01931100</t>
  </si>
  <si>
    <t>Het Noorden</t>
  </si>
  <si>
    <t>buurt_gegeneraliseerd_2021.ddc2e2c0-783a-4cb6-8340-6e2f59386d0b</t>
  </si>
  <si>
    <t>BU01931110</t>
  </si>
  <si>
    <t>2021BU01931110</t>
  </si>
  <si>
    <t>buurt_gegeneraliseerd_2021.4985a176-83c4-45fd-b7ef-218938a991c8</t>
  </si>
  <si>
    <t>BU01931120</t>
  </si>
  <si>
    <t>2021BU01931120</t>
  </si>
  <si>
    <t>Bollebieste</t>
  </si>
  <si>
    <t>buurt_gegeneraliseerd_2021.212015d9-cac9-43f7-a314-c6d05e21e2f4</t>
  </si>
  <si>
    <t>BU01931130</t>
  </si>
  <si>
    <t>2021BU01931130</t>
  </si>
  <si>
    <t>Dieze-Centrum</t>
  </si>
  <si>
    <t>buurt_gegeneraliseerd_2021.0cc8dccd-3642-4deb-bbab-f5e439cb4957</t>
  </si>
  <si>
    <t>BU01931140</t>
  </si>
  <si>
    <t>2021BU01931140</t>
  </si>
  <si>
    <t>Bagijneweide</t>
  </si>
  <si>
    <t>buurt_gegeneraliseerd_2021.e55f9bf4-de8c-48a6-9cab-928422f69ad8</t>
  </si>
  <si>
    <t>BU01931150</t>
  </si>
  <si>
    <t>2021BU01931150</t>
  </si>
  <si>
    <t>buurt_gegeneraliseerd_2021.4b498d59-a20b-4fe8-8c98-14fdd15c4379</t>
  </si>
  <si>
    <t>BU01931160</t>
  </si>
  <si>
    <t>2021BU01931160</t>
  </si>
  <si>
    <t>buurt_gegeneraliseerd_2021.48660c2e-95dd-4f81-aaad-b9a16e33ef90</t>
  </si>
  <si>
    <t>BU01931170</t>
  </si>
  <si>
    <t>2021BU01931170</t>
  </si>
  <si>
    <t>Meppelerstraatweg-Zuid</t>
  </si>
  <si>
    <t>buurt_gegeneraliseerd_2021.852bffd4-fd1c-4a20-b8b8-079fe1cb6fd9</t>
  </si>
  <si>
    <t>BU01931180</t>
  </si>
  <si>
    <t>2021BU01931180</t>
  </si>
  <si>
    <t>Bedrijventerrein Floresstraat</t>
  </si>
  <si>
    <t>buurt_gegeneraliseerd_2021.28918c39-f701-4916-a9b6-d777abeb345b</t>
  </si>
  <si>
    <t>BU01931200</t>
  </si>
  <si>
    <t>2021BU01931200</t>
  </si>
  <si>
    <t>Wipstrik-Noord</t>
  </si>
  <si>
    <t>buurt_gegeneraliseerd_2021.cfca89f6-b2d4-4750-8c41-a16692710414</t>
  </si>
  <si>
    <t>BU01931210</t>
  </si>
  <si>
    <t>2021BU01931210</t>
  </si>
  <si>
    <t>Wipstrik-Zuid</t>
  </si>
  <si>
    <t>buurt_gegeneraliseerd_2021.21263f51-b6c1-46c3-bc20-2d522a69173e</t>
  </si>
  <si>
    <t>BU01931300</t>
  </si>
  <si>
    <t>2021BU01931300</t>
  </si>
  <si>
    <t>buurt_gegeneraliseerd_2021.c83fb5b2-14f0-4edc-8912-b64af4300490</t>
  </si>
  <si>
    <t>BU01931310</t>
  </si>
  <si>
    <t>2021BU01931310</t>
  </si>
  <si>
    <t>Oud-Assendorp</t>
  </si>
  <si>
    <t>buurt_gegeneraliseerd_2021.7421d5ba-7b56-482c-b1e5-bb72a3b86c76</t>
  </si>
  <si>
    <t>BU01931320</t>
  </si>
  <si>
    <t>2021BU01931320</t>
  </si>
  <si>
    <t>Nieuw-Assendorp</t>
  </si>
  <si>
    <t>buurt_gegeneraliseerd_2021.027140b4-8476-4a67-a6e0-d4f7680ca4f9</t>
  </si>
  <si>
    <t>BU01931330</t>
  </si>
  <si>
    <t>2021BU01931330</t>
  </si>
  <si>
    <t>Wezenlanden</t>
  </si>
  <si>
    <t>buurt_gegeneraliseerd_2021.dd0d1ce9-0aea-4623-9a43-687017ef0989</t>
  </si>
  <si>
    <t>BU01931340</t>
  </si>
  <si>
    <t>2021BU01931340</t>
  </si>
  <si>
    <t>Pierik</t>
  </si>
  <si>
    <t>buurt_gegeneraliseerd_2021.9c4f5d8e-d45f-4d95-b547-ae341d042938</t>
  </si>
  <si>
    <t>BU01931350</t>
  </si>
  <si>
    <t>2021BU01931350</t>
  </si>
  <si>
    <t>Bedrijventerrein Marslanden-Noord</t>
  </si>
  <si>
    <t>buurt_gegeneraliseerd_2021.fc072e4a-70d3-498c-a1e5-c07ae88537ce</t>
  </si>
  <si>
    <t>BU01931360</t>
  </si>
  <si>
    <t>2021BU01931360</t>
  </si>
  <si>
    <t>Hanzeland</t>
  </si>
  <si>
    <t>buurt_gegeneraliseerd_2021.cc7b67a8-d98c-416e-a30b-a6c8346cacf2</t>
  </si>
  <si>
    <t>BU01931400</t>
  </si>
  <si>
    <t>2021BU01931400</t>
  </si>
  <si>
    <t>Kamperpoort</t>
  </si>
  <si>
    <t>buurt_gegeneraliseerd_2021.49815345-a75a-4dbf-8037-bfc8115001c7</t>
  </si>
  <si>
    <t>BU01931410</t>
  </si>
  <si>
    <t>2021BU01931410</t>
  </si>
  <si>
    <t>Veerallee</t>
  </si>
  <si>
    <t>buurt_gegeneraliseerd_2021.8dcb5301-908a-454a-8ac9-03081bbee31f</t>
  </si>
  <si>
    <t>BU01932000</t>
  </si>
  <si>
    <t>2021BU01932000</t>
  </si>
  <si>
    <t>Bedrijventerrein Voorst-A</t>
  </si>
  <si>
    <t>buurt_gegeneraliseerd_2021.aafa00d8-b8eb-45fd-bbee-d26d16ea6752</t>
  </si>
  <si>
    <t>BU01932010</t>
  </si>
  <si>
    <t>2021BU01932010</t>
  </si>
  <si>
    <t>Bedrijventerrein Voorst-B</t>
  </si>
  <si>
    <t>buurt_gegeneraliseerd_2021.2071a7cc-af13-43d9-9a38-bc21c62b04d3</t>
  </si>
  <si>
    <t>BU01932020</t>
  </si>
  <si>
    <t>2021BU01932020</t>
  </si>
  <si>
    <t>Spoolde</t>
  </si>
  <si>
    <t>buurt_gegeneraliseerd_2021.3df1f13b-9fc0-408a-bb32-3711b57759a3</t>
  </si>
  <si>
    <t>BU01932100</t>
  </si>
  <si>
    <t>2021BU01932100</t>
  </si>
  <si>
    <t>Oud-Westenholte</t>
  </si>
  <si>
    <t>buurt_gegeneraliseerd_2021.c06663f7-a5a5-4f1c-b410-8bee47b5db42</t>
  </si>
  <si>
    <t>BU01932110</t>
  </si>
  <si>
    <t>2021BU01932110</t>
  </si>
  <si>
    <t>Westenholte-Stins</t>
  </si>
  <si>
    <t>buurt_gegeneraliseerd_2021.13222a1a-db8d-45d1-8693-05961e747cde</t>
  </si>
  <si>
    <t>BU01932120</t>
  </si>
  <si>
    <t>2021BU01932120</t>
  </si>
  <si>
    <t>Vreugderijk</t>
  </si>
  <si>
    <t>buurt_gegeneraliseerd_2021.09dea38a-1f69-4c9b-8e79-ff891f5ded8f</t>
  </si>
  <si>
    <t>BU01932130</t>
  </si>
  <si>
    <t>2021BU01932130</t>
  </si>
  <si>
    <t>Bedrijventerrein Voorst-C</t>
  </si>
  <si>
    <t>buurt_gegeneraliseerd_2021.863d5761-79f0-4079-a4a9-e75dbbee3300</t>
  </si>
  <si>
    <t>BU01932140</t>
  </si>
  <si>
    <t>2021BU01932140</t>
  </si>
  <si>
    <t>Bedrijventerrein Voorst-D</t>
  </si>
  <si>
    <t>buurt_gegeneraliseerd_2021.47dd2684-1b7d-4930-9e7c-2fcf4e9aeb92</t>
  </si>
  <si>
    <t>BU01932200</t>
  </si>
  <si>
    <t>2021BU01932200</t>
  </si>
  <si>
    <t>Frankhuis</t>
  </si>
  <si>
    <t>buurt_gegeneraliseerd_2021.8128c7b8-1b98-44dd-ae93-6db215b4b720</t>
  </si>
  <si>
    <t>BU01932210</t>
  </si>
  <si>
    <t>2021BU01932210</t>
  </si>
  <si>
    <t>buurt_gegeneraliseerd_2021.d0a7bd97-d29e-44f7-a285-4deee9cde257</t>
  </si>
  <si>
    <t>BU01932220</t>
  </si>
  <si>
    <t>2021BU01932220</t>
  </si>
  <si>
    <t>Schoonhorst</t>
  </si>
  <si>
    <t>buurt_gegeneraliseerd_2021.bb8a757a-1435-485e-8d09-a922386d6929</t>
  </si>
  <si>
    <t>BU01932230</t>
  </si>
  <si>
    <t>2021BU01932230</t>
  </si>
  <si>
    <t>Werkeren</t>
  </si>
  <si>
    <t>buurt_gegeneraliseerd_2021.208f0fa5-104a-488b-8c88-f19d257f0961</t>
  </si>
  <si>
    <t>BU01932240</t>
  </si>
  <si>
    <t>2021BU01932240</t>
  </si>
  <si>
    <t>Milligen</t>
  </si>
  <si>
    <t>buurt_gegeneraliseerd_2021.4ddb5dc9-1223-4f7b-83dc-2e4faab94397</t>
  </si>
  <si>
    <t>BU01932250</t>
  </si>
  <si>
    <t>2021BU01932250</t>
  </si>
  <si>
    <t>Tippe bij de IJssel</t>
  </si>
  <si>
    <t>buurt_gegeneraliseerd_2021.c83206e3-fa85-4806-92b5-1607cc0d0cdd</t>
  </si>
  <si>
    <t>BU01932260</t>
  </si>
  <si>
    <t>2021BU01932260</t>
  </si>
  <si>
    <t>Breecamp</t>
  </si>
  <si>
    <t>buurt_gegeneraliseerd_2021.2b26ec0a-6d66-4f0a-89e1-d647f6a86ecb</t>
  </si>
  <si>
    <t>BU01932270</t>
  </si>
  <si>
    <t>2021BU01932270</t>
  </si>
  <si>
    <t>Breezicht</t>
  </si>
  <si>
    <t>buurt_gegeneraliseerd_2021.b134d8d3-e9d0-422d-b4ef-dbd7de1fdd6b</t>
  </si>
  <si>
    <t>BU01932280</t>
  </si>
  <si>
    <t>2021BU01932280</t>
  </si>
  <si>
    <t>Stadsbroek</t>
  </si>
  <si>
    <t>buurt_gegeneraliseerd_2021.bb5eee3d-cbbe-407a-bf17-b724d4862882</t>
  </si>
  <si>
    <t>BU01933000</t>
  </si>
  <si>
    <t>2021BU01933000</t>
  </si>
  <si>
    <t>Holtenbroek IV</t>
  </si>
  <si>
    <t>buurt_gegeneraliseerd_2021.d1ec326a-c403-4b08-aed8-3a38fe5c5ecb</t>
  </si>
  <si>
    <t>BU01933010</t>
  </si>
  <si>
    <t>2021BU01933010</t>
  </si>
  <si>
    <t>Holtenbroek I</t>
  </si>
  <si>
    <t>buurt_gegeneraliseerd_2021.a602170d-820f-4c14-9fb6-b68edffd2308</t>
  </si>
  <si>
    <t>BU01933020</t>
  </si>
  <si>
    <t>2021BU01933020</t>
  </si>
  <si>
    <t>Holtenbroek II</t>
  </si>
  <si>
    <t>buurt_gegeneraliseerd_2021.e5c3be24-0b0a-4432-ab76-46fc8d1e4418</t>
  </si>
  <si>
    <t>BU01933030</t>
  </si>
  <si>
    <t>2021BU01933030</t>
  </si>
  <si>
    <t>Holtenbroek III</t>
  </si>
  <si>
    <t>buurt_gegeneraliseerd_2021.09e246f2-8db5-4be3-96f6-8e9e4d2fb6b0</t>
  </si>
  <si>
    <t>BU01933100</t>
  </si>
  <si>
    <t>2021BU01933100</t>
  </si>
  <si>
    <t>Aa-landen-Zuid</t>
  </si>
  <si>
    <t>buurt_gegeneraliseerd_2021.89739ec9-914e-40df-a99f-4011c22bbb02</t>
  </si>
  <si>
    <t>BU01933110</t>
  </si>
  <si>
    <t>2021BU01933110</t>
  </si>
  <si>
    <t>Aa-landen-Midden</t>
  </si>
  <si>
    <t>buurt_gegeneraliseerd_2021.473543d6-2814-49b8-9ae0-fe5905cce7a4</t>
  </si>
  <si>
    <t>BU01933120</t>
  </si>
  <si>
    <t>2021BU01933120</t>
  </si>
  <si>
    <t>Aa-landen-Noord</t>
  </si>
  <si>
    <t>buurt_gegeneraliseerd_2021.cb2361cb-bfcc-4fd0-8cc3-1d44bb5f1006</t>
  </si>
  <si>
    <t>BU01933130</t>
  </si>
  <si>
    <t>2021BU01933130</t>
  </si>
  <si>
    <t>Aa-landen-Oost</t>
  </si>
  <si>
    <t>buurt_gegeneraliseerd_2021.6fd741dc-020a-4e88-a855-f54a800836a2</t>
  </si>
  <si>
    <t>BU01933200</t>
  </si>
  <si>
    <t>2021BU01933200</t>
  </si>
  <si>
    <t>Brinkhoek</t>
  </si>
  <si>
    <t>buurt_gegeneraliseerd_2021.77d8e863-2cbf-4681-90df-25340cd12063</t>
  </si>
  <si>
    <t>BU01933210</t>
  </si>
  <si>
    <t>2021BU01933210</t>
  </si>
  <si>
    <t>Langenholte</t>
  </si>
  <si>
    <t>buurt_gegeneraliseerd_2021.51061dad-3759-4e64-a0ea-c3c34cb0a836</t>
  </si>
  <si>
    <t>BU01933220</t>
  </si>
  <si>
    <t>2021BU01933220</t>
  </si>
  <si>
    <t>Haerst</t>
  </si>
  <si>
    <t>buurt_gegeneraliseerd_2021.38f5a3c1-0aa7-40fd-b8cf-3e5cef980d5a</t>
  </si>
  <si>
    <t>BU01934000</t>
  </si>
  <si>
    <t>2021BU01934000</t>
  </si>
  <si>
    <t>Berkum</t>
  </si>
  <si>
    <t>buurt_gegeneraliseerd_2021.d7195c52-41dc-4012-aaca-e09424a485e4</t>
  </si>
  <si>
    <t>BU01934010</t>
  </si>
  <si>
    <t>2021BU01934010</t>
  </si>
  <si>
    <t>Bedrijventerrein de Vrolijkheid</t>
  </si>
  <si>
    <t>buurt_gegeneraliseerd_2021.f800185e-1d36-448c-8711-58d2c7d1ede3</t>
  </si>
  <si>
    <t>BU01934020</t>
  </si>
  <si>
    <t>2021BU01934020</t>
  </si>
  <si>
    <t>buurt_gegeneraliseerd_2021.7b164e20-e23d-4bef-9e0a-66730a527d7a</t>
  </si>
  <si>
    <t>BU01934030</t>
  </si>
  <si>
    <t>2021BU01934030</t>
  </si>
  <si>
    <t>Kantorenterrein Oosterenk</t>
  </si>
  <si>
    <t>buurt_gegeneraliseerd_2021.25171b32-86a4-4719-88d8-47bb0c124e01</t>
  </si>
  <si>
    <t>BU01934040</t>
  </si>
  <si>
    <t>2021BU01934040</t>
  </si>
  <si>
    <t>Bedrijventerrein Hessenpoort</t>
  </si>
  <si>
    <t>buurt_gegeneraliseerd_2021.de2e6a27-eb90-4710-9dbf-cdd781783483</t>
  </si>
  <si>
    <t>BU01934050</t>
  </si>
  <si>
    <t>2021BU01934050</t>
  </si>
  <si>
    <t>Tolhuislanden</t>
  </si>
  <si>
    <t>buurt_gegeneraliseerd_2021.966cee66-671d-437c-a171-0ab5bc7565d8</t>
  </si>
  <si>
    <t>BU01934100</t>
  </si>
  <si>
    <t>2021BU01934100</t>
  </si>
  <si>
    <t>Herfte</t>
  </si>
  <si>
    <t>buurt_gegeneraliseerd_2021.925f0b70-d84f-428e-be05-7c77bee986ed</t>
  </si>
  <si>
    <t>BU01934110</t>
  </si>
  <si>
    <t>2021BU01934110</t>
  </si>
  <si>
    <t>Bedrijventerrein Marslanden-Zuid</t>
  </si>
  <si>
    <t>buurt_gegeneraliseerd_2021.ac036d6b-fa46-4e6f-a675-148343f21714</t>
  </si>
  <si>
    <t>BU01934120</t>
  </si>
  <si>
    <t>2021BU01934120</t>
  </si>
  <si>
    <t>Wijthmen</t>
  </si>
  <si>
    <t>buurt_gegeneraliseerd_2021.c5d96f41-63b8-4d72-b721-cf1222ded218</t>
  </si>
  <si>
    <t>BU01935000</t>
  </si>
  <si>
    <t>2021BU01935000</t>
  </si>
  <si>
    <t>Oud-Schelle</t>
  </si>
  <si>
    <t>buurt_gegeneraliseerd_2021.a261da64-948c-41b3-953c-1392357d8b95</t>
  </si>
  <si>
    <t>BU01935010</t>
  </si>
  <si>
    <t>2021BU01935010</t>
  </si>
  <si>
    <t>Schellerhoek</t>
  </si>
  <si>
    <t>buurt_gegeneraliseerd_2021.d7fc7186-9d41-445e-92de-94e189e643fd</t>
  </si>
  <si>
    <t>BU01935020</t>
  </si>
  <si>
    <t>2021BU01935020</t>
  </si>
  <si>
    <t>Schellerbroek</t>
  </si>
  <si>
    <t>buurt_gegeneraliseerd_2021.e5835270-b213-4ae0-b010-99b42baadd03</t>
  </si>
  <si>
    <t>BU01935030</t>
  </si>
  <si>
    <t>2021BU01935030</t>
  </si>
  <si>
    <t>Schellerlanden</t>
  </si>
  <si>
    <t>buurt_gegeneraliseerd_2021.d1078828-2a96-4363-9fe3-52d4cee81456</t>
  </si>
  <si>
    <t>BU01935040</t>
  </si>
  <si>
    <t>2021BU01935040</t>
  </si>
  <si>
    <t>Oldenelerlanden-Oost</t>
  </si>
  <si>
    <t>buurt_gegeneraliseerd_2021.26217acd-17d1-4447-8d26-843280d3cd2a</t>
  </si>
  <si>
    <t>BU01935050</t>
  </si>
  <si>
    <t>2021BU01935050</t>
  </si>
  <si>
    <t>Oldenelerlanden-West</t>
  </si>
  <si>
    <t>buurt_gegeneraliseerd_2021.bef727df-0725-4b23-a17d-bf0797cff079</t>
  </si>
  <si>
    <t>BU01935060</t>
  </si>
  <si>
    <t>2021BU01935060</t>
  </si>
  <si>
    <t>Oldenelerbroek</t>
  </si>
  <si>
    <t>buurt_gegeneraliseerd_2021.41d3cc63-07ba-4404-a86b-ed84d3a738f1</t>
  </si>
  <si>
    <t>BU01935070</t>
  </si>
  <si>
    <t>2021BU01935070</t>
  </si>
  <si>
    <t>Schelle-Zuid en Oldeneel</t>
  </si>
  <si>
    <t>buurt_gegeneraliseerd_2021.f374d065-8343-481e-a858-2e495842e4e6</t>
  </si>
  <si>
    <t>BU01935080</t>
  </si>
  <si>
    <t>2021BU01935080</t>
  </si>
  <si>
    <t>Katerveer-Engelse werk</t>
  </si>
  <si>
    <t>buurt_gegeneraliseerd_2021.5797323c-24ee-4c1b-bdb3-1a4f86587319</t>
  </si>
  <si>
    <t>BU01935100</t>
  </si>
  <si>
    <t>2021BU01935100</t>
  </si>
  <si>
    <t>Oud-Ittersum</t>
  </si>
  <si>
    <t>buurt_gegeneraliseerd_2021.269c1639-4b8a-4deb-8514-c08704386e07</t>
  </si>
  <si>
    <t>BU01935110</t>
  </si>
  <si>
    <t>2021BU01935110</t>
  </si>
  <si>
    <t>Ittersumerlanden</t>
  </si>
  <si>
    <t>buurt_gegeneraliseerd_2021.7a7e9c79-feb1-4cad-a255-1f7323cc7ad6</t>
  </si>
  <si>
    <t>BU01935120</t>
  </si>
  <si>
    <t>2021BU01935120</t>
  </si>
  <si>
    <t>Ittersumerbroek</t>
  </si>
  <si>
    <t>buurt_gegeneraliseerd_2021.45a13845-15fd-44c2-979f-1a3b8c6e0d9f</t>
  </si>
  <si>
    <t>BU01935130</t>
  </si>
  <si>
    <t>2021BU01935130</t>
  </si>
  <si>
    <t>Geren</t>
  </si>
  <si>
    <t>buurt_gegeneraliseerd_2021.fdc41c64-6b21-487c-a6f9-e5721d84e692</t>
  </si>
  <si>
    <t>BU01935140</t>
  </si>
  <si>
    <t>2021BU01935140</t>
  </si>
  <si>
    <t>Gerenlanden</t>
  </si>
  <si>
    <t>buurt_gegeneraliseerd_2021.b330b662-dc79-4d45-9544-5b44d49c6eb9</t>
  </si>
  <si>
    <t>BU01935150</t>
  </si>
  <si>
    <t>2021BU01935150</t>
  </si>
  <si>
    <t>Gerenbroek</t>
  </si>
  <si>
    <t>buurt_gegeneraliseerd_2021.8c7f96b3-eeb2-42ae-aefc-ada747e7612f</t>
  </si>
  <si>
    <t>BU01935160</t>
  </si>
  <si>
    <t>2021BU01935160</t>
  </si>
  <si>
    <t>Oude Mars</t>
  </si>
  <si>
    <t>buurt_gegeneraliseerd_2021.3ca54a10-7903-4e57-8d01-77f660bd2e7b</t>
  </si>
  <si>
    <t>BU01935200</t>
  </si>
  <si>
    <t>2021BU01935200</t>
  </si>
  <si>
    <t>Windesheim</t>
  </si>
  <si>
    <t>buurt_gegeneraliseerd_2021.99427db3-da9c-44e2-a28b-26e6160f71df</t>
  </si>
  <si>
    <t>BU01935210</t>
  </si>
  <si>
    <t>2021BU01935210</t>
  </si>
  <si>
    <t>Harculo en Hoog-Zuthem</t>
  </si>
  <si>
    <t>buurt_gegeneraliseerd_2021.d17af438-a8e6-4ba8-b912-0e6b47384e28</t>
  </si>
  <si>
    <t>BU01411000</t>
  </si>
  <si>
    <t>2021BU01411000</t>
  </si>
  <si>
    <t>Binnenstad Noord</t>
  </si>
  <si>
    <t>GM0141</t>
  </si>
  <si>
    <t>buurt_gegeneraliseerd_2021.d9d5f839-3eda-4b14-872f-4f8bf272145e</t>
  </si>
  <si>
    <t>BU01411001</t>
  </si>
  <si>
    <t>2021BU01411001</t>
  </si>
  <si>
    <t>Binnenstad Zuid</t>
  </si>
  <si>
    <t>buurt_gegeneraliseerd_2021.8a31d319-7575-4d25-a635-03e51ff166fa</t>
  </si>
  <si>
    <t>BU01411002</t>
  </si>
  <si>
    <t>2021BU01411002</t>
  </si>
  <si>
    <t>Ulk en omgeving</t>
  </si>
  <si>
    <t>buurt_gegeneraliseerd_2021.8c11eeef-8a4d-4c70-a475-85d7d7f8ae31</t>
  </si>
  <si>
    <t>BU01411003</t>
  </si>
  <si>
    <t>2021BU01411003</t>
  </si>
  <si>
    <t>Java en omgeving</t>
  </si>
  <si>
    <t>buurt_gegeneraliseerd_2021.a5216c60-a637-4789-9b7c-037c253e4e83</t>
  </si>
  <si>
    <t>BU01411100</t>
  </si>
  <si>
    <t>2021BU01411100</t>
  </si>
  <si>
    <t>Bornsestraat Midden-Riet Noord</t>
  </si>
  <si>
    <t>buurt_gegeneraliseerd_2021.3bace9c8-6a65-4663-87b9-e3a7b53eec77</t>
  </si>
  <si>
    <t>BU01411101</t>
  </si>
  <si>
    <t>2021BU01411101</t>
  </si>
  <si>
    <t>Bornsestraat en omgeving Zuid</t>
  </si>
  <si>
    <t>buurt_gegeneraliseerd_2021.df973cfb-bc91-4e6e-a53a-78cbf51fd04c</t>
  </si>
  <si>
    <t>BU01411102</t>
  </si>
  <si>
    <t>2021BU01411102</t>
  </si>
  <si>
    <t>Arendsboer en omgeving Noord</t>
  </si>
  <si>
    <t>buurt_gegeneraliseerd_2021.c2930f2a-24dd-49a5-b16d-eee805273e8a</t>
  </si>
  <si>
    <t>BU01411103</t>
  </si>
  <si>
    <t>2021BU01411103</t>
  </si>
  <si>
    <t>buurt_gegeneraliseerd_2021.0fefd235-5fac-4b1b-97a8-8b78e7434867</t>
  </si>
  <si>
    <t>BU01411104</t>
  </si>
  <si>
    <t>2021BU01411104</t>
  </si>
  <si>
    <t>Arendsboer en omgeving Zuid-Riet Zuid</t>
  </si>
  <si>
    <t>buurt_gegeneraliseerd_2021.cb6d8665-cd89-49ce-9e50-61f2c1f8d919</t>
  </si>
  <si>
    <t>BU01411105</t>
  </si>
  <si>
    <t>2021BU01411105</t>
  </si>
  <si>
    <t>Bedrijventerrein Bornsestraat</t>
  </si>
  <si>
    <t>buurt_gegeneraliseerd_2021.281baaf8-a7cc-4424-bd5a-490ea43b8341</t>
  </si>
  <si>
    <t>BU01411109</t>
  </si>
  <si>
    <t>2021BU01411109</t>
  </si>
  <si>
    <t>Verspreide huizen wijk 11</t>
  </si>
  <si>
    <t>buurt_gegeneraliseerd_2021.0f9c84a6-0898-4e6f-a3c7-ca6c36e27c33</t>
  </si>
  <si>
    <t>BU01411200</t>
  </si>
  <si>
    <t>2021BU01411200</t>
  </si>
  <si>
    <t>Vriezenveenseweg en omgeving Haghoek Oost</t>
  </si>
  <si>
    <t>buurt_gegeneraliseerd_2021.b0f969a8-9608-4593-af8e-4cff5bddab7d</t>
  </si>
  <si>
    <t>BU01411201</t>
  </si>
  <si>
    <t>2021BU01411201</t>
  </si>
  <si>
    <t>Parkweg en omgeving</t>
  </si>
  <si>
    <t>buurt_gegeneraliseerd_2021.35b90003-ca4b-494b-9101-4adfc9f5debb</t>
  </si>
  <si>
    <t>BU01411202</t>
  </si>
  <si>
    <t>2021BU01411202</t>
  </si>
  <si>
    <t>Vriezenveenseweg en omgeving Haghoek West</t>
  </si>
  <si>
    <t>buurt_gegeneraliseerd_2021.ca796f9f-cbca-491b-a1f9-2dcece85656d</t>
  </si>
  <si>
    <t>BU01411203</t>
  </si>
  <si>
    <t>2021BU01411203</t>
  </si>
  <si>
    <t>Indië</t>
  </si>
  <si>
    <t>buurt_gegeneraliseerd_2021.50015caf-f3b5-4243-9b22-e587cb7ecf46</t>
  </si>
  <si>
    <t>BU01411204</t>
  </si>
  <si>
    <t>2021BU01411204</t>
  </si>
  <si>
    <t>Bedrijventerrein Dollegoor Turfkade</t>
  </si>
  <si>
    <t>buurt_gegeneraliseerd_2021.5edfa3ea-4cc1-4be1-b6ad-a15effecb42c</t>
  </si>
  <si>
    <t>BU01411205</t>
  </si>
  <si>
    <t>2021BU01411205</t>
  </si>
  <si>
    <t>Bedrijvenpark Twente</t>
  </si>
  <si>
    <t>buurt_gegeneraliseerd_2021.4eae4830-0a10-408f-a0d7-ffe3cb24799d</t>
  </si>
  <si>
    <t>BU01411206</t>
  </si>
  <si>
    <t>2021BU01411206</t>
  </si>
  <si>
    <t>Aaboer</t>
  </si>
  <si>
    <t>buurt_gegeneraliseerd_2021.94ee4d66-7aed-4169-a020-cd02b446b00c</t>
  </si>
  <si>
    <t>BU01411209</t>
  </si>
  <si>
    <t>2021BU01411209</t>
  </si>
  <si>
    <t>Verspreide huizen wijk 12</t>
  </si>
  <si>
    <t>buurt_gegeneraliseerd_2021.96688567-734d-484e-9a14-4bac47398cf9</t>
  </si>
  <si>
    <t>BU01411300</t>
  </si>
  <si>
    <t>2021BU01411300</t>
  </si>
  <si>
    <t>Ootmarsumsestraat en omgeving</t>
  </si>
  <si>
    <t>buurt_gegeneraliseerd_2021.bce81e3e-5506-46b5-89d0-e75f1b0d17d1</t>
  </si>
  <si>
    <t>BU01411301</t>
  </si>
  <si>
    <t>2021BU01411301</t>
  </si>
  <si>
    <t>Markgraven</t>
  </si>
  <si>
    <t>buurt_gegeneraliseerd_2021.f263dfe3-ac10-4b33-ae78-43fec0fb01e1</t>
  </si>
  <si>
    <t>BU01411302</t>
  </si>
  <si>
    <t>2021BU01411302</t>
  </si>
  <si>
    <t>Rumerslanden</t>
  </si>
  <si>
    <t>buurt_gegeneraliseerd_2021.5b5a13c0-fbaa-4a06-95dc-52ad99b6bb84</t>
  </si>
  <si>
    <t>BU01411303</t>
  </si>
  <si>
    <t>2021BU01411303</t>
  </si>
  <si>
    <t>Wester Sluitersveldlanden</t>
  </si>
  <si>
    <t>buurt_gegeneraliseerd_2021.dafe3fbf-59f9-4a7b-9670-e83733eca16e</t>
  </si>
  <si>
    <t>BU01411304</t>
  </si>
  <si>
    <t>2021BU01411304</t>
  </si>
  <si>
    <t>Robbenhaarsweg Noord</t>
  </si>
  <si>
    <t>buurt_gegeneraliseerd_2021.b503c0c3-5c2e-4a87-87d8-a37785691104</t>
  </si>
  <si>
    <t>BU01411305</t>
  </si>
  <si>
    <t>2021BU01411305</t>
  </si>
  <si>
    <t>Mooie Vrouwenweg en omgeving</t>
  </si>
  <si>
    <t>buurt_gegeneraliseerd_2021.ad209c5d-a72a-46d5-aae4-c8891f2022b8</t>
  </si>
  <si>
    <t>BU01411309</t>
  </si>
  <si>
    <t>2021BU01411309</t>
  </si>
  <si>
    <t>Verspreide huizen wijk 13</t>
  </si>
  <si>
    <t>buurt_gegeneraliseerd_2021.677b6258-60fb-492b-9525-b8f54aafa4e9</t>
  </si>
  <si>
    <t>BU01411400</t>
  </si>
  <si>
    <t>2021BU01411400</t>
  </si>
  <si>
    <t>Rohof en omgeving</t>
  </si>
  <si>
    <t>buurt_gegeneraliseerd_2021.0118e745-f3b5-42d9-82fa-768b3bc7d0f6</t>
  </si>
  <si>
    <t>BU01411401</t>
  </si>
  <si>
    <t>2021BU01411401</t>
  </si>
  <si>
    <t>Wierdensebrug en omgeving</t>
  </si>
  <si>
    <t>buurt_gegeneraliseerd_2021.cd6d3a4a-f2f7-4984-9c8f-a806953409ac</t>
  </si>
  <si>
    <t>BU01411402</t>
  </si>
  <si>
    <t>2021BU01411402</t>
  </si>
  <si>
    <t>buurt_gegeneraliseerd_2021.f1384a0f-950e-40b6-813f-44882ebcb8af</t>
  </si>
  <si>
    <t>BU01411403</t>
  </si>
  <si>
    <t>2021BU01411403</t>
  </si>
  <si>
    <t>Aalderinkshoek Noordoost</t>
  </si>
  <si>
    <t>buurt_gegeneraliseerd_2021.1ca0e94b-d612-4e7a-95b2-55c42bb0775c</t>
  </si>
  <si>
    <t>BU01411404</t>
  </si>
  <si>
    <t>2021BU01411404</t>
  </si>
  <si>
    <t>Aalderinkshoek Zuidoost</t>
  </si>
  <si>
    <t>buurt_gegeneraliseerd_2021.57616f18-2532-43f6-9383-6edc644fb1bf</t>
  </si>
  <si>
    <t>BU01411405</t>
  </si>
  <si>
    <t>2021BU01411405</t>
  </si>
  <si>
    <t>Aalderinkshoek Noordwest</t>
  </si>
  <si>
    <t>buurt_gegeneraliseerd_2021.42d07b44-05e5-49ad-83e8-d9a8dc533df1</t>
  </si>
  <si>
    <t>BU01411406</t>
  </si>
  <si>
    <t>2021BU01411406</t>
  </si>
  <si>
    <t>Aalderinkshoek Zuidwest</t>
  </si>
  <si>
    <t>buurt_gegeneraliseerd_2021.0ef092bc-c9de-4835-9486-be1f1200a54b</t>
  </si>
  <si>
    <t>BU01411409</t>
  </si>
  <si>
    <t>2021BU01411409</t>
  </si>
  <si>
    <t>Verspreide huizen wijk 14</t>
  </si>
  <si>
    <t>buurt_gegeneraliseerd_2021.cf20911d-d13b-4256-9080-e33d2aa7ed23</t>
  </si>
  <si>
    <t>BU01411500</t>
  </si>
  <si>
    <t>2021BU01411500</t>
  </si>
  <si>
    <t>Nieuwstraat -Witvoet en omgeving</t>
  </si>
  <si>
    <t>buurt_gegeneraliseerd_2021.3ac92531-7a05-4374-a07d-c13edc89ef66</t>
  </si>
  <si>
    <t>BU01411501</t>
  </si>
  <si>
    <t>2021BU01411501</t>
  </si>
  <si>
    <t>Wonde en omgeving</t>
  </si>
  <si>
    <t>buurt_gegeneraliseerd_2021.e8edec45-ee29-4255-a049-c27277cb8bc2</t>
  </si>
  <si>
    <t>BU01411502</t>
  </si>
  <si>
    <t>2021BU01411502</t>
  </si>
  <si>
    <t>Achterlanden en omgeving</t>
  </si>
  <si>
    <t>buurt_gegeneraliseerd_2021.79d999e4-0f98-4119-bcd1-f289748c9f84</t>
  </si>
  <si>
    <t>BU01411600</t>
  </si>
  <si>
    <t>2021BU01411600</t>
  </si>
  <si>
    <t>Boomplaats</t>
  </si>
  <si>
    <t>buurt_gegeneraliseerd_2021.3b6fba9f-bbd5-45e4-b3d1-02bb4acd2283</t>
  </si>
  <si>
    <t>BU01411601</t>
  </si>
  <si>
    <t>2021BU01411601</t>
  </si>
  <si>
    <t>Ossenkoppelerhoek Oost</t>
  </si>
  <si>
    <t>buurt_gegeneraliseerd_2021.b296046a-3071-46c3-9491-4ee5b1d1051a</t>
  </si>
  <si>
    <t>BU01411602</t>
  </si>
  <si>
    <t>2021BU01411602</t>
  </si>
  <si>
    <t>Beeklust</t>
  </si>
  <si>
    <t>buurt_gegeneraliseerd_2021.63e19896-2ea7-4c73-933e-6458474af89c</t>
  </si>
  <si>
    <t>BU01411603</t>
  </si>
  <si>
    <t>2021BU01411603</t>
  </si>
  <si>
    <t>Ossenkoppelerhoek Midden Noord</t>
  </si>
  <si>
    <t>buurt_gegeneraliseerd_2021.acfc958a-f86f-4183-b56f-050d16634a18</t>
  </si>
  <si>
    <t>BU01411604</t>
  </si>
  <si>
    <t>2021BU01411604</t>
  </si>
  <si>
    <t>Ossenkoppelerhoek West</t>
  </si>
  <si>
    <t>buurt_gegeneraliseerd_2021.2811ca82-dcdf-40ea-82bb-5b39109b74c9</t>
  </si>
  <si>
    <t>BU01411605</t>
  </si>
  <si>
    <t>2021BU01411605</t>
  </si>
  <si>
    <t>Ossenkoppelerhoek Midden Zuid</t>
  </si>
  <si>
    <t>buurt_gegeneraliseerd_2021.ec22c2f3-c7d8-4f72-b176-6e108b0c6bf7</t>
  </si>
  <si>
    <t>BU01411700</t>
  </si>
  <si>
    <t>2021BU01411700</t>
  </si>
  <si>
    <t>Hofkamp West</t>
  </si>
  <si>
    <t>buurt_gegeneraliseerd_2021.d2aca1bc-27b4-42c7-b6a6-f30b74238829</t>
  </si>
  <si>
    <t>BU01411701</t>
  </si>
  <si>
    <t>2021BU01411701</t>
  </si>
  <si>
    <t>Hofkamp Oost</t>
  </si>
  <si>
    <t>buurt_gegeneraliseerd_2021.2ec23e12-9d16-43ff-b58e-f3f3089684ee</t>
  </si>
  <si>
    <t>BU01411702</t>
  </si>
  <si>
    <t>2021BU01411702</t>
  </si>
  <si>
    <t>Paradijs</t>
  </si>
  <si>
    <t>buurt_gegeneraliseerd_2021.6e968550-58ee-492f-a416-3fae43c7cb71</t>
  </si>
  <si>
    <t>BU01411703</t>
  </si>
  <si>
    <t>2021BU01411703</t>
  </si>
  <si>
    <t>Kollenveld</t>
  </si>
  <si>
    <t>buurt_gegeneraliseerd_2021.a324a082-a330-4f84-b363-89de087aceb0</t>
  </si>
  <si>
    <t>BU01411709</t>
  </si>
  <si>
    <t>2021BU01411709</t>
  </si>
  <si>
    <t>Verspreide huizen wijk 17</t>
  </si>
  <si>
    <t>buurt_gegeneraliseerd_2021.3e42e3ed-c47d-4201-86b8-8c4c3763e434</t>
  </si>
  <si>
    <t>BU01411800</t>
  </si>
  <si>
    <t>2021BU01411800</t>
  </si>
  <si>
    <t>Schelfhorst Zuidwest</t>
  </si>
  <si>
    <t>buurt_gegeneraliseerd_2021.4ff81547-c8c1-4440-b300-899e7f8c7a60</t>
  </si>
  <si>
    <t>BU01411801</t>
  </si>
  <si>
    <t>2021BU01411801</t>
  </si>
  <si>
    <t>Drakensteyn en omgeving</t>
  </si>
  <si>
    <t>buurt_gegeneraliseerd_2021.aad6fb73-468f-4fe3-a489-00a6761b58e4</t>
  </si>
  <si>
    <t>BU01411802</t>
  </si>
  <si>
    <t>2021BU01411802</t>
  </si>
  <si>
    <t>Schelfhorst Noordwest</t>
  </si>
  <si>
    <t>buurt_gegeneraliseerd_2021.9e7f189e-c05c-4d14-a82d-8cdf1f29a2e0</t>
  </si>
  <si>
    <t>BU01411803</t>
  </si>
  <si>
    <t>2021BU01411803</t>
  </si>
  <si>
    <t>Havezathe</t>
  </si>
  <si>
    <t>buurt_gegeneraliseerd_2021.c9473335-72f0-48ff-ab0a-a1b5faec803d</t>
  </si>
  <si>
    <t>BU01411804</t>
  </si>
  <si>
    <t>2021BU01411804</t>
  </si>
  <si>
    <t>Schelfhorst Noordoost</t>
  </si>
  <si>
    <t>buurt_gegeneraliseerd_2021.5e4a492e-f1ed-4387-81cf-791c4df376ae</t>
  </si>
  <si>
    <t>BU01411805</t>
  </si>
  <si>
    <t>2021BU01411805</t>
  </si>
  <si>
    <t>Schelfhorst Zuidoost</t>
  </si>
  <si>
    <t>buurt_gegeneraliseerd_2021.4c70b0d8-7a99-41c6-9622-4bd81ff1d2a8</t>
  </si>
  <si>
    <t>BU01411806</t>
  </si>
  <si>
    <t>2021BU01411806</t>
  </si>
  <si>
    <t>Veenelanden</t>
  </si>
  <si>
    <t>buurt_gegeneraliseerd_2021.f990c460-1782-4b7e-85ac-5c15fa38bbdd</t>
  </si>
  <si>
    <t>BU01411900</t>
  </si>
  <si>
    <t>2021BU01411900</t>
  </si>
  <si>
    <t>buurt_gegeneraliseerd_2021.e3057d6f-b88c-45a9-97d8-3bc728949ad4</t>
  </si>
  <si>
    <t>BU01411901</t>
  </si>
  <si>
    <t>2021BU01411901</t>
  </si>
  <si>
    <t>Kanaalzijde</t>
  </si>
  <si>
    <t>buurt_gegeneraliseerd_2021.f50bb368-0d5c-45e1-b5de-bf9d2b8f3422</t>
  </si>
  <si>
    <t>BU01411902</t>
  </si>
  <si>
    <t>2021BU01411902</t>
  </si>
  <si>
    <t>Leemslagen Noord</t>
  </si>
  <si>
    <t>buurt_gegeneraliseerd_2021.58b66bac-dd8a-4b5b-8824-d5f87358414d</t>
  </si>
  <si>
    <t>BU01411903</t>
  </si>
  <si>
    <t>2021BU01411903</t>
  </si>
  <si>
    <t>Leemslagen Zuid</t>
  </si>
  <si>
    <t>buurt_gegeneraliseerd_2021.1dcee16d-3b94-4ffe-b40e-0239e29d7a51</t>
  </si>
  <si>
    <t>BU01411904</t>
  </si>
  <si>
    <t>2021BU01411904</t>
  </si>
  <si>
    <t>Zeven Bosjes</t>
  </si>
  <si>
    <t>buurt_gegeneraliseerd_2021.26240ef4-92c2-4986-aa5b-68ad74019232</t>
  </si>
  <si>
    <t>BU01411905</t>
  </si>
  <si>
    <t>2021BU01411905</t>
  </si>
  <si>
    <t>Leemslagen Oost</t>
  </si>
  <si>
    <t>buurt_gegeneraliseerd_2021.937922d9-a5f9-42d4-996f-e5233bf32d73</t>
  </si>
  <si>
    <t>BU01411906</t>
  </si>
  <si>
    <t>2021BU01411906</t>
  </si>
  <si>
    <t>Huttenveld</t>
  </si>
  <si>
    <t>buurt_gegeneraliseerd_2021.6f382342-0eca-4cd3-993a-b09f1918f8e8</t>
  </si>
  <si>
    <t>BU01411907</t>
  </si>
  <si>
    <t>2021BU01411907</t>
  </si>
  <si>
    <t>Maardijk</t>
  </si>
  <si>
    <t>buurt_gegeneraliseerd_2021.0ef9a930-4d26-4c6e-bde7-0ef486a6a673</t>
  </si>
  <si>
    <t>BU01411908</t>
  </si>
  <si>
    <t>2021BU01411908</t>
  </si>
  <si>
    <t>Bedrijventerrein Twentepoort - Stadion</t>
  </si>
  <si>
    <t>buurt_gegeneraliseerd_2021.d06b0018-2aff-4ebf-bc51-a572446053ec</t>
  </si>
  <si>
    <t>BU01411909</t>
  </si>
  <si>
    <t>2021BU01411909</t>
  </si>
  <si>
    <t>Nijrees</t>
  </si>
  <si>
    <t>buurt_gegeneraliseerd_2021.b5a14b92-d5f6-4937-b31d-d524cefed389</t>
  </si>
  <si>
    <t>BU01411910</t>
  </si>
  <si>
    <t>2021BU01411910</t>
  </si>
  <si>
    <t>Bedrijventerrein XL Businesspark</t>
  </si>
  <si>
    <t>buurt_gegeneraliseerd_2021.15cd91df-6baf-4210-b8d0-72aab19eabb2</t>
  </si>
  <si>
    <t>BU01411920</t>
  </si>
  <si>
    <t>2021BU01411920</t>
  </si>
  <si>
    <t>Verspreide huizen wijk 19</t>
  </si>
  <si>
    <t>buurt_gegeneraliseerd_2021.6e2238e2-631e-4bcd-89c6-51af058063c9</t>
  </si>
  <si>
    <t>BU01412000</t>
  </si>
  <si>
    <t>2021BU01412000</t>
  </si>
  <si>
    <t>Aadorp West</t>
  </si>
  <si>
    <t>buurt_gegeneraliseerd_2021.a4daeadc-2206-4cb8-a440-8dba23f219b5</t>
  </si>
  <si>
    <t>BU01412001</t>
  </si>
  <si>
    <t>2021BU01412001</t>
  </si>
  <si>
    <t>Aadorp Oost</t>
  </si>
  <si>
    <t>buurt_gegeneraliseerd_2021.d6da6945-8251-45b9-acc0-e79950a40f2d</t>
  </si>
  <si>
    <t>BU01412100</t>
  </si>
  <si>
    <t>2021BU01412100</t>
  </si>
  <si>
    <t>Bornerbroek Kern</t>
  </si>
  <si>
    <t>buurt_gegeneraliseerd_2021.e136f308-bef7-45c8-b0c5-bb224f59d49a</t>
  </si>
  <si>
    <t>BU01412109</t>
  </si>
  <si>
    <t>2021BU01412109</t>
  </si>
  <si>
    <t>Verspreide huizen wijk 21</t>
  </si>
  <si>
    <t>buurt_gegeneraliseerd_2021.d99060f7-d786-4450-ae9e-ebde5b7d6c0c</t>
  </si>
  <si>
    <t>BU17000101</t>
  </si>
  <si>
    <t>2021BU17000101</t>
  </si>
  <si>
    <t>Verspreide huizen Vriezenveen ten westen van kanaal</t>
  </si>
  <si>
    <t>GM1700</t>
  </si>
  <si>
    <t>buurt_gegeneraliseerd_2021.cd82a449-4701-464a-aaaf-f9e815f14146</t>
  </si>
  <si>
    <t>BU17000102</t>
  </si>
  <si>
    <t>2021BU17000102</t>
  </si>
  <si>
    <t>Verspreide huizen Vriezenveen West Industrieterrein</t>
  </si>
  <si>
    <t>buurt_gegeneraliseerd_2021.da7c862b-f8ad-4ac5-96d6-5ef10e1711e2</t>
  </si>
  <si>
    <t>BU17000103</t>
  </si>
  <si>
    <t>2021BU17000103</t>
  </si>
  <si>
    <t>buurt_gegeneraliseerd_2021.655a090e-e86c-42b5-9bce-ccad05f47a38</t>
  </si>
  <si>
    <t>BU17000104</t>
  </si>
  <si>
    <t>2021BU17000104</t>
  </si>
  <si>
    <t>Vriezenveen-Midden</t>
  </si>
  <si>
    <t>buurt_gegeneraliseerd_2021.ecc5cda8-bd1a-40b9-89aa-f07227807f46</t>
  </si>
  <si>
    <t>BU17000105</t>
  </si>
  <si>
    <t>2021BU17000105</t>
  </si>
  <si>
    <t>Vriezenveen Westeinde</t>
  </si>
  <si>
    <t>buurt_gegeneraliseerd_2021.757cf079-4a97-478a-82d1-be384331e3d4</t>
  </si>
  <si>
    <t>BU17000106</t>
  </si>
  <si>
    <t>2021BU17000106</t>
  </si>
  <si>
    <t>Vriezenveen Elzenhoek</t>
  </si>
  <si>
    <t>buurt_gegeneraliseerd_2021.20607347-0727-49c7-9933-419290568781</t>
  </si>
  <si>
    <t>BU17000107</t>
  </si>
  <si>
    <t>2021BU17000107</t>
  </si>
  <si>
    <t>Vriezenveen-Centrum</t>
  </si>
  <si>
    <t>buurt_gegeneraliseerd_2021.1dc802f6-4c4b-4e7b-81e6-6264ae94ed21</t>
  </si>
  <si>
    <t>BU17000108</t>
  </si>
  <si>
    <t>2021BU17000108</t>
  </si>
  <si>
    <t>Vriezenveen Oosteinde en Slot</t>
  </si>
  <si>
    <t>buurt_gegeneraliseerd_2021.cf918f98-e4ab-4b51-9272-49db22dcdc9b</t>
  </si>
  <si>
    <t>BU17000201</t>
  </si>
  <si>
    <t>2021BU17000201</t>
  </si>
  <si>
    <t>Westerhaar-Oost</t>
  </si>
  <si>
    <t>buurt_gegeneraliseerd_2021.f93fdf72-cb48-47d2-bfef-c8ed411e8d17</t>
  </si>
  <si>
    <t>BU17000202</t>
  </si>
  <si>
    <t>2021BU17000202</t>
  </si>
  <si>
    <t>Westerhaar-West</t>
  </si>
  <si>
    <t>buurt_gegeneraliseerd_2021.7b77d65d-78dc-48f9-988f-3e154bf6d3ff</t>
  </si>
  <si>
    <t>BU17000203</t>
  </si>
  <si>
    <t>2021BU17000203</t>
  </si>
  <si>
    <t>Vriezenveensewijk</t>
  </si>
  <si>
    <t>buurt_gegeneraliseerd_2021.d351fcd7-3cf4-4b2f-9b2a-6fd1c7a0d726</t>
  </si>
  <si>
    <t>BU17000204</t>
  </si>
  <si>
    <t>2021BU17000204</t>
  </si>
  <si>
    <t>Verspreide huizen Westerhaar-Vriezenveensewijk-West</t>
  </si>
  <si>
    <t>buurt_gegeneraliseerd_2021.03a3bec8-0f05-46db-8394-4d7873dc2d0f</t>
  </si>
  <si>
    <t>BU17000205</t>
  </si>
  <si>
    <t>2021BU17000205</t>
  </si>
  <si>
    <t>Verspreide huizen Westerhaar-Vriezenveensewijk-Oost</t>
  </si>
  <si>
    <t>buurt_gegeneraliseerd_2021.cf858ef6-8052-4154-be14-34ae75e38fbb</t>
  </si>
  <si>
    <t>BU17000301</t>
  </si>
  <si>
    <t>2021BU17000301</t>
  </si>
  <si>
    <t>Buurtschap Meer</t>
  </si>
  <si>
    <t>buurt_gegeneraliseerd_2021.1bfa7efb-356f-4b3e-b056-d9bc08c00c4b</t>
  </si>
  <si>
    <t>BU17000302</t>
  </si>
  <si>
    <t>2021BU17000302</t>
  </si>
  <si>
    <t>buurt_gegeneraliseerd_2021.e4e1844a-9f49-402c-b780-2ec62d3f3b87</t>
  </si>
  <si>
    <t>BU17000303</t>
  </si>
  <si>
    <t>2021BU17000303</t>
  </si>
  <si>
    <t>Buurtschap Linde</t>
  </si>
  <si>
    <t>buurt_gegeneraliseerd_2021.41250684-337b-4e11-8673-3f30828c4433</t>
  </si>
  <si>
    <t>BU17000304</t>
  </si>
  <si>
    <t>2021BU17000304</t>
  </si>
  <si>
    <t>Buurtschap Magele</t>
  </si>
  <si>
    <t>buurt_gegeneraliseerd_2021.7d1d62e8-dcb5-43fd-87b8-6dd9c304f48f</t>
  </si>
  <si>
    <t>BU17000401</t>
  </si>
  <si>
    <t>2021BU17000401</t>
  </si>
  <si>
    <t>Geerdijk-West</t>
  </si>
  <si>
    <t>buurt_gegeneraliseerd_2021.12344690-4789-447d-839c-c3b118c55ea6</t>
  </si>
  <si>
    <t>BU17000402</t>
  </si>
  <si>
    <t>2021BU17000402</t>
  </si>
  <si>
    <t>Vroomshoop-West</t>
  </si>
  <si>
    <t>buurt_gegeneraliseerd_2021.d56b2785-4bae-4803-b89d-8be2ccdbe50b</t>
  </si>
  <si>
    <t>BU17000403</t>
  </si>
  <si>
    <t>2021BU17000403</t>
  </si>
  <si>
    <t>Vroomshoop Industrieterein</t>
  </si>
  <si>
    <t>buurt_gegeneraliseerd_2021.c0486384-897e-4d74-8ad6-45b13d134226</t>
  </si>
  <si>
    <t>BU17000404</t>
  </si>
  <si>
    <t>2021BU17000404</t>
  </si>
  <si>
    <t>Geerdijk-Oost</t>
  </si>
  <si>
    <t>buurt_gegeneraliseerd_2021.2f9b0c69-23d8-4ede-a7c9-eecb22c84629</t>
  </si>
  <si>
    <t>BU17000405</t>
  </si>
  <si>
    <t>2021BU17000405</t>
  </si>
  <si>
    <t>Vroomshoop-Oost</t>
  </si>
  <si>
    <t>buurt_gegeneraliseerd_2021.907d38e0-86e2-46f4-ac6b-7a85559af97a</t>
  </si>
  <si>
    <t>BU17000406</t>
  </si>
  <si>
    <t>2021BU17000406</t>
  </si>
  <si>
    <t>Verspreide huizen Vroomshoop-Oost</t>
  </si>
  <si>
    <t>buurt_gegeneraliseerd_2021.db558cf3-6dbf-4975-b444-4931601959ef</t>
  </si>
  <si>
    <t>BU17000501</t>
  </si>
  <si>
    <t>2021BU17000501</t>
  </si>
  <si>
    <t>Verspreide huizen De Westerhoeve</t>
  </si>
  <si>
    <t>buurt_gegeneraliseerd_2021.5100905c-0ad8-4450-8f8c-4610d9adb88e</t>
  </si>
  <si>
    <t>BU17000502</t>
  </si>
  <si>
    <t>2021BU17000502</t>
  </si>
  <si>
    <t>Verspreide huizen Vriezenveen-Noord</t>
  </si>
  <si>
    <t>buurt_gegeneraliseerd_2021.1bf54196-59c1-4877-9b84-b612377756d3</t>
  </si>
  <si>
    <t>BU17000503</t>
  </si>
  <si>
    <t>2021BU17000503</t>
  </si>
  <si>
    <t>Verspreide huizen De Pollen</t>
  </si>
  <si>
    <t>buurt_gegeneraliseerd_2021.f087d8e5-f33e-46bf-b0d2-1dd97e15639f</t>
  </si>
  <si>
    <t>BU17000601</t>
  </si>
  <si>
    <t>2021BU17000601</t>
  </si>
  <si>
    <t>Verspreide huizen Vriezenveen-Zuid</t>
  </si>
  <si>
    <t>buurt_gegeneraliseerd_2021.968385cc-cab0-498b-9f1b-b6a9c9b80f11</t>
  </si>
  <si>
    <t>BU03070100</t>
  </si>
  <si>
    <t>2021BU03070100</t>
  </si>
  <si>
    <t>GM0307</t>
  </si>
  <si>
    <t>buurt_gegeneraliseerd_2021.af936b2f-3308-4682-b7a3-4f5216eddd85</t>
  </si>
  <si>
    <t>BU03070101</t>
  </si>
  <si>
    <t>2021BU03070101</t>
  </si>
  <si>
    <t>Nieuwstraat e.o.</t>
  </si>
  <si>
    <t>buurt_gegeneraliseerd_2021.53b82012-8f03-45fa-9a4f-09c1bad460b5</t>
  </si>
  <si>
    <t>BU03070102</t>
  </si>
  <si>
    <t>2021BU03070102</t>
  </si>
  <si>
    <t>Mooierstraat e.o.</t>
  </si>
  <si>
    <t>buurt_gegeneraliseerd_2021.c1043518-a88e-400b-8f13-aab8c46f43b7</t>
  </si>
  <si>
    <t>BU03070103</t>
  </si>
  <si>
    <t>2021BU03070103</t>
  </si>
  <si>
    <t>Lieve Vrouwekerkhof</t>
  </si>
  <si>
    <t>buurt_gegeneraliseerd_2021.519c2234-eb14-4fe2-b11a-6f3dfbdf80f3</t>
  </si>
  <si>
    <t>BU03070104</t>
  </si>
  <si>
    <t>2021BU03070104</t>
  </si>
  <si>
    <t>Coninckstraat e.o.</t>
  </si>
  <si>
    <t>buurt_gegeneraliseerd_2021.83c2da32-e949-42fd-854d-83b3001ef812</t>
  </si>
  <si>
    <t>BU03070105</t>
  </si>
  <si>
    <t>2021BU03070105</t>
  </si>
  <si>
    <t>Beestenmarkt</t>
  </si>
  <si>
    <t>buurt_gegeneraliseerd_2021.92e9bd19-8987-41f2-8eb3-3b279b9fa51f</t>
  </si>
  <si>
    <t>BU03070106</t>
  </si>
  <si>
    <t>2021BU03070106</t>
  </si>
  <si>
    <t>Grote Haag</t>
  </si>
  <si>
    <t>buurt_gegeneraliseerd_2021.ee3b0367-b802-4eeb-b11f-533937ef6629</t>
  </si>
  <si>
    <t>BU03070107</t>
  </si>
  <si>
    <t>2021BU03070107</t>
  </si>
  <si>
    <t>Stadhuisplein</t>
  </si>
  <si>
    <t>buurt_gegeneraliseerd_2021.47973c20-b861-4e53-93c1-abfda71cb6c4</t>
  </si>
  <si>
    <t>BU03070108</t>
  </si>
  <si>
    <t>2021BU03070108</t>
  </si>
  <si>
    <t>Schimmelpenninckbuurt</t>
  </si>
  <si>
    <t>buurt_gegeneraliseerd_2021.4406099e-a3a1-4c90-af8d-b0b118cb5155</t>
  </si>
  <si>
    <t>BU03070200</t>
  </si>
  <si>
    <t>2021BU03070200</t>
  </si>
  <si>
    <t>Smallepad e.o.</t>
  </si>
  <si>
    <t>buurt_gegeneraliseerd_2021.388b52fd-d49b-4ceb-ab18-9aafda5e6d8e</t>
  </si>
  <si>
    <t>BU03070202</t>
  </si>
  <si>
    <t>2021BU03070202</t>
  </si>
  <si>
    <t>Snouckaertlaan e.o.</t>
  </si>
  <si>
    <t>buurt_gegeneraliseerd_2021.2c0e6726-8d19-4444-81cc-0dd83bf25203</t>
  </si>
  <si>
    <t>BU03070204</t>
  </si>
  <si>
    <t>2021BU03070204</t>
  </si>
  <si>
    <t>Zonnehof</t>
  </si>
  <si>
    <t>buurt_gegeneraliseerd_2021.f8fac835-a4fe-42e1-9c87-b0eee9f94acf</t>
  </si>
  <si>
    <t>BU03070300</t>
  </si>
  <si>
    <t>2021BU03070300</t>
  </si>
  <si>
    <t>Rivierenbuurt-Oost</t>
  </si>
  <si>
    <t>buurt_gegeneraliseerd_2021.b754ba63-681d-423e-acce-4df9d47c197a</t>
  </si>
  <si>
    <t>BU03070301</t>
  </si>
  <si>
    <t>2021BU03070301</t>
  </si>
  <si>
    <t>Rivierenbuurt-West</t>
  </si>
  <si>
    <t>buurt_gegeneraliseerd_2021.00b4a9eb-3aca-4a03-ad19-9238ded53581</t>
  </si>
  <si>
    <t>BU03070302</t>
  </si>
  <si>
    <t>2021BU03070302</t>
  </si>
  <si>
    <t>Gerrit van Stellingwerfstraat e.o.</t>
  </si>
  <si>
    <t>buurt_gegeneraliseerd_2021.09ca016b-dcd6-4dc0-831e-0ba55cb93f90</t>
  </si>
  <si>
    <t>BU03070303</t>
  </si>
  <si>
    <t>2021BU03070303</t>
  </si>
  <si>
    <t>buurt_gegeneraliseerd_2021.37396d5d-853f-4e7c-bd71-fe487efa6f33</t>
  </si>
  <si>
    <t>BU03070304</t>
  </si>
  <si>
    <t>2021BU03070304</t>
  </si>
  <si>
    <t>buurt_gegeneraliseerd_2021.b8a11dd8-ca5f-43ac-8a13-60ac81dc6688</t>
  </si>
  <si>
    <t>BU03070305</t>
  </si>
  <si>
    <t>2021BU03070305</t>
  </si>
  <si>
    <t>buurt_gegeneraliseerd_2021.d7a63287-0f8a-4041-9a7f-e0826f51dc4c</t>
  </si>
  <si>
    <t>BU03070306</t>
  </si>
  <si>
    <t>2021BU03070306</t>
  </si>
  <si>
    <t>Puntenburg</t>
  </si>
  <si>
    <t>buurt_gegeneraliseerd_2021.63fc221c-f8db-479e-a94b-0372b44227d9</t>
  </si>
  <si>
    <t>BU03070307</t>
  </si>
  <si>
    <t>2021BU03070307</t>
  </si>
  <si>
    <t>Piet Mondriaanlaan e.o.</t>
  </si>
  <si>
    <t>buurt_gegeneraliseerd_2021.a0dd22fe-0ebd-47eb-81ab-7d8e4925e4b6</t>
  </si>
  <si>
    <t>BU03070308</t>
  </si>
  <si>
    <t>2021BU03070308</t>
  </si>
  <si>
    <t>Wagenwerkplaats</t>
  </si>
  <si>
    <t>buurt_gegeneraliseerd_2021.5751d3d3-6096-4d28-a54d-3d6f22ad9974</t>
  </si>
  <si>
    <t>BU03070309</t>
  </si>
  <si>
    <t>2021BU03070309</t>
  </si>
  <si>
    <t>Spooremplacement</t>
  </si>
  <si>
    <t>buurt_gegeneraliseerd_2021.11fb3068-695b-4a0c-9350-bf861e656581</t>
  </si>
  <si>
    <t>BU03070401</t>
  </si>
  <si>
    <t>2021BU03070401</t>
  </si>
  <si>
    <t>Eemplein-Nieuwe Stad</t>
  </si>
  <si>
    <t>buurt_gegeneraliseerd_2021.f9e3215b-415c-4627-af2f-5e39dd5ef971</t>
  </si>
  <si>
    <t>BU03070402</t>
  </si>
  <si>
    <t>2021BU03070402</t>
  </si>
  <si>
    <t>Kop van Isselt</t>
  </si>
  <si>
    <t>buurt_gegeneraliseerd_2021.21991db1-61d8-4196-8beb-b9644a7292cd</t>
  </si>
  <si>
    <t>BU03070504</t>
  </si>
  <si>
    <t>2021BU03070504</t>
  </si>
  <si>
    <t>Isselt-Oost</t>
  </si>
  <si>
    <t>buurt_gegeneraliseerd_2021.b43df819-1d62-45cb-adf2-b10bd1c8c59d</t>
  </si>
  <si>
    <t>BU03070505</t>
  </si>
  <si>
    <t>2021BU03070505</t>
  </si>
  <si>
    <t>Isselt-West</t>
  </si>
  <si>
    <t>buurt_gegeneraliseerd_2021.75b4da02-03ca-46c0-bd60-6d5720b70411</t>
  </si>
  <si>
    <t>BU03070600</t>
  </si>
  <si>
    <t>2021BU03070600</t>
  </si>
  <si>
    <t>Jericho / Jeruzalem</t>
  </si>
  <si>
    <t>buurt_gegeneraliseerd_2021.e6018086-fdd7-4e5e-ab09-23e50b109f49</t>
  </si>
  <si>
    <t>BU03070601</t>
  </si>
  <si>
    <t>2021BU03070601</t>
  </si>
  <si>
    <t>buurt_gegeneraliseerd_2021.bf9adc7d-ebb0-4ec2-832d-6336ff8316e1</t>
  </si>
  <si>
    <t>BU03070603</t>
  </si>
  <si>
    <t>2021BU03070603</t>
  </si>
  <si>
    <t>Gildekwartier</t>
  </si>
  <si>
    <t>buurt_gegeneraliseerd_2021.e1da489b-a4ce-42bb-8c64-ab69f591b28d</t>
  </si>
  <si>
    <t>BU03070700</t>
  </si>
  <si>
    <t>2021BU03070700</t>
  </si>
  <si>
    <t>Kruiskamp-Noord</t>
  </si>
  <si>
    <t>buurt_gegeneraliseerd_2021.821c9cfd-9465-4d7e-bfea-f02592acf03a</t>
  </si>
  <si>
    <t>BU03070701</t>
  </si>
  <si>
    <t>2021BU03070701</t>
  </si>
  <si>
    <t>Kruiskamp-Midden</t>
  </si>
  <si>
    <t>buurt_gegeneraliseerd_2021.064db5be-4d82-40a6-a29f-b6da10d4e6a6</t>
  </si>
  <si>
    <t>BU03070702</t>
  </si>
  <si>
    <t>2021BU03070702</t>
  </si>
  <si>
    <t>Kruiskamp-Zuid</t>
  </si>
  <si>
    <t>buurt_gegeneraliseerd_2021.8d86a48a-7c67-4852-a274-c6bbacb2062a</t>
  </si>
  <si>
    <t>BU03070800</t>
  </si>
  <si>
    <t>2021BU03070800</t>
  </si>
  <si>
    <t>Vuurtoren</t>
  </si>
  <si>
    <t>buurt_gegeneraliseerd_2021.1e368238-264e-4ea5-9f38-26d39b087e7e</t>
  </si>
  <si>
    <t>BU03070801</t>
  </si>
  <si>
    <t>2021BU03070801</t>
  </si>
  <si>
    <t>De Plaatsen</t>
  </si>
  <si>
    <t>buurt_gegeneraliseerd_2021.bdc61308-d86f-4760-9cfa-617726f13de4</t>
  </si>
  <si>
    <t>BU03070803</t>
  </si>
  <si>
    <t>2021BU03070803</t>
  </si>
  <si>
    <t>Koperhorst</t>
  </si>
  <si>
    <t>buurt_gegeneraliseerd_2021.60a7080b-8ae3-42e9-a86d-cedfa91e7dee</t>
  </si>
  <si>
    <t>BU03070900</t>
  </si>
  <si>
    <t>2021BU03070900</t>
  </si>
  <si>
    <t>Elly Takmastraat e.o.</t>
  </si>
  <si>
    <t>buurt_gegeneraliseerd_2021.809cf856-c113-4197-b530-b657790d177f</t>
  </si>
  <si>
    <t>BU03070902</t>
  </si>
  <si>
    <t>2021BU03070902</t>
  </si>
  <si>
    <t>Camera Obscurastraat e.o.</t>
  </si>
  <si>
    <t>buurt_gegeneraliseerd_2021.efc6a71a-c103-4191-ac31-7f3d665d8d15</t>
  </si>
  <si>
    <t>BU03070903</t>
  </si>
  <si>
    <t>2021BU03070903</t>
  </si>
  <si>
    <t>Queekhoven e.o.</t>
  </si>
  <si>
    <t>buurt_gegeneraliseerd_2021.f144fe76-1761-4e81-84d5-f6d40ecf6d00</t>
  </si>
  <si>
    <t>BU03070905</t>
  </si>
  <si>
    <t>2021BU03070905</t>
  </si>
  <si>
    <t>Het Gein</t>
  </si>
  <si>
    <t>buurt_gegeneraliseerd_2021.5e7aae02-b13b-42fc-9cff-264b11755f9a</t>
  </si>
  <si>
    <t>BU03070906</t>
  </si>
  <si>
    <t>2021BU03070906</t>
  </si>
  <si>
    <t>Park Schothorst</t>
  </si>
  <si>
    <t>buurt_gegeneraliseerd_2021.4098ec0b-195f-4046-a7d3-80e3daa976d4</t>
  </si>
  <si>
    <t>BU03071000</t>
  </si>
  <si>
    <t>2021BU03071000</t>
  </si>
  <si>
    <t>Liendert-Noord</t>
  </si>
  <si>
    <t>buurt_gegeneraliseerd_2021.c37372d8-feca-421f-aaaa-2f72e88ff660</t>
  </si>
  <si>
    <t>BU03071001</t>
  </si>
  <si>
    <t>2021BU03071001</t>
  </si>
  <si>
    <t>Zangvogelbuurt</t>
  </si>
  <si>
    <t>buurt_gegeneraliseerd_2021.4ababbbd-3a2c-40fc-84af-b9d8568dc7f4</t>
  </si>
  <si>
    <t>BU03071002</t>
  </si>
  <si>
    <t>2021BU03071002</t>
  </si>
  <si>
    <t>buurt_gegeneraliseerd_2021.ac292e03-9c1c-4645-995e-c103b1aacecc</t>
  </si>
  <si>
    <t>BU03071003</t>
  </si>
  <si>
    <t>2021BU03071003</t>
  </si>
  <si>
    <t>buurt_gegeneraliseerd_2021.a1b28404-1d10-4eb3-a164-a9c8242c7ea6</t>
  </si>
  <si>
    <t>BU03071004</t>
  </si>
  <si>
    <t>2021BU03071004</t>
  </si>
  <si>
    <t>Liendert-Zuid</t>
  </si>
  <si>
    <t>buurt_gegeneraliseerd_2021.a65c080b-09aa-4410-a293-e698d1cbc526</t>
  </si>
  <si>
    <t>BU03071100</t>
  </si>
  <si>
    <t>2021BU03071100</t>
  </si>
  <si>
    <t>Rustenburg-Noord</t>
  </si>
  <si>
    <t>buurt_gegeneraliseerd_2021.9585d935-d8be-4aac-b4e4-d3bc12afe73e</t>
  </si>
  <si>
    <t>BU03071101</t>
  </si>
  <si>
    <t>2021BU03071101</t>
  </si>
  <si>
    <t>Rustenburg-Zuid</t>
  </si>
  <si>
    <t>buurt_gegeneraliseerd_2021.d2cdd6e8-91d7-46ab-b8c3-b92634365064</t>
  </si>
  <si>
    <t>BU03071201</t>
  </si>
  <si>
    <t>2021BU03071201</t>
  </si>
  <si>
    <t>Bloeidaal</t>
  </si>
  <si>
    <t>buurt_gegeneraliseerd_2021.a4baa724-fcbf-4625-acaf-7e226405faec</t>
  </si>
  <si>
    <t>BU03071202</t>
  </si>
  <si>
    <t>2021BU03071202</t>
  </si>
  <si>
    <t>Stoutenburg-Noord</t>
  </si>
  <si>
    <t>buurt_gegeneraliseerd_2021.54ff6593-d930-4eb2-9a6a-1c739cf2ffc7</t>
  </si>
  <si>
    <t>BU03071203</t>
  </si>
  <si>
    <t>2021BU03071203</t>
  </si>
  <si>
    <t>De Wieken</t>
  </si>
  <si>
    <t>buurt_gegeneraliseerd_2021.5de125c6-1cbe-4460-9a03-1fa517018a19</t>
  </si>
  <si>
    <t>BU03071204</t>
  </si>
  <si>
    <t>2021BU03071204</t>
  </si>
  <si>
    <t>Vinkenhoef</t>
  </si>
  <si>
    <t>buurt_gegeneraliseerd_2021.5a9b006c-4609-4812-92a3-b6fe7067fcc0</t>
  </si>
  <si>
    <t>BU03071205</t>
  </si>
  <si>
    <t>2021BU03071205</t>
  </si>
  <si>
    <t>Nijkerkerstraat e.o.</t>
  </si>
  <si>
    <t>buurt_gegeneraliseerd_2021.8e212f3a-7caf-4994-ba11-1dda1527900d</t>
  </si>
  <si>
    <t>BU03071300</t>
  </si>
  <si>
    <t>2021BU03071300</t>
  </si>
  <si>
    <t>Schuilenburg-Midden</t>
  </si>
  <si>
    <t>buurt_gegeneraliseerd_2021.d400ca5b-fb03-49fa-8061-46c4411e0db9</t>
  </si>
  <si>
    <t>BU03071301</t>
  </si>
  <si>
    <t>2021BU03071301</t>
  </si>
  <si>
    <t>Schuilenburg-Noord</t>
  </si>
  <si>
    <t>buurt_gegeneraliseerd_2021.5d9bd162-8bf0-43b6-b86b-08a65b516847</t>
  </si>
  <si>
    <t>BU03071302</t>
  </si>
  <si>
    <t>2021BU03071302</t>
  </si>
  <si>
    <t>Schuilenburg-Zuid</t>
  </si>
  <si>
    <t>buurt_gegeneraliseerd_2021.acb6da1a-b4b8-42bc-b5ff-022f9cd0263a</t>
  </si>
  <si>
    <t>BU03071400</t>
  </si>
  <si>
    <t>2021BU03071400</t>
  </si>
  <si>
    <t>Willem III</t>
  </si>
  <si>
    <t>buurt_gegeneraliseerd_2021.5eb92543-7f86-413b-bc47-81cf359fcc68</t>
  </si>
  <si>
    <t>BU03071401</t>
  </si>
  <si>
    <t>2021BU03071401</t>
  </si>
  <si>
    <t>buurt_gegeneraliseerd_2021.d303828d-1a15-4650-b255-88a871d41cf0</t>
  </si>
  <si>
    <t>BU03071402</t>
  </si>
  <si>
    <t>2021BU03071402</t>
  </si>
  <si>
    <t>buurt_gegeneraliseerd_2021.f9c303f9-9deb-4acd-8ecd-2d0926c45bd2</t>
  </si>
  <si>
    <t>BU03071403</t>
  </si>
  <si>
    <t>2021BU03071403</t>
  </si>
  <si>
    <t>buurt_gegeneraliseerd_2021.036ad136-4ded-4e4a-bb25-b2d655dd659f</t>
  </si>
  <si>
    <t>BU03071500</t>
  </si>
  <si>
    <t>2021BU03071500</t>
  </si>
  <si>
    <t>Bekenstein / De Luiaard</t>
  </si>
  <si>
    <t>buurt_gegeneraliseerd_2021.6a2efae4-24a5-4643-9553-1575b9772d3b</t>
  </si>
  <si>
    <t>BU03071501</t>
  </si>
  <si>
    <t>2021BU03071501</t>
  </si>
  <si>
    <t>Vermeerkwartier-Oost</t>
  </si>
  <si>
    <t>buurt_gegeneraliseerd_2021.e94c0a54-a916-4c76-b3ac-15f922cc2cb9</t>
  </si>
  <si>
    <t>BU03071502</t>
  </si>
  <si>
    <t>2021BU03071502</t>
  </si>
  <si>
    <t>Vermeerkwartier-West</t>
  </si>
  <si>
    <t>buurt_gegeneraliseerd_2021.4f004887-9ab1-4b38-aaeb-8528570d5acd</t>
  </si>
  <si>
    <t>BU03071503</t>
  </si>
  <si>
    <t>2021BU03071503</t>
  </si>
  <si>
    <t>Dorrestein</t>
  </si>
  <si>
    <t>buurt_gegeneraliseerd_2021.e187ec9f-800c-4991-89e3-85d86fac3171</t>
  </si>
  <si>
    <t>BU03071600</t>
  </si>
  <si>
    <t>2021BU03071600</t>
  </si>
  <si>
    <t>buurt_gegeneraliseerd_2021.9004072a-5021-4e78-ba61-8ec2c9754160</t>
  </si>
  <si>
    <t>BU03071601</t>
  </si>
  <si>
    <t>2021BU03071601</t>
  </si>
  <si>
    <t>Leusderkwartier-West</t>
  </si>
  <si>
    <t>buurt_gegeneraliseerd_2021.32bb918b-e860-43dd-bcaa-692c16bedde7</t>
  </si>
  <si>
    <t>BU03071602</t>
  </si>
  <si>
    <t>2021BU03071602</t>
  </si>
  <si>
    <t>Leusderkwartier-Oost</t>
  </si>
  <si>
    <t>buurt_gegeneraliseerd_2021.1be2e121-2e7f-448c-a57b-d1234bed3854</t>
  </si>
  <si>
    <t>BU03071603</t>
  </si>
  <si>
    <t>2021BU03071603</t>
  </si>
  <si>
    <t>Nimmerdor</t>
  </si>
  <si>
    <t>buurt_gegeneraliseerd_2021.22354784-c214-401c-bc84-f85c2eede547</t>
  </si>
  <si>
    <t>BU03071700</t>
  </si>
  <si>
    <t>2021BU03071700</t>
  </si>
  <si>
    <t>Westerstraat e.o.</t>
  </si>
  <si>
    <t>buurt_gegeneraliseerd_2021.dec342b8-dbea-4628-815e-81de6daefd87</t>
  </si>
  <si>
    <t>BU03071701</t>
  </si>
  <si>
    <t>2021BU03071701</t>
  </si>
  <si>
    <t>Juliana van Stolberg</t>
  </si>
  <si>
    <t>buurt_gegeneraliseerd_2021.2b310552-61d1-422f-b6c6-2d16d2182c2a</t>
  </si>
  <si>
    <t>BU03071702</t>
  </si>
  <si>
    <t>2021BU03071702</t>
  </si>
  <si>
    <t>Huijgenslaan e.o.</t>
  </si>
  <si>
    <t>buurt_gegeneraliseerd_2021.dc29655d-f9de-440a-82ca-4e2d022f68d9</t>
  </si>
  <si>
    <t>BU03071703</t>
  </si>
  <si>
    <t>2021BU03071703</t>
  </si>
  <si>
    <t>De Lichtenberg</t>
  </si>
  <si>
    <t>buurt_gegeneraliseerd_2021.ae51b995-0780-46ed-b282-98e9c2e00a1d</t>
  </si>
  <si>
    <t>BU03071704</t>
  </si>
  <si>
    <t>2021BU03071704</t>
  </si>
  <si>
    <t>Verhoevenstraat e.o.</t>
  </si>
  <si>
    <t>buurt_gegeneraliseerd_2021.7aa9a701-10a5-4b2e-97bc-646346e12566</t>
  </si>
  <si>
    <t>BU03071705</t>
  </si>
  <si>
    <t>2021BU03071705</t>
  </si>
  <si>
    <t>buurt_gegeneraliseerd_2021.a434e24f-4b7c-4c84-a29f-70580050676f</t>
  </si>
  <si>
    <t>BU03071706</t>
  </si>
  <si>
    <t>2021BU03071706</t>
  </si>
  <si>
    <t>Klein Zwitserland-Laag</t>
  </si>
  <si>
    <t>buurt_gegeneraliseerd_2021.948b2a51-3ebc-46a3-aaaa-d5b4a6f1fa6b</t>
  </si>
  <si>
    <t>BU03071707</t>
  </si>
  <si>
    <t>2021BU03071707</t>
  </si>
  <si>
    <t>Klein Zwitserland-Hoog</t>
  </si>
  <si>
    <t>buurt_gegeneraliseerd_2021.3aff480b-6bf7-4407-9bfc-79d787c86db9</t>
  </si>
  <si>
    <t>BU03071800</t>
  </si>
  <si>
    <t>2021BU03071800</t>
  </si>
  <si>
    <t>Regentesselaan e.o.</t>
  </si>
  <si>
    <t>buurt_gegeneraliseerd_2021.90d6e36e-c947-4d0b-9c59-198579c6dd65</t>
  </si>
  <si>
    <t>BU03071801</t>
  </si>
  <si>
    <t>2021BU03071801</t>
  </si>
  <si>
    <t>buurt_gegeneraliseerd_2021.3109c713-a6bc-4ec1-8f9f-2decb7f6a7d5</t>
  </si>
  <si>
    <t>BU03071802</t>
  </si>
  <si>
    <t>2021BU03071802</t>
  </si>
  <si>
    <t>Staatsliedenbuurt-Oost</t>
  </si>
  <si>
    <t>buurt_gegeneraliseerd_2021.ccb8bc78-4b18-4ede-8729-0c09714114c1</t>
  </si>
  <si>
    <t>BU03071803</t>
  </si>
  <si>
    <t>2021BU03071803</t>
  </si>
  <si>
    <t>Staatsliedenbuurt-West</t>
  </si>
  <si>
    <t>buurt_gegeneraliseerd_2021.c803bcfa-75f3-4edc-8ed3-0da412e5945b</t>
  </si>
  <si>
    <t>BU03071804</t>
  </si>
  <si>
    <t>2021BU03071804</t>
  </si>
  <si>
    <t>buurt_gegeneraliseerd_2021.7d0aa2b9-e47b-44fa-bf67-4702ebc981e1</t>
  </si>
  <si>
    <t>BU03071900</t>
  </si>
  <si>
    <t>2021BU03071900</t>
  </si>
  <si>
    <t>De Ham</t>
  </si>
  <si>
    <t>buurt_gegeneraliseerd_2021.3203e4c1-2161-4ceb-99f2-75e2e5a7039f</t>
  </si>
  <si>
    <t>BU03071901</t>
  </si>
  <si>
    <t>2021BU03071901</t>
  </si>
  <si>
    <t>Langenoord</t>
  </si>
  <si>
    <t>buurt_gegeneraliseerd_2021.c7354ee4-195d-438c-846c-70882f70f526</t>
  </si>
  <si>
    <t>BU03071902</t>
  </si>
  <si>
    <t>2021BU03071902</t>
  </si>
  <si>
    <t>Bieshaar-Noord</t>
  </si>
  <si>
    <t>buurt_gegeneraliseerd_2021.144a67ba-a2e5-494a-89de-0afbe827efd7</t>
  </si>
  <si>
    <t>BU03071903</t>
  </si>
  <si>
    <t>2021BU03071903</t>
  </si>
  <si>
    <t>Bieshaar-Zuid</t>
  </si>
  <si>
    <t>buurt_gegeneraliseerd_2021.7c6b80a0-7adc-4e9e-bf21-7096bf7e3ab8</t>
  </si>
  <si>
    <t>BU03071904</t>
  </si>
  <si>
    <t>2021BU03071904</t>
  </si>
  <si>
    <t>De Bik</t>
  </si>
  <si>
    <t>buurt_gegeneraliseerd_2021.a4780a27-814e-4110-bf29-f3535fdc0c71</t>
  </si>
  <si>
    <t>BU03071905</t>
  </si>
  <si>
    <t>2021BU03071905</t>
  </si>
  <si>
    <t>De Brinken</t>
  </si>
  <si>
    <t>buurt_gegeneraliseerd_2021.fbfd6c79-2f43-4811-9e16-02697546bc86</t>
  </si>
  <si>
    <t>BU03071906</t>
  </si>
  <si>
    <t>2021BU03071906</t>
  </si>
  <si>
    <t>De Biezen</t>
  </si>
  <si>
    <t>buurt_gegeneraliseerd_2021.57d55c31-7d07-4d38-8a5a-88f6d753d102</t>
  </si>
  <si>
    <t>BU03072000</t>
  </si>
  <si>
    <t>2021BU03072000</t>
  </si>
  <si>
    <t>buurt_gegeneraliseerd_2021.930419d3-b1a6-42de-9a87-c8b9b31ad13d</t>
  </si>
  <si>
    <t>BU03072001</t>
  </si>
  <si>
    <t>2021BU03072001</t>
  </si>
  <si>
    <t>Erasmusstraat e.o.</t>
  </si>
  <si>
    <t>buurt_gegeneraliseerd_2021.07637ff9-d9bc-4979-853e-eeea04a81be4</t>
  </si>
  <si>
    <t>BU03072002</t>
  </si>
  <si>
    <t>2021BU03072002</t>
  </si>
  <si>
    <t>Muziekbuurt-Noord</t>
  </si>
  <si>
    <t>buurt_gegeneraliseerd_2021.849eb9dd-aa83-44d8-ae31-e9484aa77d2e</t>
  </si>
  <si>
    <t>BU03072003</t>
  </si>
  <si>
    <t>2021BU03072003</t>
  </si>
  <si>
    <t>Muziekbuurt-Zuid</t>
  </si>
  <si>
    <t>buurt_gegeneraliseerd_2021.cf5d5b9d-e753-4d28-b879-a532d33e5db4</t>
  </si>
  <si>
    <t>BU03072004</t>
  </si>
  <si>
    <t>2021BU03072004</t>
  </si>
  <si>
    <t>Architectenbuurt-Oost</t>
  </si>
  <si>
    <t>buurt_gegeneraliseerd_2021.00fd0a65-cabe-4ced-8a14-914c19d4afee</t>
  </si>
  <si>
    <t>BU03072005</t>
  </si>
  <si>
    <t>2021BU03072005</t>
  </si>
  <si>
    <t>Architectenbuurt-West</t>
  </si>
  <si>
    <t>buurt_gegeneraliseerd_2021.04364848-aa77-4b08-beaa-d1b24e7322c5</t>
  </si>
  <si>
    <t>BU03072006</t>
  </si>
  <si>
    <t>2021BU03072006</t>
  </si>
  <si>
    <t>Sportpark Zielhorst</t>
  </si>
  <si>
    <t>buurt_gegeneraliseerd_2021.015cc2a9-20a3-4716-8efa-962c7ea1f823</t>
  </si>
  <si>
    <t>BU03072007</t>
  </si>
  <si>
    <t>2021BU03072007</t>
  </si>
  <si>
    <t>De Brand</t>
  </si>
  <si>
    <t>buurt_gegeneraliseerd_2021.9e620af3-5894-4ded-85d5-e25352ba80ec</t>
  </si>
  <si>
    <t>BU03072100</t>
  </si>
  <si>
    <t>2021BU03072100</t>
  </si>
  <si>
    <t>Donken en zanden</t>
  </si>
  <si>
    <t>buurt_gegeneraliseerd_2021.cb03501b-4ae1-45e0-8256-7ea2e1ab422b</t>
  </si>
  <si>
    <t>BU03072101</t>
  </si>
  <si>
    <t>2021BU03072101</t>
  </si>
  <si>
    <t>buurt_gegeneraliseerd_2021.e86a82ae-36f2-4423-b8df-fb66e973ad62</t>
  </si>
  <si>
    <t>BU03072102</t>
  </si>
  <si>
    <t>2021BU03072102</t>
  </si>
  <si>
    <t>Woudzoom e.o.</t>
  </si>
  <si>
    <t>buurt_gegeneraliseerd_2021.a04a5352-020a-4eac-b7c4-31b490d3546d</t>
  </si>
  <si>
    <t>BU03072103</t>
  </si>
  <si>
    <t>2021BU03072103</t>
  </si>
  <si>
    <t>Wintertuinen</t>
  </si>
  <si>
    <t>buurt_gegeneraliseerd_2021.be4f0c9e-e22c-4fff-8231-39960b96de79</t>
  </si>
  <si>
    <t>BU03072104</t>
  </si>
  <si>
    <t>2021BU03072104</t>
  </si>
  <si>
    <t>De Verwondering e.o.</t>
  </si>
  <si>
    <t>buurt_gegeneraliseerd_2021.ff11effe-0632-43f7-8a44-02c985d38a39</t>
  </si>
  <si>
    <t>BU03072105</t>
  </si>
  <si>
    <t>2021BU03072105</t>
  </si>
  <si>
    <t>Emiclaer</t>
  </si>
  <si>
    <t>buurt_gegeneraliseerd_2021.68f53c85-4be4-4269-a00d-b9352593c146</t>
  </si>
  <si>
    <t>BU03072106</t>
  </si>
  <si>
    <t>2021BU03072106</t>
  </si>
  <si>
    <t>Groote Kreek e.o.</t>
  </si>
  <si>
    <t>buurt_gegeneraliseerd_2021.76dd7808-ba42-47c2-8fcd-319c9e2e364b</t>
  </si>
  <si>
    <t>BU03072107</t>
  </si>
  <si>
    <t>2021BU03072107</t>
  </si>
  <si>
    <t>Boerderijenkamer</t>
  </si>
  <si>
    <t>buurt_gegeneraliseerd_2021.9ead2949-533b-4681-99e6-e3c1183b6413</t>
  </si>
  <si>
    <t>BU03072108</t>
  </si>
  <si>
    <t>2021BU03072108</t>
  </si>
  <si>
    <t>Kattenbroek-Noord</t>
  </si>
  <si>
    <t>buurt_gegeneraliseerd_2021.4f3dd730-d6a1-4502-b032-1a3088ae7bb7</t>
  </si>
  <si>
    <t>BU03072201</t>
  </si>
  <si>
    <t>2021BU03072201</t>
  </si>
  <si>
    <t>Calveen</t>
  </si>
  <si>
    <t>buurt_gegeneraliseerd_2021.b206dbe9-599c-48ba-a241-8211caf9da36</t>
  </si>
  <si>
    <t>BU03072400</t>
  </si>
  <si>
    <t>2021BU03072400</t>
  </si>
  <si>
    <t>Stadskwartier</t>
  </si>
  <si>
    <t>buurt_gegeneraliseerd_2021.e846074b-7faa-4d93-950c-7984ef99b494</t>
  </si>
  <si>
    <t>BU03072402</t>
  </si>
  <si>
    <t>2021BU03072402</t>
  </si>
  <si>
    <t>Hoge Hoven</t>
  </si>
  <si>
    <t>buurt_gegeneraliseerd_2021.4c62aefe-f870-4652-96fd-691590ccab4e</t>
  </si>
  <si>
    <t>BU03072403</t>
  </si>
  <si>
    <t>2021BU03072403</t>
  </si>
  <si>
    <t>Centrum / Waterpark</t>
  </si>
  <si>
    <t>buurt_gegeneraliseerd_2021.4b9b3b7f-c0b5-49f7-95b4-7b0f9e653da7</t>
  </si>
  <si>
    <t>BU03072404</t>
  </si>
  <si>
    <t>2021BU03072404</t>
  </si>
  <si>
    <t>Stadstuin</t>
  </si>
  <si>
    <t>buurt_gegeneraliseerd_2021.5f0bd515-77a0-4f50-b415-b00b100db0d9</t>
  </si>
  <si>
    <t>BU03072405</t>
  </si>
  <si>
    <t>2021BU03072405</t>
  </si>
  <si>
    <t>Waterkwartier</t>
  </si>
  <si>
    <t>buurt_gegeneraliseerd_2021.73b801a1-6780-4222-b148-209df6b0c977</t>
  </si>
  <si>
    <t>BU03072407</t>
  </si>
  <si>
    <t>2021BU03072407</t>
  </si>
  <si>
    <t>buurt_gegeneraliseerd_2021.8f624d41-92ce-4e0a-bde9-cde1d7587a20</t>
  </si>
  <si>
    <t>BU03072500</t>
  </si>
  <si>
    <t>2021BU03072500</t>
  </si>
  <si>
    <t>Hoefkwartier</t>
  </si>
  <si>
    <t>buurt_gegeneraliseerd_2021.94eb4b21-74ab-456d-989e-b0645e820379</t>
  </si>
  <si>
    <t>BU03072501</t>
  </si>
  <si>
    <t>2021BU03072501</t>
  </si>
  <si>
    <t>De Hoef-Oost</t>
  </si>
  <si>
    <t>buurt_gegeneraliseerd_2021.2608ca23-3e38-48d6-941d-786b52c6935f</t>
  </si>
  <si>
    <t>BU03072600</t>
  </si>
  <si>
    <t>2021BU03072600</t>
  </si>
  <si>
    <t>Dorpskern Hooglanderveen</t>
  </si>
  <si>
    <t>buurt_gegeneraliseerd_2021.66f3ccf4-6973-42bb-b0f4-dcd7f117e987</t>
  </si>
  <si>
    <t>BU03072601</t>
  </si>
  <si>
    <t>2021BU03072601</t>
  </si>
  <si>
    <t>Lient e.o.</t>
  </si>
  <si>
    <t>buurt_gegeneraliseerd_2021.9accb474-bb29-4de2-9bcf-12900df1547d</t>
  </si>
  <si>
    <t>BU03072602</t>
  </si>
  <si>
    <t>2021BU03072602</t>
  </si>
  <si>
    <t>Hoekveen e.o.</t>
  </si>
  <si>
    <t>buurt_gegeneraliseerd_2021.169127b0-a20f-495c-99fb-04655417eb05</t>
  </si>
  <si>
    <t>BU03072603</t>
  </si>
  <si>
    <t>2021BU03072603</t>
  </si>
  <si>
    <t>Heideweg e.o.</t>
  </si>
  <si>
    <t>buurt_gegeneraliseerd_2021.a0aac944-a396-4191-9816-e4123ece3ba9</t>
  </si>
  <si>
    <t>BU03072700</t>
  </si>
  <si>
    <t>2021BU03072700</t>
  </si>
  <si>
    <t>Coelhorst</t>
  </si>
  <si>
    <t>buurt_gegeneraliseerd_2021.418ca545-408e-408a-892c-a37dc8ab9af9</t>
  </si>
  <si>
    <t>BU03072701</t>
  </si>
  <si>
    <t>2021BU03072701</t>
  </si>
  <si>
    <t>Zeldert</t>
  </si>
  <si>
    <t>buurt_gegeneraliseerd_2021.94ae1bc5-81ef-4cb5-9a02-4a910ffbfb6b</t>
  </si>
  <si>
    <t>BU03072709</t>
  </si>
  <si>
    <t>2021BU03072709</t>
  </si>
  <si>
    <t>buurt_gegeneraliseerd_2021.ece9ce0d-dd30-4414-9600-4a0d2cdad88b</t>
  </si>
  <si>
    <t>BU03072800</t>
  </si>
  <si>
    <t>2021BU03072800</t>
  </si>
  <si>
    <t>Park van de Tijden-West</t>
  </si>
  <si>
    <t>buurt_gegeneraliseerd_2021.58f00ac0-6672-42f2-9272-5d2efa506e32</t>
  </si>
  <si>
    <t>BU03072801</t>
  </si>
  <si>
    <t>2021BU03072801</t>
  </si>
  <si>
    <t>Dassenberg e.o.</t>
  </si>
  <si>
    <t>buurt_gegeneraliseerd_2021.f23c9f14-ebd5-4eb0-8ae4-87c2f3a08106</t>
  </si>
  <si>
    <t>BU03072802</t>
  </si>
  <si>
    <t>2021BU03072802</t>
  </si>
  <si>
    <t>Park van de Tijden-Oost</t>
  </si>
  <si>
    <t>buurt_gegeneraliseerd_2021.a94c2e2a-ced3-459b-9f3e-4915df52a58d</t>
  </si>
  <si>
    <t>BU03072803</t>
  </si>
  <si>
    <t>2021BU03072803</t>
  </si>
  <si>
    <t>Duisterweg e.o.</t>
  </si>
  <si>
    <t>buurt_gegeneraliseerd_2021.84e3e3e1-751c-467c-8fde-14e651b69e3a</t>
  </si>
  <si>
    <t>BU03072804</t>
  </si>
  <si>
    <t>2021BU03072804</t>
  </si>
  <si>
    <t>Eilandengroepenbuurt</t>
  </si>
  <si>
    <t>buurt_gegeneraliseerd_2021.9a89d539-ba96-4e33-a3a1-3e4446aa48d0</t>
  </si>
  <si>
    <t>BU03072900</t>
  </si>
  <si>
    <t>2021BU03072900</t>
  </si>
  <si>
    <t>Polderbuurt-Noord</t>
  </si>
  <si>
    <t>buurt_gegeneraliseerd_2021.ec33f7d5-b8c3-43cd-a17c-facf90b575cd</t>
  </si>
  <si>
    <t>BU03072901</t>
  </si>
  <si>
    <t>2021BU03072901</t>
  </si>
  <si>
    <t>Winkelcentrum Vathorst</t>
  </si>
  <si>
    <t>buurt_gegeneraliseerd_2021.ffb5dfca-2914-4ac0-8f55-db8ae3c10c48</t>
  </si>
  <si>
    <t>BU03072902</t>
  </si>
  <si>
    <t>2021BU03072902</t>
  </si>
  <si>
    <t>Damespolderbuurt</t>
  </si>
  <si>
    <t>buurt_gegeneraliseerd_2021.7f6645c5-9b8f-44f5-9847-62dc4a664a00</t>
  </si>
  <si>
    <t>BU03073000</t>
  </si>
  <si>
    <t>2021BU03073000</t>
  </si>
  <si>
    <t>De Bron-Noord</t>
  </si>
  <si>
    <t>buurt_gegeneraliseerd_2021.1973bda9-f026-402f-a952-c1aa6d470c19</t>
  </si>
  <si>
    <t>BU03073001</t>
  </si>
  <si>
    <t>2021BU03073001</t>
  </si>
  <si>
    <t>De Bron-Zuid</t>
  </si>
  <si>
    <t>buurt_gegeneraliseerd_2021.7b8193b9-31f8-4219-9dc0-8ba9ad83ee6f</t>
  </si>
  <si>
    <t>BU03073100</t>
  </si>
  <si>
    <t>2021BU03073100</t>
  </si>
  <si>
    <t>Waddeneilandenbuurt</t>
  </si>
  <si>
    <t>buurt_gegeneraliseerd_2021.0e48dc27-4bf1-4f78-9dbb-82448a7aadcf</t>
  </si>
  <si>
    <t>BU03073101</t>
  </si>
  <si>
    <t>2021BU03073101</t>
  </si>
  <si>
    <t>Zuiderzeestedenbuurt-Oost</t>
  </si>
  <si>
    <t>buurt_gegeneraliseerd_2021.eb738bbf-56ce-4148-a20a-e26d1d867ac5</t>
  </si>
  <si>
    <t>BU03073102</t>
  </si>
  <si>
    <t>2021BU03073102</t>
  </si>
  <si>
    <t>Zuiderzeestedenbuurt-West</t>
  </si>
  <si>
    <t>buurt_gegeneraliseerd_2021.9ff40711-8f24-4877-ace0-86c43b21e1fd</t>
  </si>
  <si>
    <t>BU03073103</t>
  </si>
  <si>
    <t>2021BU03073103</t>
  </si>
  <si>
    <t>De Baken</t>
  </si>
  <si>
    <t>buurt_gegeneraliseerd_2021.08ac5bd1-173b-494f-95f9-2616d39b9f41</t>
  </si>
  <si>
    <t>BU03073104</t>
  </si>
  <si>
    <t>2021BU03073104</t>
  </si>
  <si>
    <t>Laakse Tuinen</t>
  </si>
  <si>
    <t>buurt_gegeneraliseerd_2021.26e7f462-cf1c-4717-8d41-d0215179cbfd</t>
  </si>
  <si>
    <t>BU03073105</t>
  </si>
  <si>
    <t>2021BU03073105</t>
  </si>
  <si>
    <t>Over de Laak</t>
  </si>
  <si>
    <t>buurt_gegeneraliseerd_2021.3c398351-89c5-4426-a790-25707b1a63f0</t>
  </si>
  <si>
    <t>BU03073106</t>
  </si>
  <si>
    <t>2021BU03073106</t>
  </si>
  <si>
    <t>Podium</t>
  </si>
  <si>
    <t>buurt_gegeneraliseerd_2021.37cd733b-1ef6-4d5e-8cd1-6b897dd4bd58</t>
  </si>
  <si>
    <t>BU03073201</t>
  </si>
  <si>
    <t>2021BU03073201</t>
  </si>
  <si>
    <t>Vathorst-Bovenduist</t>
  </si>
  <si>
    <t>buurt_gegeneraliseerd_2021.3a8b90f1-b622-48dc-86c6-a526794b3c92</t>
  </si>
  <si>
    <t>BU03073301</t>
  </si>
  <si>
    <t>2021BU03073301</t>
  </si>
  <si>
    <t>Bedrijventerrein Vathorst-Zuid</t>
  </si>
  <si>
    <t>buurt_gegeneraliseerd_2021.5978bf92-77d3-414b-bb75-af0b69909d68</t>
  </si>
  <si>
    <t>BU03073302</t>
  </si>
  <si>
    <t>2021BU03073302</t>
  </si>
  <si>
    <t>Bedrijventerrein Vathorst-Noord</t>
  </si>
  <si>
    <t>buurt_gegeneraliseerd_2021.40ee5095-2be6-4908-b3c5-93596f066fba</t>
  </si>
  <si>
    <t>BU03073303</t>
  </si>
  <si>
    <t>2021BU03073303</t>
  </si>
  <si>
    <t>Olympus</t>
  </si>
  <si>
    <t>buurt_gegeneraliseerd_2021.f819851d-5ae9-456b-a23b-921d6e38149e</t>
  </si>
  <si>
    <t>BU03073304</t>
  </si>
  <si>
    <t>2021BU03073304</t>
  </si>
  <si>
    <t>Lindeboomseweg e.o.</t>
  </si>
  <si>
    <t>buurt_gegeneraliseerd_2021.3567f2a1-1151-4da3-ac28-1a95317c5a33</t>
  </si>
  <si>
    <t>BU03073401</t>
  </si>
  <si>
    <t>2021BU03073401</t>
  </si>
  <si>
    <t>Birkhoven / Bokkeduinen</t>
  </si>
  <si>
    <t>buurt_gegeneraliseerd_2021.c10f384a-bbdb-409b-99b1-d7a262c33a09</t>
  </si>
  <si>
    <t>BU03073402</t>
  </si>
  <si>
    <t>2021BU03073402</t>
  </si>
  <si>
    <t>buurt_gegeneraliseerd_2021.80b80721-8a05-43f7-9ae7-da770ed3ec54</t>
  </si>
  <si>
    <t>BU03073403</t>
  </si>
  <si>
    <t>2021BU03073403</t>
  </si>
  <si>
    <t>Zon en Schild</t>
  </si>
  <si>
    <t>buurt_gegeneraliseerd_2021.76fa7988-36f5-491f-abc1-04ef8b216d06</t>
  </si>
  <si>
    <t>BU03450001</t>
  </si>
  <si>
    <t>2021BU03450001</t>
  </si>
  <si>
    <t>Meesterweide</t>
  </si>
  <si>
    <t>GM0345</t>
  </si>
  <si>
    <t>buurt_gegeneraliseerd_2021.9a932053-dab3-4b0f-95fd-61905767f19e</t>
  </si>
  <si>
    <t>BU03450002</t>
  </si>
  <si>
    <t>2021BU03450002</t>
  </si>
  <si>
    <t>buurt_gegeneraliseerd_2021.11a31c04-8c5d-45e2-af11-eb7c15e9eef7</t>
  </si>
  <si>
    <t>BU03450003</t>
  </si>
  <si>
    <t>2021BU03450003</t>
  </si>
  <si>
    <t>Achterkerk</t>
  </si>
  <si>
    <t>buurt_gegeneraliseerd_2021.556b46dd-c996-4c7e-a0cf-b8fd651303a8</t>
  </si>
  <si>
    <t>BU03450099</t>
  </si>
  <si>
    <t>2021BU03450099</t>
  </si>
  <si>
    <t>Koopcentrum</t>
  </si>
  <si>
    <t>buurt_gegeneraliseerd_2021.9d2fbaf6-a179-4e58-a8c3-07601b4ec277</t>
  </si>
  <si>
    <t>BU03450110</t>
  </si>
  <si>
    <t>2021BU03450110</t>
  </si>
  <si>
    <t>Dragonder Noord</t>
  </si>
  <si>
    <t>buurt_gegeneraliseerd_2021.a0190385-cd00-432e-9b81-de4c60cb0b75</t>
  </si>
  <si>
    <t>BU03450111</t>
  </si>
  <si>
    <t>2021BU03450111</t>
  </si>
  <si>
    <t>Dragonder Zuid</t>
  </si>
  <si>
    <t>buurt_gegeneraliseerd_2021.e68dc3c7-9f3f-4a10-a57a-618653dae2a7</t>
  </si>
  <si>
    <t>BU03450112</t>
  </si>
  <si>
    <t>2021BU03450112</t>
  </si>
  <si>
    <t>De Compagnie Oost</t>
  </si>
  <si>
    <t>buurt_gegeneraliseerd_2021.e324a397-2b52-4933-a657-c0603c84dd98</t>
  </si>
  <si>
    <t>BU03450113</t>
  </si>
  <si>
    <t>2021BU03450113</t>
  </si>
  <si>
    <t>Spitsbergen</t>
  </si>
  <si>
    <t>buurt_gegeneraliseerd_2021.6913d36a-353d-47c2-9690-1fa7134ce1e9</t>
  </si>
  <si>
    <t>BU03450114</t>
  </si>
  <si>
    <t>2021BU03450114</t>
  </si>
  <si>
    <t>Dragonder Oost</t>
  </si>
  <si>
    <t>buurt_gegeneraliseerd_2021.beee6406-459f-439b-8c4f-66dd0c9b06ab</t>
  </si>
  <si>
    <t>BU03450116</t>
  </si>
  <si>
    <t>2021BU03450116</t>
  </si>
  <si>
    <t>Groenpoort</t>
  </si>
  <si>
    <t>buurt_gegeneraliseerd_2021.52a03cb5-5b2c-4886-816d-fefa7bcd20db</t>
  </si>
  <si>
    <t>BU03450117</t>
  </si>
  <si>
    <t>2021BU03450117</t>
  </si>
  <si>
    <t>Buurtstede</t>
  </si>
  <si>
    <t>buurt_gegeneraliseerd_2021.4fc47c39-bb26-4a19-892d-51203c84ba6f</t>
  </si>
  <si>
    <t>BU03450118</t>
  </si>
  <si>
    <t>2021BU03450118</t>
  </si>
  <si>
    <t>Veenderij</t>
  </si>
  <si>
    <t>buurt_gegeneraliseerd_2021.d1170165-e0ac-4172-9c0f-d9d03b88f3a9</t>
  </si>
  <si>
    <t>BU03450220</t>
  </si>
  <si>
    <t>2021BU03450220</t>
  </si>
  <si>
    <t>Engelenburg</t>
  </si>
  <si>
    <t>buurt_gegeneraliseerd_2021.91432b77-3c51-4be9-aa2e-a27acb440810</t>
  </si>
  <si>
    <t>BU03450221</t>
  </si>
  <si>
    <t>2021BU03450221</t>
  </si>
  <si>
    <t>Het Ambacht</t>
  </si>
  <si>
    <t>buurt_gegeneraliseerd_2021.4cb7c9bf-16a9-4763-b4c8-efdd4f93cb7b</t>
  </si>
  <si>
    <t>BU03450222</t>
  </si>
  <si>
    <t>2021BU03450222</t>
  </si>
  <si>
    <t>Gezonken Hoek</t>
  </si>
  <si>
    <t>buurt_gegeneraliseerd_2021.bd430890-de51-48ab-99bc-f5341fb878aa</t>
  </si>
  <si>
    <t>BU03450223</t>
  </si>
  <si>
    <t>2021BU03450223</t>
  </si>
  <si>
    <t>Petenbos</t>
  </si>
  <si>
    <t>buurt_gegeneraliseerd_2021.cc97c85d-1ac6-449c-b2ad-1b8feba04c05</t>
  </si>
  <si>
    <t>BU03450224</t>
  </si>
  <si>
    <t>2021BU03450224</t>
  </si>
  <si>
    <t>Petenbos Oost</t>
  </si>
  <si>
    <t>buurt_gegeneraliseerd_2021.845260d5-c3ee-480f-8856-eb6d617311a8</t>
  </si>
  <si>
    <t>BU03450225</t>
  </si>
  <si>
    <t>2021BU03450225</t>
  </si>
  <si>
    <t>Nijverkamp</t>
  </si>
  <si>
    <t>buurt_gegeneraliseerd_2021.f67f1973-6b32-49bc-87e7-6d604c7c69e5</t>
  </si>
  <si>
    <t>BU03450226</t>
  </si>
  <si>
    <t>2021BU03450226</t>
  </si>
  <si>
    <t>De Groene Velden</t>
  </si>
  <si>
    <t>buurt_gegeneraliseerd_2021.fe77c8f5-fc22-4fb5-b6a7-b9af9d94de04</t>
  </si>
  <si>
    <t>BU03450227</t>
  </si>
  <si>
    <t>2021BU03450227</t>
  </si>
  <si>
    <t>De Blauwe Hel</t>
  </si>
  <si>
    <t>buurt_gegeneraliseerd_2021.dd29fbd1-8a9f-46f9-a755-9979c7afa9e8</t>
  </si>
  <si>
    <t>BU03450228</t>
  </si>
  <si>
    <t>2021BU03450228</t>
  </si>
  <si>
    <t>buurt_gegeneraliseerd_2021.c9346d8f-27b9-4731-947c-2f61b06db22f</t>
  </si>
  <si>
    <t>BU03450330</t>
  </si>
  <si>
    <t>2021BU03450330</t>
  </si>
  <si>
    <t>Stationswijk</t>
  </si>
  <si>
    <t>buurt_gegeneraliseerd_2021.7b58211e-f29e-40b7-8c25-f6fa02713ebc</t>
  </si>
  <si>
    <t>BU03450331</t>
  </si>
  <si>
    <t>2021BU03450331</t>
  </si>
  <si>
    <t>Franse Gat</t>
  </si>
  <si>
    <t>buurt_gegeneraliseerd_2021.2b2ae2a0-720d-4502-bcef-d15f6c994e5f</t>
  </si>
  <si>
    <t>BU03450332</t>
  </si>
  <si>
    <t>2021BU03450332</t>
  </si>
  <si>
    <t>Salamander</t>
  </si>
  <si>
    <t>buurt_gegeneraliseerd_2021.85d2be10-ed15-420d-a441-413a46cd301d</t>
  </si>
  <si>
    <t>BU03450440</t>
  </si>
  <si>
    <t>2021BU03450440</t>
  </si>
  <si>
    <t>Molenbrug</t>
  </si>
  <si>
    <t>buurt_gegeneraliseerd_2021.6b28194c-9a79-4c41-88e3-d1182d0a8271</t>
  </si>
  <si>
    <t>BU03450441</t>
  </si>
  <si>
    <t>2021BU03450441</t>
  </si>
  <si>
    <t>'t Hoorntje</t>
  </si>
  <si>
    <t>buurt_gegeneraliseerd_2021.d272aee4-5169-4ee6-8f87-aa1409fa2b05</t>
  </si>
  <si>
    <t>BU03450442</t>
  </si>
  <si>
    <t>2021BU03450442</t>
  </si>
  <si>
    <t>buurt_gegeneraliseerd_2021.5392d962-ccca-42bd-b742-7d09cb9a6a1d</t>
  </si>
  <si>
    <t>BU03450443</t>
  </si>
  <si>
    <t>2021BU03450443</t>
  </si>
  <si>
    <t>Gelderse Blom</t>
  </si>
  <si>
    <t>buurt_gegeneraliseerd_2021.8ea37620-5cd0-4f69-b6df-908cdcb158d8</t>
  </si>
  <si>
    <t>BU03450444</t>
  </si>
  <si>
    <t>2021BU03450444</t>
  </si>
  <si>
    <t>De Compagnie</t>
  </si>
  <si>
    <t>buurt_gegeneraliseerd_2021.8f23dd1c-627e-409c-b792-f371c3e71e11</t>
  </si>
  <si>
    <t>BU03450445</t>
  </si>
  <si>
    <t>2021BU03450445</t>
  </si>
  <si>
    <t>De Batterijen</t>
  </si>
  <si>
    <t>buurt_gegeneraliseerd_2021.67cec46c-a906-4501-b47b-1126fb7e59fb</t>
  </si>
  <si>
    <t>BU03450550</t>
  </si>
  <si>
    <t>2021BU03450550</t>
  </si>
  <si>
    <t>Pioniersbuurt</t>
  </si>
  <si>
    <t>buurt_gegeneraliseerd_2021.4a1580ce-efb6-40d5-b53d-f8e34b3c15e7</t>
  </si>
  <si>
    <t>BU03450551</t>
  </si>
  <si>
    <t>2021BU03450551</t>
  </si>
  <si>
    <t>buurt_gegeneraliseerd_2021.a1d54602-3471-49a4-a3ed-eb61d3ca0486</t>
  </si>
  <si>
    <t>BU03450552</t>
  </si>
  <si>
    <t>2021BU03450552</t>
  </si>
  <si>
    <t>buurt_gegeneraliseerd_2021.a52af0cc-b1cb-4e6f-a602-0cedcecaf94f</t>
  </si>
  <si>
    <t>BU03450553</t>
  </si>
  <si>
    <t>2021BU03450553</t>
  </si>
  <si>
    <t>buurt_gegeneraliseerd_2021.8ae67c97-9d77-43f2-a7b7-37d75a6d28dc</t>
  </si>
  <si>
    <t>BU03450554</t>
  </si>
  <si>
    <t>2021BU03450554</t>
  </si>
  <si>
    <t>buurt_gegeneraliseerd_2021.b5e8a2ae-35f7-4f6f-90b2-23a0ce3582af</t>
  </si>
  <si>
    <t>BU03450555</t>
  </si>
  <si>
    <t>2021BU03450555</t>
  </si>
  <si>
    <t>De Faktorij en De Vendel</t>
  </si>
  <si>
    <t>buurt_gegeneraliseerd_2021.2c0e5577-c9ee-4df4-808c-0aa9f99191c8</t>
  </si>
  <si>
    <t>BU03450556</t>
  </si>
  <si>
    <t>2021BU03450556</t>
  </si>
  <si>
    <t>buurt_gegeneraliseerd_2021.42421c93-06e3-4744-a358-35ace869a4a3</t>
  </si>
  <si>
    <t>BU03450557</t>
  </si>
  <si>
    <t>2021BU03450557</t>
  </si>
  <si>
    <t>Hondzenelleboog</t>
  </si>
  <si>
    <t>buurt_gegeneraliseerd_2021.e5767c59-68e0-4974-b5d3-814a4d8dac7b</t>
  </si>
  <si>
    <t>BU15810000</t>
  </si>
  <si>
    <t>2021BU15810000</t>
  </si>
  <si>
    <t>Doorn-Centrum</t>
  </si>
  <si>
    <t>GM1581</t>
  </si>
  <si>
    <t>buurt_gegeneraliseerd_2021.ed3bf973-15cc-4969-ab86-4f9e3c155eca</t>
  </si>
  <si>
    <t>BU15810001</t>
  </si>
  <si>
    <t>2021BU15810001</t>
  </si>
  <si>
    <t>Doorn - Boswijk</t>
  </si>
  <si>
    <t>buurt_gegeneraliseerd_2021.1c6a309b-9987-4c93-a511-652043779a3d</t>
  </si>
  <si>
    <t>BU15810002</t>
  </si>
  <si>
    <t>2021BU15810002</t>
  </si>
  <si>
    <t>Doorn-Noordwest</t>
  </si>
  <si>
    <t>buurt_gegeneraliseerd_2021.0b4ad9b9-d6d4-4403-baf3-369daad2592c</t>
  </si>
  <si>
    <t>BU15810003</t>
  </si>
  <si>
    <t>2021BU15810003</t>
  </si>
  <si>
    <t>Doorn-Zuid</t>
  </si>
  <si>
    <t>buurt_gegeneraliseerd_2021.a02005df-6850-4a7e-ab73-2253e30c3a44</t>
  </si>
  <si>
    <t>BU15810004</t>
  </si>
  <si>
    <t>2021BU15810004</t>
  </si>
  <si>
    <t>Doorn-Zuidoost</t>
  </si>
  <si>
    <t>buurt_gegeneraliseerd_2021.e9b751ed-6368-4b0a-87da-c163735793ee</t>
  </si>
  <si>
    <t>BU15810007</t>
  </si>
  <si>
    <t>2021BU15810007</t>
  </si>
  <si>
    <t>Doorn - Kaapse Bossen</t>
  </si>
  <si>
    <t>buurt_gegeneraliseerd_2021.7f66fc69-3c5f-4689-b94d-683791a29a2e</t>
  </si>
  <si>
    <t>BU15810008</t>
  </si>
  <si>
    <t>2021BU15810008</t>
  </si>
  <si>
    <t>Doorn - Hydepark-Moleneind</t>
  </si>
  <si>
    <t>buurt_gegeneraliseerd_2021.ceb41d9a-84ac-450e-95a5-fb96d579f7ab</t>
  </si>
  <si>
    <t>BU15810009</t>
  </si>
  <si>
    <t>2021BU15810009</t>
  </si>
  <si>
    <t>Doorn - Moersbergen-Tuilland</t>
  </si>
  <si>
    <t>buurt_gegeneraliseerd_2021.08bd0abe-8426-4914-b045-145364ae0f8e</t>
  </si>
  <si>
    <t>BU15810101</t>
  </si>
  <si>
    <t>2021BU15810101</t>
  </si>
  <si>
    <t>Driebergen - Heidestein-Bornia-Noordhout</t>
  </si>
  <si>
    <t>buurt_gegeneraliseerd_2021.cbdca295-b68e-4fa6-8430-0fa743ad1790</t>
  </si>
  <si>
    <t>BU15810102</t>
  </si>
  <si>
    <t>2021BU15810102</t>
  </si>
  <si>
    <t>Driebergerbroek-Sterkenburg</t>
  </si>
  <si>
    <t>buurt_gegeneraliseerd_2021.14ebdf07-4660-49ef-90de-42e926cdf639</t>
  </si>
  <si>
    <t>BU15810103</t>
  </si>
  <si>
    <t>2021BU15810103</t>
  </si>
  <si>
    <t>Driebergen-Noord</t>
  </si>
  <si>
    <t>buurt_gegeneraliseerd_2021.ae3d7219-c7ae-42ca-af99-64547ccd79c5</t>
  </si>
  <si>
    <t>BU15810104</t>
  </si>
  <si>
    <t>2021BU15810104</t>
  </si>
  <si>
    <t>Driebergen - Stationsgebied</t>
  </si>
  <si>
    <t>buurt_gegeneraliseerd_2021.08bffb8f-e6bc-4570-810f-dcf58caaedca</t>
  </si>
  <si>
    <t>BU15810105</t>
  </si>
  <si>
    <t>2021BU15810105</t>
  </si>
  <si>
    <t>Driebergen-Noordwest</t>
  </si>
  <si>
    <t>buurt_gegeneraliseerd_2021.ab7f819a-7039-43ab-a1da-5b3b2b39874e</t>
  </si>
  <si>
    <t>BU15810106</t>
  </si>
  <si>
    <t>2021BU15810106</t>
  </si>
  <si>
    <t>Driebergen-Centrum</t>
  </si>
  <si>
    <t>buurt_gegeneraliseerd_2021.901cfa89-fbb8-4d31-8270-0b253c05c3f7</t>
  </si>
  <si>
    <t>BU15810107</t>
  </si>
  <si>
    <t>2021BU15810107</t>
  </si>
  <si>
    <t>Driebergen-West</t>
  </si>
  <si>
    <t>buurt_gegeneraliseerd_2021.eb69b956-d9a7-4ed9-a2ee-3b3ce1031596</t>
  </si>
  <si>
    <t>BU15810108</t>
  </si>
  <si>
    <t>2021BU15810108</t>
  </si>
  <si>
    <t>Driebergen-Zuidwest</t>
  </si>
  <si>
    <t>buurt_gegeneraliseerd_2021.af387d70-0380-4529-beb8-7689f9186a71</t>
  </si>
  <si>
    <t>BU15810109</t>
  </si>
  <si>
    <t>2021BU15810109</t>
  </si>
  <si>
    <t>Driebergen-Oost en Zuid</t>
  </si>
  <si>
    <t>buurt_gegeneraliseerd_2021.dfbab644-7a39-46ad-9508-db4635ed2173</t>
  </si>
  <si>
    <t>BU15810110</t>
  </si>
  <si>
    <t>2021BU15810110</t>
  </si>
  <si>
    <t>Driebergen - De Horst-De Akker</t>
  </si>
  <si>
    <t>buurt_gegeneraliseerd_2021.8846d075-c87a-4b8b-8328-0b2e8cf30554</t>
  </si>
  <si>
    <t>BU15810200</t>
  </si>
  <si>
    <t>2021BU15810200</t>
  </si>
  <si>
    <t>Leersum-Dorp</t>
  </si>
  <si>
    <t>buurt_gegeneraliseerd_2021.ac623b92-251f-4415-861a-5675ec2fe023</t>
  </si>
  <si>
    <t>BU15810201</t>
  </si>
  <si>
    <t>2021BU15810201</t>
  </si>
  <si>
    <t>Leersum - Maarsbergseweg</t>
  </si>
  <si>
    <t>buurt_gegeneraliseerd_2021.96710d4d-46e4-49b1-b75a-0bdbdd50d264</t>
  </si>
  <si>
    <t>BU15810206</t>
  </si>
  <si>
    <t>2021BU15810206</t>
  </si>
  <si>
    <t>Leersum - Hoogstraat</t>
  </si>
  <si>
    <t>buurt_gegeneraliseerd_2021.36595f3d-8f9a-4d21-8dba-b14d8b3fc97f</t>
  </si>
  <si>
    <t>BU15810207</t>
  </si>
  <si>
    <t>2021BU15810207</t>
  </si>
  <si>
    <t>Leersum - Darthuizen-Zuylestein</t>
  </si>
  <si>
    <t>buurt_gegeneraliseerd_2021.2d9dadbd-e22a-4bbb-bb50-fc5345988371</t>
  </si>
  <si>
    <t>BU15810208</t>
  </si>
  <si>
    <t>2021BU15810208</t>
  </si>
  <si>
    <t>Leersumse Veld-De Kop</t>
  </si>
  <si>
    <t>buurt_gegeneraliseerd_2021.f3d5bb70-76eb-4259-acfe-41af56904700</t>
  </si>
  <si>
    <t>BU15810209</t>
  </si>
  <si>
    <t>2021BU15810209</t>
  </si>
  <si>
    <t>Leersum - Ginkel</t>
  </si>
  <si>
    <t>buurt_gegeneraliseerd_2021.b29557eb-748a-4864-8aba-5cef9036fc8e</t>
  </si>
  <si>
    <t>BU15810300</t>
  </si>
  <si>
    <t>2021BU15810300</t>
  </si>
  <si>
    <t>Amerongen-Dorp</t>
  </si>
  <si>
    <t>buurt_gegeneraliseerd_2021.3090561e-03b2-48d9-83b4-4969bd8f99b8</t>
  </si>
  <si>
    <t>BU15810302</t>
  </si>
  <si>
    <t>2021BU15810302</t>
  </si>
  <si>
    <t>Overberg</t>
  </si>
  <si>
    <t>buurt_gegeneraliseerd_2021.358cc0a7-263b-4d8c-9701-52ab52752da7</t>
  </si>
  <si>
    <t>BU15810308</t>
  </si>
  <si>
    <t>2021BU15810308</t>
  </si>
  <si>
    <t>Amerongse Berg</t>
  </si>
  <si>
    <t>buurt_gegeneraliseerd_2021.9a871cc3-aa97-4214-ba3a-dc37923df010</t>
  </si>
  <si>
    <t>BU15810309</t>
  </si>
  <si>
    <t>2021BU15810309</t>
  </si>
  <si>
    <t>Ameronger Bovenpolder-uiterwaarden</t>
  </si>
  <si>
    <t>buurt_gegeneraliseerd_2021.2c376bcc-d3d1-41a9-9b7d-9bba3fe024a5</t>
  </si>
  <si>
    <t>BU15810400</t>
  </si>
  <si>
    <t>2021BU15810400</t>
  </si>
  <si>
    <t>Maarn-Dorp</t>
  </si>
  <si>
    <t>buurt_gegeneraliseerd_2021.b240532d-7e85-414c-9064-9dfe12cbb7fc</t>
  </si>
  <si>
    <t>BU15810402</t>
  </si>
  <si>
    <t>2021BU15810402</t>
  </si>
  <si>
    <t>Maarsbergen-Dorp</t>
  </si>
  <si>
    <t>buurt_gegeneraliseerd_2021.13cab714-da17-4d08-abf2-1efc1911c413</t>
  </si>
  <si>
    <t>BU15810403</t>
  </si>
  <si>
    <t>2021BU15810403</t>
  </si>
  <si>
    <t>Maarsbergen-Valkenheide</t>
  </si>
  <si>
    <t>buurt_gegeneraliseerd_2021.ae12a7e1-e051-47b7-bcc3-81ee13806803</t>
  </si>
  <si>
    <t>BU15810408</t>
  </si>
  <si>
    <t>2021BU15810408</t>
  </si>
  <si>
    <t>Maarn - Maarsbergen - Bosgebied</t>
  </si>
  <si>
    <t>buurt_gegeneraliseerd_2021.cafc5f95-dc81-4131-bd7b-27c3c4c6be32</t>
  </si>
  <si>
    <t>BU15810409</t>
  </si>
  <si>
    <t>2021BU15810409</t>
  </si>
  <si>
    <t>Maarsbergen - De Meent</t>
  </si>
  <si>
    <t>buurt_gegeneraliseerd_2021.a99d5cad-1542-4ac2-94ab-7695111daec6</t>
  </si>
  <si>
    <t>BU05750000</t>
  </si>
  <si>
    <t>2021BU05750000</t>
  </si>
  <si>
    <t>GM0575</t>
  </si>
  <si>
    <t>buurt_gegeneraliseerd_2021.4436c3d0-96e4-4299-b372-558e4f058b0e</t>
  </si>
  <si>
    <t>BU05750001</t>
  </si>
  <si>
    <t>2021BU05750001</t>
  </si>
  <si>
    <t>Boulevard</t>
  </si>
  <si>
    <t>buurt_gegeneraliseerd_2021.f8cd9ff9-1a93-45c2-9b5b-03c694c87267</t>
  </si>
  <si>
    <t>BU05750002</t>
  </si>
  <si>
    <t>2021BU05750002</t>
  </si>
  <si>
    <t>Kern Zee</t>
  </si>
  <si>
    <t>buurt_gegeneraliseerd_2021.4f690675-49fd-4532-a785-4f07eed84fdd</t>
  </si>
  <si>
    <t>BU05750003</t>
  </si>
  <si>
    <t>2021BU05750003</t>
  </si>
  <si>
    <t>Dobbelmannduin</t>
  </si>
  <si>
    <t>buurt_gegeneraliseerd_2021.da979ec0-d995-49e4-af0d-1fe4e0b5ab48</t>
  </si>
  <si>
    <t>BU05750004</t>
  </si>
  <si>
    <t>2021BU05750004</t>
  </si>
  <si>
    <t>buurt_gegeneraliseerd_2021.965b4ad6-7b5d-4b17-af81-c87668ab293f</t>
  </si>
  <si>
    <t>BU05750005</t>
  </si>
  <si>
    <t>2021BU05750005</t>
  </si>
  <si>
    <t>Auteursbuurt</t>
  </si>
  <si>
    <t>buurt_gegeneraliseerd_2021.c394da5b-cc2a-461e-919f-46f79334f390</t>
  </si>
  <si>
    <t>BU05750006</t>
  </si>
  <si>
    <t>2021BU05750006</t>
  </si>
  <si>
    <t>buurt_gegeneraliseerd_2021.f3c67fca-8775-4438-b697-0c6eecaaf0c3</t>
  </si>
  <si>
    <t>BU05750007</t>
  </si>
  <si>
    <t>2021BU05750007</t>
  </si>
  <si>
    <t>Duinpark</t>
  </si>
  <si>
    <t>buurt_gegeneraliseerd_2021.bf53a5a6-0263-4452-be63-99486ced4be3</t>
  </si>
  <si>
    <t>BU05750100</t>
  </si>
  <si>
    <t>2021BU05750100</t>
  </si>
  <si>
    <t>Middengebied Zuid</t>
  </si>
  <si>
    <t>buurt_gegeneraliseerd_2021.460f3f1c-1797-4e70-bab4-bdb13fb5e514</t>
  </si>
  <si>
    <t>BU05750101</t>
  </si>
  <si>
    <t>2021BU05750101</t>
  </si>
  <si>
    <t>Middengebied Midden</t>
  </si>
  <si>
    <t>buurt_gegeneraliseerd_2021.4ac7ebd3-156e-41f2-a5da-a17a1f6e9616</t>
  </si>
  <si>
    <t>BU05750102</t>
  </si>
  <si>
    <t>2021BU05750102</t>
  </si>
  <si>
    <t>Middengebied Noord</t>
  </si>
  <si>
    <t>buurt_gegeneraliseerd_2021.9ffed78c-1c90-4f5b-a665-e49d136bc435</t>
  </si>
  <si>
    <t>BU05750103</t>
  </si>
  <si>
    <t>2021BU05750103</t>
  </si>
  <si>
    <t>buurt_gegeneraliseerd_2021.8360122d-81e3-4dcf-9074-54bc075f9440</t>
  </si>
  <si>
    <t>BU05750104</t>
  </si>
  <si>
    <t>2021BU05750104</t>
  </si>
  <si>
    <t>Vinkeveld Noord</t>
  </si>
  <si>
    <t>buurt_gegeneraliseerd_2021.013117e7-3a3b-4e02-9d8e-327ed322fb86</t>
  </si>
  <si>
    <t>BU05750105</t>
  </si>
  <si>
    <t>2021BU05750105</t>
  </si>
  <si>
    <t>Vinkeveld Zuid</t>
  </si>
  <si>
    <t>buurt_gegeneraliseerd_2021.6ef354d1-e0ee-40d9-9ddf-bc45adc17a2f</t>
  </si>
  <si>
    <t>BU05750106</t>
  </si>
  <si>
    <t>2021BU05750106</t>
  </si>
  <si>
    <t>Beeklaankwartier</t>
  </si>
  <si>
    <t>buurt_gegeneraliseerd_2021.bb934176-826f-4e2b-a05b-9b11a6f09d70</t>
  </si>
  <si>
    <t>BU05750107</t>
  </si>
  <si>
    <t>2021BU05750107</t>
  </si>
  <si>
    <t>Kern Binnen Zuid</t>
  </si>
  <si>
    <t>buurt_gegeneraliseerd_2021.c37678fe-b5eb-4906-89ed-225dd3f073cd</t>
  </si>
  <si>
    <t>BU05750108</t>
  </si>
  <si>
    <t>2021BU05750108</t>
  </si>
  <si>
    <t>Kern Binnen Noord</t>
  </si>
  <si>
    <t>buurt_gegeneraliseerd_2021.73e62506-e1ab-4b52-9456-9afffddceb59</t>
  </si>
  <si>
    <t>BU05750109</t>
  </si>
  <si>
    <t>2021BU05750109</t>
  </si>
  <si>
    <t>Calorama</t>
  </si>
  <si>
    <t>buurt_gegeneraliseerd_2021.c9ce1d8a-5fe8-42e1-b1fe-1e6fbc7f4c40</t>
  </si>
  <si>
    <t>BU05750110</t>
  </si>
  <si>
    <t>2021BU05750110</t>
  </si>
  <si>
    <t>Boerenburg West</t>
  </si>
  <si>
    <t>buurt_gegeneraliseerd_2021.02759200-46cd-471f-a0f3-1343e60003ab</t>
  </si>
  <si>
    <t>BU05750111</t>
  </si>
  <si>
    <t>2021BU05750111</t>
  </si>
  <si>
    <t>Boerenburg Oost</t>
  </si>
  <si>
    <t>buurt_gegeneraliseerd_2021.db3e2e05-430a-4981-8804-5db1ad6d9b44</t>
  </si>
  <si>
    <t>BU05750112</t>
  </si>
  <si>
    <t>2021BU05750112</t>
  </si>
  <si>
    <t>Offem</t>
  </si>
  <si>
    <t>buurt_gegeneraliseerd_2021.85a5a3b0-b9f2-4a97-91f9-d1d19e658065</t>
  </si>
  <si>
    <t>BU05750113</t>
  </si>
  <si>
    <t>2021BU05750113</t>
  </si>
  <si>
    <t>Boechorst</t>
  </si>
  <si>
    <t>buurt_gegeneraliseerd_2021.3bf17ada-d321-4833-8718-feffa8916179</t>
  </si>
  <si>
    <t>BU05750200</t>
  </si>
  <si>
    <t>2021BU05750200</t>
  </si>
  <si>
    <t>Noordwijkerduin</t>
  </si>
  <si>
    <t>buurt_gegeneraliseerd_2021.63036175-7ffe-40a5-8159-e98bbda7b8e8</t>
  </si>
  <si>
    <t>BU05750201</t>
  </si>
  <si>
    <t>2021BU05750201</t>
  </si>
  <si>
    <t>Space Campus / 's-Gravendijck</t>
  </si>
  <si>
    <t>buurt_gegeneraliseerd_2021.56ff0589-0645-44b6-80c6-94267fe23bfe</t>
  </si>
  <si>
    <t>BU05750202</t>
  </si>
  <si>
    <t>2021BU05750202</t>
  </si>
  <si>
    <t>Klei-Oost</t>
  </si>
  <si>
    <t>buurt_gegeneraliseerd_2021.3cb686a8-1683-4a64-a3ba-c0d50a9ba029</t>
  </si>
  <si>
    <t>BU05750203</t>
  </si>
  <si>
    <t>2021BU05750203</t>
  </si>
  <si>
    <t>Buitengebied Noordwijk Zuid</t>
  </si>
  <si>
    <t>buurt_gegeneraliseerd_2021.8660a9b1-f6e1-485f-aaa5-fb19ee6e7669</t>
  </si>
  <si>
    <t>BU05750204</t>
  </si>
  <si>
    <t>2021BU05750204</t>
  </si>
  <si>
    <t>Buitengebied Noordwijk Noord</t>
  </si>
  <si>
    <t>buurt_gegeneraliseerd_2021.b2c948a9-723b-4ab0-8d40-1c5766906e9e</t>
  </si>
  <si>
    <t>BU05750205</t>
  </si>
  <si>
    <t>2021BU05750205</t>
  </si>
  <si>
    <t>Sancta Maria Noordwijk</t>
  </si>
  <si>
    <t>buurt_gegeneraliseerd_2021.fb3d5c2a-cff9-4c19-bc7f-8245e4ef4497</t>
  </si>
  <si>
    <t>BU05750300</t>
  </si>
  <si>
    <t>2021BU05750300</t>
  </si>
  <si>
    <t>Zeeburg</t>
  </si>
  <si>
    <t>buurt_gegeneraliseerd_2021.d4cf02f6-d825-4f18-bc33-909d40402cc2</t>
  </si>
  <si>
    <t>BU05750301</t>
  </si>
  <si>
    <t>2021BU05750301</t>
  </si>
  <si>
    <t>In den Houte</t>
  </si>
  <si>
    <t>buurt_gegeneraliseerd_2021.0a0a11b9-361d-417c-963a-01c1499e730e</t>
  </si>
  <si>
    <t>BU05750302</t>
  </si>
  <si>
    <t>2021BU05750302</t>
  </si>
  <si>
    <t>Boekhorst</t>
  </si>
  <si>
    <t>buurt_gegeneraliseerd_2021.3838ed53-973b-4942-8e00-5abb581d9b8a</t>
  </si>
  <si>
    <t>BU05750303</t>
  </si>
  <si>
    <t>2021BU05750303</t>
  </si>
  <si>
    <t>buurt_gegeneraliseerd_2021.569f49be-3bac-4142-963d-a5605228c2f2</t>
  </si>
  <si>
    <t>BU05750304</t>
  </si>
  <si>
    <t>2021BU05750304</t>
  </si>
  <si>
    <t>Noordwijkerhout Centrum</t>
  </si>
  <si>
    <t>buurt_gegeneraliseerd_2021.6ef2938d-c966-42f4-963f-d387fb45ecca</t>
  </si>
  <si>
    <t>BU05750305</t>
  </si>
  <si>
    <t>2021BU05750305</t>
  </si>
  <si>
    <t>Victor Zuid</t>
  </si>
  <si>
    <t>buurt_gegeneraliseerd_2021.2a6dd690-5f3d-45d1-b957-dbf246ac03ec</t>
  </si>
  <si>
    <t>BU05750306</t>
  </si>
  <si>
    <t>2021BU05750306</t>
  </si>
  <si>
    <t>Victor Midden</t>
  </si>
  <si>
    <t>buurt_gegeneraliseerd_2021.94d0b0a4-be0a-4120-845d-ea7a4710b204</t>
  </si>
  <si>
    <t>BU05750307</t>
  </si>
  <si>
    <t>2021BU05750307</t>
  </si>
  <si>
    <t>Victor Noord</t>
  </si>
  <si>
    <t>buurt_gegeneraliseerd_2021.e64cffa4-8d28-4ac0-9f3a-17dbe8017413</t>
  </si>
  <si>
    <t>BU05750308</t>
  </si>
  <si>
    <t>2021BU05750308</t>
  </si>
  <si>
    <t>Mossenest Zuid</t>
  </si>
  <si>
    <t>buurt_gegeneraliseerd_2021.f21a24eb-eafe-415f-a39b-3fbf9fba9aea</t>
  </si>
  <si>
    <t>BU05750309</t>
  </si>
  <si>
    <t>2021BU05750309</t>
  </si>
  <si>
    <t>Mossenest Noord</t>
  </si>
  <si>
    <t>buurt_gegeneraliseerd_2021.d7c9737c-6fc2-41be-9e5e-9ff3a23a8d8b</t>
  </si>
  <si>
    <t>BU05750310</t>
  </si>
  <si>
    <t>2021BU05750310</t>
  </si>
  <si>
    <t>Gravendam</t>
  </si>
  <si>
    <t>buurt_gegeneraliseerd_2021.892ffb16-4f6a-4ed4-a0b9-1c1c73cb455b</t>
  </si>
  <si>
    <t>BU05750400</t>
  </si>
  <si>
    <t>2021BU05750400</t>
  </si>
  <si>
    <t>Delfweg</t>
  </si>
  <si>
    <t>buurt_gegeneraliseerd_2021.037e0156-ee30-4021-a681-cba9734940d7</t>
  </si>
  <si>
    <t>BU05750401</t>
  </si>
  <si>
    <t>2021BU05750401</t>
  </si>
  <si>
    <t>Buitengebied Noordwijkerhout</t>
  </si>
  <si>
    <t>buurt_gegeneraliseerd_2021.447a8434-ebe5-4cfa-9fcf-8a97ca6045c8</t>
  </si>
  <si>
    <t>BU05750402</t>
  </si>
  <si>
    <t>2021BU05750402</t>
  </si>
  <si>
    <t>Sancta Maria Noordwijkerhout</t>
  </si>
  <si>
    <t>buurt_gegeneraliseerd_2021.05b8775d-9e67-4554-a901-87468f5991c2</t>
  </si>
  <si>
    <t>BU05750500</t>
  </si>
  <si>
    <t>2021BU05750500</t>
  </si>
  <si>
    <t>De Zilk</t>
  </si>
  <si>
    <t>buurt_gegeneraliseerd_2021.79c2b57f-68c4-46bb-91c9-80e8baf90e23</t>
  </si>
  <si>
    <t>BU05750501</t>
  </si>
  <si>
    <t>2021BU05750501</t>
  </si>
  <si>
    <t>Buitengebied De Zilk</t>
  </si>
  <si>
    <t>buurt_gegeneraliseerd_2021.0415d1fc-8f93-4425-9a20-0ad4980de277</t>
  </si>
  <si>
    <t>BU02160000</t>
  </si>
  <si>
    <t>2021BU02160000</t>
  </si>
  <si>
    <t>GM0216</t>
  </si>
  <si>
    <t>buurt_gegeneraliseerd_2021.e288c4b1-7772-423c-8afa-cbfdec58c484</t>
  </si>
  <si>
    <t>BU02160001</t>
  </si>
  <si>
    <t>2021BU02160001</t>
  </si>
  <si>
    <t>buurt_gegeneraliseerd_2021.f028bf19-b486-4488-9659-1985b3554d8d</t>
  </si>
  <si>
    <t>BU02160002</t>
  </si>
  <si>
    <t>2021BU02160002</t>
  </si>
  <si>
    <t>Bloemen/Oranjebuurt</t>
  </si>
  <si>
    <t>buurt_gegeneraliseerd_2021.65caa653-9f78-4478-99f8-94430cc9835b</t>
  </si>
  <si>
    <t>BU02160003</t>
  </si>
  <si>
    <t>2021BU02160003</t>
  </si>
  <si>
    <t>De Hond</t>
  </si>
  <si>
    <t>buurt_gegeneraliseerd_2021.1a3b5115-2c76-409b-bbee-05edd4b38424</t>
  </si>
  <si>
    <t>BU02160004</t>
  </si>
  <si>
    <t>2021BU02160004</t>
  </si>
  <si>
    <t>Ter Weijde Componistenbuurt</t>
  </si>
  <si>
    <t>buurt_gegeneraliseerd_2021.4f1109a7-4871-4b52-8613-fb8acb335dec</t>
  </si>
  <si>
    <t>BU02160005</t>
  </si>
  <si>
    <t>2021BU02160005</t>
  </si>
  <si>
    <t>Ter Weijde Statenliedenbuurt</t>
  </si>
  <si>
    <t>buurt_gegeneraliseerd_2021.e3a4d136-49b1-4a67-885e-1ae1a00794f1</t>
  </si>
  <si>
    <t>BU02160006</t>
  </si>
  <si>
    <t>2021BU02160006</t>
  </si>
  <si>
    <t>Voorkoop Noord</t>
  </si>
  <si>
    <t>buurt_gegeneraliseerd_2021.551cb9ec-d73c-4ed3-9036-31fea873ce59</t>
  </si>
  <si>
    <t>BU02160007</t>
  </si>
  <si>
    <t>2021BU02160007</t>
  </si>
  <si>
    <t>Voorkoop Zuid</t>
  </si>
  <si>
    <t>buurt_gegeneraliseerd_2021.d1767b01-ad04-42bc-8196-6b2d58cc9c49</t>
  </si>
  <si>
    <t>BU02160008</t>
  </si>
  <si>
    <t>2021BU02160008</t>
  </si>
  <si>
    <t>buurt_gegeneraliseerd_2021.154e9615-e1d6-4d3f-a281-77b4eb9d4f69</t>
  </si>
  <si>
    <t>BU02160009</t>
  </si>
  <si>
    <t>2021BU02160009</t>
  </si>
  <si>
    <t>Lanxmeer</t>
  </si>
  <si>
    <t>buurt_gegeneraliseerd_2021.767fa4a7-d880-4c52-b859-beb948c63ed9</t>
  </si>
  <si>
    <t>BU02160010</t>
  </si>
  <si>
    <t>2021BU02160010</t>
  </si>
  <si>
    <t>Buitengebied Redichem</t>
  </si>
  <si>
    <t>buurt_gegeneraliseerd_2021.d7b329df-1abf-4c2c-831f-e19a643e490c</t>
  </si>
  <si>
    <t>BU02160100</t>
  </si>
  <si>
    <t>2021BU02160100</t>
  </si>
  <si>
    <t>Achter de Poort</t>
  </si>
  <si>
    <t>buurt_gegeneraliseerd_2021.553f9f92-064e-4e27-af45-d3f45885987c</t>
  </si>
  <si>
    <t>BU02160101</t>
  </si>
  <si>
    <t>2021BU02160101</t>
  </si>
  <si>
    <t>Goilberdingen Oost</t>
  </si>
  <si>
    <t>buurt_gegeneraliseerd_2021.6b2a89a7-fbcb-4eab-b222-e85db360a733</t>
  </si>
  <si>
    <t>BU02160102</t>
  </si>
  <si>
    <t>2021BU02160102</t>
  </si>
  <si>
    <t>Goilberdingen West</t>
  </si>
  <si>
    <t>buurt_gegeneraliseerd_2021.f3b5de28-48a6-4a82-b8a7-1cd087692379</t>
  </si>
  <si>
    <t>BU02160103</t>
  </si>
  <si>
    <t>2021BU02160103</t>
  </si>
  <si>
    <t>Parijsch Landzicht</t>
  </si>
  <si>
    <t>buurt_gegeneraliseerd_2021.9dbd8ccc-caaf-41dd-b773-126e8eb98ed5</t>
  </si>
  <si>
    <t>BU02160104</t>
  </si>
  <si>
    <t>2021BU02160104</t>
  </si>
  <si>
    <t>Parijsch Vlinderbuurt</t>
  </si>
  <si>
    <t>buurt_gegeneraliseerd_2021.9e3517e7-b446-4f05-b89b-873ab23f5947</t>
  </si>
  <si>
    <t>BU02160105</t>
  </si>
  <si>
    <t>2021BU02160105</t>
  </si>
  <si>
    <t>Parijsch Lokkershoek</t>
  </si>
  <si>
    <t>buurt_gegeneraliseerd_2021.83d549af-9e3c-4500-8f5b-49ce04d58e58</t>
  </si>
  <si>
    <t>BU02160106</t>
  </si>
  <si>
    <t>2021BU02160106</t>
  </si>
  <si>
    <t>Industrieterrein Pavijen</t>
  </si>
  <si>
    <t>buurt_gegeneraliseerd_2021.1af5e541-a90b-4d3b-afe7-b97ec1e98cd8</t>
  </si>
  <si>
    <t>BU02160107</t>
  </si>
  <si>
    <t>2021BU02160107</t>
  </si>
  <si>
    <t>Buitengebied Waterlinie</t>
  </si>
  <si>
    <t>buurt_gegeneraliseerd_2021.8668814e-0c50-4ccf-97ca-229b3d918e03</t>
  </si>
  <si>
    <t>BU02160108</t>
  </si>
  <si>
    <t>2021BU02160108</t>
  </si>
  <si>
    <t>Buitengebied Vretstrooij</t>
  </si>
  <si>
    <t>buurt_gegeneraliseerd_2021.cfea67d0-8277-4781-bfad-73f459942edd</t>
  </si>
  <si>
    <t>BU03560101</t>
  </si>
  <si>
    <t>2021BU03560101</t>
  </si>
  <si>
    <t>Jutphaas</t>
  </si>
  <si>
    <t>GM0356</t>
  </si>
  <si>
    <t>buurt_gegeneraliseerd_2021.3480e246-0827-4cd8-81da-dbad809eec1c</t>
  </si>
  <si>
    <t>BU03560102</t>
  </si>
  <si>
    <t>2021BU03560102</t>
  </si>
  <si>
    <t>Wijkersloot-Oost</t>
  </si>
  <si>
    <t>buurt_gegeneraliseerd_2021.33c32975-32e0-47a2-9309-e13383fb8f67</t>
  </si>
  <si>
    <t>BU03560103</t>
  </si>
  <si>
    <t>2021BU03560103</t>
  </si>
  <si>
    <t>Wijkersloot-West</t>
  </si>
  <si>
    <t>buurt_gegeneraliseerd_2021.927d46bf-e4f8-498d-9907-4e497fd8170e</t>
  </si>
  <si>
    <t>BU03560201</t>
  </si>
  <si>
    <t>2021BU03560201</t>
  </si>
  <si>
    <t>Zuilenstein-Zuid</t>
  </si>
  <si>
    <t>buurt_gegeneraliseerd_2021.504116c2-100b-499f-93ae-4ff700c8aed5</t>
  </si>
  <si>
    <t>BU03560202</t>
  </si>
  <si>
    <t>2021BU03560202</t>
  </si>
  <si>
    <t>Zuilenstein-Noord</t>
  </si>
  <si>
    <t>buurt_gegeneraliseerd_2021.3f3bbcf3-5440-46fc-bc29-5c962ce8bee1</t>
  </si>
  <si>
    <t>BU03560301</t>
  </si>
  <si>
    <t>2021BU03560301</t>
  </si>
  <si>
    <t>Driften-Zuid</t>
  </si>
  <si>
    <t>buurt_gegeneraliseerd_2021.f4367125-4fbb-4c8f-9281-df632fa5d76f</t>
  </si>
  <si>
    <t>BU03560302</t>
  </si>
  <si>
    <t>2021BU03560302</t>
  </si>
  <si>
    <t>Driften-Noord</t>
  </si>
  <si>
    <t>buurt_gegeneraliseerd_2021.fea780c8-033b-4a3c-bbb6-901e817d2d83</t>
  </si>
  <si>
    <t>BU03560303</t>
  </si>
  <si>
    <t>2021BU03560303</t>
  </si>
  <si>
    <t>buurt_gegeneraliseerd_2021.ef8703ac-bcf7-4d39-9838-7b7a2f92245d</t>
  </si>
  <si>
    <t>BU03560401</t>
  </si>
  <si>
    <t>2021BU03560401</t>
  </si>
  <si>
    <t>Burgen</t>
  </si>
  <si>
    <t>buurt_gegeneraliseerd_2021.95ba3dce-57b8-461f-896a-140b8996f87c</t>
  </si>
  <si>
    <t>BU03560402</t>
  </si>
  <si>
    <t>2021BU03560402</t>
  </si>
  <si>
    <t>Binnenweides</t>
  </si>
  <si>
    <t>buurt_gegeneraliseerd_2021.6287da18-ac78-4e16-a429-71155cabe80d</t>
  </si>
  <si>
    <t>BU03560403</t>
  </si>
  <si>
    <t>2021BU03560403</t>
  </si>
  <si>
    <t>Buitenweides</t>
  </si>
  <si>
    <t>buurt_gegeneraliseerd_2021.b7866b55-c531-44e1-864e-191d153f0a92</t>
  </si>
  <si>
    <t>BU03560501</t>
  </si>
  <si>
    <t>2021BU03560501</t>
  </si>
  <si>
    <t>Doorslag-Noord</t>
  </si>
  <si>
    <t>buurt_gegeneraliseerd_2021.7f298606-be67-4a0f-a499-3ed0545f44c6</t>
  </si>
  <si>
    <t>BU03560502</t>
  </si>
  <si>
    <t>2021BU03560502</t>
  </si>
  <si>
    <t>Doorslag-Oost</t>
  </si>
  <si>
    <t>buurt_gegeneraliseerd_2021.9b29ebee-ac5e-464f-bf38-63b66d5e1785</t>
  </si>
  <si>
    <t>BU03560503</t>
  </si>
  <si>
    <t>2021BU03560503</t>
  </si>
  <si>
    <t>Doorslag-Zuidwest</t>
  </si>
  <si>
    <t>buurt_gegeneraliseerd_2021.2b5df2b8-c8e2-4a04-a29f-72101d2593f4</t>
  </si>
  <si>
    <t>BU03560600</t>
  </si>
  <si>
    <t>2021BU03560600</t>
  </si>
  <si>
    <t>Huis de Geer</t>
  </si>
  <si>
    <t>buurt_gegeneraliseerd_2021.7a85b025-47e3-4e74-98d5-bca22b896c64</t>
  </si>
  <si>
    <t>BU03560700</t>
  </si>
  <si>
    <t>2021BU03560700</t>
  </si>
  <si>
    <t>Blokhoeve</t>
  </si>
  <si>
    <t>buurt_gegeneraliseerd_2021.f3315c39-773a-4f59-94fc-cb697afb2c77</t>
  </si>
  <si>
    <t>BU03560801</t>
  </si>
  <si>
    <t>2021BU03560801</t>
  </si>
  <si>
    <t>buurt_gegeneraliseerd_2021.96b4635c-9a14-43d8-bd27-50bad12bfc2d</t>
  </si>
  <si>
    <t>BU03560802</t>
  </si>
  <si>
    <t>2021BU03560802</t>
  </si>
  <si>
    <t>Hoven-Oost</t>
  </si>
  <si>
    <t>buurt_gegeneraliseerd_2021.eca84657-98e8-4274-a24e-32092f03421d</t>
  </si>
  <si>
    <t>BU03560803</t>
  </si>
  <si>
    <t>2021BU03560803</t>
  </si>
  <si>
    <t>Hoven-West</t>
  </si>
  <si>
    <t>buurt_gegeneraliseerd_2021.43d1132e-bb9f-4620-aa75-120ae528d4a8</t>
  </si>
  <si>
    <t>BU03560804</t>
  </si>
  <si>
    <t>2021BU03560804</t>
  </si>
  <si>
    <t>Galecopperzoom</t>
  </si>
  <si>
    <t>buurt_gegeneraliseerd_2021.6e261b4c-36e3-4a23-95d8-b34660400e99</t>
  </si>
  <si>
    <t>BU03561001</t>
  </si>
  <si>
    <t>2021BU03561001</t>
  </si>
  <si>
    <t>buurt_gegeneraliseerd_2021.5bf4287d-2bd8-4f2f-a212-2124ef7378e4</t>
  </si>
  <si>
    <t>BU03561002</t>
  </si>
  <si>
    <t>2021BU03561002</t>
  </si>
  <si>
    <t>Schansen</t>
  </si>
  <si>
    <t>buurt_gegeneraliseerd_2021.ad2acc69-4e1a-4550-8fbc-78a5a14f4cf7</t>
  </si>
  <si>
    <t>BU03561003</t>
  </si>
  <si>
    <t>2021BU03561003</t>
  </si>
  <si>
    <t>Graven en Gravinnen</t>
  </si>
  <si>
    <t>buurt_gegeneraliseerd_2021.93304a5b-5652-402b-8e32-402aebc9c6c0</t>
  </si>
  <si>
    <t>BU03561101</t>
  </si>
  <si>
    <t>2021BU03561101</t>
  </si>
  <si>
    <t>Hoogzandveld-Oost</t>
  </si>
  <si>
    <t>buurt_gegeneraliseerd_2021.5b3cf777-c2d8-4d95-be4b-8434b46cac42</t>
  </si>
  <si>
    <t>BU03561102</t>
  </si>
  <si>
    <t>2021BU03561102</t>
  </si>
  <si>
    <t>Hoogzandveld-West</t>
  </si>
  <si>
    <t>buurt_gegeneraliseerd_2021.38ca3d6c-48eb-4195-af98-56a975162541</t>
  </si>
  <si>
    <t>BU03561200</t>
  </si>
  <si>
    <t>2021BU03561200</t>
  </si>
  <si>
    <t>Lekboulevard</t>
  </si>
  <si>
    <t>buurt_gegeneraliseerd_2021.dc3053d2-76bc-44a7-bdda-50e44b34497b</t>
  </si>
  <si>
    <t>BU03561301</t>
  </si>
  <si>
    <t>2021BU03561301</t>
  </si>
  <si>
    <t>Vreeswijk</t>
  </si>
  <si>
    <t>buurt_gegeneraliseerd_2021.005b4223-596d-406c-a0b8-c5764e6c9e8b</t>
  </si>
  <si>
    <t>BU03561302</t>
  </si>
  <si>
    <t>2021BU03561302</t>
  </si>
  <si>
    <t>Nieuw Vreeswijk</t>
  </si>
  <si>
    <t>buurt_gegeneraliseerd_2021.46fb25d5-a381-4001-86c4-c1ff0ece8c56</t>
  </si>
  <si>
    <t>BU03561400</t>
  </si>
  <si>
    <t>2021BU03561400</t>
  </si>
  <si>
    <t>Merwestein</t>
  </si>
  <si>
    <t>buurt_gegeneraliseerd_2021.ee6a3587-8559-4502-a401-f704c106f2b7</t>
  </si>
  <si>
    <t>BU03561500</t>
  </si>
  <si>
    <t>2021BU03561500</t>
  </si>
  <si>
    <t>Park Oudegein</t>
  </si>
  <si>
    <t>buurt_gegeneraliseerd_2021.928fd1bd-251b-4ec4-a46c-28a6b65e6d38</t>
  </si>
  <si>
    <t>BU03561600</t>
  </si>
  <si>
    <t>2021BU03561600</t>
  </si>
  <si>
    <t>Zandveld</t>
  </si>
  <si>
    <t>buurt_gegeneraliseerd_2021.d2b2e3af-9279-49bd-af61-4d9f71771dd6</t>
  </si>
  <si>
    <t>BU03561800</t>
  </si>
  <si>
    <t>2021BU03561800</t>
  </si>
  <si>
    <t>Het Klooster</t>
  </si>
  <si>
    <t>buurt_gegeneraliseerd_2021.ed50ea5f-51bf-4536-9965-12d97ca7783b</t>
  </si>
  <si>
    <t>BU03562001</t>
  </si>
  <si>
    <t>2021BU03562001</t>
  </si>
  <si>
    <t>De Liesbosch</t>
  </si>
  <si>
    <t>buurt_gegeneraliseerd_2021.474b09cd-fe4d-4557-b564-ad97a301ec79</t>
  </si>
  <si>
    <t>BU03562002</t>
  </si>
  <si>
    <t>2021BU03562002</t>
  </si>
  <si>
    <t>Buitengebied Laagraven</t>
  </si>
  <si>
    <t>buurt_gegeneraliseerd_2021.7a2f3792-73e4-447e-a6c6-95cce5ba80f1</t>
  </si>
  <si>
    <t>BU03562100</t>
  </si>
  <si>
    <t>2021BU03562100</t>
  </si>
  <si>
    <t>Plettenburg</t>
  </si>
  <si>
    <t>buurt_gegeneraliseerd_2021.133cac11-9e31-4ebd-9adb-31c4c3344c99</t>
  </si>
  <si>
    <t>BU03562200</t>
  </si>
  <si>
    <t>2021BU03562200</t>
  </si>
  <si>
    <t>De Wiers</t>
  </si>
  <si>
    <t>buurt_gegeneraliseerd_2021.728fbe3e-b6ec-4927-b0b3-f9fe1269fd65</t>
  </si>
  <si>
    <t>BU03562300</t>
  </si>
  <si>
    <t>2021BU03562300</t>
  </si>
  <si>
    <t>Hoge Landen</t>
  </si>
  <si>
    <t>buurt_gegeneraliseerd_2021.402d18fc-3dd9-4d05-8d88-c3524509867a</t>
  </si>
  <si>
    <t>BU03562400</t>
  </si>
  <si>
    <t>2021BU03562400</t>
  </si>
  <si>
    <t>buurt_gegeneraliseerd_2021.5398f4b7-7098-45dc-b4aa-84a40c87fbec</t>
  </si>
  <si>
    <t>BU03562500</t>
  </si>
  <si>
    <t>2021BU03562500</t>
  </si>
  <si>
    <t>Rijnhuizen</t>
  </si>
  <si>
    <t>buurt_gegeneraliseerd_2021.44fcd965-7012-4d2d-96b0-da416d25c178</t>
  </si>
  <si>
    <t>BU19610101</t>
  </si>
  <si>
    <t>2021BU19610101</t>
  </si>
  <si>
    <t>Tienhoven aan de Lek kern</t>
  </si>
  <si>
    <t>GM1961</t>
  </si>
  <si>
    <t>buurt_gegeneraliseerd_2021.8f3ddb55-13e7-4dbd-b7d1-08aa9f5e6eaf</t>
  </si>
  <si>
    <t>BU19610201</t>
  </si>
  <si>
    <t>2021BU19610201</t>
  </si>
  <si>
    <t>Tienhoven aan de Lek buitengebied</t>
  </si>
  <si>
    <t>buurt_gegeneraliseerd_2021.36de0880-ecdf-4815-8937-c74745dbf941</t>
  </si>
  <si>
    <t>BU19610202</t>
  </si>
  <si>
    <t>2021BU19610202</t>
  </si>
  <si>
    <t>Hogewaard</t>
  </si>
  <si>
    <t>buurt_gegeneraliseerd_2021.95c9ee4c-622b-405c-9173-32a1d28f7f69</t>
  </si>
  <si>
    <t>BU19610301</t>
  </si>
  <si>
    <t>2021BU19610301</t>
  </si>
  <si>
    <t>Ameide oude kern</t>
  </si>
  <si>
    <t>buurt_gegeneraliseerd_2021.27357a48-c2b4-4dc3-a2a9-62c6717b3607</t>
  </si>
  <si>
    <t>BU19610302</t>
  </si>
  <si>
    <t>2021BU19610302</t>
  </si>
  <si>
    <t>Ameide kern</t>
  </si>
  <si>
    <t>buurt_gegeneraliseerd_2021.baaa235a-f118-4d9e-b9a0-8584c6d6ced2</t>
  </si>
  <si>
    <t>BU19610303</t>
  </si>
  <si>
    <t>2021BU19610303</t>
  </si>
  <si>
    <t>Zouwenveld</t>
  </si>
  <si>
    <t>buurt_gegeneraliseerd_2021.a73d1329-e3f6-490a-b386-c5d88bfa14f3</t>
  </si>
  <si>
    <t>BU19610401</t>
  </si>
  <si>
    <t>2021BU19610401</t>
  </si>
  <si>
    <t>buurt_gegeneraliseerd_2021.bef49c07-74bc-4287-a5eb-d87392dc76cf</t>
  </si>
  <si>
    <t>BU19610402</t>
  </si>
  <si>
    <t>2021BU19610402</t>
  </si>
  <si>
    <t>Ameide buitengebied</t>
  </si>
  <si>
    <t>buurt_gegeneraliseerd_2021.d2539894-f4bd-4216-9367-be11bc3e9e05</t>
  </si>
  <si>
    <t>BU19610403</t>
  </si>
  <si>
    <t>2021BU19610403</t>
  </si>
  <si>
    <t>Sluis buitengebied</t>
  </si>
  <si>
    <t>buurt_gegeneraliseerd_2021.77bf2818-fcca-437c-bc92-527fe7b34161</t>
  </si>
  <si>
    <t>BU19610501</t>
  </si>
  <si>
    <t>2021BU19610501</t>
  </si>
  <si>
    <t>Meerkerk kern</t>
  </si>
  <si>
    <t>buurt_gegeneraliseerd_2021.96b67d6b-685c-4a05-a359-b8ce0ba7d556</t>
  </si>
  <si>
    <t>BU19610502</t>
  </si>
  <si>
    <t>2021BU19610502</t>
  </si>
  <si>
    <t>Meerkerk-Noord</t>
  </si>
  <si>
    <t>buurt_gegeneraliseerd_2021.c6cb0bc2-028a-4d22-86b2-e509dad810ea</t>
  </si>
  <si>
    <t>BU19610503</t>
  </si>
  <si>
    <t>2021BU19610503</t>
  </si>
  <si>
    <t>De Weide</t>
  </si>
  <si>
    <t>buurt_gegeneraliseerd_2021.0094e42b-10ce-4105-a6f0-4084d1294d8a</t>
  </si>
  <si>
    <t>BU19610504</t>
  </si>
  <si>
    <t>2021BU19610504</t>
  </si>
  <si>
    <t>Meerkerk bedrijventerrein</t>
  </si>
  <si>
    <t>buurt_gegeneraliseerd_2021.2bb09cfb-35cb-49e7-a5e3-e22c41f4ae4e</t>
  </si>
  <si>
    <t>BU19610601</t>
  </si>
  <si>
    <t>2021BU19610601</t>
  </si>
  <si>
    <t>Meerkerk buitengebied</t>
  </si>
  <si>
    <t>buurt_gegeneraliseerd_2021.a6742076-be29-4154-b61a-72a552295163</t>
  </si>
  <si>
    <t>BU19610602</t>
  </si>
  <si>
    <t>2021BU19610602</t>
  </si>
  <si>
    <t>buurt_gegeneraliseerd_2021.02b7b493-e5aa-482c-80a0-05ce15ad2281</t>
  </si>
  <si>
    <t>BU19610701</t>
  </si>
  <si>
    <t>2021BU19610701</t>
  </si>
  <si>
    <t>Lexmond kern</t>
  </si>
  <si>
    <t>buurt_gegeneraliseerd_2021.08a58d57-117e-4ea8-8503-6f0278d63fd5</t>
  </si>
  <si>
    <t>BU19610801</t>
  </si>
  <si>
    <t>2021BU19610801</t>
  </si>
  <si>
    <t>Lexmond buitengebied</t>
  </si>
  <si>
    <t>buurt_gegeneraliseerd_2021.f9d6d2e4-ba27-47d5-9284-1a4288080455</t>
  </si>
  <si>
    <t>BU19610802</t>
  </si>
  <si>
    <t>2021BU19610802</t>
  </si>
  <si>
    <t>Achthoven</t>
  </si>
  <si>
    <t>buurt_gegeneraliseerd_2021.23d29275-721b-46d4-908c-285b6bbb202e</t>
  </si>
  <si>
    <t>BU19610803</t>
  </si>
  <si>
    <t>2021BU19610803</t>
  </si>
  <si>
    <t>Lakerveld</t>
  </si>
  <si>
    <t>buurt_gegeneraliseerd_2021.276bcb5b-d521-422c-99dd-76452869b144</t>
  </si>
  <si>
    <t>BU19610901</t>
  </si>
  <si>
    <t>2021BU19610901</t>
  </si>
  <si>
    <t>Nieuwland kern</t>
  </si>
  <si>
    <t>buurt_gegeneraliseerd_2021.99d141cd-acc9-4f41-a6db-bc235203267a</t>
  </si>
  <si>
    <t>BU19611001</t>
  </si>
  <si>
    <t>2021BU19611001</t>
  </si>
  <si>
    <t>Nieuwland buitengebied</t>
  </si>
  <si>
    <t>buurt_gegeneraliseerd_2021.768e0d45-e92a-48cb-b9cb-89ae3f05e207</t>
  </si>
  <si>
    <t>BU19611002</t>
  </si>
  <si>
    <t>2021BU19611002</t>
  </si>
  <si>
    <t>Geer</t>
  </si>
  <si>
    <t>buurt_gegeneraliseerd_2021.68a21b28-43da-49fd-82e1-3d33cbeb5a81</t>
  </si>
  <si>
    <t>BU19611003</t>
  </si>
  <si>
    <t>2021BU19611003</t>
  </si>
  <si>
    <t>Achterdijk</t>
  </si>
  <si>
    <t>buurt_gegeneraliseerd_2021.93eb7fa0-2050-408a-88d6-54036a5e6b5c</t>
  </si>
  <si>
    <t>BU19611101</t>
  </si>
  <si>
    <t>2021BU19611101</t>
  </si>
  <si>
    <t>Leerbroek kern</t>
  </si>
  <si>
    <t>buurt_gegeneraliseerd_2021.4ea910be-31c7-4c1e-be2d-f0d991e05dca</t>
  </si>
  <si>
    <t>BU19611201</t>
  </si>
  <si>
    <t>2021BU19611201</t>
  </si>
  <si>
    <t>Leerbroek buitengebied</t>
  </si>
  <si>
    <t>buurt_gegeneraliseerd_2021.bffb935d-23e7-476d-8346-6cdb0f22282f</t>
  </si>
  <si>
    <t>BU19611202</t>
  </si>
  <si>
    <t>2021BU19611202</t>
  </si>
  <si>
    <t>Weverwijk</t>
  </si>
  <si>
    <t>buurt_gegeneraliseerd_2021.c362735e-c30a-4449-95bb-7f06da313be8</t>
  </si>
  <si>
    <t>BU19611203</t>
  </si>
  <si>
    <t>2021BU19611203</t>
  </si>
  <si>
    <t>Middelkoop</t>
  </si>
  <si>
    <t>buurt_gegeneraliseerd_2021.74f32272-4ce0-40d0-af2e-ad5bf9fd06e4</t>
  </si>
  <si>
    <t>BU19611301</t>
  </si>
  <si>
    <t>2021BU19611301</t>
  </si>
  <si>
    <t>Kedichem kern</t>
  </si>
  <si>
    <t>buurt_gegeneraliseerd_2021.7718698f-ba09-4756-91aa-02b7f995c7dd</t>
  </si>
  <si>
    <t>BU19611401</t>
  </si>
  <si>
    <t>2021BU19611401</t>
  </si>
  <si>
    <t>Kedichem buitengebied</t>
  </si>
  <si>
    <t>buurt_gegeneraliseerd_2021.0df13f0d-5398-49c6-9994-af2a51db0203</t>
  </si>
  <si>
    <t>BU19611501</t>
  </si>
  <si>
    <t>2021BU19611501</t>
  </si>
  <si>
    <t>Hei- en Boeicop kern</t>
  </si>
  <si>
    <t>buurt_gegeneraliseerd_2021.005ef8bb-11a9-4fb0-b935-2c7a9607ce40</t>
  </si>
  <si>
    <t>BU19611601</t>
  </si>
  <si>
    <t>2021BU19611601</t>
  </si>
  <si>
    <t>Hei- en Boeicop buitengebied</t>
  </si>
  <si>
    <t>buurt_gegeneraliseerd_2021.802b0b60-e606-41e7-8095-aa9601f3c3ec</t>
  </si>
  <si>
    <t>BU19611701</t>
  </si>
  <si>
    <t>2021BU19611701</t>
  </si>
  <si>
    <t>buurt_gegeneraliseerd_2021.c2765f88-f182-4e0f-b21b-fcca11b5dda4</t>
  </si>
  <si>
    <t>BU19611801</t>
  </si>
  <si>
    <t>2021BU19611801</t>
  </si>
  <si>
    <t>Amaliastein</t>
  </si>
  <si>
    <t>buurt_gegeneraliseerd_2021.abaeca15-2e52-4cb7-9955-8b0f5566e207</t>
  </si>
  <si>
    <t>BU19611901</t>
  </si>
  <si>
    <t>2021BU19611901</t>
  </si>
  <si>
    <t>Monnikenhof</t>
  </si>
  <si>
    <t>buurt_gegeneraliseerd_2021.0058835e-355e-492e-b257-2ef3f6fcfaaf</t>
  </si>
  <si>
    <t>BU19611902</t>
  </si>
  <si>
    <t>2021BU19611902</t>
  </si>
  <si>
    <t>Molenbuurt I</t>
  </si>
  <si>
    <t>buurt_gegeneraliseerd_2021.562cee3f-f62c-4a8d-9c40-ac017be211d4</t>
  </si>
  <si>
    <t>BU19611903</t>
  </si>
  <si>
    <t>2021BU19611903</t>
  </si>
  <si>
    <t>Molenbuurt II</t>
  </si>
  <si>
    <t>buurt_gegeneraliseerd_2021.1bee133d-12ab-4eec-a3ac-52999a07f5a2</t>
  </si>
  <si>
    <t>BU19611904</t>
  </si>
  <si>
    <t>2021BU19611904</t>
  </si>
  <si>
    <t>Helsdingen</t>
  </si>
  <si>
    <t>buurt_gegeneraliseerd_2021.861b40bd-2a72-40c7-9301-68a69f344db5</t>
  </si>
  <si>
    <t>BU19611905</t>
  </si>
  <si>
    <t>2021BU19611905</t>
  </si>
  <si>
    <t>Monnikenhof sportcomplex</t>
  </si>
  <si>
    <t>buurt_gegeneraliseerd_2021.1444a992-6a58-4297-9b72-caaf034f5eb6</t>
  </si>
  <si>
    <t>BU19612001</t>
  </si>
  <si>
    <t>2021BU19612001</t>
  </si>
  <si>
    <t>De Hagen (bedrijventerrein)</t>
  </si>
  <si>
    <t>buurt_gegeneraliseerd_2021.17d9d6cd-af4d-406a-843d-6ea679d0a238</t>
  </si>
  <si>
    <t>BU19612002</t>
  </si>
  <si>
    <t>2021BU19612002</t>
  </si>
  <si>
    <t>buurt_gegeneraliseerd_2021.86d5ef48-f3e7-417f-8f83-ec1fa3d81cb2</t>
  </si>
  <si>
    <t>BU19612003</t>
  </si>
  <si>
    <t>2021BU19612003</t>
  </si>
  <si>
    <t>Gaasperwaard</t>
  </si>
  <si>
    <t>buurt_gegeneraliseerd_2021.2ecfc5de-9bd3-40a3-a249-2cd01471997e</t>
  </si>
  <si>
    <t>BU19612101</t>
  </si>
  <si>
    <t>2021BU19612101</t>
  </si>
  <si>
    <t>Vianen binnenstad</t>
  </si>
  <si>
    <t>buurt_gegeneraliseerd_2021.964c64fd-4888-406e-9b1c-aee253eb218d</t>
  </si>
  <si>
    <t>BU19612102</t>
  </si>
  <si>
    <t>2021BU19612102</t>
  </si>
  <si>
    <t>Zederik-Noord</t>
  </si>
  <si>
    <t>buurt_gegeneraliseerd_2021.4ae0dec0-17e0-48ea-9b7b-f147643ea762</t>
  </si>
  <si>
    <t>BU19612103</t>
  </si>
  <si>
    <t>2021BU19612103</t>
  </si>
  <si>
    <t>Zederik-Zuid</t>
  </si>
  <si>
    <t>buurt_gegeneraliseerd_2021.c8656ed2-a5ae-4bbd-98f3-056bd402cbc1</t>
  </si>
  <si>
    <t>BU19612104</t>
  </si>
  <si>
    <t>2021BU19612104</t>
  </si>
  <si>
    <t>buurt_gegeneraliseerd_2021.e9558537-33aa-4393-9741-aadac21e7a50</t>
  </si>
  <si>
    <t>BU19612105</t>
  </si>
  <si>
    <t>2021BU19612105</t>
  </si>
  <si>
    <t>Blankenborch</t>
  </si>
  <si>
    <t>buurt_gegeneraliseerd_2021.16aad9df-250c-4a3e-afb6-d60d109dc82d</t>
  </si>
  <si>
    <t>BU19612106</t>
  </si>
  <si>
    <t>2021BU19612106</t>
  </si>
  <si>
    <t>Sluiseiland</t>
  </si>
  <si>
    <t>buurt_gegeneraliseerd_2021.7b057a9a-41c0-40c0-8257-0457d10d6024</t>
  </si>
  <si>
    <t>BU19612201</t>
  </si>
  <si>
    <t>2021BU19612201</t>
  </si>
  <si>
    <t>De Vijfheerenlanden</t>
  </si>
  <si>
    <t>buurt_gegeneraliseerd_2021.954e6e92-6b0d-4e10-a4ab-a28920c36882</t>
  </si>
  <si>
    <t>BU19612202</t>
  </si>
  <si>
    <t>2021BU19612202</t>
  </si>
  <si>
    <t>Herenbuurt</t>
  </si>
  <si>
    <t>buurt_gegeneraliseerd_2021.07fbe555-6041-4225-8f38-47dff9f7f7da</t>
  </si>
  <si>
    <t>BU19612203</t>
  </si>
  <si>
    <t>2021BU19612203</t>
  </si>
  <si>
    <t>Vogelbuurt (Vianen)</t>
  </si>
  <si>
    <t>buurt_gegeneraliseerd_2021.aadced4e-c4d9-41c3-a70f-04dedbf6c423</t>
  </si>
  <si>
    <t>BU19612204</t>
  </si>
  <si>
    <t>2021BU19612204</t>
  </si>
  <si>
    <t>Bomenbuurt (Vianen)</t>
  </si>
  <si>
    <t>buurt_gegeneraliseerd_2021.539c0c4e-ff63-43b3-b6f1-b41b0dc9b8e6</t>
  </si>
  <si>
    <t>BU19612205</t>
  </si>
  <si>
    <t>2021BU19612205</t>
  </si>
  <si>
    <t>Batenstein</t>
  </si>
  <si>
    <t>buurt_gegeneraliseerd_2021.c4f092d7-89f3-41f1-ab37-03c8a5d031f6</t>
  </si>
  <si>
    <t>BU19612301</t>
  </si>
  <si>
    <t>2021BU19612301</t>
  </si>
  <si>
    <t>Vianen buitengebied noord</t>
  </si>
  <si>
    <t>buurt_gegeneraliseerd_2021.3a7d0fd7-8b9b-4ac9-9420-01376676d00f</t>
  </si>
  <si>
    <t>BU19612302</t>
  </si>
  <si>
    <t>2021BU19612302</t>
  </si>
  <si>
    <t>Vianen buitengebied zuid</t>
  </si>
  <si>
    <t>buurt_gegeneraliseerd_2021.8958097a-6987-4a7b-aede-d28d0afa7c59</t>
  </si>
  <si>
    <t>BU19612401</t>
  </si>
  <si>
    <t>2021BU19612401</t>
  </si>
  <si>
    <t>buurt_gegeneraliseerd_2021.6e320c17-987b-48c4-a02c-0b35b242b433</t>
  </si>
  <si>
    <t>BU19612402</t>
  </si>
  <si>
    <t>2021BU19612402</t>
  </si>
  <si>
    <t>Raadsliedenbuurt</t>
  </si>
  <si>
    <t>buurt_gegeneraliseerd_2021.f0c25cb7-96f3-481d-bef9-a3061a031baf</t>
  </si>
  <si>
    <t>BU19612403</t>
  </si>
  <si>
    <t>2021BU19612403</t>
  </si>
  <si>
    <t>Bomenbuurt (Leerdam)</t>
  </si>
  <si>
    <t>buurt_gegeneraliseerd_2021.6a1eb0bf-4938-4d5f-897f-158939ccb441</t>
  </si>
  <si>
    <t>BU19612404</t>
  </si>
  <si>
    <t>2021BU19612404</t>
  </si>
  <si>
    <t>Spartaveld</t>
  </si>
  <si>
    <t>buurt_gegeneraliseerd_2021.04b88a14-2aa8-4c14-b9a7-809b9ad20700</t>
  </si>
  <si>
    <t>BU19612405</t>
  </si>
  <si>
    <t>2021BU19612405</t>
  </si>
  <si>
    <t>Achter de Pijp</t>
  </si>
  <si>
    <t>buurt_gegeneraliseerd_2021.e8d73c17-0421-42f4-aa4d-c75f8507074d</t>
  </si>
  <si>
    <t>BU19612406</t>
  </si>
  <si>
    <t>2021BU19612406</t>
  </si>
  <si>
    <t>Broekgraaf-Noord</t>
  </si>
  <si>
    <t>buurt_gegeneraliseerd_2021.5f049a37-2cd6-43df-b5ce-8d98eff198de</t>
  </si>
  <si>
    <t>BU19612407</t>
  </si>
  <si>
    <t>2021BU19612407</t>
  </si>
  <si>
    <t>Broekgraaf-Zuid</t>
  </si>
  <si>
    <t>buurt_gegeneraliseerd_2021.56d70ad2-ad69-4c38-9c4d-282831dbd780</t>
  </si>
  <si>
    <t>BU19612408</t>
  </si>
  <si>
    <t>2021BU19612408</t>
  </si>
  <si>
    <t>Glasfabriek</t>
  </si>
  <si>
    <t>buurt_gegeneraliseerd_2021.b5aa5356-040b-423f-b86e-22d4504d7435</t>
  </si>
  <si>
    <t>BU19612501</t>
  </si>
  <si>
    <t>2021BU19612501</t>
  </si>
  <si>
    <t>buurt_gegeneraliseerd_2021.923bbb2d-7d41-4ee5-b04b-ddc022388cea</t>
  </si>
  <si>
    <t>BU19612502</t>
  </si>
  <si>
    <t>2021BU19612502</t>
  </si>
  <si>
    <t>buurt_gegeneraliseerd_2021.85e6723b-da54-4f77-b8f0-a96a54653ff6</t>
  </si>
  <si>
    <t>BU19612503</t>
  </si>
  <si>
    <t>2021BU19612503</t>
  </si>
  <si>
    <t>Vogelbuurt (Leerdam)</t>
  </si>
  <si>
    <t>buurt_gegeneraliseerd_2021.1ce82c12-86e2-4f81-8127-c73f5770c656</t>
  </si>
  <si>
    <t>BU19612504</t>
  </si>
  <si>
    <t>2021BU19612504</t>
  </si>
  <si>
    <t>buurt_gegeneraliseerd_2021.1453f5ff-f443-4806-a7ba-4be3f359eeed</t>
  </si>
  <si>
    <t>BU19612505</t>
  </si>
  <si>
    <t>2021BU19612505</t>
  </si>
  <si>
    <t>Drossaardsbuurt</t>
  </si>
  <si>
    <t>buurt_gegeneraliseerd_2021.76d5cd6a-9fb1-4f83-a291-1275ae1601dc</t>
  </si>
  <si>
    <t>BU19612601</t>
  </si>
  <si>
    <t>2021BU19612601</t>
  </si>
  <si>
    <t>Leerdam centrum</t>
  </si>
  <si>
    <t>buurt_gegeneraliseerd_2021.7e8db605-6921-4efa-aa3e-64ce3ad28b40</t>
  </si>
  <si>
    <t>BU19612602</t>
  </si>
  <si>
    <t>2021BU19612602</t>
  </si>
  <si>
    <t>Leerdam centrum noord</t>
  </si>
  <si>
    <t>buurt_gegeneraliseerd_2021.d4c07f03-2b00-4b5c-afef-0ffd790a3ee2</t>
  </si>
  <si>
    <t>BU19612701</t>
  </si>
  <si>
    <t>2021BU19612701</t>
  </si>
  <si>
    <t>buurt_gegeneraliseerd_2021.e2c485bd-d36f-4bc4-8ad6-280b53af0d4c</t>
  </si>
  <si>
    <t>BU19612702</t>
  </si>
  <si>
    <t>2021BU19612702</t>
  </si>
  <si>
    <t>Oranjebuurt-Zuid</t>
  </si>
  <si>
    <t>buurt_gegeneraliseerd_2021.1261f5b1-3dce-4a4b-b93b-551c6b4f22ad</t>
  </si>
  <si>
    <t>BU19612703</t>
  </si>
  <si>
    <t>2021BU19612703</t>
  </si>
  <si>
    <t>Oranjebuurt-Noord</t>
  </si>
  <si>
    <t>buurt_gegeneraliseerd_2021.b50105d0-6239-44e3-bdea-b711fe6706d8</t>
  </si>
  <si>
    <t>BU19612801</t>
  </si>
  <si>
    <t>2021BU19612801</t>
  </si>
  <si>
    <t>Nieuw Schaik</t>
  </si>
  <si>
    <t>buurt_gegeneraliseerd_2021.ff491c1a-6783-4a6f-920a-352f44f1fbb6</t>
  </si>
  <si>
    <t>BU19612901</t>
  </si>
  <si>
    <t>2021BU19612901</t>
  </si>
  <si>
    <t>Leerdam buitengebied</t>
  </si>
  <si>
    <t>buurt_gegeneraliseerd_2021.c14b59a8-f540-4588-8fa2-7b800ced26f7</t>
  </si>
  <si>
    <t>BU19613001</t>
  </si>
  <si>
    <t>2021BU19613001</t>
  </si>
  <si>
    <t>Schoonrewoerd kern</t>
  </si>
  <si>
    <t>buurt_gegeneraliseerd_2021.fa2f805a-bfe4-486e-97df-aab904b2dfb6</t>
  </si>
  <si>
    <t>BU19613101</t>
  </si>
  <si>
    <t>2021BU19613101</t>
  </si>
  <si>
    <t>Schoonrewoerd buitengebied</t>
  </si>
  <si>
    <t>buurt_gegeneraliseerd_2021.837fd4db-3d43-4757-9370-c99db22bc984</t>
  </si>
  <si>
    <t>BU19613201</t>
  </si>
  <si>
    <t>2021BU19613201</t>
  </si>
  <si>
    <t>Zijderveld kern</t>
  </si>
  <si>
    <t>buurt_gegeneraliseerd_2021.bfd3b861-6f99-4302-ab22-18d1fa3a11d5</t>
  </si>
  <si>
    <t>BU19613301</t>
  </si>
  <si>
    <t>2021BU19613301</t>
  </si>
  <si>
    <t>Zijderveld buitengebied</t>
  </si>
  <si>
    <t>buurt_gegeneraliseerd_2021.5a8958a2-d1c2-4bc9-9629-a0222448dc11</t>
  </si>
  <si>
    <t>BU19613401</t>
  </si>
  <si>
    <t>2021BU19613401</t>
  </si>
  <si>
    <t>Hagestein kern</t>
  </si>
  <si>
    <t>buurt_gegeneraliseerd_2021.5c7e14ba-26d6-4a9b-86cf-a9ce54acb3bf</t>
  </si>
  <si>
    <t>BU19613501</t>
  </si>
  <si>
    <t>2021BU19613501</t>
  </si>
  <si>
    <t>Hagestein buitengebied noord</t>
  </si>
  <si>
    <t>buurt_gegeneraliseerd_2021.f8d9d20d-440c-4aa7-a6fa-1420bde62ae2</t>
  </si>
  <si>
    <t>BU19613502</t>
  </si>
  <si>
    <t>2021BU19613502</t>
  </si>
  <si>
    <t>Hagestein buitengebied oost</t>
  </si>
  <si>
    <t>buurt_gegeneraliseerd_2021.afec6a80-be55-42e3-a1d4-b57cbc868fac</t>
  </si>
  <si>
    <t>BU19613503</t>
  </si>
  <si>
    <t>2021BU19613503</t>
  </si>
  <si>
    <t>Hagestein buitengebied zuid</t>
  </si>
  <si>
    <t>buurt_gegeneraliseerd_2021.4dfed07b-4d43-4045-8a66-3a3b85b35d46</t>
  </si>
  <si>
    <t>BU19613601</t>
  </si>
  <si>
    <t>2021BU19613601</t>
  </si>
  <si>
    <t>Het Dorpshart</t>
  </si>
  <si>
    <t>buurt_gegeneraliseerd_2021.0781089f-35e1-409b-a5fc-f948613b3ad1</t>
  </si>
  <si>
    <t>BU19613602</t>
  </si>
  <si>
    <t>2021BU19613602</t>
  </si>
  <si>
    <t>Het Lint</t>
  </si>
  <si>
    <t>buurt_gegeneraliseerd_2021.bb006997-5f57-4c2f-9b94-73166bebfff6</t>
  </si>
  <si>
    <t>BU19613603</t>
  </si>
  <si>
    <t>2021BU19613603</t>
  </si>
  <si>
    <t>De Erven</t>
  </si>
  <si>
    <t>buurt_gegeneraliseerd_2021.57adc025-fa19-4f15-80b7-099378db8341</t>
  </si>
  <si>
    <t>BU19613701</t>
  </si>
  <si>
    <t>2021BU19613701</t>
  </si>
  <si>
    <t>Everdingen kern</t>
  </si>
  <si>
    <t>buurt_gegeneraliseerd_2021.cf730b20-4bd4-4a3d-9858-fdc844ea489b</t>
  </si>
  <si>
    <t>BU19613801</t>
  </si>
  <si>
    <t>2021BU19613801</t>
  </si>
  <si>
    <t>Everdingen buitengebied</t>
  </si>
  <si>
    <t>buurt_gegeneraliseerd_2021.568e6e84-fa3a-4e3d-b83f-555dc6e9aff5</t>
  </si>
  <si>
    <t>BU19613901</t>
  </si>
  <si>
    <t>2021BU19613901</t>
  </si>
  <si>
    <t>Ossenwaard</t>
  </si>
  <si>
    <t>buurt_gegeneraliseerd_2021.342d8ffb-e067-4684-b07e-8a8b1ab6a27b</t>
  </si>
  <si>
    <t>BU19010101</t>
  </si>
  <si>
    <t>2021BU19010101</t>
  </si>
  <si>
    <t>Meije</t>
  </si>
  <si>
    <t>GM1901</t>
  </si>
  <si>
    <t>buurt_gegeneraliseerd_2021.ed1820cc-ea62-45e7-8c0f-d83c38e57df6</t>
  </si>
  <si>
    <t>BU19010102</t>
  </si>
  <si>
    <t>2021BU19010102</t>
  </si>
  <si>
    <t>Buitengebied-Noord</t>
  </si>
  <si>
    <t>buurt_gegeneraliseerd_2021.7fb269f7-d2cb-472f-9d93-4eef0b470919</t>
  </si>
  <si>
    <t>BU19010103</t>
  </si>
  <si>
    <t>2021BU19010103</t>
  </si>
  <si>
    <t>buurt_gegeneraliseerd_2021.fbffe975-e375-400d-b7d5-e61ee046d30d</t>
  </si>
  <si>
    <t>BU19010104</t>
  </si>
  <si>
    <t>2021BU19010104</t>
  </si>
  <si>
    <t>buurt_gegeneraliseerd_2021.cebf4292-cd17-4cc4-ba23-9904196138e8</t>
  </si>
  <si>
    <t>BU19010105</t>
  </si>
  <si>
    <t>2021BU19010105</t>
  </si>
  <si>
    <t>buurt_gegeneraliseerd_2021.19349f54-ef47-4977-b9ac-aff386f7068b</t>
  </si>
  <si>
    <t>BU19010106</t>
  </si>
  <si>
    <t>2021BU19010106</t>
  </si>
  <si>
    <t>Heining en Dam</t>
  </si>
  <si>
    <t>buurt_gegeneraliseerd_2021.b58c6758-df21-4e7f-be4c-84ff8f48ec29</t>
  </si>
  <si>
    <t>BU19010201</t>
  </si>
  <si>
    <t>2021BU19010201</t>
  </si>
  <si>
    <t>Dammekant</t>
  </si>
  <si>
    <t>buurt_gegeneraliseerd_2021.b3fd9a49-7861-4353-99df-0ce7b17917e9</t>
  </si>
  <si>
    <t>BU19010202</t>
  </si>
  <si>
    <t>2021BU19010202</t>
  </si>
  <si>
    <t>Rijnhoek</t>
  </si>
  <si>
    <t>buurt_gegeneraliseerd_2021.d0732eab-0a9a-4ccb-8208-f58c0a05d1f5</t>
  </si>
  <si>
    <t>BU19010203</t>
  </si>
  <si>
    <t>2021BU19010203</t>
  </si>
  <si>
    <t>Binnenpolder</t>
  </si>
  <si>
    <t>buurt_gegeneraliseerd_2021.99eec88d-57a2-4bf5-bcd1-4f1845121dc8</t>
  </si>
  <si>
    <t>BU19010204</t>
  </si>
  <si>
    <t>2021BU19010204</t>
  </si>
  <si>
    <t>Oud-Bodegraven</t>
  </si>
  <si>
    <t>buurt_gegeneraliseerd_2021.dda6e4f9-9874-4f30-9767-e15b1cc361a4</t>
  </si>
  <si>
    <t>BU19010205</t>
  </si>
  <si>
    <t>2021BU19010205</t>
  </si>
  <si>
    <t>buurt_gegeneraliseerd_2021.07e10bfd-d652-4dd2-8f97-68c14de9b4a0</t>
  </si>
  <si>
    <t>BU19010206</t>
  </si>
  <si>
    <t>2021BU19010206</t>
  </si>
  <si>
    <t>buurt_gegeneraliseerd_2021.0b9d774f-a355-494d-b631-b8cacf5b80da</t>
  </si>
  <si>
    <t>BU19010207</t>
  </si>
  <si>
    <t>2021BU19010207</t>
  </si>
  <si>
    <t>Dronenhoek</t>
  </si>
  <si>
    <t>buurt_gegeneraliseerd_2021.de958a01-7491-472d-8f0f-860e14a1ce27</t>
  </si>
  <si>
    <t>BU19010209</t>
  </si>
  <si>
    <t>2021BU19010209</t>
  </si>
  <si>
    <t>Dronenwijk-Noord</t>
  </si>
  <si>
    <t>buurt_gegeneraliseerd_2021.6ba8579e-cb9f-42cf-b26a-5ac1d628369b</t>
  </si>
  <si>
    <t>BU19010210</t>
  </si>
  <si>
    <t>2021BU19010210</t>
  </si>
  <si>
    <t>Dronenwijk-Zuid</t>
  </si>
  <si>
    <t>buurt_gegeneraliseerd_2021.335bf4f3-7806-4c45-b8b1-b96521b3b550</t>
  </si>
  <si>
    <t>BU19010211</t>
  </si>
  <si>
    <t>2021BU19010211</t>
  </si>
  <si>
    <t>Elzenhof</t>
  </si>
  <si>
    <t>buurt_gegeneraliseerd_2021.12ec3fe4-2bec-4379-b30a-be066c75ba86</t>
  </si>
  <si>
    <t>BU19010212</t>
  </si>
  <si>
    <t>2021BU19010212</t>
  </si>
  <si>
    <t>Broekvelden-Noord</t>
  </si>
  <si>
    <t>buurt_gegeneraliseerd_2021.67c54ac4-19a6-409b-8c9c-2eba0c8c8696</t>
  </si>
  <si>
    <t>BU19010213</t>
  </si>
  <si>
    <t>2021BU19010213</t>
  </si>
  <si>
    <t>Broekvelden-Zuid</t>
  </si>
  <si>
    <t>buurt_gegeneraliseerd_2021.bf65091d-2647-4db2-ade0-5462df990e1d</t>
  </si>
  <si>
    <t>BU19010214</t>
  </si>
  <si>
    <t>2021BU19010214</t>
  </si>
  <si>
    <t>Broekvelden-Noordoost</t>
  </si>
  <si>
    <t>buurt_gegeneraliseerd_2021.659bb970-d8b1-4a2d-b657-042ba05bb1dc</t>
  </si>
  <si>
    <t>BU19010215</t>
  </si>
  <si>
    <t>2021BU19010215</t>
  </si>
  <si>
    <t>Broekvelden-Zuidoost</t>
  </si>
  <si>
    <t>buurt_gegeneraliseerd_2021.66ca8d8d-8138-473e-be93-08196ccb81ce</t>
  </si>
  <si>
    <t>BU19010216</t>
  </si>
  <si>
    <t>2021BU19010216</t>
  </si>
  <si>
    <t>Broekvelden-Groote Wetering</t>
  </si>
  <si>
    <t>buurt_gegeneraliseerd_2021.e4671ae5-aa15-4e06-b532-9192d73d5d9d</t>
  </si>
  <si>
    <t>BU19010217</t>
  </si>
  <si>
    <t>2021BU19010217</t>
  </si>
  <si>
    <t>Weideveld</t>
  </si>
  <si>
    <t>buurt_gegeneraliseerd_2021.06e1ebf7-940a-4181-bf69-a457afe62f37</t>
  </si>
  <si>
    <t>BU19010218</t>
  </si>
  <si>
    <t>2021BU19010218</t>
  </si>
  <si>
    <t>Zuidzijde</t>
  </si>
  <si>
    <t>buurt_gegeneraliseerd_2021.88a962f1-7f10-49c7-ac8e-5e4b506fad09</t>
  </si>
  <si>
    <t>BU19010219</t>
  </si>
  <si>
    <t>2021BU19010219</t>
  </si>
  <si>
    <t>Beijenveld</t>
  </si>
  <si>
    <t>buurt_gegeneraliseerd_2021.acf55cc0-b2d9-421a-8a46-bda0e698195e</t>
  </si>
  <si>
    <t>BU19010220</t>
  </si>
  <si>
    <t>2021BU19010220</t>
  </si>
  <si>
    <t>buurt_gegeneraliseerd_2021.eef204b7-5799-4e55-aa33-83c5af841872</t>
  </si>
  <si>
    <t>BU19010301</t>
  </si>
  <si>
    <t>2021BU19010301</t>
  </si>
  <si>
    <t>Nieuwerbrug aan den Rijn buitengebied</t>
  </si>
  <si>
    <t>buurt_gegeneraliseerd_2021.a4265e28-069c-43fe-8f6d-ecc92bcdd0fc</t>
  </si>
  <si>
    <t>BU19010302</t>
  </si>
  <si>
    <t>2021BU19010302</t>
  </si>
  <si>
    <t>Nieuwerbrug aan den Rijn Kern</t>
  </si>
  <si>
    <t>buurt_gegeneraliseerd_2021.d89c2e98-fd85-45e4-9e39-ae14077260cd</t>
  </si>
  <si>
    <t>BU19010401</t>
  </si>
  <si>
    <t>2021BU19010401</t>
  </si>
  <si>
    <t>Randenburg</t>
  </si>
  <si>
    <t>buurt_gegeneraliseerd_2021.e8b34a2b-869f-4640-89ee-a791eb46c970</t>
  </si>
  <si>
    <t>BU19010402</t>
  </si>
  <si>
    <t>2021BU19010402</t>
  </si>
  <si>
    <t>Middelburg</t>
  </si>
  <si>
    <t>buurt_gegeneraliseerd_2021.1ee7d82e-250e-480e-b202-079fea609fa2</t>
  </si>
  <si>
    <t>BU19010403</t>
  </si>
  <si>
    <t>2021BU19010403</t>
  </si>
  <si>
    <t>buurt_gegeneraliseerd_2021.d7604bf1-8c33-4e56-940a-849524b52720</t>
  </si>
  <si>
    <t>BU19010404</t>
  </si>
  <si>
    <t>2021BU19010404</t>
  </si>
  <si>
    <t>Reeuwijk-Dorp Kern</t>
  </si>
  <si>
    <t>buurt_gegeneraliseerd_2021.9b053434-bb51-48ce-bb98-d3568f70ed33</t>
  </si>
  <si>
    <t>BU19010405</t>
  </si>
  <si>
    <t>2021BU19010405</t>
  </si>
  <si>
    <t>Oud-Reeuwijk</t>
  </si>
  <si>
    <t>buurt_gegeneraliseerd_2021.66cbc1a1-3539-4d7f-8ec1-e632ffcadbf7</t>
  </si>
  <si>
    <t>BU19010501</t>
  </si>
  <si>
    <t>2021BU19010501</t>
  </si>
  <si>
    <t>Reeuwijkse Poort</t>
  </si>
  <si>
    <t>buurt_gegeneraliseerd_2021.20297d9b-a035-4ce7-abd6-35449b120007</t>
  </si>
  <si>
    <t>BU19010502</t>
  </si>
  <si>
    <t>2021BU19010502</t>
  </si>
  <si>
    <t>Reeuwijk-Brug-Noord</t>
  </si>
  <si>
    <t>buurt_gegeneraliseerd_2021.72187d6c-f2a9-4aa0-b5a1-90725bfd024f</t>
  </si>
  <si>
    <t>BU19010503</t>
  </si>
  <si>
    <t>2021BU19010503</t>
  </si>
  <si>
    <t>Reeuwijk-Brug-Midden</t>
  </si>
  <si>
    <t>buurt_gegeneraliseerd_2021.a7e77fc4-b431-4eac-a158-db37727a2c09</t>
  </si>
  <si>
    <t>BU19010504</t>
  </si>
  <si>
    <t>2021BU19010504</t>
  </si>
  <si>
    <t>Reeuwijk-Brug-Zuidwest</t>
  </si>
  <si>
    <t>buurt_gegeneraliseerd_2021.2048513a-9cce-4bcb-b634-9ad70eb3956f</t>
  </si>
  <si>
    <t>BU19010505</t>
  </si>
  <si>
    <t>2021BU19010505</t>
  </si>
  <si>
    <t>Zoutman</t>
  </si>
  <si>
    <t>buurt_gegeneraliseerd_2021.4a5585d9-bd23-463d-a4c1-b995b94b9bb8</t>
  </si>
  <si>
    <t>BU19010506</t>
  </si>
  <si>
    <t>2021BU19010506</t>
  </si>
  <si>
    <t>Oude Tol</t>
  </si>
  <si>
    <t>buurt_gegeneraliseerd_2021.5e4d04c7-e567-4bd3-a5ca-dedc6d3d58db</t>
  </si>
  <si>
    <t>BU19010507</t>
  </si>
  <si>
    <t>2021BU19010507</t>
  </si>
  <si>
    <t>Reeuwijk-Brug-Oost</t>
  </si>
  <si>
    <t>buurt_gegeneraliseerd_2021.0a5faf63-38c0-4a67-8a84-c1ddaf3aa7f4</t>
  </si>
  <si>
    <t>BU19010508</t>
  </si>
  <si>
    <t>2021BU19010508</t>
  </si>
  <si>
    <t>Reeuwijk-Brug-Zuidoost</t>
  </si>
  <si>
    <t>buurt_gegeneraliseerd_2021.7e2de808-bae7-4c54-9590-86cf53fe885f</t>
  </si>
  <si>
    <t>BU19010509</t>
  </si>
  <si>
    <t>2021BU19010509</t>
  </si>
  <si>
    <t>Reeuwijkse Hout</t>
  </si>
  <si>
    <t>buurt_gegeneraliseerd_2021.1ddfa88a-80e1-4d9c-b054-d0309f517200</t>
  </si>
  <si>
    <t>BU19010510</t>
  </si>
  <si>
    <t>2021BU19010510</t>
  </si>
  <si>
    <t>Abessinie</t>
  </si>
  <si>
    <t>buurt_gegeneraliseerd_2021.ab64204d-c73f-4319-adb4-1a539d632ad7</t>
  </si>
  <si>
    <t>BU19010511</t>
  </si>
  <si>
    <t>2021BU19010511</t>
  </si>
  <si>
    <t>Sluipwijk</t>
  </si>
  <si>
    <t>buurt_gegeneraliseerd_2021.61618f3b-1724-4ee8-978d-6905a05c076d</t>
  </si>
  <si>
    <t>BU19010512</t>
  </si>
  <si>
    <t>2021BU19010512</t>
  </si>
  <si>
    <t>Platteweg</t>
  </si>
  <si>
    <t>buurt_gegeneraliseerd_2021.5c7a4416-9f7a-4e94-b967-caba1a695e13</t>
  </si>
  <si>
    <t>BU19010513</t>
  </si>
  <si>
    <t>2021BU19010513</t>
  </si>
  <si>
    <t>Gravekoop</t>
  </si>
  <si>
    <t>buurt_gegeneraliseerd_2021.1486b232-ee37-4ed2-9627-e7527f2ca1c5</t>
  </si>
  <si>
    <t>BU19010514</t>
  </si>
  <si>
    <t>2021BU19010514</t>
  </si>
  <si>
    <t>Oukoop</t>
  </si>
  <si>
    <t>buurt_gegeneraliseerd_2021.25ddf690-1f32-45a5-bc89-57c3b9cbca77</t>
  </si>
  <si>
    <t>BU19010515</t>
  </si>
  <si>
    <t>2021BU19010515</t>
  </si>
  <si>
    <t>Negen Viertel</t>
  </si>
  <si>
    <t>buurt_gegeneraliseerd_2021.d5e3ce37-130c-4548-bf3e-3d6f4753a875</t>
  </si>
  <si>
    <t>BU19010601</t>
  </si>
  <si>
    <t>2021BU19010601</t>
  </si>
  <si>
    <t>Laageind</t>
  </si>
  <si>
    <t>buurt_gegeneraliseerd_2021.1dd52463-8923-4424-8533-b120bf3bd166</t>
  </si>
  <si>
    <t>BU19010602</t>
  </si>
  <si>
    <t>2021BU19010602</t>
  </si>
  <si>
    <t>Driebruggen Kern</t>
  </si>
  <si>
    <t>buurt_gegeneraliseerd_2021.63328524-f4d3-4ab9-843c-b8b87f1e79f4</t>
  </si>
  <si>
    <t>BU19010603</t>
  </si>
  <si>
    <t>2021BU19010603</t>
  </si>
  <si>
    <t>buurt_gegeneraliseerd_2021.f7a21775-73ff-4386-a766-ff23fcfa3b39</t>
  </si>
  <si>
    <t>BU19010604</t>
  </si>
  <si>
    <t>2021BU19010604</t>
  </si>
  <si>
    <t>buurt_gegeneraliseerd_2021.8180d29c-6ce5-4a1b-97e4-12ded6e67bc2</t>
  </si>
  <si>
    <t>BU19010701</t>
  </si>
  <si>
    <t>2021BU19010701</t>
  </si>
  <si>
    <t>Waarder-West</t>
  </si>
  <si>
    <t>buurt_gegeneraliseerd_2021.361ed515-52e8-4410-aee8-479c995fec51</t>
  </si>
  <si>
    <t>BU19010702</t>
  </si>
  <si>
    <t>2021BU19010702</t>
  </si>
  <si>
    <t>Waarder Kern</t>
  </si>
  <si>
    <t>buurt_gegeneraliseerd_2021.7b53f2a6-8817-4e01-80ce-219f960485f0</t>
  </si>
  <si>
    <t>BU19010703</t>
  </si>
  <si>
    <t>2021BU19010703</t>
  </si>
  <si>
    <t>Waarder-Oost</t>
  </si>
  <si>
    <t>buurt_gegeneraliseerd_2021.15b8dfcd-e817-4ba6-bee5-2a0c86dc7049</t>
  </si>
  <si>
    <t>BU05990110</t>
  </si>
  <si>
    <t>2021BU05990110</t>
  </si>
  <si>
    <t>Stadsdriehoek</t>
  </si>
  <si>
    <t>buurt_gegeneraliseerd_2021.ad437a6a-02d9-4bf3-a5ef-41db053c7a3d</t>
  </si>
  <si>
    <t>BU05990111</t>
  </si>
  <si>
    <t>2021BU05990111</t>
  </si>
  <si>
    <t>Oude Westen</t>
  </si>
  <si>
    <t>buurt_gegeneraliseerd_2021.ab8ff354-aba6-473f-9f60-2610f8090bf4</t>
  </si>
  <si>
    <t>BU05990112</t>
  </si>
  <si>
    <t>2021BU05990112</t>
  </si>
  <si>
    <t>Cool</t>
  </si>
  <si>
    <t>buurt_gegeneraliseerd_2021.543aed89-201e-4576-b4b2-19b94c5c1911</t>
  </si>
  <si>
    <t>BU05990113</t>
  </si>
  <si>
    <t>2021BU05990113</t>
  </si>
  <si>
    <t>Cs Kwartier</t>
  </si>
  <si>
    <t>buurt_gegeneraliseerd_2021.ae5e3388-db98-4f88-b692-589f2600ea2e</t>
  </si>
  <si>
    <t>BU05990118</t>
  </si>
  <si>
    <t>2021BU05990118</t>
  </si>
  <si>
    <t>Nieuwe Werk</t>
  </si>
  <si>
    <t>buurt_gegeneraliseerd_2021.aa61cc2a-022c-407a-b0d9-582012189c74</t>
  </si>
  <si>
    <t>BU05990119</t>
  </si>
  <si>
    <t>2021BU05990119</t>
  </si>
  <si>
    <t>Dijkzigt</t>
  </si>
  <si>
    <t>buurt_gegeneraliseerd_2021.1d7fa2ac-5eb5-4f51-ae1b-a6fa2550501a</t>
  </si>
  <si>
    <t>BU05990320</t>
  </si>
  <si>
    <t>2021BU05990320</t>
  </si>
  <si>
    <t>Delfshaven</t>
  </si>
  <si>
    <t>buurt_gegeneraliseerd_2021.8bb68d38-1051-4e93-a510-234c1b4629fe</t>
  </si>
  <si>
    <t>BU05990321</t>
  </si>
  <si>
    <t>2021BU05990321</t>
  </si>
  <si>
    <t>Bospolder</t>
  </si>
  <si>
    <t>buurt_gegeneraliseerd_2021.cb483ddc-4548-481c-ba51-b189881ea7c0</t>
  </si>
  <si>
    <t>BU05990322</t>
  </si>
  <si>
    <t>2021BU05990322</t>
  </si>
  <si>
    <t>Tussendijken</t>
  </si>
  <si>
    <t>buurt_gegeneraliseerd_2021.d1cd5edc-5337-499b-9539-71dfbf0e8180</t>
  </si>
  <si>
    <t>BU05990323</t>
  </si>
  <si>
    <t>2021BU05990323</t>
  </si>
  <si>
    <t>Spangen</t>
  </si>
  <si>
    <t>buurt_gegeneraliseerd_2021.849ce868-4b8f-4c58-a98c-a580c5c51e86</t>
  </si>
  <si>
    <t>BU05990324</t>
  </si>
  <si>
    <t>2021BU05990324</t>
  </si>
  <si>
    <t>Nieuwe Westen</t>
  </si>
  <si>
    <t>buurt_gegeneraliseerd_2021.3019e6f4-62c0-4784-8360-e1d824be3224</t>
  </si>
  <si>
    <t>BU05990325</t>
  </si>
  <si>
    <t>2021BU05990325</t>
  </si>
  <si>
    <t>buurt_gegeneraliseerd_2021.67a760a3-a1d6-439f-8f85-cf866da84d8f</t>
  </si>
  <si>
    <t>BU05990327</t>
  </si>
  <si>
    <t>2021BU05990327</t>
  </si>
  <si>
    <t>Oud Mathenesse</t>
  </si>
  <si>
    <t>buurt_gegeneraliseerd_2021.0d4389d2-8ba5-46a4-bbfd-8ca5ccd3bd9a</t>
  </si>
  <si>
    <t>BU05990328</t>
  </si>
  <si>
    <t>2021BU05990328</t>
  </si>
  <si>
    <t>Witte Dorp</t>
  </si>
  <si>
    <t>buurt_gegeneraliseerd_2021.50164dcc-3367-4032-9ec5-a011120c98c3</t>
  </si>
  <si>
    <t>BU05990329</t>
  </si>
  <si>
    <t>2021BU05990329</t>
  </si>
  <si>
    <t>Schiemond</t>
  </si>
  <si>
    <t>buurt_gegeneraliseerd_2021.ccdc55db-8eb9-4ac4-9b87-87fab826baca</t>
  </si>
  <si>
    <t>BU05990451</t>
  </si>
  <si>
    <t>2021BU05990451</t>
  </si>
  <si>
    <t>buurt_gegeneraliseerd_2021.8d2f9cb1-b36d-4922-b120-0fbda18ac6ea</t>
  </si>
  <si>
    <t>BU05990452</t>
  </si>
  <si>
    <t>2021BU05990452</t>
  </si>
  <si>
    <t>Noord Kethel</t>
  </si>
  <si>
    <t>buurt_gegeneraliseerd_2021.6ea1689e-c356-41e1-8056-2aeccd0868ab</t>
  </si>
  <si>
    <t>BU05990454</t>
  </si>
  <si>
    <t>2021BU05990454</t>
  </si>
  <si>
    <t>Schieveen</t>
  </si>
  <si>
    <t>buurt_gegeneraliseerd_2021.557b8c8f-cf0b-4f7a-9ce2-25742308c2f0</t>
  </si>
  <si>
    <t>BU05990455</t>
  </si>
  <si>
    <t>2021BU05990455</t>
  </si>
  <si>
    <t>Zestienhoven</t>
  </si>
  <si>
    <t>buurt_gegeneraliseerd_2021.2a4c8b12-211a-4fbc-84e9-a6f736a68bde</t>
  </si>
  <si>
    <t>BU05990456</t>
  </si>
  <si>
    <t>2021BU05990456</t>
  </si>
  <si>
    <t>Overschie</t>
  </si>
  <si>
    <t>buurt_gegeneraliseerd_2021.2f6d8e23-64bd-4c8e-b728-aca9a1b198db</t>
  </si>
  <si>
    <t>BU05990457</t>
  </si>
  <si>
    <t>2021BU05990457</t>
  </si>
  <si>
    <t>Landzicht</t>
  </si>
  <si>
    <t>buurt_gegeneraliseerd_2021.045ba18b-728d-47b1-ac45-3c48224ce260</t>
  </si>
  <si>
    <t>BU05990515</t>
  </si>
  <si>
    <t>2021BU05990515</t>
  </si>
  <si>
    <t>Agniesebuurt</t>
  </si>
  <si>
    <t>buurt_gegeneraliseerd_2021.a6db3e95-daa0-4ee7-b84f-3a975610d00f</t>
  </si>
  <si>
    <t>BU05990516</t>
  </si>
  <si>
    <t>2021BU05990516</t>
  </si>
  <si>
    <t>Provenierswijk</t>
  </si>
  <si>
    <t>buurt_gegeneraliseerd_2021.02cd03fc-a005-4d71-b7e8-004a59ab6b31</t>
  </si>
  <si>
    <t>BU05990531</t>
  </si>
  <si>
    <t>2021BU05990531</t>
  </si>
  <si>
    <t>Bergpolder</t>
  </si>
  <si>
    <t>buurt_gegeneraliseerd_2021.7c51ba27-da92-4603-8b81-9547963fb5c9</t>
  </si>
  <si>
    <t>BU05990532</t>
  </si>
  <si>
    <t>2021BU05990532</t>
  </si>
  <si>
    <t>Blijdorp</t>
  </si>
  <si>
    <t>buurt_gegeneraliseerd_2021.fd67e15d-d44d-4c99-ab72-b8a7be39fc54</t>
  </si>
  <si>
    <t>BU05990534</t>
  </si>
  <si>
    <t>2021BU05990534</t>
  </si>
  <si>
    <t>Liskwartier</t>
  </si>
  <si>
    <t>buurt_gegeneraliseerd_2021.ae64d0b7-ede6-4121-9734-f52449a56be7</t>
  </si>
  <si>
    <t>BU05990535</t>
  </si>
  <si>
    <t>2021BU05990535</t>
  </si>
  <si>
    <t>Oude Noorden</t>
  </si>
  <si>
    <t>buurt_gegeneraliseerd_2021.bd452c63-2a2b-4d2f-92f2-50e88459359d</t>
  </si>
  <si>
    <t>BU05990558</t>
  </si>
  <si>
    <t>2021BU05990558</t>
  </si>
  <si>
    <t>Blijdorpsepolder</t>
  </si>
  <si>
    <t>buurt_gegeneraliseerd_2021.8783f83c-a0dd-4a01-8fbb-43ecc822a758</t>
  </si>
  <si>
    <t>BU05990660</t>
  </si>
  <si>
    <t>2021BU05990660</t>
  </si>
  <si>
    <t>Schiebroek</t>
  </si>
  <si>
    <t>buurt_gegeneraliseerd_2021.519d9f04-d2cb-4236-8825-2cf0b336fea6</t>
  </si>
  <si>
    <t>BU05990661</t>
  </si>
  <si>
    <t>2021BU05990661</t>
  </si>
  <si>
    <t>Hillegersberg Zuid</t>
  </si>
  <si>
    <t>buurt_gegeneraliseerd_2021.ecbce093-fdab-47d9-ab29-987685ce0c76</t>
  </si>
  <si>
    <t>BU05990662</t>
  </si>
  <si>
    <t>2021BU05990662</t>
  </si>
  <si>
    <t>Hillegersberg Noord</t>
  </si>
  <si>
    <t>buurt_gegeneraliseerd_2021.bed5e833-3eaf-4bac-86c6-ef287b7b8ee3</t>
  </si>
  <si>
    <t>BU05990664</t>
  </si>
  <si>
    <t>2021BU05990664</t>
  </si>
  <si>
    <t>Terbregge</t>
  </si>
  <si>
    <t>buurt_gegeneraliseerd_2021.4c8de12d-468b-4e14-9d5e-5a285a2f4727</t>
  </si>
  <si>
    <t>BU05990665</t>
  </si>
  <si>
    <t>2021BU05990665</t>
  </si>
  <si>
    <t>Molenlaankwartier</t>
  </si>
  <si>
    <t>buurt_gegeneraliseerd_2021.37e05f3d-3b36-4d39-bb71-58d3b55d3ea9</t>
  </si>
  <si>
    <t>BU05990814</t>
  </si>
  <si>
    <t>2021BU05990814</t>
  </si>
  <si>
    <t>Rubroek</t>
  </si>
  <si>
    <t>buurt_gegeneraliseerd_2021.95ce709f-3ff9-4038-a0b0-2f4b95e0f502</t>
  </si>
  <si>
    <t>BU05990836</t>
  </si>
  <si>
    <t>2021BU05990836</t>
  </si>
  <si>
    <t>Nieuw Crooswijk</t>
  </si>
  <si>
    <t>buurt_gegeneraliseerd_2021.fe9896db-d8b2-4cbe-aa95-935527590440</t>
  </si>
  <si>
    <t>BU05990837</t>
  </si>
  <si>
    <t>2021BU05990837</t>
  </si>
  <si>
    <t>Oud Crooswijk</t>
  </si>
  <si>
    <t>buurt_gegeneraliseerd_2021.b91b3bca-f615-45cb-a2ab-40d5b520d2a7</t>
  </si>
  <si>
    <t>BU05990841</t>
  </si>
  <si>
    <t>2021BU05990841</t>
  </si>
  <si>
    <t>Kralingen West</t>
  </si>
  <si>
    <t>buurt_gegeneraliseerd_2021.2676f413-dfca-4a5b-8641-35ac59cd2162</t>
  </si>
  <si>
    <t>BU05990843</t>
  </si>
  <si>
    <t>2021BU05990843</t>
  </si>
  <si>
    <t>Kralingse Bos</t>
  </si>
  <si>
    <t>buurt_gegeneraliseerd_2021.26b492ac-3380-4a80-af37-e43ef445af30</t>
  </si>
  <si>
    <t>BU05990847</t>
  </si>
  <si>
    <t>2021BU05990847</t>
  </si>
  <si>
    <t>Struisenburg</t>
  </si>
  <si>
    <t>buurt_gegeneraliseerd_2021.04ea87a7-5e33-4eca-b5cb-c5af44570e65</t>
  </si>
  <si>
    <t>BU05991017</t>
  </si>
  <si>
    <t>2021BU05991017</t>
  </si>
  <si>
    <t>Kop van Zuid</t>
  </si>
  <si>
    <t>buurt_gegeneraliseerd_2021.51a9b0f6-5674-4d1c-ab14-99e1e4d4d7ba</t>
  </si>
  <si>
    <t>BU05991079</t>
  </si>
  <si>
    <t>2021BU05991079</t>
  </si>
  <si>
    <t>Kop van Zuid - Entrepot</t>
  </si>
  <si>
    <t>buurt_gegeneraliseerd_2021.e80a406b-7d4f-47b2-bba5-758e008bbe9d</t>
  </si>
  <si>
    <t>BU05991081</t>
  </si>
  <si>
    <t>2021BU05991081</t>
  </si>
  <si>
    <t>Bloemhof</t>
  </si>
  <si>
    <t>buurt_gegeneraliseerd_2021.c530f10e-7ae9-40f6-8579-b2a3ec0d83b1</t>
  </si>
  <si>
    <t>BU05991085</t>
  </si>
  <si>
    <t>2021BU05991085</t>
  </si>
  <si>
    <t>Katendrecht</t>
  </si>
  <si>
    <t>buurt_gegeneraliseerd_2021.e4679c6d-04ad-4bb2-8b0a-cec3353630b3</t>
  </si>
  <si>
    <t>BU05991086</t>
  </si>
  <si>
    <t>2021BU05991086</t>
  </si>
  <si>
    <t>Afrikaanderwijk</t>
  </si>
  <si>
    <t>buurt_gegeneraliseerd_2021.eb9e1a49-2e8a-4c02-bca5-fbbdf4836c9d</t>
  </si>
  <si>
    <t>BU05991087</t>
  </si>
  <si>
    <t>2021BU05991087</t>
  </si>
  <si>
    <t>Feijenoord</t>
  </si>
  <si>
    <t>buurt_gegeneraliseerd_2021.942c259f-a384-4688-83ae-a54149ad0e4f</t>
  </si>
  <si>
    <t>BU05991088</t>
  </si>
  <si>
    <t>2021BU05991088</t>
  </si>
  <si>
    <t>buurt_gegeneraliseerd_2021.1b6245d8-7325-4eb9-9d24-6772f5e46631</t>
  </si>
  <si>
    <t>BU05991391</t>
  </si>
  <si>
    <t>2021BU05991391</t>
  </si>
  <si>
    <t>Pernis</t>
  </si>
  <si>
    <t>buurt_gegeneraliseerd_2021.796ea22a-ea8a-47c3-83ad-898f5be636e2</t>
  </si>
  <si>
    <t>BU05991448</t>
  </si>
  <si>
    <t>2021BU05991448</t>
  </si>
  <si>
    <t>Prinsenland</t>
  </si>
  <si>
    <t>buurt_gegeneraliseerd_2021.563c624c-8a62-4bb2-9102-45ea9679ca18</t>
  </si>
  <si>
    <t>BU05991449</t>
  </si>
  <si>
    <t>2021BU05991449</t>
  </si>
  <si>
    <t>Het Lage Land</t>
  </si>
  <si>
    <t>buurt_gegeneraliseerd_2021.ecdd60ae-972f-4409-962c-7d21897dbc3d</t>
  </si>
  <si>
    <t>BU05991463</t>
  </si>
  <si>
    <t>2021BU05991463</t>
  </si>
  <si>
    <t>Ommoord</t>
  </si>
  <si>
    <t>buurt_gegeneraliseerd_2021.ba4a1404-544e-41b0-b1b4-f81e39f40c9f</t>
  </si>
  <si>
    <t>BU05991466</t>
  </si>
  <si>
    <t>2021BU05991466</t>
  </si>
  <si>
    <t>Zevenkamp</t>
  </si>
  <si>
    <t>buurt_gegeneraliseerd_2021.bf106586-b5d2-45e7-b2ac-d72ffa61b67c</t>
  </si>
  <si>
    <t>BU05991467</t>
  </si>
  <si>
    <t>2021BU05991467</t>
  </si>
  <si>
    <t>Oosterflank</t>
  </si>
  <si>
    <t>buurt_gegeneraliseerd_2021.ca2f26eb-94ce-49bc-93bf-1ec13af6b638</t>
  </si>
  <si>
    <t>BU05991468</t>
  </si>
  <si>
    <t>2021BU05991468</t>
  </si>
  <si>
    <t>Nesselande</t>
  </si>
  <si>
    <t>buurt_gegeneraliseerd_2021.fa1262aa-c4d5-4663-b84e-95a48abf9236</t>
  </si>
  <si>
    <t>BU05991570</t>
  </si>
  <si>
    <t>2021BU05991570</t>
  </si>
  <si>
    <t>Charlois Zuidrand</t>
  </si>
  <si>
    <t>buurt_gegeneraliseerd_2021.4ce82033-1ade-4116-9638-726e5302db53</t>
  </si>
  <si>
    <t>BU05991571</t>
  </si>
  <si>
    <t>2021BU05991571</t>
  </si>
  <si>
    <t>Tarwewijk</t>
  </si>
  <si>
    <t>buurt_gegeneraliseerd_2021.e6d012b6-8da5-4a52-8cc5-fca7d4aa2073</t>
  </si>
  <si>
    <t>BU05991572</t>
  </si>
  <si>
    <t>2021BU05991572</t>
  </si>
  <si>
    <t>Carnisse</t>
  </si>
  <si>
    <t>buurt_gegeneraliseerd_2021.96b23a5f-8b02-415f-862b-2be4bd849d4e</t>
  </si>
  <si>
    <t>BU05991573</t>
  </si>
  <si>
    <t>2021BU05991573</t>
  </si>
  <si>
    <t>buurt_gegeneraliseerd_2021.cccf1824-d373-4a54-8e6c-c4c61cf461dc</t>
  </si>
  <si>
    <t>BU05991574</t>
  </si>
  <si>
    <t>2021BU05991574</t>
  </si>
  <si>
    <t>Oud Charlois</t>
  </si>
  <si>
    <t>buurt_gegeneraliseerd_2021.ee21170a-0057-4d14-b5ad-03cf9fb40a5d</t>
  </si>
  <si>
    <t>BU05991575</t>
  </si>
  <si>
    <t>2021BU05991575</t>
  </si>
  <si>
    <t>buurt_gegeneraliseerd_2021.6473ff1e-1fb9-4a25-ab88-4ab374e5b1be</t>
  </si>
  <si>
    <t>BU05991576</t>
  </si>
  <si>
    <t>2021BU05991576</t>
  </si>
  <si>
    <t>Zuidplein</t>
  </si>
  <si>
    <t>buurt_gegeneraliseerd_2021.ef277306-6639-456f-8b74-f9286bfaf2a9</t>
  </si>
  <si>
    <t>BU05991577</t>
  </si>
  <si>
    <t>2021BU05991577</t>
  </si>
  <si>
    <t>Pendrecht</t>
  </si>
  <si>
    <t>buurt_gegeneraliseerd_2021.75d226c5-003c-477e-b72d-f362ab1582b6</t>
  </si>
  <si>
    <t>BU05991578</t>
  </si>
  <si>
    <t>2021BU05991578</t>
  </si>
  <si>
    <t>buurt_gegeneraliseerd_2021.a842599b-e8c5-45e1-ad91-34f6d34b0ff4</t>
  </si>
  <si>
    <t>BU05991593</t>
  </si>
  <si>
    <t>2021BU05991593</t>
  </si>
  <si>
    <t>Heijplaat</t>
  </si>
  <si>
    <t>buurt_gegeneraliseerd_2021.7263af52-a11d-442b-abc1-a486cdefa9d8</t>
  </si>
  <si>
    <t>BU05991692</t>
  </si>
  <si>
    <t>2021BU05991692</t>
  </si>
  <si>
    <t>Hoogvliet Noord</t>
  </si>
  <si>
    <t>buurt_gegeneraliseerd_2021.7e6d7af5-8357-4bc0-bf3a-eea5f42731e1</t>
  </si>
  <si>
    <t>BU05991699</t>
  </si>
  <si>
    <t>2021BU05991699</t>
  </si>
  <si>
    <t>Hoogvliet Zuid</t>
  </si>
  <si>
    <t>buurt_gegeneraliseerd_2021.1a22a498-842b-4f4c-bfc0-91860b306b88</t>
  </si>
  <si>
    <t>BU05991701</t>
  </si>
  <si>
    <t>2021BU05991701</t>
  </si>
  <si>
    <t>Strand en Duin</t>
  </si>
  <si>
    <t>buurt_gegeneraliseerd_2021.fe97a879-3083-49c9-a57a-2f0872662378</t>
  </si>
  <si>
    <t>BU05991702</t>
  </si>
  <si>
    <t>2021BU05991702</t>
  </si>
  <si>
    <t>buurt_gegeneraliseerd_2021.127be547-f5c3-48ca-ad25-c33594104071</t>
  </si>
  <si>
    <t>BU05991703</t>
  </si>
  <si>
    <t>2021BU05991703</t>
  </si>
  <si>
    <t>Rijnpoort</t>
  </si>
  <si>
    <t>buurt_gegeneraliseerd_2021.5de745df-3b73-4d62-ba1f-e35549cd9fb1</t>
  </si>
  <si>
    <t>BU05991853</t>
  </si>
  <si>
    <t>2021BU05991853</t>
  </si>
  <si>
    <t>buurt_gegeneraliseerd_2021.8b440fc7-014a-4c96-b50d-52b052f872f8</t>
  </si>
  <si>
    <t>BU05991926</t>
  </si>
  <si>
    <t>2021BU05991926</t>
  </si>
  <si>
    <t>Nieuw Mathenesse</t>
  </si>
  <si>
    <t>buurt_gegeneraliseerd_2021.22df0d0d-5f94-43a1-bec1-f4aab9322512</t>
  </si>
  <si>
    <t>BU05992194</t>
  </si>
  <si>
    <t>2021BU05992194</t>
  </si>
  <si>
    <t>Waalhaven</t>
  </si>
  <si>
    <t>buurt_gegeneraliseerd_2021.fcb111d8-04f5-4a2f-8042-230e424e83c5</t>
  </si>
  <si>
    <t>BU05992196</t>
  </si>
  <si>
    <t>2021BU05992196</t>
  </si>
  <si>
    <t>Eemhaven</t>
  </si>
  <si>
    <t>buurt_gegeneraliseerd_2021.dc534eff-b125-4873-8e14-561ee04220ff</t>
  </si>
  <si>
    <t>BU05992198</t>
  </si>
  <si>
    <t>2021BU05992198</t>
  </si>
  <si>
    <t>Waalhaven Zuid</t>
  </si>
  <si>
    <t>buurt_gegeneraliseerd_2021.35e680ef-6f36-47be-82f1-3628d2f24905</t>
  </si>
  <si>
    <t>BU05992295</t>
  </si>
  <si>
    <t>2021BU05992295</t>
  </si>
  <si>
    <t>Vondelingenplaat</t>
  </si>
  <si>
    <t>buurt_gegeneraliseerd_2021.ae3bbf97-ec48-42a6-a020-5cf4bbdceac9</t>
  </si>
  <si>
    <t>BU05992306</t>
  </si>
  <si>
    <t>2021BU05992306</t>
  </si>
  <si>
    <t>Botlek</t>
  </si>
  <si>
    <t>buurt_gegeneraliseerd_2021.902bc3b6-3d51-43eb-912a-4783b3012d5f</t>
  </si>
  <si>
    <t>BU05992307</t>
  </si>
  <si>
    <t>2021BU05992307</t>
  </si>
  <si>
    <t>Europoort</t>
  </si>
  <si>
    <t>buurt_gegeneraliseerd_2021.e6f83c82-6333-47e0-b601-6a46baa227cb</t>
  </si>
  <si>
    <t>BU05992308</t>
  </si>
  <si>
    <t>2021BU05992308</t>
  </si>
  <si>
    <t>Maasvlakte</t>
  </si>
  <si>
    <t>buurt_gegeneraliseerd_2021.ad5b48b4-d6ec-4ba9-a523-f40d6f3d5ef3</t>
  </si>
  <si>
    <t>BU05992459</t>
  </si>
  <si>
    <t>2021BU05992459</t>
  </si>
  <si>
    <t>Bedrijvenpark Noord-West</t>
  </si>
  <si>
    <t>buurt_gegeneraliseerd_2021.64a5ab53-d7f4-4a00-9387-33d2ea58b2e7</t>
  </si>
  <si>
    <t>BU05992650</t>
  </si>
  <si>
    <t>2021BU05992650</t>
  </si>
  <si>
    <t>Bedrijventerrein Schieveen</t>
  </si>
  <si>
    <t>buurt_gegeneraliseerd_2021.9779fa36-c8a8-4f07-93fe-3297cbcfcb92</t>
  </si>
  <si>
    <t>BU05992704</t>
  </si>
  <si>
    <t>2021BU05992704</t>
  </si>
  <si>
    <t>Rozenburg</t>
  </si>
  <si>
    <t>buurt_gegeneraliseerd_2021.6cf81a4f-02c3-4b02-bdbe-32925ee73e3a</t>
  </si>
  <si>
    <t>BU05992705</t>
  </si>
  <si>
    <t>2021BU05992705</t>
  </si>
  <si>
    <t>Noordzeeweg</t>
  </si>
  <si>
    <t>buurt_gegeneraliseerd_2021.08a5fcef-b3fc-49c9-b21e-7c43fcafa831</t>
  </si>
  <si>
    <t>BU07440101</t>
  </si>
  <si>
    <t>2021BU07440101</t>
  </si>
  <si>
    <t>Centrumgebied Baarle-Nassau</t>
  </si>
  <si>
    <t>GM0744</t>
  </si>
  <si>
    <t>buurt_gegeneraliseerd_2021.3c94fdf4-48f8-4d7d-812a-237c497ff5ab</t>
  </si>
  <si>
    <t>BU07440102</t>
  </si>
  <si>
    <t>2021BU07440102</t>
  </si>
  <si>
    <t>Hoogbraak</t>
  </si>
  <si>
    <t>buurt_gegeneraliseerd_2021.7aac3dd5-43d3-4cde-abd0-a20ae4302428</t>
  </si>
  <si>
    <t>BU07440103</t>
  </si>
  <si>
    <t>2021BU07440103</t>
  </si>
  <si>
    <t>buurt_gegeneraliseerd_2021.124bd65d-d312-4e80-974b-ac15aea1e9e7</t>
  </si>
  <si>
    <t>BU07440104</t>
  </si>
  <si>
    <t>2021BU07440104</t>
  </si>
  <si>
    <t>Bedrijventerrein De Geer</t>
  </si>
  <si>
    <t>buurt_gegeneraliseerd_2021.da650261-fd58-48b3-9ed6-4881b621ed84</t>
  </si>
  <si>
    <t>BU07440105</t>
  </si>
  <si>
    <t>2021BU07440105</t>
  </si>
  <si>
    <t>Loveren</t>
  </si>
  <si>
    <t>buurt_gegeneraliseerd_2021.1c4a36bf-2129-4aee-a135-be9c9f7f3258</t>
  </si>
  <si>
    <t>BU07440106</t>
  </si>
  <si>
    <t>2021BU07440106</t>
  </si>
  <si>
    <t>Goordonk</t>
  </si>
  <si>
    <t>buurt_gegeneraliseerd_2021.2e7d077a-77ef-4394-a0db-bf00e63f0fcb</t>
  </si>
  <si>
    <t>BU07440107</t>
  </si>
  <si>
    <t>2021BU07440107</t>
  </si>
  <si>
    <t>Buitengebied Baarle-Nassau</t>
  </si>
  <si>
    <t>buurt_gegeneraliseerd_2021.aca6e682-e044-488f-b8c0-2dc4416b2349</t>
  </si>
  <si>
    <t>BU07440201</t>
  </si>
  <si>
    <t>2021BU07440201</t>
  </si>
  <si>
    <t>Kern Ulicoten</t>
  </si>
  <si>
    <t>buurt_gegeneraliseerd_2021.89766641-5214-45c4-a9f4-39bea82880c5</t>
  </si>
  <si>
    <t>BU07440202</t>
  </si>
  <si>
    <t>2021BU07440202</t>
  </si>
  <si>
    <t>Buitengebied Ulicoten</t>
  </si>
  <si>
    <t>buurt_gegeneraliseerd_2021.ae4d84e0-517a-4780-b40e-878407a8c8be</t>
  </si>
  <si>
    <t>BU07440301</t>
  </si>
  <si>
    <t>2021BU07440301</t>
  </si>
  <si>
    <t>Castelré</t>
  </si>
  <si>
    <t>buurt_gegeneraliseerd_2021.0a5567c9-4e87-4a3f-ab0d-f964b6449053</t>
  </si>
  <si>
    <t>BU07570000</t>
  </si>
  <si>
    <t>2021BU07570000</t>
  </si>
  <si>
    <t>Boxtel-Centrum</t>
  </si>
  <si>
    <t>GM0757</t>
  </si>
  <si>
    <t>buurt_gegeneraliseerd_2021.f701d161-4617-4bf7-aa5d-79463a9164a9</t>
  </si>
  <si>
    <t>BU07570001</t>
  </si>
  <si>
    <t>2021BU07570001</t>
  </si>
  <si>
    <t>Boxtel-Oost</t>
  </si>
  <si>
    <t>buurt_gegeneraliseerd_2021.1bcc6971-fd61-498a-9c66-38d369d1c237</t>
  </si>
  <si>
    <t>BU07570002</t>
  </si>
  <si>
    <t>2021BU07570002</t>
  </si>
  <si>
    <t>Boxtel-Noord</t>
  </si>
  <si>
    <t>buurt_gegeneraliseerd_2021.707b2b49-af99-4c44-84eb-309817ac0649</t>
  </si>
  <si>
    <t>BU07570003</t>
  </si>
  <si>
    <t>2021BU07570003</t>
  </si>
  <si>
    <t>Munsel-Selissen</t>
  </si>
  <si>
    <t>buurt_gegeneraliseerd_2021.e5261f62-b791-48bc-a0a2-c6e004cdcc5f</t>
  </si>
  <si>
    <t>BU07570004</t>
  </si>
  <si>
    <t>2021BU07570004</t>
  </si>
  <si>
    <t>Industrieterrein Boxtel</t>
  </si>
  <si>
    <t>buurt_gegeneraliseerd_2021.9c95d6b4-deb6-4f60-8164-02251b716672</t>
  </si>
  <si>
    <t>BU07570005</t>
  </si>
  <si>
    <t>2021BU07570005</t>
  </si>
  <si>
    <t>Verspreide huizen Kleinderliempde</t>
  </si>
  <si>
    <t>buurt_gegeneraliseerd_2021.0a250e3f-acc5-455e-a825-fb3cda444c16</t>
  </si>
  <si>
    <t>BU07570006</t>
  </si>
  <si>
    <t>2021BU07570006</t>
  </si>
  <si>
    <t>Verspreide huizen Tongeren, Luissel en Nergena</t>
  </si>
  <si>
    <t>buurt_gegeneraliseerd_2021.b01c661d-027d-41c4-bdb1-4d49bd84df81</t>
  </si>
  <si>
    <t>BU07570007</t>
  </si>
  <si>
    <t>2021BU07570007</t>
  </si>
  <si>
    <t>Verspreide huizen Hal en Heult</t>
  </si>
  <si>
    <t>buurt_gegeneraliseerd_2021.d5b4bb38-3868-4bc8-b245-aa0691629542</t>
  </si>
  <si>
    <t>BU07570008</t>
  </si>
  <si>
    <t>2021BU07570008</t>
  </si>
  <si>
    <t>Verspreide huizen Langenberg</t>
  </si>
  <si>
    <t>buurt_gegeneraliseerd_2021.4cd39261-3f1a-45ba-998e-7af83c7711ac</t>
  </si>
  <si>
    <t>BU07570009</t>
  </si>
  <si>
    <t>2021BU07570009</t>
  </si>
  <si>
    <t>Verspreide huizen Roond</t>
  </si>
  <si>
    <t>buurt_gegeneraliseerd_2021.07d14a2b-03ac-4d87-8e95-63fd18696591</t>
  </si>
  <si>
    <t>BU07570100</t>
  </si>
  <si>
    <t>2021BU07570100</t>
  </si>
  <si>
    <t>Lennisheuvel</t>
  </si>
  <si>
    <t>buurt_gegeneraliseerd_2021.bfa1d1d2-7a9c-47d0-a1b3-da712428a952</t>
  </si>
  <si>
    <t>BU07570109</t>
  </si>
  <si>
    <t>2021BU07570109</t>
  </si>
  <si>
    <t>Verspreide huizen Lennisheuvel</t>
  </si>
  <si>
    <t>buurt_gegeneraliseerd_2021.d24cb6c5-081d-4d78-8f38-5d8f9f9e8bc9</t>
  </si>
  <si>
    <t>BU07570200</t>
  </si>
  <si>
    <t>2021BU07570200</t>
  </si>
  <si>
    <t>Liempde</t>
  </si>
  <si>
    <t>buurt_gegeneraliseerd_2021.440a0b29-2dc6-4557-a594-fc26bed5dd13</t>
  </si>
  <si>
    <t>BU07570206</t>
  </si>
  <si>
    <t>2021BU07570206</t>
  </si>
  <si>
    <t>Hezelaar</t>
  </si>
  <si>
    <t>buurt_gegeneraliseerd_2021.047c921c-fdce-4484-981e-ec20708c80b5</t>
  </si>
  <si>
    <t>BU07570207</t>
  </si>
  <si>
    <t>2021BU07570207</t>
  </si>
  <si>
    <t>Vrilkhoven</t>
  </si>
  <si>
    <t>buurt_gegeneraliseerd_2021.7e99dbd5-3d0a-4455-8625-84357a9f16fe</t>
  </si>
  <si>
    <t>BU07570208</t>
  </si>
  <si>
    <t>2021BU07570208</t>
  </si>
  <si>
    <t>Verspreide huizen Kasteren en Berg</t>
  </si>
  <si>
    <t>buurt_gegeneraliseerd_2021.e075ed5f-969b-4dac-a92c-be57568f8ed8</t>
  </si>
  <si>
    <t>BU07570209</t>
  </si>
  <si>
    <t>2021BU07570209</t>
  </si>
  <si>
    <t>Verspreide huizen Velders, Bosch en De Scheeken</t>
  </si>
  <si>
    <t>buurt_gegeneraliseerd_2021.f9337ee4-302b-49fb-b6e5-7d9f1597aa61</t>
  </si>
  <si>
    <t>BU07573000</t>
  </si>
  <si>
    <t>2021BU07573000</t>
  </si>
  <si>
    <t>Esch</t>
  </si>
  <si>
    <t>buurt_gegeneraliseerd_2021.fd56ad0e-4631-44ea-be51-7cec381b322d</t>
  </si>
  <si>
    <t>BU07573100</t>
  </si>
  <si>
    <t>2021BU07573100</t>
  </si>
  <si>
    <t>Verspr huizen Esch</t>
  </si>
  <si>
    <t>buurt_gegeneraliseerd_2021.ce5390a7-f1e0-4fcd-b374-cc6bca4f96bf</t>
  </si>
  <si>
    <t>BU07840101</t>
  </si>
  <si>
    <t>2021BU07840101</t>
  </si>
  <si>
    <t>Centrumgebied West Rijen</t>
  </si>
  <si>
    <t>GM0784</t>
  </si>
  <si>
    <t>buurt_gegeneraliseerd_2021.42cc6aa1-151b-4c15-89ad-b1744e8da60d</t>
  </si>
  <si>
    <t>BU07840102</t>
  </si>
  <si>
    <t>2021BU07840102</t>
  </si>
  <si>
    <t>Vijf Eiken</t>
  </si>
  <si>
    <t>buurt_gegeneraliseerd_2021.3b98cbca-a08c-4430-aad2-0bed65919158</t>
  </si>
  <si>
    <t>BU07840103</t>
  </si>
  <si>
    <t>2021BU07840103</t>
  </si>
  <si>
    <t>Wolfsweide</t>
  </si>
  <si>
    <t>buurt_gegeneraliseerd_2021.2fe664fc-7403-4a60-b414-5b7cedea5a16</t>
  </si>
  <si>
    <t>BU07840104</t>
  </si>
  <si>
    <t>2021BU07840104</t>
  </si>
  <si>
    <t>Centrumgebied Oost Rijen</t>
  </si>
  <si>
    <t>buurt_gegeneraliseerd_2021.e74809aa-2ce2-437c-9e2f-73f0e4226d53</t>
  </si>
  <si>
    <t>BU07840105</t>
  </si>
  <si>
    <t>2021BU07840105</t>
  </si>
  <si>
    <t>buurt_gegeneraliseerd_2021.493899fe-825e-4b18-9c02-bea50c9a1807</t>
  </si>
  <si>
    <t>BU07840106</t>
  </si>
  <si>
    <t>2021BU07840106</t>
  </si>
  <si>
    <t>Vliegende Vennen</t>
  </si>
  <si>
    <t>buurt_gegeneraliseerd_2021.86d250ab-9b60-4896-b38b-7deaf9a82455</t>
  </si>
  <si>
    <t>BU07840107</t>
  </si>
  <si>
    <t>2021BU07840107</t>
  </si>
  <si>
    <t>Paarse Strook</t>
  </si>
  <si>
    <t>buurt_gegeneraliseerd_2021.343854e0-f10c-464b-9c74-17f8f6f6ec10</t>
  </si>
  <si>
    <t>BU07840108</t>
  </si>
  <si>
    <t>2021BU07840108</t>
  </si>
  <si>
    <t>Bedrijventerrein Haansberg</t>
  </si>
  <si>
    <t>buurt_gegeneraliseerd_2021.da44ebd2-c645-408e-a783-5b3c373aeaf0</t>
  </si>
  <si>
    <t>BU07840109</t>
  </si>
  <si>
    <t>2021BU07840109</t>
  </si>
  <si>
    <t>Rijen Zuid</t>
  </si>
  <si>
    <t>buurt_gegeneraliseerd_2021.7c1df6cc-12d0-4c6f-a799-2e3bc07e712c</t>
  </si>
  <si>
    <t>BU07840110</t>
  </si>
  <si>
    <t>2021BU07840110</t>
  </si>
  <si>
    <t>Grote Spie</t>
  </si>
  <si>
    <t>buurt_gegeneraliseerd_2021.dcd560be-d506-4fdf-9e75-c74e937980bd</t>
  </si>
  <si>
    <t>BU07840111</t>
  </si>
  <si>
    <t>2021BU07840111</t>
  </si>
  <si>
    <t>Tussen de Leijen</t>
  </si>
  <si>
    <t>buurt_gegeneraliseerd_2021.c2c28b0b-8ce3-4617-b060-64153aee4bb7</t>
  </si>
  <si>
    <t>BU07840112</t>
  </si>
  <si>
    <t>2021BU07840112</t>
  </si>
  <si>
    <t>Buitengebied Zuid Rijen</t>
  </si>
  <si>
    <t>buurt_gegeneraliseerd_2021.d9c7e444-281d-4b03-9869-1c7fc66861c1</t>
  </si>
  <si>
    <t>BU07840113</t>
  </si>
  <si>
    <t>2021BU07840113</t>
  </si>
  <si>
    <t>Buitengebied Noord Rijen</t>
  </si>
  <si>
    <t>buurt_gegeneraliseerd_2021.f2bbb462-b3c3-411c-998d-08771dcdef73</t>
  </si>
  <si>
    <t>BU07840201</t>
  </si>
  <si>
    <t>2021BU07840201</t>
  </si>
  <si>
    <t>Centrumgebied Noord Gilze</t>
  </si>
  <si>
    <t>buurt_gegeneraliseerd_2021.a6d69155-6604-41f0-bea6-4d5e6e828902</t>
  </si>
  <si>
    <t>BU07840202</t>
  </si>
  <si>
    <t>2021BU07840202</t>
  </si>
  <si>
    <t>Centrumgebied Zuid Gilze</t>
  </si>
  <si>
    <t>buurt_gegeneraliseerd_2021.d672a474-adc8-4cb8-b2eb-d87620c8a771</t>
  </si>
  <si>
    <t>BU07840203</t>
  </si>
  <si>
    <t>2021BU07840203</t>
  </si>
  <si>
    <t>Strijpakkers-Laars</t>
  </si>
  <si>
    <t>buurt_gegeneraliseerd_2021.fe5ce94c-93ff-40ac-9775-8ecff4796141</t>
  </si>
  <si>
    <t>BU07840204</t>
  </si>
  <si>
    <t>2021BU07840204</t>
  </si>
  <si>
    <t>Steenakkers</t>
  </si>
  <si>
    <t>buurt_gegeneraliseerd_2021.baad31a0-9f6b-42ea-88dc-d5fd8e6e04e2</t>
  </si>
  <si>
    <t>BU07840205</t>
  </si>
  <si>
    <t>2021BU07840205</t>
  </si>
  <si>
    <t>Bedrijventerrein Broekakkers</t>
  </si>
  <si>
    <t>buurt_gegeneraliseerd_2021.ff100e3e-7ccd-4d8a-9233-dc2b042dec03</t>
  </si>
  <si>
    <t>BU07840206</t>
  </si>
  <si>
    <t>2021BU07840206</t>
  </si>
  <si>
    <t>Hofstad</t>
  </si>
  <si>
    <t>buurt_gegeneraliseerd_2021.f93d6510-dd24-42e2-819c-a52e85a89e57</t>
  </si>
  <si>
    <t>BU07840207</t>
  </si>
  <si>
    <t>2021BU07840207</t>
  </si>
  <si>
    <t>Bedrijventerrein Midden-Brabant Poort</t>
  </si>
  <si>
    <t>buurt_gegeneraliseerd_2021.57387497-db74-4365-9e61-d461046e052c</t>
  </si>
  <si>
    <t>BU07840208</t>
  </si>
  <si>
    <t>2021BU07840208</t>
  </si>
  <si>
    <t>Buitengebied Gilze</t>
  </si>
  <si>
    <t>buurt_gegeneraliseerd_2021.6e6ba71e-3c08-4e2c-b746-f8475a86bcb2</t>
  </si>
  <si>
    <t>BU07840209</t>
  </si>
  <si>
    <t>2021BU07840209</t>
  </si>
  <si>
    <t>Prinsenbosch</t>
  </si>
  <si>
    <t>buurt_gegeneraliseerd_2021.cbd2472b-e25e-4715-b3f3-a5ef74c3c803</t>
  </si>
  <si>
    <t>BU07840301</t>
  </si>
  <si>
    <t>2021BU07840301</t>
  </si>
  <si>
    <t>Kern Hulten</t>
  </si>
  <si>
    <t>buurt_gegeneraliseerd_2021.e56dd055-90a5-443e-872f-a105fcb4f4ba</t>
  </si>
  <si>
    <t>BU07840302</t>
  </si>
  <si>
    <t>2021BU07840302</t>
  </si>
  <si>
    <t>Buitengebied Hulten</t>
  </si>
  <si>
    <t>buurt_gegeneraliseerd_2021.3b26dcef-7dd1-4fe0-974f-6977611c86c2</t>
  </si>
  <si>
    <t>BU07840401</t>
  </si>
  <si>
    <t>2021BU07840401</t>
  </si>
  <si>
    <t>Kern Molenschot</t>
  </si>
  <si>
    <t>buurt_gegeneraliseerd_2021.e255bb8c-dbbd-4132-98de-178ba46f7a7f</t>
  </si>
  <si>
    <t>BU07840402</t>
  </si>
  <si>
    <t>2021BU07840402</t>
  </si>
  <si>
    <t>Buitengebied Molenschot</t>
  </si>
  <si>
    <t>buurt_gegeneraliseerd_2021.e2dd94d5-a020-437f-91a6-6761fe01642f</t>
  </si>
  <si>
    <t>BU08240101</t>
  </si>
  <si>
    <t>2021BU08240101</t>
  </si>
  <si>
    <t>verspr.h. Westen en Noorden Moergestel</t>
  </si>
  <si>
    <t>GM0824</t>
  </si>
  <si>
    <t>buurt_gegeneraliseerd_2021.d14cad21-aae7-4ce6-91f7-b71b68f3b089</t>
  </si>
  <si>
    <t>BU08240201</t>
  </si>
  <si>
    <t>2021BU08240201</t>
  </si>
  <si>
    <t>omg Pannenschuur</t>
  </si>
  <si>
    <t>buurt_gegeneraliseerd_2021.30f64685-d45c-4ff2-a568-d5429e373c20</t>
  </si>
  <si>
    <t>BU08240202</t>
  </si>
  <si>
    <t>2021BU08240202</t>
  </si>
  <si>
    <t>omg. Bej.Centrum/Molen</t>
  </si>
  <si>
    <t>buurt_gegeneraliseerd_2021.85fe5306-bfd0-49e3-8344-5458769752c8</t>
  </si>
  <si>
    <t>BU08240301</t>
  </si>
  <si>
    <t>2021BU08240301</t>
  </si>
  <si>
    <t>Heukelom</t>
  </si>
  <si>
    <t>buurt_gegeneraliseerd_2021.73f4de3f-a767-4eee-8545-27613e80b894</t>
  </si>
  <si>
    <t>BU08240401</t>
  </si>
  <si>
    <t>2021BU08240401</t>
  </si>
  <si>
    <t>buitengebied Zuid</t>
  </si>
  <si>
    <t>buurt_gegeneraliseerd_2021.cdf85fe8-8b1f-4b4a-9e16-690e824b2f17</t>
  </si>
  <si>
    <t>BU08240402</t>
  </si>
  <si>
    <t>2021BU08240402</t>
  </si>
  <si>
    <t>buitengebied de Logt</t>
  </si>
  <si>
    <t>buurt_gegeneraliseerd_2021.210b9968-221e-40a5-b4b7-4d4495bd3795</t>
  </si>
  <si>
    <t>BU08240501</t>
  </si>
  <si>
    <t>2021BU08240501</t>
  </si>
  <si>
    <t>omg. Vinkenberg/Heuvelstraat</t>
  </si>
  <si>
    <t>buurt_gegeneraliseerd_2021.47e7dc15-4718-4a18-9483-c1057f9b39ce</t>
  </si>
  <si>
    <t>BU08240601</t>
  </si>
  <si>
    <t>2021BU08240601</t>
  </si>
  <si>
    <t>George Perklaan</t>
  </si>
  <si>
    <t>buurt_gegeneraliseerd_2021.1c951df9-bc96-4aa9-aafb-71d797d4cb4e</t>
  </si>
  <si>
    <t>BU08240701</t>
  </si>
  <si>
    <t>2021BU08240701</t>
  </si>
  <si>
    <t>centrum Moergestel</t>
  </si>
  <si>
    <t>buurt_gegeneraliseerd_2021.b2ea6175-c3b2-4d93-bdb8-9fd42c1a325b</t>
  </si>
  <si>
    <t>BU08240801</t>
  </si>
  <si>
    <t>2021BU08240801</t>
  </si>
  <si>
    <t>omg. 't Seuverick</t>
  </si>
  <si>
    <t>buurt_gegeneraliseerd_2021.82249183-9d27-49ad-bf70-f07b0528973a</t>
  </si>
  <si>
    <t>BU08240802</t>
  </si>
  <si>
    <t>2021BU08240802</t>
  </si>
  <si>
    <t>omg. 't Westend</t>
  </si>
  <si>
    <t>buurt_gegeneraliseerd_2021.f5b38c91-0b1f-4457-8f45-7e4e663c329b</t>
  </si>
  <si>
    <t>BU08240803</t>
  </si>
  <si>
    <t>2021BU08240803</t>
  </si>
  <si>
    <t>omg. "Prinsessen" wijk</t>
  </si>
  <si>
    <t>buurt_gegeneraliseerd_2021.384ef536-d252-4ed2-ac08-86712436409b</t>
  </si>
  <si>
    <t>BU08240901</t>
  </si>
  <si>
    <t>2021BU08240901</t>
  </si>
  <si>
    <t>omg. Europaln/Hondsbergseln</t>
  </si>
  <si>
    <t>buurt_gegeneraliseerd_2021.46a206dc-bda2-4d56-af2b-28b470a41e98</t>
  </si>
  <si>
    <t>BU08240902</t>
  </si>
  <si>
    <t>2021BU08240902</t>
  </si>
  <si>
    <t>omg. Levenskerk/Boomgaard</t>
  </si>
  <si>
    <t>buurt_gegeneraliseerd_2021.c3edbd42-58e3-4c71-a0d2-e2868bc1d2c1</t>
  </si>
  <si>
    <t>BU08240903</t>
  </si>
  <si>
    <t>2021BU08240903</t>
  </si>
  <si>
    <t>omg. Bunders</t>
  </si>
  <si>
    <t>buurt_gegeneraliseerd_2021.1347c20a-37d2-418a-b8d6-d93cf525780b</t>
  </si>
  <si>
    <t>BU08240904</t>
  </si>
  <si>
    <t>2021BU08240904</t>
  </si>
  <si>
    <t>omg. Dotterpln/Wildemanstraat</t>
  </si>
  <si>
    <t>buurt_gegeneraliseerd_2021.e7d1812f-6d1a-4d06-9447-f0f5d476da25</t>
  </si>
  <si>
    <t>BU08241001</t>
  </si>
  <si>
    <t>2021BU08241001</t>
  </si>
  <si>
    <t>buitengebied Kerkhoven</t>
  </si>
  <si>
    <t>buurt_gegeneraliseerd_2021.541bd259-0b6b-4fb2-9290-b11e1dd4f936</t>
  </si>
  <si>
    <t>BU08241102</t>
  </si>
  <si>
    <t>2021BU08241102</t>
  </si>
  <si>
    <t>omg. Burghtweide</t>
  </si>
  <si>
    <t>buurt_gegeneraliseerd_2021.c7787f65-0cc3-4c66-885e-08fa1eda5390</t>
  </si>
  <si>
    <t>BU08241103</t>
  </si>
  <si>
    <t>2021BU08241103</t>
  </si>
  <si>
    <t>omg. Klompven/Eikenven</t>
  </si>
  <si>
    <t>buurt_gegeneraliseerd_2021.1161af7e-1c96-4091-8a96-7a75f2018745</t>
  </si>
  <si>
    <t>BU08241104</t>
  </si>
  <si>
    <t>2021BU08241104</t>
  </si>
  <si>
    <t>omg. Boxtelsebaan/Waterhoef</t>
  </si>
  <si>
    <t>buurt_gegeneraliseerd_2021.923c5430-7006-41a6-9db6-75f1975bbf24</t>
  </si>
  <si>
    <t>BU08241201</t>
  </si>
  <si>
    <t>2021BU08241201</t>
  </si>
  <si>
    <t>Omgeving Industrieterrein Kerckhoven Laarakkers</t>
  </si>
  <si>
    <t>buurt_gegeneraliseerd_2021.8a8627c8-4559-4faa-8109-97036d88fdd1</t>
  </si>
  <si>
    <t>BU08241301</t>
  </si>
  <si>
    <t>2021BU08241301</t>
  </si>
  <si>
    <t>omg. Petrus Kerk</t>
  </si>
  <si>
    <t>buurt_gegeneraliseerd_2021.3efdbb3c-63d0-48e9-83b5-c9d6b5fc9445</t>
  </si>
  <si>
    <t>BU08241302</t>
  </si>
  <si>
    <t>2021BU08241302</t>
  </si>
  <si>
    <t>omg. De Lind/Kerkstraat</t>
  </si>
  <si>
    <t>buurt_gegeneraliseerd_2021.4a8b6703-4dcc-46f8-89e9-b9ab35a92f1b</t>
  </si>
  <si>
    <t>BU08241402</t>
  </si>
  <si>
    <t>2021BU08241402</t>
  </si>
  <si>
    <t>verspr.h. Oosten en Zuiden Moergestel</t>
  </si>
  <si>
    <t>buurt_gegeneraliseerd_2021.09e86cc4-9c80-4f27-a7f2-628731a18823</t>
  </si>
  <si>
    <t>BU08241501</t>
  </si>
  <si>
    <t>2021BU08241501</t>
  </si>
  <si>
    <t>omg. Broekzijde</t>
  </si>
  <si>
    <t>buurt_gegeneraliseerd_2021.e0c9bd3a-a77c-4644-9595-4abbb603461c</t>
  </si>
  <si>
    <t>BU08241601</t>
  </si>
  <si>
    <t>2021BU08241601</t>
  </si>
  <si>
    <t>Buitengebied Pannenschuur</t>
  </si>
  <si>
    <t>buurt_gegeneraliseerd_2021.b88c6a20-3107-4910-b317-28cc28d208e1</t>
  </si>
  <si>
    <t>BU08241701</t>
  </si>
  <si>
    <t>2021BU08241701</t>
  </si>
  <si>
    <t>Buitengebied Laarakkers</t>
  </si>
  <si>
    <t>buurt_gegeneraliseerd_2021.3ff23343-f244-4445-8592-8433c6b5a1f6</t>
  </si>
  <si>
    <t>BU08241801</t>
  </si>
  <si>
    <t>2021BU08241801</t>
  </si>
  <si>
    <t>KVL</t>
  </si>
  <si>
    <t>buurt_gegeneraliseerd_2021.c6536b22-e5c3-4573-8552-0c9d384b827b</t>
  </si>
  <si>
    <t>BU08241901</t>
  </si>
  <si>
    <t>2021BU08241901</t>
  </si>
  <si>
    <t>Sportpark Den Donk e.o.</t>
  </si>
  <si>
    <t>buurt_gegeneraliseerd_2021.7dd6c416-c574-48a1-a32f-14608e1d87a7</t>
  </si>
  <si>
    <t>BU08242001</t>
  </si>
  <si>
    <t>2021BU08242001</t>
  </si>
  <si>
    <t>Haaren 't Eind</t>
  </si>
  <si>
    <t>buurt_gegeneraliseerd_2021.ca9fdf7b-5e53-45be-93a0-4dda86d6c77c</t>
  </si>
  <si>
    <t>BU08242002</t>
  </si>
  <si>
    <t>2021BU08242002</t>
  </si>
  <si>
    <t>Haaren Haaren</t>
  </si>
  <si>
    <t>buurt_gegeneraliseerd_2021.3e70a7b3-b8ab-4ed8-843c-04cb9bb1f8b7</t>
  </si>
  <si>
    <t>BU08242003</t>
  </si>
  <si>
    <t>2021BU08242003</t>
  </si>
  <si>
    <t>Noenes</t>
  </si>
  <si>
    <t>buurt_gegeneraliseerd_2021.5c327690-10d5-441c-aaae-299b501857d0</t>
  </si>
  <si>
    <t>BU08242004</t>
  </si>
  <si>
    <t>2021BU08242004</t>
  </si>
  <si>
    <t>verspreide huizen in het oosten</t>
  </si>
  <si>
    <t>buurt_gegeneraliseerd_2021.3830c99f-70f5-45c9-ba28-f5b828e4eb42</t>
  </si>
  <si>
    <t>BU08242005</t>
  </si>
  <si>
    <t>2021BU08242005</t>
  </si>
  <si>
    <t>verspreide huizen in het westen</t>
  </si>
  <si>
    <t>buurt_gegeneraliseerd_2021.d17a5270-de35-4165-9999-84b3d063c790</t>
  </si>
  <si>
    <t>BU08551001</t>
  </si>
  <si>
    <t>2021BU08551001</t>
  </si>
  <si>
    <t>Binnenstad West</t>
  </si>
  <si>
    <t>GM0855</t>
  </si>
  <si>
    <t>buurt_gegeneraliseerd_2021.54d127ab-d949-4a59-a037-fc412187dae6</t>
  </si>
  <si>
    <t>BU08551002</t>
  </si>
  <si>
    <t>2021BU08551002</t>
  </si>
  <si>
    <t>Binnenstad Oost</t>
  </si>
  <si>
    <t>buurt_gegeneraliseerd_2021.e7331bcd-7fa7-4c95-b540-4dc13fa91b71</t>
  </si>
  <si>
    <t>BU08551003</t>
  </si>
  <si>
    <t>2021BU08551003</t>
  </si>
  <si>
    <t>Koningsplein</t>
  </si>
  <si>
    <t>buurt_gegeneraliseerd_2021.935a368e-0efa-4211-83fa-e1e35531aff9</t>
  </si>
  <si>
    <t>BU08551004</t>
  </si>
  <si>
    <t>2021BU08551004</t>
  </si>
  <si>
    <t>Oude Dijk</t>
  </si>
  <si>
    <t>buurt_gegeneraliseerd_2021.a60cef0d-816b-4060-9625-093a7c124388</t>
  </si>
  <si>
    <t>BU08551101</t>
  </si>
  <si>
    <t>2021BU08551101</t>
  </si>
  <si>
    <t>buurt_gegeneraliseerd_2021.6d57ad9a-05e8-47e1-b8a1-1b1ac785555c</t>
  </si>
  <si>
    <t>BU08551102</t>
  </si>
  <si>
    <t>2021BU08551102</t>
  </si>
  <si>
    <t>buurt_gegeneraliseerd_2021.12887b4a-60c6-4b33-ad81-39931027fe30</t>
  </si>
  <si>
    <t>BU08551103</t>
  </si>
  <si>
    <t>2021BU08551103</t>
  </si>
  <si>
    <t>Hoogvenne Oost</t>
  </si>
  <si>
    <t>buurt_gegeneraliseerd_2021.62f28169-12f7-4310-a4a7-92151165f732</t>
  </si>
  <si>
    <t>BU08551104</t>
  </si>
  <si>
    <t>2021BU08551104</t>
  </si>
  <si>
    <t>Hoogvenne West</t>
  </si>
  <si>
    <t>buurt_gegeneraliseerd_2021.bfea40d1-23a7-4474-bbd2-80d24e6d9f89</t>
  </si>
  <si>
    <t>BU08551105</t>
  </si>
  <si>
    <t>2021BU08551105</t>
  </si>
  <si>
    <t>Piushaven</t>
  </si>
  <si>
    <t>buurt_gegeneraliseerd_2021.1569b4c2-bbef-45a0-b02c-19a129a42eb1</t>
  </si>
  <si>
    <t>BU08551201</t>
  </si>
  <si>
    <t>2021BU08551201</t>
  </si>
  <si>
    <t>Armhoef Noord-West</t>
  </si>
  <si>
    <t>buurt_gegeneraliseerd_2021.b5f0e1b6-16a3-4609-9cb5-357fb62c79f7</t>
  </si>
  <si>
    <t>BU08551202</t>
  </si>
  <si>
    <t>2021BU08551202</t>
  </si>
  <si>
    <t>Armhoef Noord-Oost</t>
  </si>
  <si>
    <t>buurt_gegeneraliseerd_2021.0ba73241-4353-43f7-a3a4-24c5eb983149</t>
  </si>
  <si>
    <t>BU08551203</t>
  </si>
  <si>
    <t>2021BU08551203</t>
  </si>
  <si>
    <t>Armhoef Zuid</t>
  </si>
  <si>
    <t>buurt_gegeneraliseerd_2021.b93dc528-d5a6-484a-b83f-1d0df19e9bbd</t>
  </si>
  <si>
    <t>BU08551301</t>
  </si>
  <si>
    <t>2021BU08551301</t>
  </si>
  <si>
    <t>Jeruzalem Noord</t>
  </si>
  <si>
    <t>buurt_gegeneraliseerd_2021.5f44c659-090b-4808-97f1-13cbc60921c8</t>
  </si>
  <si>
    <t>BU08551302</t>
  </si>
  <si>
    <t>2021BU08551302</t>
  </si>
  <si>
    <t>Jeruzalem Zuid</t>
  </si>
  <si>
    <t>buurt_gegeneraliseerd_2021.a9e9f0e7-87f1-416d-acda-a35671c979b6</t>
  </si>
  <si>
    <t>BU08551401</t>
  </si>
  <si>
    <t>2021BU08551401</t>
  </si>
  <si>
    <t>Fatima West</t>
  </si>
  <si>
    <t>buurt_gegeneraliseerd_2021.00ef1135-c2fd-49fa-b00f-bc79380c85e0</t>
  </si>
  <si>
    <t>BU08551402</t>
  </si>
  <si>
    <t>2021BU08551402</t>
  </si>
  <si>
    <t>Fatima Oost</t>
  </si>
  <si>
    <t>buurt_gegeneraliseerd_2021.eaa50326-5f5e-4d6f-b8d7-92d270916cb5</t>
  </si>
  <si>
    <t>BU08551403</t>
  </si>
  <si>
    <t>2021BU08551403</t>
  </si>
  <si>
    <t>Fatima Noord</t>
  </si>
  <si>
    <t>buurt_gegeneraliseerd_2021.d312bf93-b285-4571-8a2c-a5146eae6c76</t>
  </si>
  <si>
    <t>BU08551404</t>
  </si>
  <si>
    <t>2021BU08551404</t>
  </si>
  <si>
    <t>Bedrijventerrein AaBe</t>
  </si>
  <si>
    <t>buurt_gegeneraliseerd_2021.319dd232-81ca-4dd6-a126-179d370996a0</t>
  </si>
  <si>
    <t>BU08551405</t>
  </si>
  <si>
    <t>2021BU08551405</t>
  </si>
  <si>
    <t>Hoevenseweg</t>
  </si>
  <si>
    <t>buurt_gegeneraliseerd_2021.417d938b-6b2e-401e-935d-9aaa0be85570</t>
  </si>
  <si>
    <t>BU08551501</t>
  </si>
  <si>
    <t>2021BU08551501</t>
  </si>
  <si>
    <t>Broekhoven I West</t>
  </si>
  <si>
    <t>buurt_gegeneraliseerd_2021.f8cad347-01bf-43a5-9b2f-92e5fd20fb5a</t>
  </si>
  <si>
    <t>BU08551502</t>
  </si>
  <si>
    <t>2021BU08551502</t>
  </si>
  <si>
    <t>Broekhoven I</t>
  </si>
  <si>
    <t>buurt_gegeneraliseerd_2021.97f1ccda-1872-48b1-8a49-de8a4b9a4313</t>
  </si>
  <si>
    <t>BU08551503</t>
  </si>
  <si>
    <t>2021BU08551503</t>
  </si>
  <si>
    <t>Voltterrein</t>
  </si>
  <si>
    <t>buurt_gegeneraliseerd_2021.0d0ad55f-422b-4f90-9aef-67af12ed55e6</t>
  </si>
  <si>
    <t>BU08551504</t>
  </si>
  <si>
    <t>2021BU08551504</t>
  </si>
  <si>
    <t>Broekhoven II West</t>
  </si>
  <si>
    <t>buurt_gegeneraliseerd_2021.0682c905-c79c-4c05-800e-155562cb9476</t>
  </si>
  <si>
    <t>BU08551505</t>
  </si>
  <si>
    <t>2021BU08551505</t>
  </si>
  <si>
    <t>Broekhoven II Oost</t>
  </si>
  <si>
    <t>buurt_gegeneraliseerd_2021.f2136f34-42b1-41d2-86c2-30fc68430408</t>
  </si>
  <si>
    <t>BU08551601</t>
  </si>
  <si>
    <t>2021BU08551601</t>
  </si>
  <si>
    <t>Afrikaanderbuurt West</t>
  </si>
  <si>
    <t>buurt_gegeneraliseerd_2021.9e5a6705-3d92-419c-8492-392f1a692470</t>
  </si>
  <si>
    <t>BU08551602</t>
  </si>
  <si>
    <t>2021BU08551602</t>
  </si>
  <si>
    <t>Afrikaanderbuurt Midden</t>
  </si>
  <si>
    <t>buurt_gegeneraliseerd_2021.655c288c-e418-466e-9e45-4e3e8b635400</t>
  </si>
  <si>
    <t>BU08551603</t>
  </si>
  <si>
    <t>2021BU08551603</t>
  </si>
  <si>
    <t>Afrikaanderbuurt Oost</t>
  </si>
  <si>
    <t>buurt_gegeneraliseerd_2021.6ed9c9f6-8e64-44f9-899e-783d4a833ee8</t>
  </si>
  <si>
    <t>BU08551604</t>
  </si>
  <si>
    <t>2021BU08551604</t>
  </si>
  <si>
    <t>buurt_gegeneraliseerd_2021.c5340a9a-5d1c-4f99-841d-2a81d9ed6c7f</t>
  </si>
  <si>
    <t>BU08551701</t>
  </si>
  <si>
    <t>2021BU08551701</t>
  </si>
  <si>
    <t>Kromhoutpark</t>
  </si>
  <si>
    <t>buurt_gegeneraliseerd_2021.d34546c3-09d9-48ff-b0dc-24b576e61bfb</t>
  </si>
  <si>
    <t>BU08551702</t>
  </si>
  <si>
    <t>2021BU08551702</t>
  </si>
  <si>
    <t>Westend</t>
  </si>
  <si>
    <t>buurt_gegeneraliseerd_2021.03acdd24-01d8-486c-903d-5041ec3d24f9</t>
  </si>
  <si>
    <t>BU08551703</t>
  </si>
  <si>
    <t>2021BU08551703</t>
  </si>
  <si>
    <t>Schildersbuurt Noord</t>
  </si>
  <si>
    <t>buurt_gegeneraliseerd_2021.c875d1aa-f0c6-4cdb-9f72-f725dd59d123</t>
  </si>
  <si>
    <t>BU08551704</t>
  </si>
  <si>
    <t>2021BU08551704</t>
  </si>
  <si>
    <t>Schildersbuurt Zuid</t>
  </si>
  <si>
    <t>buurt_gegeneraliseerd_2021.5a65703c-7362-476d-9a34-954d3f611b93</t>
  </si>
  <si>
    <t>BU08551705</t>
  </si>
  <si>
    <t>2021BU08551705</t>
  </si>
  <si>
    <t>buurt_gegeneraliseerd_2021.2c34a6af-0f72-4808-8d15-150f25011560</t>
  </si>
  <si>
    <t>BU08551706</t>
  </si>
  <si>
    <t>2021BU08551706</t>
  </si>
  <si>
    <t>Staatsliedenbuurt Oost</t>
  </si>
  <si>
    <t>buurt_gegeneraliseerd_2021.d767db2a-1930-491d-af49-be23cf951f0a</t>
  </si>
  <si>
    <t>BU08551707</t>
  </si>
  <si>
    <t>2021BU08551707</t>
  </si>
  <si>
    <t>Het Laar</t>
  </si>
  <si>
    <t>buurt_gegeneraliseerd_2021.fdbb7d19-7e0d-4b32-b503-aa1464e59df4</t>
  </si>
  <si>
    <t>BU08551801</t>
  </si>
  <si>
    <t>2021BU08551801</t>
  </si>
  <si>
    <t>Trouwlaan</t>
  </si>
  <si>
    <t>buurt_gegeneraliseerd_2021.f89b67b9-e46a-4824-bc54-02c066a12b9c</t>
  </si>
  <si>
    <t>BU08551802</t>
  </si>
  <si>
    <t>2021BU08551802</t>
  </si>
  <si>
    <t>buurt_gegeneraliseerd_2021.6005df7c-6e7f-47fb-a258-16343f1c1bbf</t>
  </si>
  <si>
    <t>BU08551901</t>
  </si>
  <si>
    <t>2021BU08551901</t>
  </si>
  <si>
    <t>Sint Anna Noord</t>
  </si>
  <si>
    <t>buurt_gegeneraliseerd_2021.af525338-6383-47f6-bdc3-1de8edaa8562</t>
  </si>
  <si>
    <t>BU08551902</t>
  </si>
  <si>
    <t>2021BU08551902</t>
  </si>
  <si>
    <t>Sint Anna Zuid</t>
  </si>
  <si>
    <t>buurt_gegeneraliseerd_2021.e3b93fdd-c5b9-4611-8363-3b51e91031f7</t>
  </si>
  <si>
    <t>BU08552001</t>
  </si>
  <si>
    <t>2021BU08552001</t>
  </si>
  <si>
    <t>Bomenbuurt West</t>
  </si>
  <si>
    <t>buurt_gegeneraliseerd_2021.56b0d16f-5a0d-4bdc-9350-674206cbe246</t>
  </si>
  <si>
    <t>BU08552002</t>
  </si>
  <si>
    <t>2021BU08552002</t>
  </si>
  <si>
    <t>Bomenbuurt Midden</t>
  </si>
  <si>
    <t>buurt_gegeneraliseerd_2021.deff9b94-ad70-4374-b241-7482b6f7ae5f</t>
  </si>
  <si>
    <t>BU08552003</t>
  </si>
  <si>
    <t>2021BU08552003</t>
  </si>
  <si>
    <t>Bomenbuurt Oost</t>
  </si>
  <si>
    <t>buurt_gegeneraliseerd_2021.9c5a5a45-6006-4608-8da8-e8ca9d70bbbe</t>
  </si>
  <si>
    <t>BU08552101</t>
  </si>
  <si>
    <t>2021BU08552101</t>
  </si>
  <si>
    <t>VGL-terrein</t>
  </si>
  <si>
    <t>buurt_gegeneraliseerd_2021.ffc79137-3269-4869-8eb9-400c94a5e3a8</t>
  </si>
  <si>
    <t>BU08552102</t>
  </si>
  <si>
    <t>2021BU08552102</t>
  </si>
  <si>
    <t>Talentsquare</t>
  </si>
  <si>
    <t>buurt_gegeneraliseerd_2021.a43ed7f1-2ad5-4d3f-b59d-553504757879</t>
  </si>
  <si>
    <t>BU08552103</t>
  </si>
  <si>
    <t>2021BU08552103</t>
  </si>
  <si>
    <t>Spoorlaan</t>
  </si>
  <si>
    <t>buurt_gegeneraliseerd_2021.f324bb41-d881-4558-aaa5-70228817837d</t>
  </si>
  <si>
    <t>BU08552201</t>
  </si>
  <si>
    <t>2021BU08552201</t>
  </si>
  <si>
    <t>Bouwmeestersbuurt Noord</t>
  </si>
  <si>
    <t>buurt_gegeneraliseerd_2021.e48a1977-3ebc-4c61-840b-59e4ad241c53</t>
  </si>
  <si>
    <t>BU08552202</t>
  </si>
  <si>
    <t>2021BU08552202</t>
  </si>
  <si>
    <t>Bouwmeestersbuurt Zuid</t>
  </si>
  <si>
    <t>buurt_gegeneraliseerd_2021.1ef983e0-db7d-4526-9446-8193cfbc3518</t>
  </si>
  <si>
    <t>BU08552301</t>
  </si>
  <si>
    <t>2021BU08552301</t>
  </si>
  <si>
    <t>Textielbuurt West</t>
  </si>
  <si>
    <t>buurt_gegeneraliseerd_2021.383eb5b7-60a8-4eff-b45f-6c54b1107bfc</t>
  </si>
  <si>
    <t>BU08552302</t>
  </si>
  <si>
    <t>2021BU08552302</t>
  </si>
  <si>
    <t>Textielbuurt Oost</t>
  </si>
  <si>
    <t>buurt_gegeneraliseerd_2021.f79f5fcf-ab16-43b8-9efc-02b1c4b7eb4e</t>
  </si>
  <si>
    <t>BU08552303</t>
  </si>
  <si>
    <t>2021BU08552303</t>
  </si>
  <si>
    <t>buurt_gegeneraliseerd_2021.add84240-2dc3-4aa0-b530-41ded8ba7e8f</t>
  </si>
  <si>
    <t>BU08552304</t>
  </si>
  <si>
    <t>2021BU08552304</t>
  </si>
  <si>
    <t>Kasteel West</t>
  </si>
  <si>
    <t>buurt_gegeneraliseerd_2021.b2a206d1-d3ea-40c2-8b45-f95dafcbd39c</t>
  </si>
  <si>
    <t>BU08552305</t>
  </si>
  <si>
    <t>2021BU08552305</t>
  </si>
  <si>
    <t>Kasteel Oost</t>
  </si>
  <si>
    <t>buurt_gegeneraliseerd_2021.12ef3561-0273-4368-b2b1-8d42aa9c4312</t>
  </si>
  <si>
    <t>BU08552401</t>
  </si>
  <si>
    <t>2021BU08552401</t>
  </si>
  <si>
    <t>Goirke Noord</t>
  </si>
  <si>
    <t>buurt_gegeneraliseerd_2021.ef18fab5-110c-4d8b-ae7e-d651399d740a</t>
  </si>
  <si>
    <t>BU08552402</t>
  </si>
  <si>
    <t>2021BU08552402</t>
  </si>
  <si>
    <t>Pastorieklamp West</t>
  </si>
  <si>
    <t>buurt_gegeneraliseerd_2021.7a01c412-99e9-44f4-b128-0cd40c81b125</t>
  </si>
  <si>
    <t>BU08552403</t>
  </si>
  <si>
    <t>2021BU08552403</t>
  </si>
  <si>
    <t>Pastorieklamp Oost</t>
  </si>
  <si>
    <t>buurt_gegeneraliseerd_2021.cef15700-b8fd-4c71-9935-e06b97762a58</t>
  </si>
  <si>
    <t>BU08552501</t>
  </si>
  <si>
    <t>2021BU08552501</t>
  </si>
  <si>
    <t>Sint Pieterspark</t>
  </si>
  <si>
    <t>buurt_gegeneraliseerd_2021.c4d37d4d-b45f-49cb-9918-09c65b628fba</t>
  </si>
  <si>
    <t>BU08552502</t>
  </si>
  <si>
    <t>2021BU08552502</t>
  </si>
  <si>
    <t>Hoefstraat Noord</t>
  </si>
  <si>
    <t>buurt_gegeneraliseerd_2021.5a4bed43-d83e-43dc-ac60-30d405a3e4b9</t>
  </si>
  <si>
    <t>BU08552503</t>
  </si>
  <si>
    <t>2021BU08552503</t>
  </si>
  <si>
    <t>Padua</t>
  </si>
  <si>
    <t>buurt_gegeneraliseerd_2021.4a2a6039-fbec-4b67-ab84-8f8da2d0d1e3</t>
  </si>
  <si>
    <t>BU08552504</t>
  </si>
  <si>
    <t>2021BU08552504</t>
  </si>
  <si>
    <t>Hoefstraat Zuid</t>
  </si>
  <si>
    <t>buurt_gegeneraliseerd_2021.0b6df8ec-9fa9-40b8-93c6-6a34839a15ec</t>
  </si>
  <si>
    <t>BU08552601</t>
  </si>
  <si>
    <t>2021BU08552601</t>
  </si>
  <si>
    <t>Besterd</t>
  </si>
  <si>
    <t>buurt_gegeneraliseerd_2021.790aad7c-aef0-4130-b80d-90c08e7a0e2a</t>
  </si>
  <si>
    <t>BU08552602</t>
  </si>
  <si>
    <t>2021BU08552602</t>
  </si>
  <si>
    <t>Rosmolen</t>
  </si>
  <si>
    <t>buurt_gegeneraliseerd_2021.845ea815-b2b4-4a17-8a6e-7759a2c1890e</t>
  </si>
  <si>
    <t>BU08552603</t>
  </si>
  <si>
    <t>2021BU08552603</t>
  </si>
  <si>
    <t>Loven Noord</t>
  </si>
  <si>
    <t>buurt_gegeneraliseerd_2021.ae14a697-498b-4afb-9f73-415562cd3656</t>
  </si>
  <si>
    <t>BU08552604</t>
  </si>
  <si>
    <t>2021BU08552604</t>
  </si>
  <si>
    <t>Loven Zuid</t>
  </si>
  <si>
    <t>buurt_gegeneraliseerd_2021.ba856152-25e6-488f-aab0-8a2bc2837552</t>
  </si>
  <si>
    <t>BU08552605</t>
  </si>
  <si>
    <t>2021BU08552605</t>
  </si>
  <si>
    <t>Loven Oost</t>
  </si>
  <si>
    <t>buurt_gegeneraliseerd_2021.48da28fd-0aee-487d-8604-eefa3884f78c</t>
  </si>
  <si>
    <t>BU08552701</t>
  </si>
  <si>
    <t>2021BU08552701</t>
  </si>
  <si>
    <t>Theresia West</t>
  </si>
  <si>
    <t>buurt_gegeneraliseerd_2021.830d1e5c-8162-4fac-9416-579bffb514e2</t>
  </si>
  <si>
    <t>BU08552702</t>
  </si>
  <si>
    <t>2021BU08552702</t>
  </si>
  <si>
    <t>Theresia Midden</t>
  </si>
  <si>
    <t>buurt_gegeneraliseerd_2021.e799d71f-d1e8-4e38-bc5b-55df47cce9ee</t>
  </si>
  <si>
    <t>BU08552703</t>
  </si>
  <si>
    <t>2021BU08552703</t>
  </si>
  <si>
    <t>Theresia Oost</t>
  </si>
  <si>
    <t>buurt_gegeneraliseerd_2021.a79c9863-aefd-44d2-8577-bdaa00b99a70</t>
  </si>
  <si>
    <t>BU08552801</t>
  </si>
  <si>
    <t>2021BU08552801</t>
  </si>
  <si>
    <t>Spoorzone Noord-West</t>
  </si>
  <si>
    <t>buurt_gegeneraliseerd_2021.41ebad9f-b162-47cd-ad63-b98a5e162c01</t>
  </si>
  <si>
    <t>BU08552802</t>
  </si>
  <si>
    <t>2021BU08552802</t>
  </si>
  <si>
    <t>Spoorzone Noord-Oost</t>
  </si>
  <si>
    <t>buurt_gegeneraliseerd_2021.124daca9-cc80-4898-82a4-6d174cb7006c</t>
  </si>
  <si>
    <t>BU08552901</t>
  </si>
  <si>
    <t>2021BU08552901</t>
  </si>
  <si>
    <t>Smariusterrein</t>
  </si>
  <si>
    <t>buurt_gegeneraliseerd_2021.9c010e25-d650-4975-b553-41f4f5450f3a</t>
  </si>
  <si>
    <t>BU08552902</t>
  </si>
  <si>
    <t>2021BU08552902</t>
  </si>
  <si>
    <t>Ind.terrein Kanaalzone Noord</t>
  </si>
  <si>
    <t>buurt_gegeneraliseerd_2021.afa7fcbf-b964-4831-800d-f6aa41d515bc</t>
  </si>
  <si>
    <t>BU08552903</t>
  </si>
  <si>
    <t>2021BU08552903</t>
  </si>
  <si>
    <t>Ind.terrein Kanaalzone Noord-Oost</t>
  </si>
  <si>
    <t>buurt_gegeneraliseerd_2021.29bf7d40-02ba-4386-b0aa-68b4c96e1692</t>
  </si>
  <si>
    <t>BU08552904</t>
  </si>
  <si>
    <t>2021BU08552904</t>
  </si>
  <si>
    <t>Melis Stokestraat</t>
  </si>
  <si>
    <t>buurt_gegeneraliseerd_2021.9cbedd99-264c-422b-a105-91fe17a676a7</t>
  </si>
  <si>
    <t>BU08552905</t>
  </si>
  <si>
    <t>2021BU08552905</t>
  </si>
  <si>
    <t>Ind.terrein Kanaalzone Oost</t>
  </si>
  <si>
    <t>buurt_gegeneraliseerd_2021.c9d634f4-1d66-421f-9991-44c3a3a93dd5</t>
  </si>
  <si>
    <t>BU08552906</t>
  </si>
  <si>
    <t>2021BU08552906</t>
  </si>
  <si>
    <t>Ind.terrein Kanaalzone Zuid</t>
  </si>
  <si>
    <t>buurt_gegeneraliseerd_2021.2822c594-8e2a-4874-8133-b7c43c6eb05a</t>
  </si>
  <si>
    <t>BU08552907</t>
  </si>
  <si>
    <t>2021BU08552907</t>
  </si>
  <si>
    <t>Kanaalzone Bosscheweg</t>
  </si>
  <si>
    <t>buurt_gegeneraliseerd_2021.5b54686d-6e02-4406-87ea-759c13f6e88d</t>
  </si>
  <si>
    <t>BU08553001</t>
  </si>
  <si>
    <t>2021BU08553001</t>
  </si>
  <si>
    <t>Moerenburg</t>
  </si>
  <si>
    <t>buurt_gegeneraliseerd_2021.513d5649-bec2-451f-9f98-40f0fdbddb14</t>
  </si>
  <si>
    <t>BU08553101</t>
  </si>
  <si>
    <t>2021BU08553101</t>
  </si>
  <si>
    <t>Leijpark</t>
  </si>
  <si>
    <t>buurt_gegeneraliseerd_2021.bb41d48f-2b8f-48ec-8f56-1eeb22fb0ade</t>
  </si>
  <si>
    <t>BU08553102</t>
  </si>
  <si>
    <t>2021BU08553102</t>
  </si>
  <si>
    <t>Koningshoeven</t>
  </si>
  <si>
    <t>buurt_gegeneraliseerd_2021.05a77194-7c9f-4724-9990-9eaefd88a68d</t>
  </si>
  <si>
    <t>BU08553103</t>
  </si>
  <si>
    <t>2021BU08553103</t>
  </si>
  <si>
    <t>Elisabethziekenhuis</t>
  </si>
  <si>
    <t>buurt_gegeneraliseerd_2021.40b7cea2-49d8-4f01-8de6-c612b9612a49</t>
  </si>
  <si>
    <t>BU08553104</t>
  </si>
  <si>
    <t>2021BU08553104</t>
  </si>
  <si>
    <t>Leijhoeven</t>
  </si>
  <si>
    <t>buurt_gegeneraliseerd_2021.ccaa8aa6-5ce1-4acf-bad9-8a13ce31ceba</t>
  </si>
  <si>
    <t>BU08553201</t>
  </si>
  <si>
    <t>2021BU08553201</t>
  </si>
  <si>
    <t>Ezelvense Akkers</t>
  </si>
  <si>
    <t>buurt_gegeneraliseerd_2021.d370d98c-b6f8-4b86-acba-bd81995f348d</t>
  </si>
  <si>
    <t>BU08553202</t>
  </si>
  <si>
    <t>2021BU08553202</t>
  </si>
  <si>
    <t>Landbouwbuurt</t>
  </si>
  <si>
    <t>buurt_gegeneraliseerd_2021.a0c811d2-d511-4b64-82e7-ce4ae6e86fc8</t>
  </si>
  <si>
    <t>BU08553203</t>
  </si>
  <si>
    <t>2021BU08553203</t>
  </si>
  <si>
    <t>Vogeltjesbuurt West</t>
  </si>
  <si>
    <t>buurt_gegeneraliseerd_2021.3512fbbb-6415-4950-8a14-50bfe20c724e</t>
  </si>
  <si>
    <t>BU08553204</t>
  </si>
  <si>
    <t>2021BU08553204</t>
  </si>
  <si>
    <t>Vogeltjesbuurt Oost</t>
  </si>
  <si>
    <t>buurt_gegeneraliseerd_2021.27c43251-7b3d-4cea-b925-6a124db9a94d</t>
  </si>
  <si>
    <t>BU08553205</t>
  </si>
  <si>
    <t>2021BU08553205</t>
  </si>
  <si>
    <t>buurt_gegeneraliseerd_2021.333f779a-7aa9-4208-bf33-05b5526faf95</t>
  </si>
  <si>
    <t>BU08553206</t>
  </si>
  <si>
    <t>2021BU08553206</t>
  </si>
  <si>
    <t>Groenewoud Oost</t>
  </si>
  <si>
    <t>buurt_gegeneraliseerd_2021.c54c413d-6b21-49ab-a483-c599b90ebed7</t>
  </si>
  <si>
    <t>BU08553207</t>
  </si>
  <si>
    <t>2021BU08553207</t>
  </si>
  <si>
    <t>Groenewoud Midden</t>
  </si>
  <si>
    <t>buurt_gegeneraliseerd_2021.d7eb4c2b-c152-4b0b-81bf-839fc784f3ad</t>
  </si>
  <si>
    <t>BU08553208</t>
  </si>
  <si>
    <t>2021BU08553208</t>
  </si>
  <si>
    <t>Groenewoud West</t>
  </si>
  <si>
    <t>buurt_gegeneraliseerd_2021.e5027a45-6c25-45ee-a2f7-16f43756df1e</t>
  </si>
  <si>
    <t>BU08553209</t>
  </si>
  <si>
    <t>2021BU08553209</t>
  </si>
  <si>
    <t>Groenewoud Zuid</t>
  </si>
  <si>
    <t>buurt_gegeneraliseerd_2021.80fc9ef0-d2be-421e-8960-ad53792bcfb9</t>
  </si>
  <si>
    <t>BU08553301</t>
  </si>
  <si>
    <t>2021BU08553301</t>
  </si>
  <si>
    <t>Stappegoor Noord</t>
  </si>
  <si>
    <t>buurt_gegeneraliseerd_2021.4dba86c7-c678-40ce-93d7-a0e1b550d769</t>
  </si>
  <si>
    <t>BU08553302</t>
  </si>
  <si>
    <t>2021BU08553302</t>
  </si>
  <si>
    <t>buurt_gegeneraliseerd_2021.ed99ca17-4405-4e33-aefa-cf16af1649bf</t>
  </si>
  <si>
    <t>BU08553303</t>
  </si>
  <si>
    <t>2021BU08553303</t>
  </si>
  <si>
    <t>Stappegoor Zuid</t>
  </si>
  <si>
    <t>buurt_gegeneraliseerd_2021.10ddfe83-519c-42d2-b9b9-fed218cf3852</t>
  </si>
  <si>
    <t>BU08553401</t>
  </si>
  <si>
    <t>2021BU08553401</t>
  </si>
  <si>
    <t>Bedrijventerrein Het Laar</t>
  </si>
  <si>
    <t>buurt_gegeneraliseerd_2021.f503e934-7f73-4c41-aaf1-112e9bd72866</t>
  </si>
  <si>
    <t>BU08553402</t>
  </si>
  <si>
    <t>2021BU08553402</t>
  </si>
  <si>
    <t>Goirleseweg West</t>
  </si>
  <si>
    <t>buurt_gegeneraliseerd_2021.9c401c62-39bd-4624-afba-e60f15ffe05d</t>
  </si>
  <si>
    <t>BU08553501</t>
  </si>
  <si>
    <t>2021BU08553501</t>
  </si>
  <si>
    <t>De Blaak Noord-West</t>
  </si>
  <si>
    <t>buurt_gegeneraliseerd_2021.1a4ffa32-1b5e-4f63-b71e-87e64d98e617</t>
  </si>
  <si>
    <t>BU08553502</t>
  </si>
  <si>
    <t>2021BU08553502</t>
  </si>
  <si>
    <t>De Blaak Noord-Oost</t>
  </si>
  <si>
    <t>buurt_gegeneraliseerd_2021.8163d1da-8c39-47ae-a533-cf4158681957</t>
  </si>
  <si>
    <t>BU08553503</t>
  </si>
  <si>
    <t>2021BU08553503</t>
  </si>
  <si>
    <t>De Blaak Zuid-West</t>
  </si>
  <si>
    <t>buurt_gegeneraliseerd_2021.140d41a4-d584-43bd-9efc-6f4b7c179313</t>
  </si>
  <si>
    <t>BU08553504</t>
  </si>
  <si>
    <t>2021BU08553504</t>
  </si>
  <si>
    <t>De Blaak Zuid-Oost</t>
  </si>
  <si>
    <t>buurt_gegeneraliseerd_2021.6a4317cb-5561-41f8-baa3-366a75d241c9</t>
  </si>
  <si>
    <t>BU08553601</t>
  </si>
  <si>
    <t>2021BU08553601</t>
  </si>
  <si>
    <t>Friezenlaan</t>
  </si>
  <si>
    <t>buurt_gegeneraliseerd_2021.7416538b-2709-48c6-bd32-01748c5718a8</t>
  </si>
  <si>
    <t>BU08553602</t>
  </si>
  <si>
    <t>2021BU08553602</t>
  </si>
  <si>
    <t>buurt_gegeneraliseerd_2021.3c12e30f-9070-4bab-8e29-3314247cdb71</t>
  </si>
  <si>
    <t>BU08553603</t>
  </si>
  <si>
    <t>2021BU08553603</t>
  </si>
  <si>
    <t>Staatsliedenbuurt West</t>
  </si>
  <si>
    <t>buurt_gegeneraliseerd_2021.d6522126-9fbe-4785-a588-cc818985bdfd</t>
  </si>
  <si>
    <t>BU08553701</t>
  </si>
  <si>
    <t>2021BU08553701</t>
  </si>
  <si>
    <t>Universiteit</t>
  </si>
  <si>
    <t>buurt_gegeneraliseerd_2021.12d0e92a-e5b3-4e86-bd65-c8a7e9c5993a</t>
  </si>
  <si>
    <t>BU08553702</t>
  </si>
  <si>
    <t>2021BU08553702</t>
  </si>
  <si>
    <t>Abdij- en Torenbuurt</t>
  </si>
  <si>
    <t>buurt_gegeneraliseerd_2021.9ded9259-536d-4cf1-861d-7c97ee5bdc7e</t>
  </si>
  <si>
    <t>BU08553703</t>
  </si>
  <si>
    <t>2021BU08553703</t>
  </si>
  <si>
    <t>Universiteit Campus</t>
  </si>
  <si>
    <t>buurt_gegeneraliseerd_2021.9ba751f6-3123-4422-a9b3-13606a2220c7</t>
  </si>
  <si>
    <t>BU08553704</t>
  </si>
  <si>
    <t>2021BU08553704</t>
  </si>
  <si>
    <t>Kastelenbuurt Noord</t>
  </si>
  <si>
    <t>buurt_gegeneraliseerd_2021.d9b83c1c-ee80-4314-a0c9-e984cfa8ae94</t>
  </si>
  <si>
    <t>BU08553705</t>
  </si>
  <si>
    <t>2021BU08553705</t>
  </si>
  <si>
    <t>Kastelenbuurt Zuid</t>
  </si>
  <si>
    <t>buurt_gegeneraliseerd_2021.5ef893d4-cd42-4bb9-a3b4-de00477e5760</t>
  </si>
  <si>
    <t>BU08553706</t>
  </si>
  <si>
    <t>2021BU08553706</t>
  </si>
  <si>
    <t>Sportweg</t>
  </si>
  <si>
    <t>buurt_gegeneraliseerd_2021.d66b4e15-61cb-414d-ad1f-065c175b6efb</t>
  </si>
  <si>
    <t>BU08553707</t>
  </si>
  <si>
    <t>2021BU08553707</t>
  </si>
  <si>
    <t>Notre Dame</t>
  </si>
  <si>
    <t>buurt_gegeneraliseerd_2021.f7d210db-219e-4579-9595-8e9e8ee1950b</t>
  </si>
  <si>
    <t>BU08553801</t>
  </si>
  <si>
    <t>2021BU08553801</t>
  </si>
  <si>
    <t>Tweestedenziekenhuis</t>
  </si>
  <si>
    <t>buurt_gegeneraliseerd_2021.b6a359f8-f756-4821-890c-83c67513bb98</t>
  </si>
  <si>
    <t>BU08553802</t>
  </si>
  <si>
    <t>2021BU08553802</t>
  </si>
  <si>
    <t>Het Zand Noord-West</t>
  </si>
  <si>
    <t>buurt_gegeneraliseerd_2021.a4e9fda9-6321-42e0-a9a2-963089ece76b</t>
  </si>
  <si>
    <t>BU08553803</t>
  </si>
  <si>
    <t>2021BU08553803</t>
  </si>
  <si>
    <t>Het Zand Noord-Oost</t>
  </si>
  <si>
    <t>buurt_gegeneraliseerd_2021.fe4c8ed5-a9d5-4207-aadf-454173659c31</t>
  </si>
  <si>
    <t>BU08553804</t>
  </si>
  <si>
    <t>2021BU08553804</t>
  </si>
  <si>
    <t>Jagersbuurt West</t>
  </si>
  <si>
    <t>buurt_gegeneraliseerd_2021.6c53db06-b659-4109-9775-40dc86f9400c</t>
  </si>
  <si>
    <t>BU08553805</t>
  </si>
  <si>
    <t>2021BU08553805</t>
  </si>
  <si>
    <t>Jagersbuurt Oost</t>
  </si>
  <si>
    <t>buurt_gegeneraliseerd_2021.90634867-aca6-41f1-ba7a-88c382fb5d9d</t>
  </si>
  <si>
    <t>BU08553806</t>
  </si>
  <si>
    <t>2021BU08553806</t>
  </si>
  <si>
    <t>Luchthavenbuurt West</t>
  </si>
  <si>
    <t>buurt_gegeneraliseerd_2021.ddf740d0-4575-413d-bf22-741dcfb49867</t>
  </si>
  <si>
    <t>BU08553807</t>
  </si>
  <si>
    <t>2021BU08553807</t>
  </si>
  <si>
    <t>Luchthavenbuurt Oost</t>
  </si>
  <si>
    <t>buurt_gegeneraliseerd_2021.f7c6be7a-a8f4-4182-9678-db2b10d79c67</t>
  </si>
  <si>
    <t>BU08553808</t>
  </si>
  <si>
    <t>2021BU08553808</t>
  </si>
  <si>
    <t>Westermarkt</t>
  </si>
  <si>
    <t>buurt_gegeneraliseerd_2021.83f20f0b-8b6a-45c7-8b13-45b8646e1f97</t>
  </si>
  <si>
    <t>BU08553809</t>
  </si>
  <si>
    <t>2021BU08553809</t>
  </si>
  <si>
    <t>Tiendschuur</t>
  </si>
  <si>
    <t>buurt_gegeneraliseerd_2021.7396329b-f2a7-4c87-8a8e-5b0323aab31f</t>
  </si>
  <si>
    <t>BU08553810</t>
  </si>
  <si>
    <t>2021BU08553810</t>
  </si>
  <si>
    <t>Vijverlaan</t>
  </si>
  <si>
    <t>buurt_gegeneraliseerd_2021.d17fa03c-d9aa-4499-8a64-ae1fbb000623</t>
  </si>
  <si>
    <t>BU08553811</t>
  </si>
  <si>
    <t>2021BU08553811</t>
  </si>
  <si>
    <t>Station Universiteit</t>
  </si>
  <si>
    <t>buurt_gegeneraliseerd_2021.1adba6f2-b966-4742-af3a-6a48a0013c1f</t>
  </si>
  <si>
    <t>BU08553812</t>
  </si>
  <si>
    <t>2021BU08553812</t>
  </si>
  <si>
    <t>Bokhamer West</t>
  </si>
  <si>
    <t>buurt_gegeneraliseerd_2021.b8c89303-74ad-4869-8a48-ecd407f5fa34</t>
  </si>
  <si>
    <t>BU08553813</t>
  </si>
  <si>
    <t>2021BU08553813</t>
  </si>
  <si>
    <t>Bokhamer</t>
  </si>
  <si>
    <t>buurt_gegeneraliseerd_2021.131e85de-f6e1-4008-bf77-29bbeb4b6acd</t>
  </si>
  <si>
    <t>BU08553814</t>
  </si>
  <si>
    <t>2021BU08553814</t>
  </si>
  <si>
    <t>Rooi Pannen</t>
  </si>
  <si>
    <t>buurt_gegeneraliseerd_2021.854f78e2-d9b4-438a-b53a-635eb79d4986</t>
  </si>
  <si>
    <t>BU08553901</t>
  </si>
  <si>
    <t>2021BU08553901</t>
  </si>
  <si>
    <t>Wandelbos Noord-West</t>
  </si>
  <si>
    <t>buurt_gegeneraliseerd_2021.cdb575dd-eef4-4290-a78c-158d0bf53ef7</t>
  </si>
  <si>
    <t>BU08553902</t>
  </si>
  <si>
    <t>2021BU08553902</t>
  </si>
  <si>
    <t>Kruidenbuurt West</t>
  </si>
  <si>
    <t>buurt_gegeneraliseerd_2021.6cba110f-4ff9-4a97-91c0-000174212884</t>
  </si>
  <si>
    <t>BU08553903</t>
  </si>
  <si>
    <t>2021BU08553903</t>
  </si>
  <si>
    <t>Kruidenbuurt Oost</t>
  </si>
  <si>
    <t>buurt_gegeneraliseerd_2021.c0bad39d-c6d4-40a9-bd0f-fc50ff4810cb</t>
  </si>
  <si>
    <t>BU08553904</t>
  </si>
  <si>
    <t>2021BU08553904</t>
  </si>
  <si>
    <t>Kruidenbuurt Zuid</t>
  </si>
  <si>
    <t>buurt_gegeneraliseerd_2021.4f01b9d5-b11b-4547-a7bf-5e8dc601dd9d</t>
  </si>
  <si>
    <t>BU08553905</t>
  </si>
  <si>
    <t>2021BU08553905</t>
  </si>
  <si>
    <t>Kleurenbuurt Noord</t>
  </si>
  <si>
    <t>buurt_gegeneraliseerd_2021.4242fe05-a56f-42f5-858b-f7a47ae4b9ff</t>
  </si>
  <si>
    <t>BU08554001</t>
  </si>
  <si>
    <t>2021BU08554001</t>
  </si>
  <si>
    <t>Het Wandelbos / Drijflanen</t>
  </si>
  <si>
    <t>buurt_gegeneraliseerd_2021.8a061c53-e718-4655-9e04-d44230e4cb6d</t>
  </si>
  <si>
    <t>BU08554002</t>
  </si>
  <si>
    <t>2021BU08554002</t>
  </si>
  <si>
    <t>buurt_gegeneraliseerd_2021.5ffc256d-2eed-4456-af38-8e7f1a57ac94</t>
  </si>
  <si>
    <t>BU08554003</t>
  </si>
  <si>
    <t>2021BU08554003</t>
  </si>
  <si>
    <t>Kleurenbuurt Zuid</t>
  </si>
  <si>
    <t>buurt_gegeneraliseerd_2021.44bb295f-1f2d-40d1-a7f0-c442f1ad4f2c</t>
  </si>
  <si>
    <t>BU08554101</t>
  </si>
  <si>
    <t>2021BU08554101</t>
  </si>
  <si>
    <t>De Oude Warande</t>
  </si>
  <si>
    <t>buurt_gegeneraliseerd_2021.259390b4-371f-4c0f-916a-5eda3768fecd</t>
  </si>
  <si>
    <t>BU08554201</t>
  </si>
  <si>
    <t>2021BU08554201</t>
  </si>
  <si>
    <t>Stokhasselt Noord-West</t>
  </si>
  <si>
    <t>buurt_gegeneraliseerd_2021.553d7de6-4580-4625-bc23-f5c5cf7b3205</t>
  </si>
  <si>
    <t>BU08554202</t>
  </si>
  <si>
    <t>2021BU08554202</t>
  </si>
  <si>
    <t>Stokhasselt Noord-Oost</t>
  </si>
  <si>
    <t>buurt_gegeneraliseerd_2021.48901bd5-a191-46a4-ab8e-bc699fcad847</t>
  </si>
  <si>
    <t>BU08554203</t>
  </si>
  <si>
    <t>2021BU08554203</t>
  </si>
  <si>
    <t>Stokhasselt West</t>
  </si>
  <si>
    <t>buurt_gegeneraliseerd_2021.e660014b-b4a4-466c-9770-3bf21d06548d</t>
  </si>
  <si>
    <t>BU08554204</t>
  </si>
  <si>
    <t>2021BU08554204</t>
  </si>
  <si>
    <t>Stokhasselt Oost</t>
  </si>
  <si>
    <t>buurt_gegeneraliseerd_2021.3063c936-5539-4814-aa7e-7947ed27edcd</t>
  </si>
  <si>
    <t>BU08554205</t>
  </si>
  <si>
    <t>2021BU08554205</t>
  </si>
  <si>
    <t>Stokhasselt Zuid-West</t>
  </si>
  <si>
    <t>buurt_gegeneraliseerd_2021.cb4c833d-8f4a-4e22-b4ff-783c3b44fb7a</t>
  </si>
  <si>
    <t>BU08554206</t>
  </si>
  <si>
    <t>2021BU08554206</t>
  </si>
  <si>
    <t>Stokhasselt Zuid-Oost</t>
  </si>
  <si>
    <t>buurt_gegeneraliseerd_2021.a98d93f0-d675-4fe1-97c7-69947ddc6cb3</t>
  </si>
  <si>
    <t>BU08554207</t>
  </si>
  <si>
    <t>2021BU08554207</t>
  </si>
  <si>
    <t>Stokhasselt Zuid</t>
  </si>
  <si>
    <t>buurt_gegeneraliseerd_2021.0c4147a7-75a3-4e90-bff7-7e2f84395288</t>
  </si>
  <si>
    <t>BU08554301</t>
  </si>
  <si>
    <t>2021BU08554301</t>
  </si>
  <si>
    <t>Heikant Noord-West</t>
  </si>
  <si>
    <t>buurt_gegeneraliseerd_2021.5b557edd-a4d1-4c22-b3f9-458d5ea37657</t>
  </si>
  <si>
    <t>BU08554302</t>
  </si>
  <si>
    <t>2021BU08554302</t>
  </si>
  <si>
    <t>Heikant Noord-Oost</t>
  </si>
  <si>
    <t>buurt_gegeneraliseerd_2021.12a9bd34-07a0-4c7f-b165-9917b26728e4</t>
  </si>
  <si>
    <t>BU08554303</t>
  </si>
  <si>
    <t>2021BU08554303</t>
  </si>
  <si>
    <t>Heikant West</t>
  </si>
  <si>
    <t>buurt_gegeneraliseerd_2021.70dd2504-6dcb-4551-a159-eb9732f7b402</t>
  </si>
  <si>
    <t>BU08554304</t>
  </si>
  <si>
    <t>2021BU08554304</t>
  </si>
  <si>
    <t>Heikant Oost</t>
  </si>
  <si>
    <t>buurt_gegeneraliseerd_2021.bca4d6aa-8a80-4e0a-a38d-3180e7d62bb0</t>
  </si>
  <si>
    <t>BU08554305</t>
  </si>
  <si>
    <t>2021BU08554305</t>
  </si>
  <si>
    <t>Heikant Zuid-West</t>
  </si>
  <si>
    <t>buurt_gegeneraliseerd_2021.2135ad87-5572-4391-9cf1-3dd5df9ada9a</t>
  </si>
  <si>
    <t>BU08554306</t>
  </si>
  <si>
    <t>2021BU08554306</t>
  </si>
  <si>
    <t>Heikant Zuid-Oost</t>
  </si>
  <si>
    <t>buurt_gegeneraliseerd_2021.1c0f42da-f48a-4379-847c-bbe2862904de</t>
  </si>
  <si>
    <t>BU08554307</t>
  </si>
  <si>
    <t>2021BU08554307</t>
  </si>
  <si>
    <t>Lijnse Hoek West</t>
  </si>
  <si>
    <t>buurt_gegeneraliseerd_2021.368ec3f5-2925-4194-a453-b6f5476e991f</t>
  </si>
  <si>
    <t>BU08554308</t>
  </si>
  <si>
    <t>2021BU08554308</t>
  </si>
  <si>
    <t>Lijnse Hoek Oost</t>
  </si>
  <si>
    <t>buurt_gegeneraliseerd_2021.a12ef0ae-bfcb-43cd-901f-3b526c42e0d5</t>
  </si>
  <si>
    <t>BU08554401</t>
  </si>
  <si>
    <t>2021BU08554401</t>
  </si>
  <si>
    <t>Quirijnstok Noord-West</t>
  </si>
  <si>
    <t>buurt_gegeneraliseerd_2021.c106843f-070a-49ff-abe7-e6b2641017ac</t>
  </si>
  <si>
    <t>BU08554402</t>
  </si>
  <si>
    <t>2021BU08554402</t>
  </si>
  <si>
    <t>Quirijnstok Noord-Oost</t>
  </si>
  <si>
    <t>buurt_gegeneraliseerd_2021.6bd57828-e5b4-411e-ac93-5686078962f3</t>
  </si>
  <si>
    <t>BU08554403</t>
  </si>
  <si>
    <t>2021BU08554403</t>
  </si>
  <si>
    <t>Quirijnstok West</t>
  </si>
  <si>
    <t>buurt_gegeneraliseerd_2021.43309804-b864-486f-b566-4e0ac3d32e1d</t>
  </si>
  <si>
    <t>BU08554404</t>
  </si>
  <si>
    <t>2021BU08554404</t>
  </si>
  <si>
    <t>Quirijnstok Zuid-West</t>
  </si>
  <si>
    <t>buurt_gegeneraliseerd_2021.ce473b2e-4189-4816-adcc-4b4dc877f65c</t>
  </si>
  <si>
    <t>BU08554405</t>
  </si>
  <si>
    <t>2021BU08554405</t>
  </si>
  <si>
    <t>Quirijnstok Zuid-Oost</t>
  </si>
  <si>
    <t>buurt_gegeneraliseerd_2021.f74fdf7d-729e-4b65-b293-06b8333cd05d</t>
  </si>
  <si>
    <t>BU08554406</t>
  </si>
  <si>
    <t>2021BU08554406</t>
  </si>
  <si>
    <t>Quirijnstokpark</t>
  </si>
  <si>
    <t>buurt_gegeneraliseerd_2021.f4bdcdca-05b7-406f-bbd6-4b336efddb51</t>
  </si>
  <si>
    <t>BU08554501</t>
  </si>
  <si>
    <t>2021BU08554501</t>
  </si>
  <si>
    <t>Ind.terrein Loven Noord</t>
  </si>
  <si>
    <t>buurt_gegeneraliseerd_2021.a690894c-9c00-427a-b96a-e2d079441bf7</t>
  </si>
  <si>
    <t>BU08554502</t>
  </si>
  <si>
    <t>2021BU08554502</t>
  </si>
  <si>
    <t>Ind.terrein Loven Zuid</t>
  </si>
  <si>
    <t>buurt_gegeneraliseerd_2021.f3622f3a-7043-4075-babd-5f4d98b7feb7</t>
  </si>
  <si>
    <t>BU08554601</t>
  </si>
  <si>
    <t>2021BU08554601</t>
  </si>
  <si>
    <t>Bosscheweg</t>
  </si>
  <si>
    <t>buurt_gegeneraliseerd_2021.6c7920df-31fe-4ebd-a42b-c55054e46a0b</t>
  </si>
  <si>
    <t>BU08554701</t>
  </si>
  <si>
    <t>2021BU08554701</t>
  </si>
  <si>
    <t>Moerse Dreef</t>
  </si>
  <si>
    <t>buurt_gegeneraliseerd_2021.71df1936-324a-47e7-aa6f-40509df05548</t>
  </si>
  <si>
    <t>BU08554702</t>
  </si>
  <si>
    <t>2021BU08554702</t>
  </si>
  <si>
    <t>Gesworen Hoek West</t>
  </si>
  <si>
    <t>buurt_gegeneraliseerd_2021.1d289920-0d19-43a9-8c4b-49a7c992774f</t>
  </si>
  <si>
    <t>BU08554703</t>
  </si>
  <si>
    <t>2021BU08554703</t>
  </si>
  <si>
    <t>Gesworen Hoek Zuid</t>
  </si>
  <si>
    <t>buurt_gegeneraliseerd_2021.f10c7b45-7715-474f-839f-7095e5edef1e</t>
  </si>
  <si>
    <t>BU08554704</t>
  </si>
  <si>
    <t>2021BU08554704</t>
  </si>
  <si>
    <t>Gesworen Hoek Oost</t>
  </si>
  <si>
    <t>buurt_gegeneraliseerd_2021.3798157f-f16f-48ea-b56c-3fe5244d1f16</t>
  </si>
  <si>
    <t>BU08554801</t>
  </si>
  <si>
    <t>2021BU08554801</t>
  </si>
  <si>
    <t>Huibeven West</t>
  </si>
  <si>
    <t>buurt_gegeneraliseerd_2021.464ea60f-bdb5-418e-a9fc-07b174bf5ac9</t>
  </si>
  <si>
    <t>BU08554802</t>
  </si>
  <si>
    <t>2021BU08554802</t>
  </si>
  <si>
    <t>Huibeven Midden</t>
  </si>
  <si>
    <t>buurt_gegeneraliseerd_2021.878cbffc-8e00-4eed-aa63-ef555ecb56dc</t>
  </si>
  <si>
    <t>BU08554803</t>
  </si>
  <si>
    <t>2021BU08554803</t>
  </si>
  <si>
    <t>Huibeven Oost</t>
  </si>
  <si>
    <t>buurt_gegeneraliseerd_2021.4709eb16-bf89-44ea-bef3-93f28b48b704</t>
  </si>
  <si>
    <t>BU08554804</t>
  </si>
  <si>
    <t>2021BU08554804</t>
  </si>
  <si>
    <t>Huibeven Zuid</t>
  </si>
  <si>
    <t>buurt_gegeneraliseerd_2021.1bd91203-6f71-40d6-987c-494e0a1544da</t>
  </si>
  <si>
    <t>BU08554901</t>
  </si>
  <si>
    <t>2021BU08554901</t>
  </si>
  <si>
    <t>Campenhoef West</t>
  </si>
  <si>
    <t>buurt_gegeneraliseerd_2021.88505ce1-f19f-4719-bb23-274f911a57b8</t>
  </si>
  <si>
    <t>BU08554902</t>
  </si>
  <si>
    <t>2021BU08554902</t>
  </si>
  <si>
    <t>Campenhoef Midden</t>
  </si>
  <si>
    <t>buurt_gegeneraliseerd_2021.27456381-ac69-4e07-a348-6e953d8f4efa</t>
  </si>
  <si>
    <t>BU08554903</t>
  </si>
  <si>
    <t>2021BU08554903</t>
  </si>
  <si>
    <t>Campenhoef Oost</t>
  </si>
  <si>
    <t>buurt_gegeneraliseerd_2021.e66c0a29-deeb-43f1-aabb-16ddb7f27bb2</t>
  </si>
  <si>
    <t>BU08555001</t>
  </si>
  <si>
    <t>2021BU08555001</t>
  </si>
  <si>
    <t>Heyhoef</t>
  </si>
  <si>
    <t>buurt_gegeneraliseerd_2021.13ac9e4a-0be1-4647-9a8c-cd5f24e4fc30</t>
  </si>
  <si>
    <t>BU08555101</t>
  </si>
  <si>
    <t>2021BU08555101</t>
  </si>
  <si>
    <t>Heerevelden West</t>
  </si>
  <si>
    <t>buurt_gegeneraliseerd_2021.8fde78b7-6027-4099-b54e-1f118f2f00f5</t>
  </si>
  <si>
    <t>BU08555102</t>
  </si>
  <si>
    <t>2021BU08555102</t>
  </si>
  <si>
    <t>Heerevelden Oost</t>
  </si>
  <si>
    <t>buurt_gegeneraliseerd_2021.fc3ecc4e-f18e-4023-8c96-da4b99a27cb6</t>
  </si>
  <si>
    <t>BU08555201</t>
  </si>
  <si>
    <t>2021BU08555201</t>
  </si>
  <si>
    <t>Dongewijk Noord</t>
  </si>
  <si>
    <t>buurt_gegeneraliseerd_2021.30f8db7a-1a68-4540-8fbd-cb6cc4ad0f5c</t>
  </si>
  <si>
    <t>BU08555202</t>
  </si>
  <si>
    <t>2021BU08555202</t>
  </si>
  <si>
    <t>Dongewijk Zuid</t>
  </si>
  <si>
    <t>buurt_gegeneraliseerd_2021.d549258b-4ced-48ff-94b6-c28719d5d983</t>
  </si>
  <si>
    <t>BU08555301</t>
  </si>
  <si>
    <t>2021BU08555301</t>
  </si>
  <si>
    <t>De Kievit Noord-West</t>
  </si>
  <si>
    <t>buurt_gegeneraliseerd_2021.2bd8cce3-dd9c-4e98-b0a0-e82d4d749935</t>
  </si>
  <si>
    <t>BU08555302</t>
  </si>
  <si>
    <t>2021BU08555302</t>
  </si>
  <si>
    <t>De Kievit Noord-Oost</t>
  </si>
  <si>
    <t>buurt_gegeneraliseerd_2021.8c60e436-2982-46cc-ae83-7e70602a195d</t>
  </si>
  <si>
    <t>BU08555303</t>
  </si>
  <si>
    <t>2021BU08555303</t>
  </si>
  <si>
    <t>De Kievit Zuid-West</t>
  </si>
  <si>
    <t>buurt_gegeneraliseerd_2021.c2a1357a-ff07-4f06-8e0b-c84e70e4d81c</t>
  </si>
  <si>
    <t>BU08555304</t>
  </si>
  <si>
    <t>2021BU08555304</t>
  </si>
  <si>
    <t>De Kievit Zuid-Oost</t>
  </si>
  <si>
    <t>buurt_gegeneraliseerd_2021.1c5312d8-7840-440a-a805-f54f35d0de58</t>
  </si>
  <si>
    <t>BU08555401</t>
  </si>
  <si>
    <t>2021BU08555401</t>
  </si>
  <si>
    <t>Lange Rekken</t>
  </si>
  <si>
    <t>buurt_gegeneraliseerd_2021.1ec18eda-cb96-4845-a3b5-4acd818a0b1c</t>
  </si>
  <si>
    <t>BU08555402</t>
  </si>
  <si>
    <t>2021BU08555402</t>
  </si>
  <si>
    <t>Reeshofweide</t>
  </si>
  <si>
    <t>buurt_gegeneraliseerd_2021.84c433ff-825f-4fe1-a419-31c98d6bb830</t>
  </si>
  <si>
    <t>BU08555403</t>
  </si>
  <si>
    <t>2021BU08555403</t>
  </si>
  <si>
    <t>Dalemweide</t>
  </si>
  <si>
    <t>buurt_gegeneraliseerd_2021.664df599-192f-4ed7-be48-32fa69daac88</t>
  </si>
  <si>
    <t>BU08555404</t>
  </si>
  <si>
    <t>2021BU08555404</t>
  </si>
  <si>
    <t>Leeuwerik West</t>
  </si>
  <si>
    <t>buurt_gegeneraliseerd_2021.3fafb5d0-f1a0-43a7-8adf-cd7a353a1464</t>
  </si>
  <si>
    <t>BU08555405</t>
  </si>
  <si>
    <t>2021BU08555405</t>
  </si>
  <si>
    <t>Leeuwerik Midden</t>
  </si>
  <si>
    <t>buurt_gegeneraliseerd_2021.43e39133-5e1e-4505-9df9-7dfbce93247c</t>
  </si>
  <si>
    <t>BU08555406</t>
  </si>
  <si>
    <t>2021BU08555406</t>
  </si>
  <si>
    <t>Leeuwerik Oost</t>
  </si>
  <si>
    <t>buurt_gegeneraliseerd_2021.a999d4fd-5e57-4859-8355-be1d119d32a8</t>
  </si>
  <si>
    <t>BU08555407</t>
  </si>
  <si>
    <t>2021BU08555407</t>
  </si>
  <si>
    <t>Leeuwerik Zuid</t>
  </si>
  <si>
    <t>buurt_gegeneraliseerd_2021.45fe8d29-2f48-4d50-9dd5-0a903f266200</t>
  </si>
  <si>
    <t>BU08555501</t>
  </si>
  <si>
    <t>2021BU08555501</t>
  </si>
  <si>
    <t>Dalem Noord I</t>
  </si>
  <si>
    <t>buurt_gegeneraliseerd_2021.66dd05d0-6d2a-453d-9f2b-0782683629fb</t>
  </si>
  <si>
    <t>BU08555502</t>
  </si>
  <si>
    <t>2021BU08555502</t>
  </si>
  <si>
    <t>Dalem Noord II</t>
  </si>
  <si>
    <t>buurt_gegeneraliseerd_2021.87bf4de8-7a18-467a-aabb-814cddcb8e9e</t>
  </si>
  <si>
    <t>BU08555503</t>
  </si>
  <si>
    <t>2021BU08555503</t>
  </si>
  <si>
    <t>Stadsrand Dalem Noord</t>
  </si>
  <si>
    <t>buurt_gegeneraliseerd_2021.d8fc2ddb-5d4a-441f-bf93-47def4dcf3e8</t>
  </si>
  <si>
    <t>BU08555601</t>
  </si>
  <si>
    <t>2021BU08555601</t>
  </si>
  <si>
    <t>Dalem Zuid I</t>
  </si>
  <si>
    <t>buurt_gegeneraliseerd_2021.62edc6f6-901e-47d6-a909-9ea275351eb2</t>
  </si>
  <si>
    <t>BU08555602</t>
  </si>
  <si>
    <t>2021BU08555602</t>
  </si>
  <si>
    <t>Dalem Zuid II</t>
  </si>
  <si>
    <t>buurt_gegeneraliseerd_2021.f6a5b7c3-c8a5-4e4d-842c-6e5ac3ba8eb6</t>
  </si>
  <si>
    <t>BU08555603</t>
  </si>
  <si>
    <t>2021BU08555603</t>
  </si>
  <si>
    <t>Stadsrand Dalem Zuid</t>
  </si>
  <si>
    <t>buurt_gegeneraliseerd_2021.20207f7a-b9fd-472a-af3f-e82b56b04beb</t>
  </si>
  <si>
    <t>BU08555701</t>
  </si>
  <si>
    <t>2021BU08555701</t>
  </si>
  <si>
    <t>Koolhoven Noord</t>
  </si>
  <si>
    <t>buurt_gegeneraliseerd_2021.5bb2ac32-1e33-4f4e-b6dc-a4b542878a0c</t>
  </si>
  <si>
    <t>BU08555702</t>
  </si>
  <si>
    <t>2021BU08555702</t>
  </si>
  <si>
    <t>Koolhoven Zuid</t>
  </si>
  <si>
    <t>buurt_gegeneraliseerd_2021.e8cc17b6-0d3b-48dc-a960-39fdfdcae416</t>
  </si>
  <si>
    <t>BU08555703</t>
  </si>
  <si>
    <t>2021BU08555703</t>
  </si>
  <si>
    <t>Koolhoven Buiten</t>
  </si>
  <si>
    <t>buurt_gegeneraliseerd_2021.7fd48c7b-3c12-494a-9245-10c85bc85f33</t>
  </si>
  <si>
    <t>BU08555704</t>
  </si>
  <si>
    <t>2021BU08555704</t>
  </si>
  <si>
    <t>Buitengebied Koolhoven</t>
  </si>
  <si>
    <t>buurt_gegeneraliseerd_2021.38eb4bc9-daec-456d-ac19-4f451167e4b8</t>
  </si>
  <si>
    <t>BU08555705</t>
  </si>
  <si>
    <t>2021BU08555705</t>
  </si>
  <si>
    <t>Koolhoven Oost</t>
  </si>
  <si>
    <t>buurt_gegeneraliseerd_2021.03af1f52-3038-4f68-9a28-7a23f026852b</t>
  </si>
  <si>
    <t>BU08555801</t>
  </si>
  <si>
    <t>2021BU08555801</t>
  </si>
  <si>
    <t>Witbrant West</t>
  </si>
  <si>
    <t>buurt_gegeneraliseerd_2021.1a7e6322-af15-42e6-afe9-f11e51f1d11d</t>
  </si>
  <si>
    <t>BU08555802</t>
  </si>
  <si>
    <t>2021BU08555802</t>
  </si>
  <si>
    <t>Witbrant Oost</t>
  </si>
  <si>
    <t>buurt_gegeneraliseerd_2021.09ac76cb-0532-4d10-a945-8bafef431617</t>
  </si>
  <si>
    <t>BU08555803</t>
  </si>
  <si>
    <t>2021BU08555803</t>
  </si>
  <si>
    <t>Buitengebied Witbrant</t>
  </si>
  <si>
    <t>buurt_gegeneraliseerd_2021.9081ce26-ff71-456b-95ab-9f5495118ef4</t>
  </si>
  <si>
    <t>BU08555901</t>
  </si>
  <si>
    <t>2021BU08555901</t>
  </si>
  <si>
    <t>Buitengebied Kraaiven West</t>
  </si>
  <si>
    <t>buurt_gegeneraliseerd_2021.7181bf21-7723-40b6-b813-e4e7e2266b65</t>
  </si>
  <si>
    <t>BU08555902</t>
  </si>
  <si>
    <t>2021BU08555902</t>
  </si>
  <si>
    <t>Buitengebied Kraaiven Oost</t>
  </si>
  <si>
    <t>buurt_gegeneraliseerd_2021.4fffe8ac-0234-42bd-ac2f-f2d42a1b8d5b</t>
  </si>
  <si>
    <t>BU08555903</t>
  </si>
  <si>
    <t>2021BU08555903</t>
  </si>
  <si>
    <t>Bedrijventerrein Kraaiven West</t>
  </si>
  <si>
    <t>buurt_gegeneraliseerd_2021.e7eada73-fea1-44fe-bcd9-c9615a258b9d</t>
  </si>
  <si>
    <t>BU08555904</t>
  </si>
  <si>
    <t>2021BU08555904</t>
  </si>
  <si>
    <t>Bedrijventerrein Kraaiven</t>
  </si>
  <si>
    <t>buurt_gegeneraliseerd_2021.3ae875b2-f0f6-41bb-937c-15bdbeacaf35</t>
  </si>
  <si>
    <t>BU08555905</t>
  </si>
  <si>
    <t>2021BU08555905</t>
  </si>
  <si>
    <t>Bedrijventerrein Kraaiven PDV</t>
  </si>
  <si>
    <t>buurt_gegeneraliseerd_2021.6486e84a-b63f-45c4-a025-41d37f3d8617</t>
  </si>
  <si>
    <t>BU08556001</t>
  </si>
  <si>
    <t>2021BU08556001</t>
  </si>
  <si>
    <t>Bedrijventerrein Vossenberg West II</t>
  </si>
  <si>
    <t>buurt_gegeneraliseerd_2021.f52c813b-de41-4d52-a8ed-471d9aec3c16</t>
  </si>
  <si>
    <t>BU08556002</t>
  </si>
  <si>
    <t>2021BU08556002</t>
  </si>
  <si>
    <t>Bedrijventerrein Vossenberg West I</t>
  </si>
  <si>
    <t>buurt_gegeneraliseerd_2021.8c298a64-8b07-4009-a014-c77263b566dd</t>
  </si>
  <si>
    <t>BU08556003</t>
  </si>
  <si>
    <t>2021BU08556003</t>
  </si>
  <si>
    <t>Bedrijventerrein Vossenberg Scheg</t>
  </si>
  <si>
    <t>buurt_gegeneraliseerd_2021.7ff5d1fb-b501-4bff-875b-f4572a23d49d</t>
  </si>
  <si>
    <t>BU08556004</t>
  </si>
  <si>
    <t>2021BU08556004</t>
  </si>
  <si>
    <t>Bedrijventerrein Vossenberg</t>
  </si>
  <si>
    <t>buurt_gegeneraliseerd_2021.1e6f6573-8725-48cc-9c10-af64052020a7</t>
  </si>
  <si>
    <t>BU08556005</t>
  </si>
  <si>
    <t>2021BU08556005</t>
  </si>
  <si>
    <t>Bedrijventerrein Vossenberg Scheg Oost</t>
  </si>
  <si>
    <t>buurt_gegeneraliseerd_2021.eedd2b38-80f4-42b6-87a5-b334d4b8ec48</t>
  </si>
  <si>
    <t>BU08556006</t>
  </si>
  <si>
    <t>2021BU08556006</t>
  </si>
  <si>
    <t>Bedrijventerrein Vossenberg PDV</t>
  </si>
  <si>
    <t>buurt_gegeneraliseerd_2021.c28473e2-cac1-434e-b07c-29564a0f06fe</t>
  </si>
  <si>
    <t>BU08556007</t>
  </si>
  <si>
    <t>2021BU08556007</t>
  </si>
  <si>
    <t>Bedrijventerrein Albion</t>
  </si>
  <si>
    <t>buurt_gegeneraliseerd_2021.4ed98e20-d997-4bb4-bc21-8fc906d2c363</t>
  </si>
  <si>
    <t>BU08556101</t>
  </si>
  <si>
    <t>2021BU08556101</t>
  </si>
  <si>
    <t>De Katsbogten</t>
  </si>
  <si>
    <t>buurt_gegeneraliseerd_2021.1f1b060a-b2a3-41d0-962d-d41ae71d0142</t>
  </si>
  <si>
    <t>BU08556102</t>
  </si>
  <si>
    <t>2021BU08556102</t>
  </si>
  <si>
    <t>Tradepark 58 Noord</t>
  </si>
  <si>
    <t>buurt_gegeneraliseerd_2021.5a26511d-5538-4a63-a825-7b392532085b</t>
  </si>
  <si>
    <t>BU08556103</t>
  </si>
  <si>
    <t>2021BU08556103</t>
  </si>
  <si>
    <t>Tradepark 58 Zuid</t>
  </si>
  <si>
    <t>buurt_gegeneraliseerd_2021.b0d3b9f6-2a11-4f13-b4f0-b431e09c329a</t>
  </si>
  <si>
    <t>BU08556202</t>
  </si>
  <si>
    <t>2021BU08556202</t>
  </si>
  <si>
    <t>buurt_gegeneraliseerd_2021.7595f7c4-de6e-4573-a78d-9a6d07fc5902</t>
  </si>
  <si>
    <t>BU08556301</t>
  </si>
  <si>
    <t>2021BU08556301</t>
  </si>
  <si>
    <t>Wijkevoort</t>
  </si>
  <si>
    <t>buurt_gegeneraliseerd_2021.be37d112-7778-4464-9317-f2ee9e9b0022</t>
  </si>
  <si>
    <t>BU08556302</t>
  </si>
  <si>
    <t>2021BU08556302</t>
  </si>
  <si>
    <t>Buitengebied Gilzerbaan West</t>
  </si>
  <si>
    <t>buurt_gegeneraliseerd_2021.a2e2b63d-caa8-4189-8388-d4e844ab21a1</t>
  </si>
  <si>
    <t>BU08556303</t>
  </si>
  <si>
    <t>2021BU08556303</t>
  </si>
  <si>
    <t>Buitengebied Gilzerbaan Oost</t>
  </si>
  <si>
    <t>buurt_gegeneraliseerd_2021.691d73e7-3ad1-454e-8a12-39c370bc02ff</t>
  </si>
  <si>
    <t>BU08556304</t>
  </si>
  <si>
    <t>2021BU08556304</t>
  </si>
  <si>
    <t>Amarant Piusoord</t>
  </si>
  <si>
    <t>buurt_gegeneraliseerd_2021.768ec591-28ae-4573-afc4-ad34d4fdb7fc</t>
  </si>
  <si>
    <t>BU08556401</t>
  </si>
  <si>
    <t>2021BU08556401</t>
  </si>
  <si>
    <t>Buitengebied Noord-Oost</t>
  </si>
  <si>
    <t>buurt_gegeneraliseerd_2021.b065ebd8-e726-41a5-8ba5-0be3cae2130b</t>
  </si>
  <si>
    <t>BU08556402</t>
  </si>
  <si>
    <t>2021BU08556402</t>
  </si>
  <si>
    <t>Rugdijk-Hazennest</t>
  </si>
  <si>
    <t>buurt_gegeneraliseerd_2021.84afc0e1-40d8-44e7-b303-005393fbbbab</t>
  </si>
  <si>
    <t>BU08556403</t>
  </si>
  <si>
    <t>2021BU08556403</t>
  </si>
  <si>
    <t>Oostkamer West</t>
  </si>
  <si>
    <t>buurt_gegeneraliseerd_2021.d9be4f38-9ea7-4df7-8532-1223fcb01530</t>
  </si>
  <si>
    <t>BU08556501</t>
  </si>
  <si>
    <t>2021BU08556501</t>
  </si>
  <si>
    <t>Buitengebied Noord-West</t>
  </si>
  <si>
    <t>buurt_gegeneraliseerd_2021.bab78e78-17cb-468f-b227-c0cd01ad342d</t>
  </si>
  <si>
    <t>BU08556601</t>
  </si>
  <si>
    <t>2021BU08556601</t>
  </si>
  <si>
    <t>Bedrijventerrein Schepersven</t>
  </si>
  <si>
    <t>buurt_gegeneraliseerd_2021.a80e9460-9527-4ec5-8546-4800401e3a92</t>
  </si>
  <si>
    <t>BU08556602</t>
  </si>
  <si>
    <t>2021BU08556602</t>
  </si>
  <si>
    <t>Oostkamer Oost</t>
  </si>
  <si>
    <t>buurt_gegeneraliseerd_2021.3621c5c2-7471-4117-9116-4562ae532cd7</t>
  </si>
  <si>
    <t>BU08556603</t>
  </si>
  <si>
    <t>2021BU08556603</t>
  </si>
  <si>
    <t>Buitengebied B-E Noord-West</t>
  </si>
  <si>
    <t>buurt_gegeneraliseerd_2021.123bf123-35d4-48d2-962f-ac2d60933d3d</t>
  </si>
  <si>
    <t>BU08556604</t>
  </si>
  <si>
    <t>2021BU08556604</t>
  </si>
  <si>
    <t>Buitengebied B-E Noord-Oost</t>
  </si>
  <si>
    <t>buurt_gegeneraliseerd_2021.51f0a5f5-af7b-4c76-b44a-3f57c64beb4a</t>
  </si>
  <si>
    <t>BU08556605</t>
  </si>
  <si>
    <t>2021BU08556605</t>
  </si>
  <si>
    <t>Bedrijventerrein Rhijnkant</t>
  </si>
  <si>
    <t>buurt_gegeneraliseerd_2021.514f2763-681e-478d-8be5-170bbaf02048</t>
  </si>
  <si>
    <t>BU08556606</t>
  </si>
  <si>
    <t>2021BU08556606</t>
  </si>
  <si>
    <t>Berkel Noord</t>
  </si>
  <si>
    <t>buurt_gegeneraliseerd_2021.6534c787-7c8b-4a99-87f3-38c2c6b7e539</t>
  </si>
  <si>
    <t>BU08556607</t>
  </si>
  <si>
    <t>2021BU08556607</t>
  </si>
  <si>
    <t>Berkelse Akkers</t>
  </si>
  <si>
    <t>buurt_gegeneraliseerd_2021.b3f7f0cc-d802-47cb-85c1-dfa3b36262da</t>
  </si>
  <si>
    <t>BU08556608</t>
  </si>
  <si>
    <t>2021BU08556608</t>
  </si>
  <si>
    <t>Ruiven</t>
  </si>
  <si>
    <t>buurt_gegeneraliseerd_2021.1c3c6b4a-0fd7-4b86-b1b3-cfc4362a2c26</t>
  </si>
  <si>
    <t>BU08556609</t>
  </si>
  <si>
    <t>2021BU08556609</t>
  </si>
  <si>
    <t>Eikenbosch</t>
  </si>
  <si>
    <t>buurt_gegeneraliseerd_2021.e785bf5e-cc6e-49ef-94e6-c2df518be678</t>
  </si>
  <si>
    <t>BU08556610</t>
  </si>
  <si>
    <t>2021BU08556610</t>
  </si>
  <si>
    <t>Koningsoord</t>
  </si>
  <si>
    <t>buurt_gegeneraliseerd_2021.712382b1-ecbd-4acc-8a0a-221f5bd7d757</t>
  </si>
  <si>
    <t>BU08556611</t>
  </si>
  <si>
    <t>2021BU08556611</t>
  </si>
  <si>
    <t>Rauwbraken</t>
  </si>
  <si>
    <t>buurt_gegeneraliseerd_2021.0f87e500-252e-4619-a1ab-944dbc802eff</t>
  </si>
  <si>
    <t>BU08556612</t>
  </si>
  <si>
    <t>2021BU08556612</t>
  </si>
  <si>
    <t>Enschot Oost</t>
  </si>
  <si>
    <t>buurt_gegeneraliseerd_2021.3a5da3bc-5b16-4dfb-9949-50e1901c35f8</t>
  </si>
  <si>
    <t>BU08556613</t>
  </si>
  <si>
    <t>2021BU08556613</t>
  </si>
  <si>
    <t>Enschot Midden</t>
  </si>
  <si>
    <t>buurt_gegeneraliseerd_2021.83af63c6-d993-453a-8ae2-46ea0ee3b8d2</t>
  </si>
  <si>
    <t>BU08556614</t>
  </si>
  <si>
    <t>2021BU08556614</t>
  </si>
  <si>
    <t>Enschotse Akkers</t>
  </si>
  <si>
    <t>buurt_gegeneraliseerd_2021.b42b57af-1532-468f-8f16-adcd3d7f76ef</t>
  </si>
  <si>
    <t>BU08556615</t>
  </si>
  <si>
    <t>2021BU08556615</t>
  </si>
  <si>
    <t>Bedrijventerrein Enschot</t>
  </si>
  <si>
    <t>buurt_gegeneraliseerd_2021.14cf9153-2b57-4d69-a6f7-1d1584eec93c</t>
  </si>
  <si>
    <t>BU08556616</t>
  </si>
  <si>
    <t>2021BU08556616</t>
  </si>
  <si>
    <t>Enschot West</t>
  </si>
  <si>
    <t>buurt_gegeneraliseerd_2021.d017cdf6-cde3-43e9-913b-be993a9be785</t>
  </si>
  <si>
    <t>BU08556617</t>
  </si>
  <si>
    <t>2021BU08556617</t>
  </si>
  <si>
    <t>Enschot Zuid</t>
  </si>
  <si>
    <t>buurt_gegeneraliseerd_2021.774c1978-aa5a-4f3a-bae7-a3c448350d9a</t>
  </si>
  <si>
    <t>BU08556618</t>
  </si>
  <si>
    <t>2021BU08556618</t>
  </si>
  <si>
    <t>Buitengebied B-E Zuid-West</t>
  </si>
  <si>
    <t>buurt_gegeneraliseerd_2021.93328606-d3b0-4a87-9cd3-b506eb1cd62f</t>
  </si>
  <si>
    <t>BU08556619</t>
  </si>
  <si>
    <t>2021BU08556619</t>
  </si>
  <si>
    <t>Buitengebied B-E Zuid-Oost</t>
  </si>
  <si>
    <t>buurt_gegeneraliseerd_2021.d749e180-23d4-4a49-a3c5-b7c868303182</t>
  </si>
  <si>
    <t>BU08556620</t>
  </si>
  <si>
    <t>2021BU08556620</t>
  </si>
  <si>
    <t>Buitengebied B-E Zuid</t>
  </si>
  <si>
    <t>buurt_gegeneraliseerd_2021.c57c0931-3fad-4200-af87-22fe7fd1509d</t>
  </si>
  <si>
    <t>BU08556701</t>
  </si>
  <si>
    <t>2021BU08556701</t>
  </si>
  <si>
    <t>buurt_gegeneraliseerd_2021.366b30e4-b594-4f7e-9c49-3d8314483f6a</t>
  </si>
  <si>
    <t>BU08556702</t>
  </si>
  <si>
    <t>2021BU08556702</t>
  </si>
  <si>
    <t>Achthoeven</t>
  </si>
  <si>
    <t>buurt_gegeneraliseerd_2021.1ba442aa-9ff7-4d43-818e-a36553d4cb26</t>
  </si>
  <si>
    <t>BU08556703</t>
  </si>
  <si>
    <t>2021BU08556703</t>
  </si>
  <si>
    <t>Den Bogerd</t>
  </si>
  <si>
    <t>buurt_gegeneraliseerd_2021.2c117474-b02a-4c1b-a7e0-99535d57552f</t>
  </si>
  <si>
    <t>BU08556704</t>
  </si>
  <si>
    <t>2021BU08556704</t>
  </si>
  <si>
    <t>buurt_gegeneraliseerd_2021.9b465f03-7ebd-4353-9fe0-600585afc60f</t>
  </si>
  <si>
    <t>BU08556705</t>
  </si>
  <si>
    <t>2021BU08556705</t>
  </si>
  <si>
    <t>De Kuil</t>
  </si>
  <si>
    <t>buurt_gegeneraliseerd_2021.8b3ce333-4150-4538-b1a4-d6c81a2e422c</t>
  </si>
  <si>
    <t>BU08556706</t>
  </si>
  <si>
    <t>2021BU08556706</t>
  </si>
  <si>
    <t>Zeshoeven</t>
  </si>
  <si>
    <t>buurt_gegeneraliseerd_2021.7b4b2465-6e0f-4394-8f73-ee9c82e2195c</t>
  </si>
  <si>
    <t>BU08556707</t>
  </si>
  <si>
    <t>2021BU08556707</t>
  </si>
  <si>
    <t>Bedrijventerrein Kreitenmolen</t>
  </si>
  <si>
    <t>buurt_gegeneraliseerd_2021.c102f305-64d1-4b13-90a7-12059f128183</t>
  </si>
  <si>
    <t>BU08556708</t>
  </si>
  <si>
    <t>2021BU08556708</t>
  </si>
  <si>
    <t>Buitengebied Udenhout Zuid-Oost</t>
  </si>
  <si>
    <t>buurt_gegeneraliseerd_2021.9c879136-8004-4eca-b8e6-ff6348cf1bf1</t>
  </si>
  <si>
    <t>BU08556709</t>
  </si>
  <si>
    <t>2021BU08556709</t>
  </si>
  <si>
    <t>Buitengebied Udenhout Zuid-West</t>
  </si>
  <si>
    <t>buurt_gegeneraliseerd_2021.e638bd39-f95a-42ce-894b-7b82bdaab2f9</t>
  </si>
  <si>
    <t>BU08556710</t>
  </si>
  <si>
    <t>2021BU08556710</t>
  </si>
  <si>
    <t>Buitengebied Udenhout Noord</t>
  </si>
  <si>
    <t>buurt_gegeneraliseerd_2021.db7772bb-06ee-407a-820e-6b696c73a3f3</t>
  </si>
  <si>
    <t>BU08556801</t>
  </si>
  <si>
    <t>2021BU08556801</t>
  </si>
  <si>
    <t>Kern Biezenmortel</t>
  </si>
  <si>
    <t>buurt_gegeneraliseerd_2021.82bbab9f-acf2-4ecb-a73e-8107b1139fb2</t>
  </si>
  <si>
    <t>BU08556802</t>
  </si>
  <si>
    <t>2021BU08556802</t>
  </si>
  <si>
    <t>Huize Assisië</t>
  </si>
  <si>
    <t>buurt_gegeneraliseerd_2021.3b120c48-ea9e-4043-a93a-d038d70625f2</t>
  </si>
  <si>
    <t>BU08556803</t>
  </si>
  <si>
    <t>2021BU08556803</t>
  </si>
  <si>
    <t>Buitengebied Biezenmortel</t>
  </si>
  <si>
    <t>buurt_gegeneraliseerd_2021.fab43c4d-153f-4118-adff-e307162df804</t>
  </si>
  <si>
    <t>BU08650000</t>
  </si>
  <si>
    <t>2021BU08650000</t>
  </si>
  <si>
    <t>GM0865</t>
  </si>
  <si>
    <t>buurt_gegeneraliseerd_2021.65fd9cef-c608-425c-b5c1-776ca76b57a5</t>
  </si>
  <si>
    <t>BU08650001</t>
  </si>
  <si>
    <t>2021BU08650001</t>
  </si>
  <si>
    <t>Taalstraat en omgeving</t>
  </si>
  <si>
    <t>buurt_gegeneraliseerd_2021.789aaf03-80fe-4353-ba35-6fbf05121f4b</t>
  </si>
  <si>
    <t>BU08650002</t>
  </si>
  <si>
    <t>2021BU08650002</t>
  </si>
  <si>
    <t>Loyolaan en omgeving</t>
  </si>
  <si>
    <t>buurt_gegeneraliseerd_2021.2380773e-af1f-46ff-ba3e-20c7733c405b</t>
  </si>
  <si>
    <t>BU08650003</t>
  </si>
  <si>
    <t>2021BU08650003</t>
  </si>
  <si>
    <t>Loonsebaan</t>
  </si>
  <si>
    <t>buurt_gegeneraliseerd_2021.d33c2438-47ce-4f1d-bcae-74b7f9bc3800</t>
  </si>
  <si>
    <t>BU08650004</t>
  </si>
  <si>
    <t>2021BU08650004</t>
  </si>
  <si>
    <t>buurt_gegeneraliseerd_2021.d4a9b1f0-e3d9-4d81-bda7-3e918cce548f</t>
  </si>
  <si>
    <t>BU08650005</t>
  </si>
  <si>
    <t>2021BU08650005</t>
  </si>
  <si>
    <t>Schoonveld</t>
  </si>
  <si>
    <t>buurt_gegeneraliseerd_2021.fd2d9ab1-5320-419f-a21a-df6a0987bbc8</t>
  </si>
  <si>
    <t>BU08650008</t>
  </si>
  <si>
    <t>2021BU08650008</t>
  </si>
  <si>
    <t>Vughtse Heide en Lunetten</t>
  </si>
  <si>
    <t>buurt_gegeneraliseerd_2021.dc87d0dc-d675-4bb3-a68b-c9a07921de6d</t>
  </si>
  <si>
    <t>BU08650009</t>
  </si>
  <si>
    <t>2021BU08650009</t>
  </si>
  <si>
    <t>Gement</t>
  </si>
  <si>
    <t>buurt_gegeneraliseerd_2021.52e13fcb-0c62-4254-a4f2-c9294c8ba45e</t>
  </si>
  <si>
    <t>BU08650100</t>
  </si>
  <si>
    <t>2021BU08650100</t>
  </si>
  <si>
    <t>Voorburg en omgeving</t>
  </si>
  <si>
    <t>buurt_gegeneraliseerd_2021.024f76be-3a09-4a96-aec5-ef05501ac784</t>
  </si>
  <si>
    <t>BU08650101</t>
  </si>
  <si>
    <t>2021BU08650101</t>
  </si>
  <si>
    <t>Molenstraat en omgeving</t>
  </si>
  <si>
    <t>buurt_gegeneraliseerd_2021.20e2dfe8-71a7-41f8-98dd-01800b7000fd</t>
  </si>
  <si>
    <t>BU08650102</t>
  </si>
  <si>
    <t>2021BU08650102</t>
  </si>
  <si>
    <t>De Baarzen</t>
  </si>
  <si>
    <t>buurt_gegeneraliseerd_2021.b2e5d909-f002-47dc-bb8b-84b382afc703</t>
  </si>
  <si>
    <t>BU08650103</t>
  </si>
  <si>
    <t>2021BU08650103</t>
  </si>
  <si>
    <t>Vijverhof</t>
  </si>
  <si>
    <t>buurt_gegeneraliseerd_2021.4bbac204-b9cb-4d45-a48c-86afdda2028d</t>
  </si>
  <si>
    <t>BU08650104</t>
  </si>
  <si>
    <t>2021BU08650104</t>
  </si>
  <si>
    <t>De Vughtse Hoeven</t>
  </si>
  <si>
    <t>buurt_gegeneraliseerd_2021.aabc6ecd-54a0-4cf7-8d96-a3d83c3b2827</t>
  </si>
  <si>
    <t>BU08650108</t>
  </si>
  <si>
    <t>2021BU08650108</t>
  </si>
  <si>
    <t>Bleijendijk</t>
  </si>
  <si>
    <t>buurt_gegeneraliseerd_2021.9776233f-971f-426a-968d-d3dae3892ef9</t>
  </si>
  <si>
    <t>BU08650109</t>
  </si>
  <si>
    <t>2021BU08650109</t>
  </si>
  <si>
    <t>Bergenshuizen</t>
  </si>
  <si>
    <t>buurt_gegeneraliseerd_2021.0ee88a6f-8cad-4e31-ba4c-5ff1559d4a87</t>
  </si>
  <si>
    <t>BU08650110</t>
  </si>
  <si>
    <t>2021BU08650110</t>
  </si>
  <si>
    <t>Verspr huizen Schorvert en omgeving</t>
  </si>
  <si>
    <t>buurt_gegeneraliseerd_2021.fa35a806-5880-4d90-9cca-6704d31af5bb</t>
  </si>
  <si>
    <t>BU08650200</t>
  </si>
  <si>
    <t>2021BU08650200</t>
  </si>
  <si>
    <t>Cromvoirt</t>
  </si>
  <si>
    <t>buurt_gegeneraliseerd_2021.be8d4f5e-3754-4bb6-9ffb-cd362b02a6a6</t>
  </si>
  <si>
    <t>BU08650209</t>
  </si>
  <si>
    <t>2021BU08650209</t>
  </si>
  <si>
    <t>Verspreide huizen Cromvoirt</t>
  </si>
  <si>
    <t>buurt_gegeneraliseerd_2021.7b0b24f3-a2f9-4a86-9195-75c3a48427aa</t>
  </si>
  <si>
    <t>BU08650300</t>
  </si>
  <si>
    <t>2021BU08650300</t>
  </si>
  <si>
    <t>Helvoirt</t>
  </si>
  <si>
    <t>buurt_gegeneraliseerd_2021.7d19ab0a-5f53-4674-ac86-137278885a09</t>
  </si>
  <si>
    <t>BU08650301</t>
  </si>
  <si>
    <t>2021BU08650301</t>
  </si>
  <si>
    <t>Distelberg</t>
  </si>
  <si>
    <t>buurt_gegeneraliseerd_2021.87db2ca3-ac74-4f76-97f8-72a940037399</t>
  </si>
  <si>
    <t>BU08650307</t>
  </si>
  <si>
    <t>2021BU08650307</t>
  </si>
  <si>
    <t>Verspr huizen Helvoirtse Heide</t>
  </si>
  <si>
    <t>buurt_gegeneraliseerd_2021.b7084360-eef4-4f2f-9115-59e74d3c9132</t>
  </si>
  <si>
    <t>BU08650308</t>
  </si>
  <si>
    <t>2021BU08650308</t>
  </si>
  <si>
    <t>Verspr huizen Brokkenbroek en Laar</t>
  </si>
  <si>
    <t>buurt_gegeneraliseerd_2021.9ed09a6e-ad00-4d58-a3c1-de20c2a0f0bc</t>
  </si>
  <si>
    <t>BU08650309</t>
  </si>
  <si>
    <t>2021BU08650309</t>
  </si>
  <si>
    <t>Verspr huizen Gijzel Raam en Molenstr</t>
  </si>
  <si>
    <t>buurt_gegeneraliseerd_2021.5d1edc00-f20b-42fe-bcfb-558a6aaba238</t>
  </si>
  <si>
    <t>BU17230101</t>
  </si>
  <si>
    <t>2021BU17230101</t>
  </si>
  <si>
    <t>Noordwest Alphen</t>
  </si>
  <si>
    <t>GM1723</t>
  </si>
  <si>
    <t>buurt_gegeneraliseerd_2021.c8e3ad88-479c-42bb-9e8b-b86dc55d378d</t>
  </si>
  <si>
    <t>BU17230102</t>
  </si>
  <si>
    <t>2021BU17230102</t>
  </si>
  <si>
    <t>Zuidoost Alphen</t>
  </si>
  <si>
    <t>buurt_gegeneraliseerd_2021.e72f37f1-d97e-4e3c-a7e4-0e53c94a7974</t>
  </si>
  <si>
    <t>BU17230103</t>
  </si>
  <si>
    <t>2021BU17230103</t>
  </si>
  <si>
    <t>Zuidwest Alphen</t>
  </si>
  <si>
    <t>buurt_gegeneraliseerd_2021.8305c0d4-6250-4702-91a6-f3f79e968f7f</t>
  </si>
  <si>
    <t>BU17230104</t>
  </si>
  <si>
    <t>2021BU17230104</t>
  </si>
  <si>
    <t>Bedrijventerrein Alphen</t>
  </si>
  <si>
    <t>buurt_gegeneraliseerd_2021.eb1e9655-7fcf-4b90-ae9c-060fad2e02a8</t>
  </si>
  <si>
    <t>BU17230105</t>
  </si>
  <si>
    <t>2021BU17230105</t>
  </si>
  <si>
    <t>buurt_gegeneraliseerd_2021.40240039-2595-4c55-85d6-6eb4c269675b</t>
  </si>
  <si>
    <t>BU17230106</t>
  </si>
  <si>
    <t>2021BU17230106</t>
  </si>
  <si>
    <t>Noordoost Alphen</t>
  </si>
  <si>
    <t>buurt_gegeneraliseerd_2021.a0a4e680-7eae-46c5-adfa-40f7e74bc5ba</t>
  </si>
  <si>
    <t>BU17230107</t>
  </si>
  <si>
    <t>2021BU17230107</t>
  </si>
  <si>
    <t>buurt_gegeneraliseerd_2021.d3b3a1a9-b018-45bb-abe8-38d9dcc08e19</t>
  </si>
  <si>
    <t>BU17230201</t>
  </si>
  <si>
    <t>2021BU17230201</t>
  </si>
  <si>
    <t>Centrum Chaam</t>
  </si>
  <si>
    <t>buurt_gegeneraliseerd_2021.c67cc694-e08b-4dd4-8d18-728a6f59e404</t>
  </si>
  <si>
    <t>BU17230202</t>
  </si>
  <si>
    <t>2021BU17230202</t>
  </si>
  <si>
    <t>Roode Beek</t>
  </si>
  <si>
    <t>buurt_gegeneraliseerd_2021.1afe482a-1974-4fda-a288-2b6aac634f7d</t>
  </si>
  <si>
    <t>BU17230203</t>
  </si>
  <si>
    <t>2021BU17230203</t>
  </si>
  <si>
    <t>Elsakker</t>
  </si>
  <si>
    <t>buurt_gegeneraliseerd_2021.a6ff8cd0-fa90-42d9-9c1f-c94c9a6179fd</t>
  </si>
  <si>
    <t>BU17230204</t>
  </si>
  <si>
    <t>2021BU17230204</t>
  </si>
  <si>
    <t>Wolfsdonk</t>
  </si>
  <si>
    <t>buurt_gegeneraliseerd_2021.9ecbcde7-43f7-4fc2-82ee-9b800977e427</t>
  </si>
  <si>
    <t>BU17230205</t>
  </si>
  <si>
    <t>2021BU17230205</t>
  </si>
  <si>
    <t>Bedrijventerrein Baarleseweg Noord</t>
  </si>
  <si>
    <t>buurt_gegeneraliseerd_2021.973e69d1-75c4-45af-9c60-d1ebcf7008cc</t>
  </si>
  <si>
    <t>BU17230206</t>
  </si>
  <si>
    <t>2021BU17230206</t>
  </si>
  <si>
    <t>Den Brabander</t>
  </si>
  <si>
    <t>buurt_gegeneraliseerd_2021.e86641ec-2590-4445-b781-517f34aff8e8</t>
  </si>
  <si>
    <t>BU17230207</t>
  </si>
  <si>
    <t>2021BU17230207</t>
  </si>
  <si>
    <t>Buitengebied Chaam</t>
  </si>
  <si>
    <t>buurt_gegeneraliseerd_2021.4cefd696-0777-4291-add6-58836c51d1ac</t>
  </si>
  <si>
    <t>BU17230301</t>
  </si>
  <si>
    <t>2021BU17230301</t>
  </si>
  <si>
    <t>Strijbeek</t>
  </si>
  <si>
    <t>buurt_gegeneraliseerd_2021.5e580ad0-65e3-4d3d-aa39-cea6fb5588a0</t>
  </si>
  <si>
    <t>BU17230401</t>
  </si>
  <si>
    <t>2021BU17230401</t>
  </si>
  <si>
    <t>Kern Galder</t>
  </si>
  <si>
    <t>buurt_gegeneraliseerd_2021.5a046683-019c-4f5f-8c5b-d9b3d1d96d08</t>
  </si>
  <si>
    <t>BU17230402</t>
  </si>
  <si>
    <t>2021BU17230402</t>
  </si>
  <si>
    <t>Buitengebied Galder</t>
  </si>
  <si>
    <t>buurt_gegeneraliseerd_2021.5183b8a6-9e93-4862-8dd8-0e7b5ab1ccde</t>
  </si>
  <si>
    <t>BU17230501</t>
  </si>
  <si>
    <t>2021BU17230501</t>
  </si>
  <si>
    <t>Ulvenhout AC</t>
  </si>
  <si>
    <t>buurt_gegeneraliseerd_2021.c84fd22e-f385-43ac-83b4-73c00ab44dcc</t>
  </si>
  <si>
    <t>BU17230601</t>
  </si>
  <si>
    <t>2021BU17230601</t>
  </si>
  <si>
    <t>Bavel AC</t>
  </si>
  <si>
    <t>buurt_gegeneraliseerd_2021.25e9d307-1073-4b17-846b-3bb62f6fbf05</t>
  </si>
  <si>
    <t>BU17190102</t>
  </si>
  <si>
    <t>2021BU17190102</t>
  </si>
  <si>
    <t>Verspreide huizen Drimmelen</t>
  </si>
  <si>
    <t>buurt_gegeneraliseerd_2021.03cce38b-cab9-441f-bbc0-1a35c322ed12</t>
  </si>
  <si>
    <t>BU17190103</t>
  </si>
  <si>
    <t>2021BU17190103</t>
  </si>
  <si>
    <t>Drimmelen havens</t>
  </si>
  <si>
    <t>buurt_gegeneraliseerd_2021.982c866f-8330-46cc-a4b4-e21d2f690e55</t>
  </si>
  <si>
    <t>BU17190104</t>
  </si>
  <si>
    <t>2021BU17190104</t>
  </si>
  <si>
    <t>Drimmelen Centrum</t>
  </si>
  <si>
    <t>buurt_gegeneraliseerd_2021.b5dea40f-2e0a-4a1d-a9a0-69f5c17916fb</t>
  </si>
  <si>
    <t>BU17190201</t>
  </si>
  <si>
    <t>2021BU17190201</t>
  </si>
  <si>
    <t>Verspreide huizen Made</t>
  </si>
  <si>
    <t>buurt_gegeneraliseerd_2021.8d98f399-9c4a-4311-88c7-09b76d7bc327</t>
  </si>
  <si>
    <t>BU17190202</t>
  </si>
  <si>
    <t>2021BU17190202</t>
  </si>
  <si>
    <t>Middelmade</t>
  </si>
  <si>
    <t>buurt_gegeneraliseerd_2021.f1a583d5-6039-4035-8241-420389ae3db0</t>
  </si>
  <si>
    <t>BU17190203</t>
  </si>
  <si>
    <t>2021BU17190203</t>
  </si>
  <si>
    <t>Zilverberg</t>
  </si>
  <si>
    <t>buurt_gegeneraliseerd_2021.34e500bb-6366-47d2-a9f4-2aefa5d2fea5</t>
  </si>
  <si>
    <t>BU17190204</t>
  </si>
  <si>
    <t>2021BU17190204</t>
  </si>
  <si>
    <t>Hondenhei</t>
  </si>
  <si>
    <t>buurt_gegeneraliseerd_2021.1c6ce6a2-1424-4efb-a921-7710271343a8</t>
  </si>
  <si>
    <t>BU17190205</t>
  </si>
  <si>
    <t>2021BU17190205</t>
  </si>
  <si>
    <t>Haasdijk</t>
  </si>
  <si>
    <t>buurt_gegeneraliseerd_2021.507e36ed-65c4-4888-86ae-23e189cff1e9</t>
  </si>
  <si>
    <t>BU17190206</t>
  </si>
  <si>
    <t>2021BU17190206</t>
  </si>
  <si>
    <t>buurt_gegeneraliseerd_2021.66d476a5-96d5-43d6-803a-a8301db478fe</t>
  </si>
  <si>
    <t>BU17190207</t>
  </si>
  <si>
    <t>2021BU17190207</t>
  </si>
  <si>
    <t>Stuivezand</t>
  </si>
  <si>
    <t>buurt_gegeneraliseerd_2021.4e739aca-d685-4da1-a68c-9bd5a339f546</t>
  </si>
  <si>
    <t>BU17190208</t>
  </si>
  <si>
    <t>2021BU17190208</t>
  </si>
  <si>
    <t>Vierendelen</t>
  </si>
  <si>
    <t>buurt_gegeneraliseerd_2021.8b13c547-2494-4ee0-8736-e55227421f78</t>
  </si>
  <si>
    <t>BU17190209</t>
  </si>
  <si>
    <t>2021BU17190209</t>
  </si>
  <si>
    <t>buurt_gegeneraliseerd_2021.47c025d0-45dc-433f-88e0-36a2745a50b1</t>
  </si>
  <si>
    <t>BU17190210</t>
  </si>
  <si>
    <t>2021BU17190210</t>
  </si>
  <si>
    <t>De Meede</t>
  </si>
  <si>
    <t>buurt_gegeneraliseerd_2021.b0b66698-adf3-4608-9b8e-0f638e0b6f12</t>
  </si>
  <si>
    <t>BU17190301</t>
  </si>
  <si>
    <t>2021BU17190301</t>
  </si>
  <si>
    <t>Verspreide huizen Terheijden</t>
  </si>
  <si>
    <t>buurt_gegeneraliseerd_2021.80153edf-1a99-4728-a410-f5938f24720b</t>
  </si>
  <si>
    <t>BU17190302</t>
  </si>
  <si>
    <t>2021BU17190302</t>
  </si>
  <si>
    <t>Vaartkant</t>
  </si>
  <si>
    <t>buurt_gegeneraliseerd_2021.cf46f0c8-f18d-4515-931f-fa51a3550493</t>
  </si>
  <si>
    <t>BU17190303</t>
  </si>
  <si>
    <t>2021BU17190303</t>
  </si>
  <si>
    <t>Terheijden centrum</t>
  </si>
  <si>
    <t>buurt_gegeneraliseerd_2021.a072e7b2-7502-40d8-aa91-a3fbcd20132a</t>
  </si>
  <si>
    <t>BU17190304</t>
  </si>
  <si>
    <t>2021BU17190304</t>
  </si>
  <si>
    <t>Zeggepolder-oost</t>
  </si>
  <si>
    <t>buurt_gegeneraliseerd_2021.a6e2dcd1-6caf-4d03-a6c9-ad832d833790</t>
  </si>
  <si>
    <t>BU17190305</t>
  </si>
  <si>
    <t>2021BU17190305</t>
  </si>
  <si>
    <t>Zeggepolder-zuid</t>
  </si>
  <si>
    <t>buurt_gegeneraliseerd_2021.b930c6db-20fd-44d9-b694-137bc7d29220</t>
  </si>
  <si>
    <t>BU17190306</t>
  </si>
  <si>
    <t>2021BU17190306</t>
  </si>
  <si>
    <t>buurt_gegeneraliseerd_2021.ead7f1a7-40a7-4b34-b76b-9cb98248fc21</t>
  </si>
  <si>
    <t>BU17190307</t>
  </si>
  <si>
    <t>2021BU17190307</t>
  </si>
  <si>
    <t>buurt_gegeneraliseerd_2021.a1cbe4fb-e62e-4f5b-965e-25dc6c88e825</t>
  </si>
  <si>
    <t>BU17190308</t>
  </si>
  <si>
    <t>2021BU17190308</t>
  </si>
  <si>
    <t>Kleine Schans</t>
  </si>
  <si>
    <t>buurt_gegeneraliseerd_2021.666c61b1-950f-4063-808a-8a9a5b91ae6d</t>
  </si>
  <si>
    <t>BU17190309</t>
  </si>
  <si>
    <t>2021BU17190309</t>
  </si>
  <si>
    <t>Terheijden noordwest</t>
  </si>
  <si>
    <t>buurt_gegeneraliseerd_2021.0fab1be0-22c6-463b-bc1d-03fda1dc536f</t>
  </si>
  <si>
    <t>BU17190401</t>
  </si>
  <si>
    <t>2021BU17190401</t>
  </si>
  <si>
    <t>Verspreide huizen Wagenberg</t>
  </si>
  <si>
    <t>buurt_gegeneraliseerd_2021.c80b2d5e-b01a-4862-b32b-db7ccd332869</t>
  </si>
  <si>
    <t>BU17190402</t>
  </si>
  <si>
    <t>2021BU17190402</t>
  </si>
  <si>
    <t>Wagenberg noordwest</t>
  </si>
  <si>
    <t>buurt_gegeneraliseerd_2021.283b9f2d-f48f-4cfd-a0f1-9cd1ac1495be</t>
  </si>
  <si>
    <t>BU17190403</t>
  </si>
  <si>
    <t>2021BU17190403</t>
  </si>
  <si>
    <t>Wagenberg zuidoost</t>
  </si>
  <si>
    <t>buurt_gegeneraliseerd_2021.fec5fadc-0b49-440b-838b-ce8c172f1e79</t>
  </si>
  <si>
    <t>BU17190501</t>
  </si>
  <si>
    <t>2021BU17190501</t>
  </si>
  <si>
    <t>Verspreide huizen Hooge Zwaluwe</t>
  </si>
  <si>
    <t>buurt_gegeneraliseerd_2021.f6bf7bf8-7539-4e3b-92e2-4b3424abfdef</t>
  </si>
  <si>
    <t>BU17190502</t>
  </si>
  <si>
    <t>2021BU17190502</t>
  </si>
  <si>
    <t>buurt_gegeneraliseerd_2021.b9050684-f12c-4a27-91b5-d51a4632f58d</t>
  </si>
  <si>
    <t>BU17190503</t>
  </si>
  <si>
    <t>2021BU17190503</t>
  </si>
  <si>
    <t>Helkant</t>
  </si>
  <si>
    <t>buurt_gegeneraliseerd_2021.048d6092-f928-4067-a864-032db2d428f9</t>
  </si>
  <si>
    <t>BU17190504</t>
  </si>
  <si>
    <t>2021BU17190504</t>
  </si>
  <si>
    <t>De Heerlijkheid Hooge Zwaluwe</t>
  </si>
  <si>
    <t>buurt_gegeneraliseerd_2021.7ca97453-c120-4fb3-bacf-0cd84eb47b1a</t>
  </si>
  <si>
    <t>BU17190505</t>
  </si>
  <si>
    <t>2021BU17190505</t>
  </si>
  <si>
    <t>De Langstraatspoorlijn</t>
  </si>
  <si>
    <t>buurt_gegeneraliseerd_2021.2e7ae258-e01c-4763-a1ea-f255035263a6</t>
  </si>
  <si>
    <t>BU17190601</t>
  </si>
  <si>
    <t>2021BU17190601</t>
  </si>
  <si>
    <t>Verspreide huizen Lage Zwaluwe</t>
  </si>
  <si>
    <t>buurt_gegeneraliseerd_2021.6b4bf4ae-9365-46e1-98f8-f8c8d4979a46</t>
  </si>
  <si>
    <t>BU17190602</t>
  </si>
  <si>
    <t>2021BU17190602</t>
  </si>
  <si>
    <t>Kwistgeldpolder</t>
  </si>
  <si>
    <t>buurt_gegeneraliseerd_2021.f73bc9db-3268-4a54-9ac5-0dde5c827813</t>
  </si>
  <si>
    <t>BU17190603</t>
  </si>
  <si>
    <t>2021BU17190603</t>
  </si>
  <si>
    <t>Die Swaluw</t>
  </si>
  <si>
    <t>buurt_gegeneraliseerd_2021.bfa31e2c-7f20-400f-bad3-0d80923b47b2</t>
  </si>
  <si>
    <t>BU17190604</t>
  </si>
  <si>
    <t>2021BU17190604</t>
  </si>
  <si>
    <t>De Heerlijkheid Lage Zwaluwe</t>
  </si>
  <si>
    <t>buurt_gegeneraliseerd_2021.d22c9772-933e-4ac7-bf86-841c72dd8d85</t>
  </si>
  <si>
    <t>BU17190605</t>
  </si>
  <si>
    <t>2021BU17190605</t>
  </si>
  <si>
    <t>Blauwe Sluis</t>
  </si>
  <si>
    <t>buurt_gegeneraliseerd_2021.b724979e-a2b2-4b5b-a73b-2c7fb8a715da</t>
  </si>
  <si>
    <t>BU17190606</t>
  </si>
  <si>
    <t>2021BU17190606</t>
  </si>
  <si>
    <t>Grienden</t>
  </si>
  <si>
    <t>buurt_gegeneraliseerd_2021.cc8863a1-151f-4d80-8a7d-b02d5df55de9</t>
  </si>
  <si>
    <t>BU17190607</t>
  </si>
  <si>
    <t>2021BU17190607</t>
  </si>
  <si>
    <t>buurt_gegeneraliseerd_2021.b26ed1b3-4ee1-4f5a-ae5a-17a50abc1b9d</t>
  </si>
  <si>
    <t>BU06540101</t>
  </si>
  <si>
    <t>2021BU06540101</t>
  </si>
  <si>
    <t>Kern Baarland</t>
  </si>
  <si>
    <t>GM0654</t>
  </si>
  <si>
    <t>buurt_gegeneraliseerd_2021.bde6c200-f46f-4db3-8131-687454ba7cea</t>
  </si>
  <si>
    <t>BU06540102</t>
  </si>
  <si>
    <t>2021BU06540102</t>
  </si>
  <si>
    <t>Buitengebied Baarland</t>
  </si>
  <si>
    <t>buurt_gegeneraliseerd_2021.68818069-8bde-42be-a7b5-d564f57f725a</t>
  </si>
  <si>
    <t>BU06540201</t>
  </si>
  <si>
    <t>2021BU06540201</t>
  </si>
  <si>
    <t>Kern Borssele</t>
  </si>
  <si>
    <t>buurt_gegeneraliseerd_2021.9740a8d3-c53f-4cc7-9a1e-4fdeb06e0fe6</t>
  </si>
  <si>
    <t>BU06540202</t>
  </si>
  <si>
    <t>2021BU06540202</t>
  </si>
  <si>
    <t>Buitengebied Borssele</t>
  </si>
  <si>
    <t>buurt_gegeneraliseerd_2021.d5502729-f34c-41eb-8547-1ff459731cd8</t>
  </si>
  <si>
    <t>BU06540203</t>
  </si>
  <si>
    <t>2021BU06540203</t>
  </si>
  <si>
    <t>Havengebied Sloe Borssele</t>
  </si>
  <si>
    <t>buurt_gegeneraliseerd_2021.b32f58a6-e00e-46ff-a92d-ccc124671278</t>
  </si>
  <si>
    <t>BU06540301</t>
  </si>
  <si>
    <t>2021BU06540301</t>
  </si>
  <si>
    <t>Kern Driewegen</t>
  </si>
  <si>
    <t>buurt_gegeneraliseerd_2021.fa3a00c7-684c-4c80-bfd6-feba9e17c6d0</t>
  </si>
  <si>
    <t>BU06540302</t>
  </si>
  <si>
    <t>2021BU06540302</t>
  </si>
  <si>
    <t>Buitengebied Driewegen</t>
  </si>
  <si>
    <t>buurt_gegeneraliseerd_2021.cc5dfa7a-19d8-4d83-8e28-e4cb315c8595</t>
  </si>
  <si>
    <t>BU06540401</t>
  </si>
  <si>
    <t>2021BU06540401</t>
  </si>
  <si>
    <t>Kern Ellewoutsdijk</t>
  </si>
  <si>
    <t>buurt_gegeneraliseerd_2021.a1d42f0d-6ef0-49f9-8035-2591bcacd533</t>
  </si>
  <si>
    <t>BU06540402</t>
  </si>
  <si>
    <t>2021BU06540402</t>
  </si>
  <si>
    <t>Buitengebied Ellewoutsdijk</t>
  </si>
  <si>
    <t>buurt_gegeneraliseerd_2021.2d5b6397-ea6d-4ad1-a4f6-6dc486f35e83</t>
  </si>
  <si>
    <t>BU06540501</t>
  </si>
  <si>
    <t>2021BU06540501</t>
  </si>
  <si>
    <t>Kern Heinkenszand</t>
  </si>
  <si>
    <t>buurt_gegeneraliseerd_2021.4b110714-0b31-49ab-9ce7-b13c98d098c8</t>
  </si>
  <si>
    <t>BU06540502</t>
  </si>
  <si>
    <t>2021BU06540502</t>
  </si>
  <si>
    <t>Buitengebied Heinkenszand</t>
  </si>
  <si>
    <t>buurt_gegeneraliseerd_2021.b9576ec5-5946-4385-b75b-968f768559ef</t>
  </si>
  <si>
    <t>BU06540601</t>
  </si>
  <si>
    <t>2021BU06540601</t>
  </si>
  <si>
    <t>Kern Hoedekenskerke</t>
  </si>
  <si>
    <t>buurt_gegeneraliseerd_2021.d30c2e2e-e8fc-4e4f-9d42-dec549cfb0a5</t>
  </si>
  <si>
    <t>BU06540602</t>
  </si>
  <si>
    <t>2021BU06540602</t>
  </si>
  <si>
    <t>Buitengebied Hoedekenskerke</t>
  </si>
  <si>
    <t>buurt_gegeneraliseerd_2021.96550d1b-d26b-4e4b-824d-601de5027ced</t>
  </si>
  <si>
    <t>BU06540701</t>
  </si>
  <si>
    <t>2021BU06540701</t>
  </si>
  <si>
    <t>Kern Kwadendamme</t>
  </si>
  <si>
    <t>buurt_gegeneraliseerd_2021.8c39cd2c-7c4c-4c8f-a4e9-a97459e34e8d</t>
  </si>
  <si>
    <t>BU06540702</t>
  </si>
  <si>
    <t>2021BU06540702</t>
  </si>
  <si>
    <t>Buitengebied Kwadendamme</t>
  </si>
  <si>
    <t>buurt_gegeneraliseerd_2021.b7d95752-9699-42b8-9655-c0b576338afa</t>
  </si>
  <si>
    <t>BU06540801</t>
  </si>
  <si>
    <t>2021BU06540801</t>
  </si>
  <si>
    <t>Kern Lewedorp</t>
  </si>
  <si>
    <t>buurt_gegeneraliseerd_2021.fe335f9c-70a5-435e-9ce9-18478825f1a5</t>
  </si>
  <si>
    <t>BU06540802</t>
  </si>
  <si>
    <t>2021BU06540802</t>
  </si>
  <si>
    <t>Buitengebied Lewedorp</t>
  </si>
  <si>
    <t>buurt_gegeneraliseerd_2021.0a32f53a-2493-4718-8767-d76e76125be1</t>
  </si>
  <si>
    <t>BU06540901</t>
  </si>
  <si>
    <t>2021BU06540901</t>
  </si>
  <si>
    <t>Kern Nieuwdorp</t>
  </si>
  <si>
    <t>buurt_gegeneraliseerd_2021.7dc10eb5-fc94-4dab-ab4a-5d0b0ef0dbc9</t>
  </si>
  <si>
    <t>BU06540902</t>
  </si>
  <si>
    <t>2021BU06540902</t>
  </si>
  <si>
    <t>Buitengebied Nieuwdorp</t>
  </si>
  <si>
    <t>buurt_gegeneraliseerd_2021.ae94d1e7-7ec7-4741-a48e-d48fb355cced</t>
  </si>
  <si>
    <t>BU06540903</t>
  </si>
  <si>
    <t>2021BU06540903</t>
  </si>
  <si>
    <t>Havengebied Sloe Nieuwdorp</t>
  </si>
  <si>
    <t>buurt_gegeneraliseerd_2021.65ee293f-fead-49dd-8cc7-e786fe273e50</t>
  </si>
  <si>
    <t>BU06541001</t>
  </si>
  <si>
    <t>2021BU06541001</t>
  </si>
  <si>
    <t>Kern Nisse</t>
  </si>
  <si>
    <t>buurt_gegeneraliseerd_2021.e1bc040a-c986-4fef-92c8-11225dfcebcd</t>
  </si>
  <si>
    <t>BU06541002</t>
  </si>
  <si>
    <t>2021BU06541002</t>
  </si>
  <si>
    <t>Buitengebied Nisse</t>
  </si>
  <si>
    <t>buurt_gegeneraliseerd_2021.5de18a4a-4196-47de-a65f-f088726aa772</t>
  </si>
  <si>
    <t>BU06541101</t>
  </si>
  <si>
    <t>2021BU06541101</t>
  </si>
  <si>
    <t>Kern Oudelande</t>
  </si>
  <si>
    <t>buurt_gegeneraliseerd_2021.afd36ddd-0800-4e56-a65f-2e5cf837ee4b</t>
  </si>
  <si>
    <t>BU06541102</t>
  </si>
  <si>
    <t>2021BU06541102</t>
  </si>
  <si>
    <t>Buitengebied Oudelande</t>
  </si>
  <si>
    <t>buurt_gegeneraliseerd_2021.7e55b5b0-46c3-4a40-bac1-a85c23f8e028</t>
  </si>
  <si>
    <t>BU06541201</t>
  </si>
  <si>
    <t>2021BU06541201</t>
  </si>
  <si>
    <t>Kern Ovezande</t>
  </si>
  <si>
    <t>buurt_gegeneraliseerd_2021.a4108199-2597-4d53-93a2-2064c35f2aa7</t>
  </si>
  <si>
    <t>BU06541202</t>
  </si>
  <si>
    <t>2021BU06541202</t>
  </si>
  <si>
    <t>Buitengebied Ovezande</t>
  </si>
  <si>
    <t>buurt_gegeneraliseerd_2021.28a66293-ffd4-45cf-b757-aba968ebdadd</t>
  </si>
  <si>
    <t>BU06541301</t>
  </si>
  <si>
    <t>2021BU06541301</t>
  </si>
  <si>
    <t>Kern 's-Gravenpolder</t>
  </si>
  <si>
    <t>buurt_gegeneraliseerd_2021.6fa8ffaa-a303-4f8e-bc02-a3e254b9b5b8</t>
  </si>
  <si>
    <t>BU06541302</t>
  </si>
  <si>
    <t>2021BU06541302</t>
  </si>
  <si>
    <t>Buitengebied 's-Gravenpolder</t>
  </si>
  <si>
    <t>buurt_gegeneraliseerd_2021.0781ca4d-3f26-432b-8b63-3d461a36722a</t>
  </si>
  <si>
    <t>BU06541401</t>
  </si>
  <si>
    <t>2021BU06541401</t>
  </si>
  <si>
    <t>Kern 's-Heer Abtskerke</t>
  </si>
  <si>
    <t>buurt_gegeneraliseerd_2021.438c9d7e-544c-4ca8-abe8-3a1ca383da89</t>
  </si>
  <si>
    <t>BU06541402</t>
  </si>
  <si>
    <t>2021BU06541402</t>
  </si>
  <si>
    <t>Buitengebied 's-Heer Abtskerke</t>
  </si>
  <si>
    <t>buurt_gegeneraliseerd_2021.fd45b4ab-3b17-41bb-9791-215429ce6c98</t>
  </si>
  <si>
    <t>BU06541501</t>
  </si>
  <si>
    <t>2021BU06541501</t>
  </si>
  <si>
    <t>Kern 's-Heerenhoek</t>
  </si>
  <si>
    <t>buurt_gegeneraliseerd_2021.16e9c611-724c-4bf8-b634-c894752df88d</t>
  </si>
  <si>
    <t>BU06541502</t>
  </si>
  <si>
    <t>2021BU06541502</t>
  </si>
  <si>
    <t>Buitengebied 's-Heerenhoek</t>
  </si>
  <si>
    <t>buurt_gegeneraliseerd_2021.cc74e0a5-be60-472b-b867-b68ab2bb23fa</t>
  </si>
  <si>
    <t>BU07150101</t>
  </si>
  <si>
    <t>2021BU07150101</t>
  </si>
  <si>
    <t>Kern Axel</t>
  </si>
  <si>
    <t>GM0715</t>
  </si>
  <si>
    <t>buurt_gegeneraliseerd_2021.1e45d4a6-0b5c-453d-8be7-d33755d23494</t>
  </si>
  <si>
    <t>BU07150201</t>
  </si>
  <si>
    <t>2021BU07150201</t>
  </si>
  <si>
    <t>Buitengebied Axel</t>
  </si>
  <si>
    <t>buurt_gegeneraliseerd_2021.cd7bda7e-181b-43cb-bb97-1584bb6f9894</t>
  </si>
  <si>
    <t>BU07150301</t>
  </si>
  <si>
    <t>2021BU07150301</t>
  </si>
  <si>
    <t>Kern Biervliet</t>
  </si>
  <si>
    <t>buurt_gegeneraliseerd_2021.0131feb5-1ee7-4890-a2cf-4c6533a9f4a4</t>
  </si>
  <si>
    <t>BU07150401</t>
  </si>
  <si>
    <t>2021BU07150401</t>
  </si>
  <si>
    <t>Buitengebied Biervliet</t>
  </si>
  <si>
    <t>buurt_gegeneraliseerd_2021.c117f222-edad-4121-9a79-b3263773c845</t>
  </si>
  <si>
    <t>BU07150501</t>
  </si>
  <si>
    <t>2021BU07150501</t>
  </si>
  <si>
    <t>Kern Hoek</t>
  </si>
  <si>
    <t>buurt_gegeneraliseerd_2021.b32806aa-d1b4-468a-aa13-cc940c6954cd</t>
  </si>
  <si>
    <t>BU07150601</t>
  </si>
  <si>
    <t>2021BU07150601</t>
  </si>
  <si>
    <t>Buitengebied Hoek</t>
  </si>
  <si>
    <t>buurt_gegeneraliseerd_2021.cab05a35-c6ea-4090-bb02-589f44016455</t>
  </si>
  <si>
    <t>BU07150701</t>
  </si>
  <si>
    <t>2021BU07150701</t>
  </si>
  <si>
    <t>Kern Koewacht</t>
  </si>
  <si>
    <t>buurt_gegeneraliseerd_2021.e325d025-6b9a-4893-b783-4956a64f921a</t>
  </si>
  <si>
    <t>BU07150801</t>
  </si>
  <si>
    <t>2021BU07150801</t>
  </si>
  <si>
    <t>Buitengebied Koewacht</t>
  </si>
  <si>
    <t>buurt_gegeneraliseerd_2021.0ec41909-a143-4c63-ba37-abedebf88705</t>
  </si>
  <si>
    <t>BU07150901</t>
  </si>
  <si>
    <t>2021BU07150901</t>
  </si>
  <si>
    <t>Kern Overslag</t>
  </si>
  <si>
    <t>buurt_gegeneraliseerd_2021.9dff88b2-5361-4f41-bcb8-b677544325b5</t>
  </si>
  <si>
    <t>BU07151001</t>
  </si>
  <si>
    <t>2021BU07151001</t>
  </si>
  <si>
    <t>Buitengebied Overslag</t>
  </si>
  <si>
    <t>buurt_gegeneraliseerd_2021.fa5a75bf-ce5f-4a34-8620-d6e6b41cabd2</t>
  </si>
  <si>
    <t>BU07151101</t>
  </si>
  <si>
    <t>2021BU07151101</t>
  </si>
  <si>
    <t>Kern Philippine</t>
  </si>
  <si>
    <t>buurt_gegeneraliseerd_2021.61d07e2d-f82d-49b5-9155-292cee4c08b4</t>
  </si>
  <si>
    <t>BU07151201</t>
  </si>
  <si>
    <t>2021BU07151201</t>
  </si>
  <si>
    <t>Buitengebied Philippine</t>
  </si>
  <si>
    <t>buurt_gegeneraliseerd_2021.620cda7b-58dc-4baf-ab7b-5f92cf5f8b6c</t>
  </si>
  <si>
    <t>BU07151301</t>
  </si>
  <si>
    <t>2021BU07151301</t>
  </si>
  <si>
    <t>Kern Sas van Gent</t>
  </si>
  <si>
    <t>buurt_gegeneraliseerd_2021.51b58e10-7443-489a-9b56-dedb42683f7a</t>
  </si>
  <si>
    <t>BU07151401</t>
  </si>
  <si>
    <t>2021BU07151401</t>
  </si>
  <si>
    <t>Buitengebied Sas van Gent</t>
  </si>
  <si>
    <t>buurt_gegeneraliseerd_2021.90fbbdb8-5e38-48db-a8ba-7404a674c228</t>
  </si>
  <si>
    <t>BU07151501</t>
  </si>
  <si>
    <t>2021BU07151501</t>
  </si>
  <si>
    <t>Kern Sluiskil</t>
  </si>
  <si>
    <t>buurt_gegeneraliseerd_2021.25d80580-632e-4b9f-b230-18fc5f862a4f</t>
  </si>
  <si>
    <t>BU07151601</t>
  </si>
  <si>
    <t>2021BU07151601</t>
  </si>
  <si>
    <t>Buitengebied Sluiskil</t>
  </si>
  <si>
    <t>buurt_gegeneraliseerd_2021.7a7ab9c2-e33a-4ec7-8450-5a8d55cd4c1d</t>
  </si>
  <si>
    <t>BU07151701</t>
  </si>
  <si>
    <t>2021BU07151701</t>
  </si>
  <si>
    <t>Kern Spui</t>
  </si>
  <si>
    <t>buurt_gegeneraliseerd_2021.7df12af6-12ca-4ec1-8c9a-5db9f35bc4f4</t>
  </si>
  <si>
    <t>BU07151801</t>
  </si>
  <si>
    <t>2021BU07151801</t>
  </si>
  <si>
    <t>Buitengebied Spui</t>
  </si>
  <si>
    <t>buurt_gegeneraliseerd_2021.c082735f-4ed9-4c01-8886-e98f5ec49762</t>
  </si>
  <si>
    <t>BU07151901</t>
  </si>
  <si>
    <t>2021BU07151901</t>
  </si>
  <si>
    <t>Buitengebied Terneuzen</t>
  </si>
  <si>
    <t>buurt_gegeneraliseerd_2021.35128f32-d923-4d8a-afcb-4b786e6b0a05</t>
  </si>
  <si>
    <t>BU07152001</t>
  </si>
  <si>
    <t>2021BU07152001</t>
  </si>
  <si>
    <t>Binnenstad-Java</t>
  </si>
  <si>
    <t>buurt_gegeneraliseerd_2021.9c735c7a-7d80-4d02-ba7c-dd03f07b777b</t>
  </si>
  <si>
    <t>BU07152101</t>
  </si>
  <si>
    <t>2021BU07152101</t>
  </si>
  <si>
    <t>buurt_gegeneraliseerd_2021.06b2e92e-f433-4b09-9944-8da4049cda32</t>
  </si>
  <si>
    <t>BU07152102</t>
  </si>
  <si>
    <t>2021BU07152102</t>
  </si>
  <si>
    <t>Serlippenspolder</t>
  </si>
  <si>
    <t>buurt_gegeneraliseerd_2021.086ea420-dee5-4df9-bf63-c401c25b9237</t>
  </si>
  <si>
    <t>BU07152103</t>
  </si>
  <si>
    <t>2021BU07152103</t>
  </si>
  <si>
    <t>buurt_gegeneraliseerd_2021.2c1ebe52-db9c-4368-9f52-6cf83526cbbb</t>
  </si>
  <si>
    <t>BU07152104</t>
  </si>
  <si>
    <t>2021BU07152104</t>
  </si>
  <si>
    <t>Lievenspolder</t>
  </si>
  <si>
    <t>buurt_gegeneraliseerd_2021.b4626af7-9197-4230-87a1-5ce254fc6bf3</t>
  </si>
  <si>
    <t>BU07152105</t>
  </si>
  <si>
    <t>2021BU07152105</t>
  </si>
  <si>
    <t>Triniteit</t>
  </si>
  <si>
    <t>buurt_gegeneraliseerd_2021.b236aa4d-f811-44d3-97ab-f23738891ce5</t>
  </si>
  <si>
    <t>BU07152201</t>
  </si>
  <si>
    <t>2021BU07152201</t>
  </si>
  <si>
    <t>Noorderdokken</t>
  </si>
  <si>
    <t>buurt_gegeneraliseerd_2021.99db053b-bc95-4975-922f-f808b2fe73f1</t>
  </si>
  <si>
    <t>BU07152202</t>
  </si>
  <si>
    <t>2021BU07152202</t>
  </si>
  <si>
    <t>Handelspoort</t>
  </si>
  <si>
    <t>buurt_gegeneraliseerd_2021.0a6c89af-4d43-4bdc-967f-775239848f33</t>
  </si>
  <si>
    <t>BU07152203</t>
  </si>
  <si>
    <t>2021BU07152203</t>
  </si>
  <si>
    <t>buurt_gegeneraliseerd_2021.ae7173a5-51aa-4dca-b89f-5da2a9b571bc</t>
  </si>
  <si>
    <t>BU07152204</t>
  </si>
  <si>
    <t>2021BU07152204</t>
  </si>
  <si>
    <t>Zevenaar</t>
  </si>
  <si>
    <t>buurt_gegeneraliseerd_2021.6d3758d2-31f2-4466-8985-12415f016f02</t>
  </si>
  <si>
    <t>BU07152301</t>
  </si>
  <si>
    <t>2021BU07152301</t>
  </si>
  <si>
    <t>buurt_gegeneraliseerd_2021.0d57ce71-a2a0-4429-9d86-e177bfe75688</t>
  </si>
  <si>
    <t>BU07152302</t>
  </si>
  <si>
    <t>2021BU07152302</t>
  </si>
  <si>
    <t>Driewegen</t>
  </si>
  <si>
    <t>buurt_gegeneraliseerd_2021.4b8bec53-f684-4f1f-8fae-d7ca1b9d1a43</t>
  </si>
  <si>
    <t>BU07152303</t>
  </si>
  <si>
    <t>2021BU07152303</t>
  </si>
  <si>
    <t>Oudelandse Hoeve</t>
  </si>
  <si>
    <t>buurt_gegeneraliseerd_2021.8cc521a9-110f-49f3-af7c-9542384bc936</t>
  </si>
  <si>
    <t>BU07152304</t>
  </si>
  <si>
    <t>2021BU07152304</t>
  </si>
  <si>
    <t>Katspolder</t>
  </si>
  <si>
    <t>buurt_gegeneraliseerd_2021.c38ffc00-8467-4f6c-b363-e6fa95eab894</t>
  </si>
  <si>
    <t>BU07152305</t>
  </si>
  <si>
    <t>2021BU07152305</t>
  </si>
  <si>
    <t>buurt_gegeneraliseerd_2021.9a78acbf-2ef2-4108-8155-90a896cfd5fa</t>
  </si>
  <si>
    <t>BU07152401</t>
  </si>
  <si>
    <t>2021BU07152401</t>
  </si>
  <si>
    <t>Othene</t>
  </si>
  <si>
    <t>buurt_gegeneraliseerd_2021.ea54a52b-2bcd-4bdc-b66c-7a374c372145</t>
  </si>
  <si>
    <t>BU07152501</t>
  </si>
  <si>
    <t>2021BU07152501</t>
  </si>
  <si>
    <t>Kern Westdorpe</t>
  </si>
  <si>
    <t>buurt_gegeneraliseerd_2021.a2576fca-589c-458d-bda0-63ebef363ad6</t>
  </si>
  <si>
    <t>BU07152601</t>
  </si>
  <si>
    <t>2021BU07152601</t>
  </si>
  <si>
    <t>Buitengebied Westdorpe</t>
  </si>
  <si>
    <t>buurt_gegeneraliseerd_2021.63fba0c0-34e7-4019-a7ab-39d8b1fdd596</t>
  </si>
  <si>
    <t>BU07152701</t>
  </si>
  <si>
    <t>2021BU07152701</t>
  </si>
  <si>
    <t>Kern Zaamslag</t>
  </si>
  <si>
    <t>buurt_gegeneraliseerd_2021.870de316-57f7-4fbe-b266-2d7fc0a2a807</t>
  </si>
  <si>
    <t>BU07152801</t>
  </si>
  <si>
    <t>2021BU07152801</t>
  </si>
  <si>
    <t>Buitengebied Zaamslag</t>
  </si>
  <si>
    <t>buurt_gegeneraliseerd_2021.1f160dbc-eacf-4362-ab6e-8e9eec63f6eb</t>
  </si>
  <si>
    <t>BU07152901</t>
  </si>
  <si>
    <t>2021BU07152901</t>
  </si>
  <si>
    <t>Kern Zuiddorpe</t>
  </si>
  <si>
    <t>buurt_gegeneraliseerd_2021.5b58c9e1-4d34-485d-b1b3-33b8220ce6c8</t>
  </si>
  <si>
    <t>BU07153001</t>
  </si>
  <si>
    <t>2021BU07153001</t>
  </si>
  <si>
    <t>Buitengebied Zuiddorpe</t>
  </si>
  <si>
    <t>buurt_gegeneraliseerd_2021.c6e071f3-d9f3-430c-849a-9482d7f1b522</t>
  </si>
  <si>
    <t>wkt_geom</t>
  </si>
  <si>
    <t>MultiPolygon (((3.92071248610826695 51.25080231207302006, 3.91700559475993737 51.24123186975855049, 3.9164916432481105 51.2368071380151946, 3.91728731253422113 51.23554502852405079, 3.916830569912233 51.23409913590701592, 3.90999612477631553 51.22658352221969125, 3.9022243377912682 51.2257416378521313, 3.90036024285618721 51.2252395012041859, 3.89929615522790396 51.22381764362056344, 3.89042038381035349 51.22136217438136896, 3.88887677667774057 51.22275492260165919, 3.89301340543314645 51.22422663097833606, 3.8962072703648678 51.22746085185049481, 3.9067381924479192 51.23511921784641743, 3.91127681618005774 51.23601282960129311, 3.91091362125509523 51.23906658940506276, 3.90912377954415247 51.23930335313728079, 3.89773605229814502 51.23471130304808696, 3.89624023114249285 51.22859094653473733, 3.88629377909611762 51.22553798546552883, 3.88860210802058592 51.22299863301538636, 3.87017068320147972 51.21626636136628719, 3.86471256729489943 51.21346254998002223, 3.86162375454305229 51.21701413839120676, 3.8610743074296443 51.21997844032831892, 3.87346379991956491 51.22794698957347492, 3.88873352148281048 51.23411039456794924, 3.88836485820793998 51.23482959554851135, 3.86986816128143296 51.24148940309975586, 3.86425395356276935 51.24452427095157958, 3.86357632504357396 51.24535098150784052, 3.86437632203319614 51.24595006300342703, 3.86905923848142752 51.24747450019018657, 3.89893170265138345 51.25109619504245018, 3.89987495658049088 51.24817957392365031, 3.90727613433556487 51.24905237775418243, 3.9075590366718429 51.24821956435117443, 3.91331359834828119 51.24887381462374947, 3.91321685274584619 51.25206694254855222, 3.91434571652908936 51.25314535437992447, 3.91699281415586809 51.25355504352835823, 3.92071248610826695 51.25080231207302006)))</t>
  </si>
  <si>
    <t>MultiPolygon (((3.91091362125509523 51.23906658940506276, 3.91127681618005774 51.23601282960129311, 3.9067381924479192 51.23511921784641743, 3.8962072703648678 51.22746085185049481, 3.89301340543314645 51.22422663097833606, 3.88887677667774057 51.22275492260165919, 3.88865374801120023 51.22295614625388538, 3.88860210802058592 51.22299863301538636, 3.88629377909611762 51.22553798546552883, 3.89624023114249285 51.22859094653473733, 3.89773605229814502 51.23471130304808696, 3.90912377954415247 51.23930335313728079, 3.91091362125509523 51.23906658940506276, 3.91091362125509523 51.23906658940506276)))</t>
  </si>
  <si>
    <t>MultiPolygon (((3.93663798065623016 51.36358372749001688, 3.941779947495061 51.36540891529485009, 3.95704678236109464 51.36481265748087566, 3.95763902032117487 51.36373620094963144, 3.95462691497833063 51.35677629344986883, 3.95580843241921976 51.35410396472588701, 3.95939241992184554 51.35132298207592783, 3.95971762840990227 51.34189710293959763, 3.96172946906861956 51.33289579218239851, 3.95664673006727741 51.3219966004288608, 3.95327553920860941 51.30829090169940088, 3.95807863691492301 51.30455523124309281, 3.9568048607852857 51.30064427943603533, 3.94263479040967679 51.29971583558214832, 3.92524086174005182 51.29540284052733767, 3.92336633152577452 51.29869877139512369, 3.924327642317889 51.2996570699670329, 3.92215756165009388 51.30156346212193341, 3.9211955175879889 51.30143009376154595, 3.91390111992445755 51.29896617175208462, 3.90851460777277726 51.2934614681552361, 3.90296200862448917 51.29065680409728145, 3.89472992590348621 51.29258332942173126, 3.88161357943806262 51.30282745747828699, 3.87513644431663007 51.30426707940892328, 3.87151499566027235 51.30537340363240162, 3.86916469254702999 51.31106309204809435, 3.86940595386658925 51.31186123705634117, 3.87326985023264747 51.31370286022676908, 3.87343008526156085 51.31653730012592973, 3.87569008947180382 51.32211854008506435, 3.87630724380250902 51.3232815948392016, 3.87780784822391489 51.32328324781894935, 3.87829689499525676 51.32887011433995639, 3.88034271018276566 51.32849355335245889, 3.8857598122930832 51.32389849793135994, 3.89121989485889674 51.32165583648131246, 3.89640331413687235 51.32157238347122785, 3.89680670568977128 51.32600191323351169, 3.90364216073524961 51.32537533618339154, 3.90305498051253341 51.32973187240701662, 3.89941329170474926 51.33096504968585094, 3.89180235539193964 51.33063288726999929, 3.891372098316634 51.33461270999848836, 3.89008205470657398 51.3358026370043703, 3.88058239057507492 51.33680232039310454, 3.8869842873449354 51.34278646381867617, 3.88316924181827616 51.34598656984337595, 3.88370100795845419 51.34742898339104045, 3.88484328632318254 51.34763241440245451, 3.88508132676188511 51.34929514773644144, 3.88604372938380793 51.34901918733141457, 3.88555049295184052 51.34775835663830179, 3.8911869886019872 51.34876194557630669, 3.89711034379653665 51.35315851139687737, 3.90504544020573485 51.35721873585491437, 3.91743526103506623 51.36125113133994802, 3.93663798065623016 51.36358372749001688),(3.90762023578336049 51.30849535470299827, 3.91232725010055793 51.30738770889235667, 3.91218989516251403 51.30502956499707778, 3.91826280874775401 51.30981098705270682, 3.91866579206166143 51.31657135264876501, 3.90554386201438941 51.31685130794070915, 3.90340566194209826 51.31292363522509703, 3.90762023578336049 51.30849535470299827)))</t>
  </si>
  <si>
    <t>MultiPolygon (((3.91866579206166143 51.31657135264876501, 3.91826280874775401 51.30981098705270682, 3.91218989516251403 51.30502956499707778, 3.91232725010055793 51.30738770889235667, 3.90762023578336049 51.30849535470299827, 3.90340566194209826 51.31292363522509703, 3.90554386201438941 51.31685130794070915, 3.91866579206166143 51.31657135264876501, 3.91866579206166143 51.31657135264876501)))</t>
  </si>
  <si>
    <t>MultiPolygon (((3.84262226314633804 51.27530560716785857, 3.8478520966082983 51.27113327849546209, 3.85994091593828781 51.26789009686805798, 3.87388227179122646 51.26853793053795272, 3.8737025771941358 51.26247413726306945, 3.86000927947237082 51.24656562126678949, 3.86425395356276935 51.24452427095157958, 3.86986816128143296 51.24148940309975586, 3.88836485820793998 51.23482959554851135, 3.88873352148281048 51.23411039456794924, 3.87346379991956491 51.22794698957347492, 3.8610743074296443 51.21997844032831892, 3.86162375454305229 51.21701413839120676, 3.86471256729489943 51.21346254998002223, 3.86212329055710901 51.21239850528752413, 3.85957377021842163 51.21083068724981047, 3.8561125140545105 51.21106123858422166, 3.85241135809269908 51.21321573500494395, 3.84235057099065491 51.21216170524400724, 3.83566658876808475 51.21315798318383372, 3.83426194570891044 51.21203056090326555, 3.82692592032106971 51.20935907226954953, 3.82115432271459188 51.20920594415276383, 3.81057388775160666 51.21276733999179953, 3.80628375396814445 51.21262340049129591, 3.80602709948675111 51.21337931354310768, 3.80435766639364603 51.213230282711109, 3.80760283998708138 51.22470868256655763, 3.80851103910838606 51.22802978097985971, 3.81236096790476875 51.22653373751052897, 3.81336771274197872 51.2288180502927446, 3.82066823925411603 51.22906824216361343, 3.82129267591442368 51.2269339419548615, 3.8234173645816103 51.22711877620556464, 3.84010520539513767 51.23455027347332447, 3.85577676414496517 51.24767960434353142, 3.85500592580922463 51.25066165137381802, 3.84496131864047275 51.2414542466917311, 3.82684777959609734 51.23459895276015175, 3.8099294711374827 51.2304879219505338, 3.80935786526196196 51.23098913878372684, 3.81249385088389436 51.2403539299542814, 3.82288305875019985 51.25160858526218277, 3.82890253799010116 51.26002539955549508, 3.83271746293019788 51.2607763068686566, 3.83622031983627876 51.26486725994734428, 3.83918627548219149 51.26978065316424704, 3.83932373690141571 51.27524058638469029, 3.84262226314633804 51.27530560716785857)))</t>
  </si>
  <si>
    <t>MultiPolygon (((3.85500592580922463 51.25066165137381802, 3.85577676414496517 51.24767960434353142, 3.84010520539513767 51.23455027347332447, 3.8234173645816103 51.22711877620556464, 3.82129267591442368 51.2269339419548615, 3.82066823925411603 51.22906824216361343, 3.81336771274197872 51.2288180502927446, 3.81236096790476875 51.22653373751052897, 3.80851103910838606 51.22802978097985971, 3.80890380368735304 51.22943518306762201, 3.80935786526196196 51.23098913878372684, 3.8099294711374827 51.2304879219505338, 3.82684777959609734 51.23459895276015175, 3.84496131864047275 51.2414542466917311, 3.85500592580922463 51.25066165137381802, 3.85500592580922463 51.25066165137381802)))</t>
  </si>
  <si>
    <t>MultiPolygon (((3.86418603526707782 51.33145194027937208, 3.87374228562224854 51.32971672703693145, 3.8735502934679058 51.32198370748458416, 3.85931060690667982 51.32213099519372435, 3.85535191593180837 51.32583248781199359, 3.85721605782562316 51.33163874651633307, 3.85727275378007528 51.33539231751895215, 3.85856383628743327 51.33599249283290078, 3.8668529933860909 51.33636910922238883, 3.86418603526707782 51.33145194027937208)))</t>
  </si>
  <si>
    <t>MultiPolygon (((3.8683898367153553 51.3112335817616767, 3.85724775550033172 51.30406244487976153, 3.85390452993766575 51.30751047784465158, 3.84902114273267637 51.31318572280319756, 3.85402039625195902 51.31483148995609156, 3.86169346453432594 51.31705797416661596, 3.8683898367153553 51.3112335817616767)))</t>
  </si>
  <si>
    <t>MultiPolygon (((3.85931060690667982 51.32213099519372435, 3.86169346453432594 51.31705797416661596, 3.85402039625195902 51.31483148995609156, 3.85484811947279882 51.31621619057553829, 3.85077244106328331 51.32104889165982797, 3.85124574360452909 51.32512940561556292, 3.85535191593180837 51.32583248781199359, 3.85931060690667982 51.32213099519372435, 3.85931060690667982 51.32213099519372435)))</t>
  </si>
  <si>
    <t>MultiPolygon (((3.85484811947279882 51.31621619057553829, 3.85402039625195902 51.31483148995609156, 3.84902114273267637 51.31318572280319756, 3.84728928085259714 51.31520810932459398, 3.84417378066003623 51.31884745384405733, 3.85077244106328331 51.32104889165982797, 3.85484811947279882 51.31621619057553829)))</t>
  </si>
  <si>
    <t>MultiPolygon (((3.84902114273267637 51.31318572280319756, 3.85390452993766575 51.30751047784465158, 3.85087346480217674 51.30820541964503434, 3.84434155295490099 51.31124469666931986, 3.84179648159766307 51.31125101793666232, 3.84133136929166286 51.31250222276374728, 3.84584956048108495 51.31403185574522041, 3.84540602986994973 51.31469699659187, 3.84728928085259714 51.31520810932459398, 3.84902114273267637 51.31318572280319756, 3.84902114273267637 51.31318572280319756)))</t>
  </si>
  <si>
    <t>MultiPolygon (((3.84417378066003623 51.31884745384405733, 3.84728928085259714 51.31520810932459398, 3.84540602986994973 51.31469699659187, 3.84584956048108495 51.31403185574522041, 3.84133136929166286 51.31250222276374728, 3.83504025092757628 51.32118705170161377, 3.83414198407000217 51.32231363005335112, 3.8396051704490195 51.32413665877503917, 3.83991422593912635 51.32487002741930127, 3.84417378066003623 51.31884745384405733, 3.84417378066003623 51.31884745384405733)))</t>
  </si>
  <si>
    <t>MultiPolygon (((3.84133136929166286 51.31250222276374728, 3.84179648159766307 51.31125101793666232, 3.84481417133318049 51.30411884474861495, 3.84576736953500031 51.29726300423052265, 3.84104305004900048 51.29478244830368538, 3.83717922971614822 51.2938793547147327, 3.83418266856131629 51.29347747325881102, 3.82976933803390329 51.30718306816157082, 3.82664665774043744 51.31361653491179453, 3.82376678751355081 51.31753903335707889, 3.83504025092757628 51.32118705170161377, 3.84133136929166286 51.31250222276374728)))</t>
  </si>
  <si>
    <t>MultiPolygon (((3.86308199706828059 51.29799133999345884, 3.8714287407425152 51.28686668135436122, 3.86077786947438772 51.28091747265172273, 3.86452360039023235 51.27805278418895085, 3.85845387631945691 51.27915191929042038, 3.85491652888310377 51.27996887485672062, 3.84990114011736262 51.28276549746516366, 3.84242957551564901 51.29408928123780953, 3.83790653860724129 51.29168729935202009, 3.83717922971614822 51.2938793547147327, 3.84104305004900048 51.29478244830368538, 3.84576736953500031 51.29726300423052265, 3.85724775550033172 51.30406244487976153, 3.86308199706828059 51.29799133999345884, 3.86308199706828059 51.29799133999345884)))</t>
  </si>
  <si>
    <t>MultiPolygon (((3.85087346480217674 51.30820541964503434, 3.85390452993766575 51.30751047784465158, 3.85724775550033172 51.30406244487976153, 3.84576736953500031 51.29726300423052265, 3.84481417133318049 51.30411884474861495, 3.84179648159766307 51.31125101793666232, 3.84434155295490099 51.31124469666931986, 3.85087346480217674 51.30820541964503434)))</t>
  </si>
  <si>
    <t>MultiPolygon (((3.81776531634251448 51.34287436402393467, 3.81722233660715071 51.34065617637086376, 3.81916109168609141 51.33627220608001807, 3.81994833896450325 51.33634971151665383, 3.82074782209347896 51.33267776005396854, 3.82419943258001949 51.33184419812322119, 3.82686226737649227 51.33355594295403534, 3.82690605195397726 51.33296348756104521, 3.82711347097165611 51.33133651597950831, 3.83104688408232752 51.32588868998303866, 3.83414198407000217 51.32231363005335112, 3.83504025092757628 51.32118705170161377, 3.82376678751355081 51.31753903335707889, 3.8192716319396971 51.32310521037771167, 3.81666352215339977 51.32525707815369742, 3.81596570726843032 51.32500679297386625, 3.81465567495449021 51.32575793782139328, 3.81229597126249509 51.32850908649149346, 3.81486864348449606 51.32962937423991434, 3.81474420818325788 51.32996232880119436, 3.81645548496946851 51.33048379322890753, 3.81336114185556241 51.33686847907301853, 3.81444909383557862 51.33718720386572443, 3.81550116922454041 51.33582339904370428, 3.81627967510898358 51.33593110469796983, 3.81578555362037886 51.33700335010205862, 3.81601800727988394 51.33703502991026824, 3.81693149544578159 51.33576382414847927, 3.816742119550109 51.33713924119833649, 3.81725353151948488 51.33723157113805513, 3.81663440789837871 51.33936241198787087, 3.81398034573368339 51.34282087340817924, 3.81776531634251448 51.34287436402393467)))</t>
  </si>
  <si>
    <t>MultiPolygon (((3.83991422593912635 51.32487002741930127, 3.8396051704490195 51.32413665877503917, 3.83414198407000217 51.32231363005335112, 3.83104688408232752 51.32588868998303866, 3.8383887111269348 51.32839928264677098, 3.83991422593912635 51.32487002741930127, 3.83991422593912635 51.32487002741930127)))</t>
  </si>
  <si>
    <t>MultiPolygon (((3.83838387677909587 51.32841054500930511, 3.8383887111269348 51.32839928264677098, 3.83104688408232752 51.32588868998303866, 3.82711347097165611 51.33133651597950831, 3.82690605195397726 51.33296348756104521, 3.82883947919853984 51.33307509797639057, 3.83096140238319371 51.33421610776677824, 3.83526209136255902 51.33468279684825575, 3.83838387677909587 51.32841054500930511)))</t>
  </si>
  <si>
    <t>MultiPolygon (((3.84718082797411887 51.32934022134723762, 3.85124574360452909 51.32512940561556292, 3.85077244106328331 51.32104889165982797, 3.84417378066003623 51.31884745384405733, 3.83991422593912635 51.32487002741930127, 3.8383887111269348 51.32839928264677098, 3.83838387677909587 51.32841054500930511, 3.84703019287938108 51.33094752155833618, 3.84718082797411887 51.32934022134723762)))</t>
  </si>
  <si>
    <t>MultiPolygon (((3.85605575694106317 51.3358755902227486, 3.85727275378007528 51.33539231751895215, 3.85721605782562316 51.33163874651633307, 3.85535191593180837 51.32583248781199359, 3.85124574360452909 51.32512940561556292, 3.84718082797411887 51.32934022134723762, 3.84703019287938108 51.33094752155833618, 3.84683371060146584 51.33409405874908771, 3.84830643562670582 51.334459727526216, 3.84820791124552075 51.33562848772417908, 3.85605575694106317 51.3358755902227486)))</t>
  </si>
  <si>
    <t>MultiPolygon (((3.84204613456504562 51.3358183739687135, 3.84820791124552075 51.33562848772417908, 3.84830643562670582 51.334459727526216, 3.84683371060146584 51.33409405874908771, 3.84703019287938108 51.33094752155833618, 3.83838387677909587 51.32841054500930511, 3.83526209136255902 51.33468279684825575, 3.83570478892095856 51.33734213981922778, 3.84204613456504562 51.3358183739687135)))</t>
  </si>
  <si>
    <t>MultiPolygon (((3.82486463040700153 51.34104341621030443, 3.82928155622670463 51.33969117576653929, 3.82856317989313277 51.34240321114436512, 3.82915232728628352 51.34253639946324199, 3.83016066934616317 51.33942200555942037, 3.83465814020962936 51.33885555793857947, 3.83570478892095856 51.33734213981922778, 3.83526209136255902 51.33468279684825575, 3.83096140238319371 51.33421610776677824, 3.82883947919853984 51.33307509797639057, 3.82690605195397726 51.33296348756104521, 3.82686226737649227 51.33355594295403534, 3.82419943258001949 51.33184419812322119, 3.82074782209347896 51.33267776005396854, 3.81994833896450325 51.33634971151665383, 3.82086333561023395 51.34075270837541183, 3.82007323749366901 51.34262290242170224, 3.82381141916996414 51.34099547701971744, 3.82733842650749256 51.34322004996321454, 3.82761779389250556 51.34288304837114936, 3.82486463040700153 51.34104341621030443)))</t>
  </si>
  <si>
    <t>MultiPolygon (((3.88370100795845419 51.34742898339104045, 3.88316924181827616 51.34598656984337595, 3.8869842873449354 51.34278646381867617, 3.88058239057507492 51.33680232039310454, 3.89008205470657398 51.3358026370043703, 3.891372098316634 51.33461270999848836, 3.89180235539193964 51.33063288726999929, 3.89941329170474926 51.33096504968585094, 3.90305498051253341 51.32973187240701662, 3.90364216073524961 51.32537533618339154, 3.89680670568977128 51.32600191323351169, 3.89640331413687235 51.32157238347122785, 3.89121989485889674 51.32165583648131246, 3.8857598122930832 51.32389849793135994, 3.88034271018276566 51.32849355335245889, 3.87829689499525676 51.32887011433995639, 3.87780784822391489 51.32328324781894935, 3.87630724380250902 51.3232815948392016, 3.87569008947180382 51.32211854008506435, 3.87343008526156085 51.31653730012592973, 3.87326985023264747 51.31370286022676908, 3.86940595386658925 51.31186123705634117, 3.86916469254702999 51.31106309204809435, 3.87151499566027235 51.30537340363240162, 3.87513644431663007 51.30426707940892328, 3.87110585282790209 51.30290681386104978, 3.8698414270340904 51.30346310646412888, 3.8694209312589396 51.30071748221168804, 3.86308199706828059 51.29799133999345884, 3.85724775550033172 51.30406244487976153, 3.8683898367153553 51.3112335817616767, 3.86169346453432594 51.31705797416661596, 3.85931060690667982 51.32213099519372435, 3.8735502934679058 51.32198370748458416, 3.87374228562224854 51.32971672703693145, 3.86418603526707782 51.33145194027937208, 3.8668529933860909 51.33636910922238883, 3.87018365201666947 51.34038208760999566, 3.87390992604954043 51.3418561818554906, 3.87559678924686102 51.34630431925192795, 3.88370100795845419 51.34742898339104045)))</t>
  </si>
  <si>
    <t>MultiPolygon (((3.88161357943806262 51.30282745747828699, 3.8805968331930063 51.29770050301210915, 3.87547675096808675 51.30066955475667356, 3.87160308081108351 51.29475028277509807, 3.87213481995810671 51.29441544843798084, 3.877033622082803 51.29116375181951781, 3.87736809792788195 51.28969587756856896, 3.8714287407425152 51.28686668135436122, 3.86308199706828059 51.29799133999345884, 3.8694209312589396 51.30071748221168804, 3.8698414270340904 51.30346310646412888, 3.87110585282790209 51.30290681386104978, 3.87513644431663007 51.30426707940892328, 3.88161357943806262 51.30282745747828699, 3.88161357943806262 51.30282745747828699)))</t>
  </si>
  <si>
    <t>MultiPolygon (((3.8805968331930063 51.29770050301210915, 3.87885791749295938 51.29830125528119567, 3.87771251251676885 51.29664912797708354, 3.87213481995810671 51.29441544843798084, 3.87160308081108351 51.29475028277509807, 3.87547675096808675 51.30066955475667356, 3.8805968331930063 51.29770050301210915, 3.8805968331930063 51.29770050301210915)))</t>
  </si>
  <si>
    <t>MultiPolygon (((3.82976933803390329 51.30718306816157082, 3.83418266856131629 51.29347747325881102, 3.83717922971614822 51.2938793547147327, 3.83790653860724129 51.29168729935202009, 3.84242957551564901 51.29408928123780953, 3.84990114011736262 51.28276549746516366, 3.85491652888310377 51.27996887485672062, 3.85845387631945691 51.27915191929042038, 3.86452360039023235 51.27805278418895085, 3.86077786947438772 51.28091747265172273, 3.8714287407425152 51.28686668135436122, 3.87736809792788195 51.28969587756856896, 3.87826416919631534 51.28565720313979881, 3.87662613218558549 51.27660884314103384, 3.878528354246217 51.27336329172961626, 3.87852677001776902 51.27096705744936855, 3.87388227179122646 51.26853793053795272, 3.85994091593828781 51.26789009686805798, 3.8478520966082983 51.27113327849546209, 3.84262226314633804 51.27530560716785857, 3.83932373690141571 51.27524058638469029, 3.83729264204884313 51.27515099798787901, 3.84013927101800379 51.28081886358534547, 3.83466171735978278 51.2874255030827868, 3.83156321061553085 51.28852145224433912, 3.82565280711471889 51.28045658608315449, 3.81612470384202274 51.28390132506623189, 3.81043191063632758 51.28493084678323299, 3.79746086177244058 51.28425807171300477, 3.79634420854967036 51.28630646886797706, 3.79471735111911679 51.28707965028981874, 3.79830607732858594 51.28868477495478118, 3.80668449020361876 51.28938815661201289, 3.80568427203969906 51.29546437456418317, 3.80821379573650765 51.29511350036369777, 3.81040264551586727 51.2972110174289142, 3.80968573944374311 51.29850731987832546, 3.80816544972158511 51.29884720230420214, 3.80845589282095043 51.30336154454779063, 3.80967003585697483 51.30622990220319934, 3.81265007805493994 51.30816935761619391, 3.81707673419594373 51.3083665536074065, 3.81858280961587138 51.30648131532573331, 3.82186840796064953 51.30871392138740816, 3.82664665774043744 51.31361653491179453, 3.82976933803390329 51.30718306816157082)))</t>
  </si>
  <si>
    <t>MultiPolygon (((3.83466171735978278 51.2874255030827868, 3.84013927101800379 51.28081886358534547, 3.83729264204884313 51.27515099798787901, 3.83170154498977089 51.26567336315483203, 3.83106696725358509 51.26580948399528381, 3.83093207087963439 51.26898745983436356, 3.82808032209709026 51.27299766135317327, 3.82583655780673038 51.27787614167800001, 3.82565280711471889 51.28045658608315449, 3.83156321061553085 51.28852145224433912, 3.83466171735978278 51.2874255030827868, 3.83466171735978278 51.2874255030827868)))</t>
  </si>
  <si>
    <t>MultiPolygon (((3.80207105964191827 51.22345564408114171, 3.80431540908777288 51.22446505417160267, 3.80760283998708138 51.22470868256655763, 3.80435766639364603 51.213230282711109, 3.8049897383032758 51.21012062957051114, 3.79929148140552675 51.21086436944410991, 3.7972324681137124 51.21289784807174783, 3.79114532765995804 51.21401237604537471, 3.78953981695625775 51.21608722582855933, 3.78888352613531776 51.22375385559157479, 3.79184930891502647 51.22387269248621067, 3.79179609581993127 51.22461391789294538, 3.79573564185772394 51.22480060455088591, 3.80207105964191827 51.22345564408114171, 3.80207105964191827 51.22345564408114171)),((3.81043191063632758 51.28493084678323299, 3.81612470384202274 51.28390132506623189, 3.82565280711471889 51.28045658608315449, 3.82583655780673038 51.27787614167800001, 3.82808032209709026 51.27299766135317327, 3.83093207087963439 51.26898745983436356, 3.83106696725358509 51.26580948399528381, 3.83170154498977089 51.26567336315483203, 3.83729264204884313 51.27515099798787901, 3.83932373690141571 51.27524058638469029, 3.83918627548219149 51.26978065316424704, 3.83622031983627876 51.26486725994734428, 3.83271746293019788 51.2607763068686566, 3.82890253799010116 51.26002539955549508, 3.82288305875019985 51.25160858526218277, 3.81249385088389436 51.2403539299542814, 3.80935786526196196 51.23098913878372684, 3.80706993888304179 51.23238018264449067, 3.8079628107771426 51.23523609459606831, 3.80578723448073308 51.23555895688362227, 3.80785864617911995 51.2376189748647306, 3.80357868164115631 51.23957411108705884, 3.7891027522672025 51.23949866352336358, 3.78945151751651466 51.24578627875808934, 3.79547331201593519 51.25605333385104956, 3.7854337637574198 51.25846731777955512, 3.7781859854484372 51.26239003377671821, 3.78590053888442934 51.27480281673589957, 3.77821849228648965 51.28195682475092809, 3.77738604355734076 51.28429450983419713, 3.78454092101955464 51.28807742570026562, 3.78681760415888702 51.28831000017429886, 3.79455365757114249 51.28680673819749813, 3.79746086177244058 51.28425807171300477, 3.81043191063632758 51.28493084678323299)))</t>
  </si>
  <si>
    <t>MultiPolygon (((3.80357868164115631 51.23957411108705884, 3.80785864617911995 51.2376189748647306, 3.80578723448073308 51.23555895688362227, 3.8079628107771426 51.23523609459606831, 3.80706993888304179 51.23238018264449067, 3.80935786526196196 51.23098913878372684, 3.80890380368735304 51.22943518306762201, 3.80851103910838606 51.22802978097985971, 3.80760283998708138 51.22470868256655763, 3.80431540908777288 51.22446505417160267, 3.80207105964191827 51.22345564408114171, 3.79573564185772394 51.22480060455088591, 3.79179609581993127 51.22461391789294538, 3.79184930891502647 51.22387269248621067, 3.78888352613531776 51.22375385559157479, 3.78845528710952006 51.22637281159304479, 3.7891027522672025 51.23949866352336358, 3.80357868164115631 51.23957411108705884)))</t>
  </si>
  <si>
    <t>MultiPolygon (((3.71752265932412618 51.31492341259309597, 3.73233241226702539 51.31302110646657155, 3.73274113474136016 51.31027061775623821, 3.74128283691616392 51.30337132844949366, 3.75064786410780604 51.30010693690034884, 3.75213334205180482 51.29780840997383962, 3.74961157714184434 51.29700150055840879, 3.74661175791428613 51.2946548892752574, 3.75247645197213853 51.29369468354261841, 3.76178973093207203 51.29438158288875371, 3.7755620255497524 51.29043367424964117, 3.78036113682825725 51.29036671273890136, 3.78454092101955464 51.28807742570026562, 3.77738604355734076 51.28429450983419713, 3.77821849228648965 51.28195682475092809, 3.78590053888442934 51.27480281673589957, 3.7781859854484372 51.26239003377671821, 3.77378362489137231 51.26397522371651405, 3.77307232162359574 51.26190928337317132, 3.76926361425683298 51.25986188432570856, 3.76251373445189818 51.26178082700555905, 3.75571436101361567 51.26934414640321336, 3.75241255091369563 51.27026668522227482, 3.75172573072473226 51.2691604856140728, 3.72312897556113276 51.27334277194338341, 3.71924212501657081 51.27254334542553238, 3.71891347327799648 51.2715354256496525, 3.71409045078645894 51.27217677069248936, 3.71270105844714449 51.27210308383544657, 3.70972509302295528 51.27258723299840426, 3.6939337048106835 51.27603904362880627, 3.69888266008280331 51.28444595871581413, 3.70142504671778072 51.28674844008452993, 3.70355886569175841 51.28698772703754116, 3.70661063475024211 51.28882602121920087, 3.70402960363076117 51.30247914940743925, 3.70714330324501073 51.30663640182486063, 3.70358242987735053 51.30994318938883225, 3.71240870839464066 51.3157906727176254, 3.71752265932412618 51.31492341259309597),(3.75964592573931089 51.28702158348612272, 3.74940229471190944 51.28439478998727452, 3.74980224637124726 51.28200179601945763, 3.75430728087342835 51.28003489939078463, 3.75651289416238487 51.27760346888987186, 3.76296033640906646 51.27830928842883651, 3.7669480591368445 51.2818178920557699, 3.76459505261907701 51.28367413291682908, 3.76654459553386145 51.28581280543157561, 3.7631393421513244 51.28732006294995216, 3.75964592573931089 51.28702158348612272)))</t>
  </si>
  <si>
    <t>MultiPolygon (((3.76654459553386145 51.28581280543157561, 3.76459505261907701 51.28367413291682908, 3.7669480591368445 51.2818178920557699, 3.76296033640906646 51.27830928842883651, 3.75651289416238487 51.27760346888987186, 3.75430728087342835 51.28003489939078463, 3.74980224637124726 51.28200179601945763, 3.74940229471190944 51.28439478998727452, 3.75964592573931089 51.28702158348612272, 3.7631393421513244 51.28732006294995216, 3.76654459553386145 51.28581280543157561, 3.76654459553386145 51.28581280543157561)))</t>
  </si>
  <si>
    <t>MultiPolygon (((3.9246824151234363 51.23318654700832298, 3.92691384609887617 51.23062479472877584, 3.92722885512768638 51.22671428127422644, 3.9317833476195756 51.22348544255021352, 3.93281878734297941 51.22200547565243056, 3.93330533786270742 51.2177859050507891, 3.93143567903030977 51.21728859595904737, 3.92941848771894575 51.22026036770100887, 3.92544981331992915 51.21710629187712982, 3.92191508794914112 51.2170508110422702, 3.91963217617111637 51.21707076050271468, 3.91867515194406923 51.21497263264415523, 3.91600471410217921 51.21463392887096688, 3.9186286030691373 51.20776348848520598, 3.91533745089954932 51.20816983689856983, 3.91154688175742837 51.20544463944840174, 3.90055295959011294 51.20238458707670048, 3.8969779403565048 51.20264626814905995, 3.89466420169806815 51.20349697839478154, 3.89313590389868258 51.20308042514940894, 3.89163407526273142 51.20511063094416926, 3.88905554306961943 51.20433110708781754, 3.88351193492697355 51.20685259820511703, 3.87946456615055624 51.20626312893529075, 3.87762558372662536 51.20801301722704579, 3.88307521760343288 51.21027597954411448, 3.89024394945800989 51.21399591460198053, 3.89334646484075231 51.21866246683903512, 3.89042038381035349 51.22136217438136896, 3.89929615522790396 51.22381764362056344, 3.90036024285618721 51.2252395012041859, 3.9022243377912682 51.2257416378521313, 3.90999612477631553 51.22658352221969125, 3.916830569912233 51.23409913590701592, 3.91728731253422113 51.23554502852405079, 3.92010098584787814 51.23576956565814555, 3.9246824151234363 51.23318654700832298)))</t>
  </si>
  <si>
    <t>MultiPolygon (((3.88351193492697355 51.20685259820511703, 3.88905554306961943 51.20433110708781754, 3.89163407526273142 51.20511063094416926, 3.89313590389868258 51.20308042514940894, 3.89323326877136155 51.20284740362648535, 3.88835051240444018 51.20104705275652179, 3.887867602906105 51.20111389409994018, 3.8873586082133329 51.20092554803649421, 3.88634956239528284 51.20016212162249047, 3.88497127306618806 51.20194377753487913, 3.88484991318447825 51.20259649971360716, 3.88451026518565046 51.20335428815619139, 3.87946456615055624 51.20626312893529075, 3.88351193492697355 51.20685259820511703)))</t>
  </si>
  <si>
    <t>MultiPolygon (((3.98213618706906924 51.26148248568119925, 3.98223669450286089 51.24910982305321028, 3.98759032304560002 51.24980946271034554, 3.99311921283232252 51.24800340639623641, 3.99459892127611571 51.24643046119644652, 3.99306760666614302 51.24498482017119727, 3.99411287684034511 51.24282551359718951, 3.99703040986676461 51.24119368828396404, 4.00336052548945354 51.24331203494954678, 4.00569296925032159 51.24187590625985678, 4.00008045015010882 51.23912344053297119, 3.99971837748670511 51.23766517347119276, 3.9924883546124974 51.23636223628349029, 3.98811471902620651 51.23321933628566427, 3.98620496673947677 51.23415952299270515, 3.98285288050396735 51.23006234316383711, 3.97316994023411763 51.23304985250777577, 3.97057970208753375 51.23177344735680805, 3.96635321167102584 51.2321858414187048, 3.96433154250580966 51.23644230145816181, 3.94897614136284902 51.2340530973006878, 3.94858132077190094 51.23466465553241989, 3.94437043995760073 51.2331611480245428, 3.94493018526375705 51.22935738100930791, 3.95409488619322547 51.22612559695972578, 3.96428598549357769 51.22394987014629919, 3.95856236980045395 51.21580728201844579, 3.95317045594986771 51.21647250349702318, 3.94663946026405332 51.21550796037627862, 3.9426184176963095 51.2147101909601048, 3.94313812380930662 51.2136156450098099, 3.93598004694975367 51.2118927618865456, 3.93143567903030977 51.21728859595904737, 3.93330533786270742 51.2177859050507891, 3.93281878734297941 51.22200547565243056, 3.9317833476195756 51.22348544255021352, 3.92722885512768638 51.22671428127422644, 3.92691384609887617 51.23062479472877584, 3.9246824151234363 51.23318654700832298, 3.92010098584787814 51.23576956565814555, 3.91728731253422113 51.23554502852405079, 3.9164916432481105 51.2368071380151946, 3.91700559475993737 51.24123186975855049, 3.92071248610826695 51.25080231207302006, 3.92629467228447915 51.25202239185581732, 3.93167853621908892 51.24951171182043907, 3.93778162959505362 51.24769459949322936, 3.94468319403709256 51.24712952187813642, 3.93487090549968332 51.25614796489612246, 3.97497764916480856 51.26129382151003, 3.98193716728499458 51.26269119408480179, 3.98213618706906924 51.26148248568119925)))</t>
  </si>
  <si>
    <t>MultiPolygon (((3.96635321167102584 51.2321858414187048, 3.97057970208753375 51.23177344735680805, 3.97316994023411763 51.23304985250777577, 3.98285288050396735 51.23006234316383711, 3.97891869450960112 51.22536622478075685, 3.97778810229399049 51.22504390264304419, 3.9765589837678168 51.22538586003916095, 3.97214412507285175 51.22469208255316886, 3.96428598549357769 51.22394987014629919, 3.95409488619322547 51.22612559695972578, 3.94493018526375705 51.22935738100930791, 3.94437043995760073 51.2331611480245428, 3.94858132077190094 51.23466465553241989, 3.94897614136284902 51.2340530973006878, 3.96433154250580966 51.23644230145816181, 3.96635321167102584 51.2321858414187048)))</t>
  </si>
  <si>
    <t>MultiPolygon (((3.80013713661183283 51.34432241502351957, 3.80988403417853894 51.34350008702348589, 3.80708102704100471 51.3406108532345371, 3.80715224970279476 51.33840018105065184, 3.81474420818325788 51.32996232880119436, 3.81486864348449606 51.32962937423991434, 3.81229597126249509 51.32850908649149346, 3.81465567495449021 51.32575793782139328, 3.81596570726843032 51.32500679297386625, 3.81666352215339977 51.32525707815369742, 3.8192716319396971 51.32310521037771167, 3.82376678751355081 51.31753903335707889, 3.82664665774043744 51.31361653491179453, 3.82186840796064953 51.30871392138740816, 3.81858280961587138 51.30648131532573331, 3.81707673419594373 51.3083665536074065, 3.81265007805493994 51.30816935761619391, 3.80967003585697483 51.30622990220319934, 3.80845589282095043 51.30336154454779063, 3.80816544972158511 51.29884720230420214, 3.80968573944374311 51.29850731987832546, 3.81040264551586727 51.2972110174289142, 3.80821379573650765 51.29511350036369777, 3.80568427203969906 51.29546437456418317, 3.80668449020361876 51.28938815661201289, 3.79830607732858594 51.28868477495478118, 3.79471735111911679 51.28707965028981874, 3.79634420854967036 51.28630646886797706, 3.79746086177244058 51.28425807171300477, 3.79455365757114249 51.28680673819749813, 3.78681760415888702 51.28831000017429886, 3.78454092101955464 51.28807742570026562, 3.78036113682825725 51.29036671273890136, 3.7755620255497524 51.29043367424964117, 3.76178973093207203 51.29438158288875371, 3.75247645197213853 51.29369468354261841, 3.74661175791428613 51.2946548892752574, 3.74961157714184434 51.29700150055840879, 3.75213334205180482 51.29780840997383962, 3.75064786410780604 51.30010693690034884, 3.74128283691616392 51.30337132844949366, 3.73274113474136016 51.31027061775623821, 3.73233241226702539 51.31302110646657155, 3.71752265932412618 51.31492341259309597, 3.72746819153523345 51.32248417457942224, 3.72888949380177559 51.32579476433093646, 3.73577241608113342 51.32937592704037399, 3.73443125525724762 51.33089266313970001, 3.73953492955760636 51.33398299894937367, 3.7402418000283908 51.3402878217584373, 3.73557802761671409 51.34074634792960978, 3.73322264550219307 51.34176462927192119, 3.73427973446251027 51.34431319540833272, 3.73152568107916549 51.34870847471373878, 3.7421858228193039 51.3488127253667983, 3.75813246957160496 51.34786862186966516, 3.75858303676021066 51.34619624287476114, 3.75579995311932269 51.34392655287052776, 3.75498187154145224 51.34106375765493624, 3.75863261051694675 51.33965292031793126, 3.76817114167128331 51.3363291663983361, 3.77096643121046915 51.33626358429820158, 3.76961954180211833 51.34856942889535958, 3.77175649114285472 51.35026549876539548, 3.78899475981046541 51.34955734574327835, 3.79232454848521883 51.34692266628866975, 3.79828522673422242 51.34523647495543486, 3.80013713661183283 51.34432241502351957),(3.77228675723432882 51.31626816094161825, 3.77508329037944801 51.31463740795473427, 3.77190110347013352 51.30693502861888078, 3.77522050358993999 51.30608793875170903, 3.77852003680046789 51.30385042750142333, 3.77940288946099834 51.30387631200267862, 3.78008294251940491 51.30482789226901019, 3.7812112068144379 51.30854439377701937, 3.78271102878228849 51.31024551050742843, 3.79391169210628787 51.31518729749341645, 3.79334286075731919 51.31617568938931129, 3.78723747567679281 51.31560171578696838, 3.77283973874506673 51.31700127967902603, 3.77228675723432882 51.31626816094161825)))</t>
  </si>
  <si>
    <t>MultiPolygon (((3.78723747567679281 51.31560171578696838, 3.79334286075731919 51.31617568938931129, 3.79391169210628787 51.31518729749341645, 3.78271102878228849 51.31024551050742843, 3.7812112068144379 51.30854439377701937, 3.78008294251940491 51.30482789226901019, 3.77940288946099834 51.30387631200267862, 3.77852003680046789 51.30385042750142333, 3.77522050358993999 51.30608793875170903, 3.77190110347013352 51.30693502861888078, 3.77508329037944801 51.31463740795473427, 3.77228675723432882 51.31626816094161825, 3.77283973874506673 51.31700127967902603, 3.78723747567679281 51.31560171578696838, 3.78723747567679281 51.31560171578696838)))</t>
  </si>
  <si>
    <t>MultiPolygon (((3.69361161541177241 51.36398604380259059, 3.69668652436211254 51.3622537084982369, 3.70518744614440809 51.35880127607517665, 3.7143047485293561 51.35364707755778113, 3.71614622393608141 51.35350141554928172, 3.72253628280079507 51.34961797654120375, 3.73152568107916549 51.34870847471373878, 3.73427973446251027 51.34431319540833272, 3.73322264550219307 51.34176462927192119, 3.73557802761671409 51.34074634792960978, 3.7402418000283908 51.3402878217584373, 3.73953492955760636 51.33398299894937367, 3.73443125525724762 51.33089266313970001, 3.73577241608113342 51.32937592704037399, 3.72888949380177559 51.32579476433093646, 3.72746819153523345 51.32248417457942224, 3.71752265932412618 51.31492341259309597, 3.71240870839464066 51.3157906727176254, 3.70384545312320324 51.31837065733077452, 3.68940742297108937 51.32030134913807018, 3.68628368547273277 51.3215987829422744, 3.66620418358255495 51.31981171067661762, 3.66382773159617514 51.32523888432243098, 3.65999127246439615 51.32488686630924946, 3.65797215708053258 51.33335049976402331, 3.65330982124090076 51.33175006340253788, 3.6442318901055244 51.34174144664240202, 3.64959803043502706 51.34273486234762629, 3.64724216439901561 51.35004874745985859, 3.64954703397827362 51.34899721062186728, 3.65419652645643378 51.34839022207080461, 3.65903396885162557 51.34994337696107181, 3.65939819090467466 51.35113525948083435, 3.68230910675645662 51.35343342791770027, 3.68238634361628625 51.35527316893648475, 3.6878451208627463 51.3555768752184747, 3.68981466903866018 51.35335068045793605, 3.69381437875040763 51.35247378161809451, 3.69305060479724734 51.36528759261400268, 3.69361161541177241 51.36398604380259059),(3.67928756382725775 51.33019341667014857, 3.67594053722435588 51.33013443611070414, 3.67445527469645672 51.32895684361117361, 3.67552351782954867 51.32747621950600347, 3.67978714026425191 51.32772232428814618, 3.68492965832342501 51.32399658235829065, 3.69087281563805103 51.32430671620574714, 3.690969936912603 51.33111870179322977, 3.68766744239745803 51.33388615911066211, 3.67928756382725775 51.33019341667014857)))</t>
  </si>
  <si>
    <t>MultiPolygon (((3.690969936912603 51.33111870179322977, 3.69087281563805103 51.32430671620574714, 3.68492965832342501 51.32399658235829065, 3.67978714026425191 51.32772232428814618, 3.67552351782954867 51.32747621950600347, 3.67445527469645672 51.32895684361117361, 3.67594053722435588 51.33013443611070414, 3.67928756382725775 51.33019341667014857, 3.68766744239745803 51.33388615911066211, 3.690969936912603 51.33111870179322977, 3.690969936912603 51.33111870179322977)))</t>
  </si>
  <si>
    <t>MultiPolygon (((3.97211895268915161 51.30031332750183992, 3.97581842855271539 51.30068861812747372, 3.97816767037877783 51.30156554303751903, 3.97887925685984145 51.30081453477483677, 3.98193716728499458 51.26269119408480179, 3.97497764916480856 51.26129382151003, 3.93487090549968332 51.25614796489612246, 3.94468319403709256 51.24712952187813642, 3.93778162959505362 51.24769459949322936, 3.93167853621908892 51.24951171182043907, 3.92629467228447915 51.25202239185581732, 3.92071248610826695 51.25080231207302006, 3.91699281415586809 51.25355504352835823, 3.91434571652908936 51.25314535437992447, 3.91321685274584619 51.25206694254855222, 3.91331359834828119 51.24887381462374947, 3.9075590366718429 51.24821956435117443, 3.90727613433556487 51.24905237775418243, 3.89987495658049088 51.24817957392365031, 3.89893170265138345 51.25109619504245018, 3.86905923848142752 51.24747450019018657, 3.86437632203319614 51.24595006300342703, 3.86357632504357396 51.24535098150784052, 3.86425395356276935 51.24452427095157958, 3.86000927947237082 51.24656562126678949, 3.8737025771941358 51.26247413726306945, 3.87388227179122646 51.26853793053795272, 3.87852677001776902 51.27096705744936855, 3.878528354246217 51.27336329172961626, 3.87662613218558549 51.27660884314103384, 3.87826416919631534 51.28565720313979881, 3.87736809792788195 51.28969587756856896, 3.877033622082803 51.29116375181951781, 3.87213481995810671 51.29441544843798084, 3.87771251251676885 51.29664912797708354, 3.87885791749295938 51.29830125528119567, 3.8805968331930063 51.29770050301210915, 3.88161357943806262 51.30282745747828699, 3.89472992590348621 51.29258332942173126, 3.90296200862448917 51.29065680409728145, 3.90851460777277726 51.2934614681552361, 3.91390111992445755 51.29896617175208462, 3.9211955175879889 51.30143009376154595, 3.92215756165009388 51.30156346212193341, 3.924327642317889 51.2996570699670329, 3.92336633152577452 51.29869877139512369, 3.92524086174005182 51.29540284052733767, 3.94263479040967679 51.29971583558214832, 3.9568048607852857 51.30064427943603533, 3.95807863691492301 51.30455523124309281, 3.97211895268915161 51.30031332750183992),(3.89918040495581675 51.27423196071531208, 3.89436018153357955 51.27069275739576426, 3.89351866689600845 51.26764968337697326, 3.89400711800062727 51.26697429350451074, 3.89748590387532889 51.26623280521705794, 3.9000515216750955 51.26463418702937958, 3.9127671495854206 51.25411747799312678, 3.92657335927970541 51.26303138820885863, 3.92294125404259653 51.26790018094065005, 3.91216809778994312 51.27139079853025549, 3.91168347753344881 51.27391881328786383, 3.90745713053768373 51.27814105022834212, 3.89918040495581675 51.27423196071531208)))</t>
  </si>
  <si>
    <t>MultiPolygon (((3.91168347753344881 51.27391881328786383, 3.91216809778994312 51.27139079853025549, 3.92294125404259653 51.26790018094065005, 3.92657335927970541 51.26303138820885863, 3.9127671495854206 51.25411747799312678, 3.9000515216750955 51.26463418702937958, 3.89748590387532889 51.26623280521705794, 3.89400711800062727 51.26697429350451074, 3.89351866689600845 51.26764968337697326, 3.89436018153357955 51.27069275739576426, 3.89918040495581675 51.27423196071531208, 3.90745713053768373 51.27814105022834212, 3.91168347753344881 51.27391881328786383)))</t>
  </si>
  <si>
    <t>MultiPolygon (((3.78219303129771767 51.47475694374514887, 3.78576442938507096 51.47247301273493036, 3.78785683542946705 51.47262039331843653, 3.79225689702813007 51.46036935039512628, 3.79036662915263856 51.45756491134444843, 3.79851743429294109 51.44629100444458913, 3.79899116989294061 51.44259605048763717, 3.78711297637546762 51.44275282642753666, 3.78731910609116129 51.4407510170690756, 3.76986678111779261 51.44077224534461124, 3.7705967181361717 51.4385542951930006, 3.77005631727081525 51.43785431632227301, 3.769135153852333 51.44049527007090461, 3.75675770255688413 51.44685073575531931, 3.74520565115351323 51.45393143314390016, 3.74369214575967169 51.45395641395165143, 3.74156415778079499 51.45695657264963785, 3.73885042007118917 51.45868512780973703, 3.74384829242963546 51.45910008775094013, 3.75817555596409258 51.46238839196177395, 3.76991233128210723 51.47069412592870208, 3.77942441731198997 51.47771864807983633, 3.78219303129771767 51.47475694374514887),(3.76744034667976191 51.45896858595459378, 3.76780082100592617 51.45631570725684156, 3.76176579775207287 51.45505234056421529, 3.76505574339614313 51.45069326159057965, 3.7694680604348294 51.45024773540970386, 3.77675245441745311 51.45100883478364295, 3.77841603398937975 51.45397865779852964, 3.7724368912426236 51.45636062175452707, 3.77356749078856035 51.45892794628554867, 3.76744034667976191 51.45896858595459378, 3.76744034667976191 51.45896858595459378)))</t>
  </si>
  <si>
    <t>MultiPolygon (((3.77356749078856035 51.45892794628554867, 3.7724368912426236 51.45636062175452707, 3.77841603398937975 51.45397865779852964, 3.77675245441745311 51.45100883478364295, 3.7694680604348294 51.45024773540970386, 3.76505574339614313 51.45069326159057965, 3.76176579775207287 51.45505234056421529, 3.76780082100592617 51.45631570725684156, 3.76744034667976191 51.45896858595459378, 3.77356749078856035 51.45892794628554867)))</t>
  </si>
  <si>
    <t>MultiPolygon (((3.84193883556528926 51.48527061676376348, 3.85096575698269028 51.48406045270746745, 3.86965657431849053 51.48257033278486716, 3.87117757178143274 51.48092427799570459, 3.87411675345930462 51.48004004184783611, 3.88039260343512105 51.48100745877069073, 3.8977407853710031 51.47988962218883557, 3.89653620827961422 51.46555791932468793, 3.89272940523691258 51.46213017272349077, 3.88167048601715381 51.45560153358772482, 3.87385820343316212 51.46103142795618623, 3.87143467354599746 51.4605570349430721, 3.87055562764994532 51.46106894830847978, 3.86889829634289839 51.46273267191714496, 3.86981211876926645 51.46327760250636629, 3.86413622560004821 51.46709719985051379, 3.86031074811848018 51.46434153815380341, 3.85692530967916802 51.46631986819714655, 3.85273123258046324 51.46358143239103811, 3.84983445797486157 51.46587863032612375, 3.84286728744699957 51.46171800939158203, 3.8348854234566212 51.46577207541807297, 3.81870203017131127 51.48302106480190332, 3.823250647720009 51.48350225530889901, 3.83200620230196742 51.48493517472309122, 3.84193883556528926 51.48527061676376348),(3.87631865340500337 51.47141745514962707, 3.87900550837702207 51.46830348547546663, 3.88347266207724617 51.46715406895503975, 3.88425447160155235 51.46741836948589821, 3.88341145206999405 51.47246616944535447, 3.88169295234049283 51.47372508383939049, 3.87631865340500337 51.47141745514962707)))</t>
  </si>
  <si>
    <t>MultiPolygon (((3.88169295234049283 51.47372508383939049, 3.88341145206999405 51.47246616944535447, 3.88425447160155235 51.46741836948589821, 3.88347266207724617 51.46715406895503975, 3.87900550837702207 51.46830348547546663, 3.87631865340500337 51.47141745514962707, 3.88169295234049283 51.47372508383939049, 3.88169295234049283 51.47372508383939049)))</t>
  </si>
  <si>
    <t>MultiPolygon (((3.92817246392807551 51.4505531730809551, 3.93332003762745286 51.44855205255597497, 3.92975545046848307 51.44989468988283932, 3.92560624279218917 51.45147830633820973, 3.92817246392807551 51.4505531730809551)),((3.90912911499053539 51.46780685700235836, 3.91623635363148859 51.46342473569791309, 3.92851023413520606 51.4587906514246356, 3.92598037931369559 51.4545839581268325, 3.92543311186963306 51.45152752196038648, 3.92400863656256549 51.45133396152356653, 3.9226448673952925 51.45020848897777199, 3.92429472135704582 51.4488178410980197, 3.92535793328105953 51.44546636891941205, 3.92122421700214074 51.4445212896851487, 3.91541538200741268 51.44449399777523979, 3.91045781047263219 51.44375182790795265, 3.90552811221945984 51.44603138261301467, 3.90118106634672657 51.44699192274867272, 3.89616051534843155 51.44633103591365142, 3.89170536035225689 51.44834490224327084, 3.87736229052794812 51.44323127650006455, 3.86625108193440781 51.445349430111591, 3.86382939972119166 51.4443926290649145, 3.86434898702141716 51.44590235168048054, 3.87529881225160189 51.45052457382853106, 3.88167048601715381 51.45560153358772482, 3.89272940523691258 51.46213017272349077, 3.89653620827961422 51.46555791932468793, 3.8977407853710031 51.47988962218883557, 3.90348888301550501 51.47959496033940496, 3.9128776703357282 51.47912157922125687, 3.91226811918871542 51.47823867354556882, 3.91291467618646172 51.4772293983290723, 3.91241160994156401 51.47648019939433084, 3.91012639947556062 51.47307657864926966, 3.90808123790010908 51.47183132929527716, 3.90904527615918962 51.47146614911400064, 3.90774137147613843 51.4695237021436327, 3.90773202867648539 51.46950978325677539, 3.90912911499053539 51.46780685700235836),(3.88690118865139356 51.45492250812380064, 3.89103288169352401 51.44964439914861032, 3.89559287389754605 51.45070338505167484, 3.89448846250556002 51.45276668315434421, 3.90059846337602201 51.45363278640638782, 3.90238629910602297 51.45555744000176901, 3.90140844765983719 51.45645456727582712, 3.90241299467872693 51.45680444610189141, 3.91755213847685058 51.45798892937759916, 3.91373429824944497 51.46254419559265614, 3.91627062863092057 51.46333562628226588, 3.91261820799418114 51.46561517225381976, 3.90094786236296143 51.4630854948727503, 3.89689231012898096 51.46159397450770001, 3.88690118865139356 51.45492250812380064)))</t>
  </si>
  <si>
    <t>MultiPolygon (((3.89559287389754605 51.45070338505167484, 3.89103288169352401 51.44964439914861032, 3.88690118865139356 51.45492250812380064, 3.89689231012898096 51.46159397450770001, 3.90094786236296143 51.4630854948727503, 3.91261820799418114 51.46561517225381976, 3.91627062863092057 51.46333562628226588, 3.91373429824944497 51.46254419559265614, 3.91755213847685058 51.45798892937759916, 3.90241299467872693 51.45680444610189141, 3.90140844765983719 51.45645456727582712, 3.90238629910602297 51.45555744000176901, 3.90059846337602201 51.45363278640638782, 3.89448846250556002 51.45276668315434421, 3.89559287389754605 51.45070338505167484)))</t>
  </si>
  <si>
    <t>MultiPolygon (((3.83059508722709063 51.44699056776578772, 3.83216434215901502 51.4452117884606821, 3.83450047789557136 51.43957789532662161, 3.8331397644736831 51.43773528273235485, 3.83659650370641003 51.43172408275625429, 3.84074725043669041 51.43228638273546949, 3.84200568622968053 51.43144565972646376, 3.84045056470562507 51.43013932266882193, 3.83708800189664201 51.42900738514830294, 3.83897576644008787 51.42660307899857486, 3.83625810566987457 51.42614878802568512, 3.82027255087508433 51.41849627611560436, 3.81447736054212694 51.42276407236654734, 3.8134833557815373 51.42453193126323896, 3.81670488430156274 51.42598183535080381, 3.81307526409376729 51.42967357910595183, 3.81601590570476645 51.43102423676576507, 3.81766269087544519 51.42992647661287009, 3.81687361119199364 51.42902932169239705, 3.81820873207592015 51.42677382416353282, 3.82944620040333339 51.42626239702722302, 3.829515225469724 51.42909565708421127, 3.82471264192182359 51.42943922289202163, 3.82419304442008867 51.43158140847281601, 3.8202326997578897 51.43134194194523445, 3.81742312120252336 51.43281509806671181, 3.81291142998427901 51.42977426701096988, 3.8117988511684171 51.42922531166239963, 3.80991145422112965 51.43118595631652568, 3.80237677060624568 51.42841540961620694, 3.79522000014703087 51.42842206478886879, 3.78580664996153304 51.42869138721581379, 3.78222087323871881 51.4278442906840354, 3.7791503660885013 51.43095349746160139, 3.77051593421914566 51.42855624047474805, 3.76487604350958938 51.43008950274334268, 3.76177015682562832 51.42959214520247002, 3.75970059786347166 51.43456979656284744, 3.7612978713309233 51.43852406185799708, 3.7638439410634823 51.44127552895407973, 3.76460960165744662 51.43952961122661804, 3.769135153852333 51.44049527007090461, 3.77005631727081525 51.43785431632227301, 3.7705967181361717 51.4385542951930006, 3.76986678111779261 51.44077224534461124, 3.78731910609116129 51.4407510170690756, 3.78711297637546762 51.44275282642753666, 3.79899116989294061 51.44259605048763717, 3.79911567342795076 51.44162720534952626, 3.80020630661083381 51.44345975577762431, 3.80871103779974041 51.44397405306079207, 3.81629331528965965 51.44661951516281562, 3.82482590111010978 51.44499010801626326, 3.82932698509725578 51.44472153419000904, 3.82823620222773142 51.4478241865511805, 3.83105639341834925 51.4484996391205911, 3.83059508722709063 51.44699056776578772)))</t>
  </si>
  <si>
    <t>MultiPolygon (((3.81742312120252336 51.43281509806671181, 3.8202326997578897 51.43134194194523445, 3.82419304442008867 51.43158140847281601, 3.82471264192182359 51.42943922289202163, 3.829515225469724 51.42909565708421127, 3.82944620040333339 51.42626239702722302, 3.81820873207592015 51.42677382416353282, 3.81687361119199364 51.42902932169239705, 3.81766269087544519 51.42992647661287009, 3.81601590570476645 51.43102423676576507, 3.81307526409376729 51.42967357910595183, 3.81291142998427901 51.42977426701096988, 3.81742312120252336 51.43281509806671181, 3.81742312120252336 51.43281509806671181)))</t>
  </si>
  <si>
    <t>MultiPolygon (((3.84206164602378886 51.42625211630290494, 3.84501788893651408 51.42297621881920122, 3.84831379644246141 51.42268030050106375, 3.85178406132260376 51.42415448019468016, 3.85528808972482429 51.42352368956914432, 3.85562356723196409 51.41987124788798269, 3.85557406274509606 51.41681971478316626, 3.85841244763478297 51.41344855358870802, 3.86306862794079064 51.41379592020641809, 3.8637428569025416 51.4118614072804121, 3.86205263701101043 51.40921186269719101, 3.86054855237192651 51.40941114972851267, 3.85704102592482423 51.404383403713517, 3.85852694557923215 51.40330040929269728, 3.86746605986820446 51.40309849591989888, 3.87364367755120442 51.40193459276056842, 3.87657179756848924 51.39975396616762993, 3.8759348293752196 51.39733860205685545, 3.87141221537697167 51.39737133899910759, 3.86698744129770855 51.39638457890905698, 3.86437261371189944 51.39548171448031866, 3.86162208991036549 51.39370829750225766, 3.86086690827013967 51.39223333734002352, 3.8581632149729792 51.39122586621543576, 3.84793009288137755 51.39023046846677545, 3.84629294466423399 51.39304107848168712, 3.8413393069391093 51.39320479336109315, 3.83661036116047471 51.39214833666240878, 3.83412425920970001 51.3931870671768749, 3.83433651837826472 51.39454239324432194, 3.83129310157068126 51.39884246106811361, 3.83313946328860844 51.39904539835180941, 3.83194696015263414 51.4038158636597089, 3.83038284208179025 51.40509663882757252, 3.82751185797304716 51.40513602298108253, 3.82533230684221248 51.40585845520934072, 3.82310300067031195 51.40805306693248866, 3.82334156597626906 51.41113030266836148, 3.82222571862514249 51.41097558908205656, 3.82337120186631374 51.41142519837077884, 3.82155553567100403 51.41695029798644612, 3.82027255087508433 51.41849627611560436, 3.83625810566987457 51.42614878802568512, 3.83897576644008787 51.42660307899857486, 3.83708800189664201 51.42900738514830294, 3.84045056470562507 51.43013932266882193, 3.84206164602378886 51.42625211630290494),(3.85422153346419361 51.4126303221219203, 3.84925571469942751 51.41102011577624609, 3.85098741310437687 51.41080149288736578, 3.85079666967304934 51.4064036653508154, 3.8523671463721616 51.40527996095390506, 3.85585312469242414 51.4046942858578646, 3.85618424481717659 51.40519650847876676, 3.8548421925765588 51.40614218975016314, 3.85623672942269158 51.40916661433864476, 3.85800754710368654 51.40920377772745553, 3.85931408073158932 51.41045983371026296, 3.85422153346419361 51.4126303221219203, 3.85422153346419361 51.4126303221219203)))</t>
  </si>
  <si>
    <t>MultiPolygon (((3.85931408073158932 51.41045983371026296, 3.85800754710368654 51.40920377772745553, 3.85623672942269158 51.40916661433864476, 3.8548421925765588 51.40614218975016314, 3.85618424481717659 51.40519650847876676, 3.85585312469242414 51.4046942858578646, 3.8523671463721616 51.40527996095390506, 3.85079666967304934 51.4064036653508154, 3.85098741310437687 51.41080149288736578, 3.84925571469942751 51.41102011577624609, 3.85422153346419361 51.4126303221219203, 3.85931408073158932 51.41045983371026296)))</t>
  </si>
  <si>
    <t>MultiPolygon (((3.86981211876926645 51.46327760250636629, 3.86889829634289839 51.46273267191714496, 3.87055562764994532 51.46106894830847978, 3.87143467354599746 51.4605570349430721, 3.87385820343316212 51.46103142795618623, 3.88167048601715381 51.45560153358772482, 3.87529881225160189 51.45052457382853106, 3.86434898702141716 51.44590235168048054, 3.86382939972119166 51.4443926290649145, 3.86415928538341058 51.44163526297676015, 3.85990975111165913 51.43667364372461748, 3.85565860946226735 51.43534433012715112, 3.85699514931667453 51.4314698112142068, 3.85496733275350811 51.43029142089160644, 3.85178406132260376 51.42415448019468016, 3.84831379644246141 51.42268030050106375, 3.84501788893651408 51.42297621881920122, 3.84206164602378886 51.42625211630290494, 3.84045056470562507 51.43013932266882193, 3.84200568622968053 51.43144565972646376, 3.84074725043669041 51.43228638273546949, 3.83659650370641003 51.43172408275625429, 3.8331397644736831 51.43773528273235485, 3.83450047789557136 51.43957789532662161, 3.83216434215901502 51.4452117884606821, 3.83059508722709063 51.44699056776578772, 3.83105639341834925 51.4484996391205911, 3.82821233421899487 51.44833072881260705, 3.82652556175337111 51.45075505472927802, 3.83177889933630533 51.45499697433506725, 3.83396641311393394 51.4606202690039396, 3.83379931261651574 51.46474730994921742, 3.8348854234566212 51.46577207541807297, 3.84286728744699957 51.46171800939158203, 3.84983445797486157 51.46587863032612375, 3.85273123258046324 51.46358143239103811, 3.85692530967916802 51.46631986819714655, 3.86031074811848018 51.46434153815380341, 3.86413622560004821 51.46709719985051379, 3.86981211876926645 51.46327760250636629),(3.85009503946821319 51.45741207427371222, 3.85098352528046828 51.45672973846022558, 3.84879252152415674 51.45428264676615981, 3.84564836779240382 51.45250055708660142, 3.84925941572142305 51.45096546689874373, 3.8539269647299168 51.45176083956418722, 3.85757038975540922 51.45331799959767949, 3.85625793784429316 51.45502159552314225, 3.8596641576125017 51.45720529691333667, 3.85821423123048035 51.45802362168996069, 3.85173284955534401 51.45840323379021441, 3.85009503946821319 51.45741207427371222, 3.85009503946821319 51.45741207427371222)))</t>
  </si>
  <si>
    <t>MultiPolygon (((3.85821423123048035 51.45802362168996069, 3.8596641576125017 51.45720529691333667, 3.85625793784429316 51.45502159552314225, 3.85757038975540922 51.45331799959767949, 3.8539269647299168 51.45176083956418722, 3.84925941572142305 51.45096546689874373, 3.84564836779240382 51.45250055708660142, 3.84879252152415674 51.45428264676615981, 3.85098352528046828 51.45672973846022558, 3.85009503946821319 51.45741207427371222, 3.85173284955534401 51.45840323379021441, 3.85821423123048035 51.45802362168996069)))</t>
  </si>
  <si>
    <t>MultiPolygon (((3.69839255488513441 51.46969141167279815, 3.69567808442355039 51.47111471653915515, 3.70262933952018081 51.47481192657743776, 3.70550593872153744 51.47179687893368083, 3.70629817766380443 51.4709568905085959, 3.69839255488513441 51.46969141167279815)),((3.72341477396428155 51.47628256753952058, 3.73885042007118917 51.45868512780973703, 3.74156415778079499 51.45695657264963785, 3.74369214575967169 51.45395641395165143, 3.74935429382040164 51.45030827102011983, 3.75087963255370926 51.448715217724029, 3.75037854318656461 51.44763580639034473, 3.74230296146292662 51.43768006382503444, 3.7356591312086076 51.43630712142830674, 3.7351802884527463 51.43715687937618952, 3.73275828102557083 51.43704808499048653, 3.73318866974533714 51.43742422833952332, 3.7098745845034018 51.43359662056131043, 3.70854360952274087 51.43470168617906779, 3.70274296819836346 51.44140060881471044, 3.6963918303751444 51.44585113847607261, 3.70297479532891094 51.45004425378441226, 3.70464842266198069 51.45030405627482395, 3.70672000423496062 51.44794466255493859, 3.7016522562301617 51.4432709980917835, 3.70355092231139205 51.44173685987809108, 3.7102828927963345 51.44656905561769378, 3.71813440054262578 51.44250133642015044, 3.71922811915634588 51.44264568350899225, 3.72222263709010681 51.44492058250376942, 3.71253236764204342 51.45086275086119798, 3.72734590646683772 51.45639537949879383, 3.72554460556261491 51.45828456854024324, 3.71439585133767824 51.45430787056211841, 3.70990463596333342 51.45346164523633092, 3.7099453941026197 51.45359027745243452, 3.71027897515929173 51.45461970958805864, 3.71123390573006162 51.45773722023584895, 3.71488162611592054 51.46363571042927276, 3.71685340177019397 51.46453540763195633, 3.71560380022993231 51.46641192567712153, 3.71742353127624847 51.4696076736993291, 3.72133457484368124 51.47319440956342618, 3.71986188373975946 51.47493321996912385, 3.71865105025146381 51.47502239463118201, 3.71465862781669021 51.47062100861294454, 3.71369891297392929 51.4707370036287486, 3.71052538482856065 51.47183527728108032, 3.70562602094078652 51.47694805707048715, 3.70644916679795777 51.47868956895239734, 3.7036479310032755 51.48227034837061922, 3.70335896357438887 51.48242242980779082, 3.71292181834197832 51.48163945043239664, 3.71926000594146933 51.47914578651059259, 3.72341477396428155 51.47628256753952058)))</t>
  </si>
  <si>
    <t>MultiPolygon (((3.75265645251621782 51.4714006660511032, 3.75400783878696531 51.46952281192068313, 3.76068186283670869 51.47128778510955982, 3.76991233128210723 51.47069412592870208, 3.75817555596409258 51.46238839196177395, 3.74384829242963546 51.45910008775094013, 3.73885042007118917 51.45868512780973703, 3.72341477396428155 51.47628256753952058, 3.72431856283971685 51.47751619777363175, 3.72412148043895597 51.47902439301959987, 3.73090028905616355 51.47919167360419124, 3.73537456673021673 51.48013238451996898, 3.73552055305624009 51.48250962797538932, 3.74130986663441067 51.48237597171162605, 3.74150044398346671 51.48094313447682424, 3.74941899054927719 51.48321232592010688, 3.75265645251621782 51.4714006660511032),(3.74048817081350071 51.47246283585173643, 3.74038709701157313 51.47184626958622999, 3.7302259066358272 51.47114902769769884, 3.73016878355290649 51.47189987160388114, 3.72784878195598024 51.47180917624376661, 3.73244267469113256 51.46729997102379883, 3.73526509157679865 51.46559720701356611, 3.74474286031469239 51.46698453180064092, 3.74592963998259432 51.46918092697239189, 3.74556654666065603 51.47004104426215321, 3.74359486218712112 51.47063495618094464, 3.74279465837113134 51.47265159493576192, 3.74048817081350071 51.47246283585173643, 3.74048817081350071 51.47246283585173643)))</t>
  </si>
  <si>
    <t>MultiPolygon (((3.74359486218712112 51.47063495618094464, 3.74556654666065603 51.47004104426215321, 3.74592963998259432 51.46918092697239189, 3.74474286031469239 51.46698453180064092, 3.73526509157679865 51.46559720701356611, 3.73244267469113256 51.46729997102379883, 3.72784878195598024 51.47180917624376661, 3.73016878355290649 51.47189987160388114, 3.7302259066358272 51.47114902769769884, 3.74038709701157313 51.47184626958622999, 3.74048817081350071 51.47246283585173643, 3.74279465837113134 51.47265159493576192, 3.74359486218712112 51.47063495618094464, 3.74359486218712112 51.47063495618094464)))</t>
  </si>
  <si>
    <t>MultiPolygon (((3.72188176906257295 51.5021315939573725, 3.73883847427092242 51.49998836524633106, 3.76745640321921504 51.49835953340725325, 3.77961002397749635 51.49595401617268209, 3.79106946504038378 51.4904066464186414, 3.79252099981402857 51.48891104405536367, 3.79210772871959323 51.4870007842742794, 3.77942441731198997 51.47771864807983633, 3.76991233128210723 51.47069412592870208, 3.76068186283670869 51.47128778510955982, 3.75400783878696531 51.46952281192068313, 3.75265645251621782 51.4714006660511032, 3.74941899054927719 51.48321232592010688, 3.74150044398346671 51.48094313447682424, 3.74130986663441067 51.48237597171162605, 3.73552055305624009 51.48250962797538932, 3.73537456673021673 51.48013238451996898, 3.73090028905616355 51.47919167360419124, 3.72412148043895597 51.47902439301959987, 3.72431856283971685 51.47751619777363175, 3.72341477396428155 51.47628256753952058, 3.71926000594146933 51.47914578651059259, 3.71292181834197832 51.48163945043239664, 3.70335896357438887 51.48242242980779082, 3.70077601887574703 51.48313547288857706, 3.69947764236233212 51.49061961596573411, 3.69905046525553383 51.49234097220190165, 3.6997950805622688 51.49394347133740268, 3.70553631967829977 51.50245590883885427, 3.72188176906257295 51.5021315939573725),(3.74425285388177187 51.49678313940109575, 3.74313943867253363 51.49133169605672578, 3.75034473667339885 51.49263708322794031, 3.75238192369548162 51.49190500810792059, 3.75325448666906336 51.49910531288290372, 3.74425285388177187 51.49678313940109575)))</t>
  </si>
  <si>
    <t>MultiPolygon (((3.75325448666906336 51.49910531288290372, 3.75238192369548162 51.49190500810792059, 3.75034473667339885 51.49263708322794031, 3.74313943867253363 51.49133169605672578, 3.74425285388177187 51.49678313940109575, 3.75325448666906336 51.49910531288290372, 3.75325448666906336 51.49910531288290372)))</t>
  </si>
  <si>
    <t>MultiPolygon (((3.89616051534843155 51.44633103591365142, 3.90118106634672657 51.44699192274867272, 3.90552811221945984 51.44603138261301467, 3.91045781047263219 51.44375182790795265, 3.9008189751654565 51.44085833613339531, 3.90161181173365268 51.43875454457437257, 3.88676938902713465 51.43085196621055388, 3.88419559349460553 51.42681410760374661, 3.88087568755896895 51.42664129056385747, 3.880778177162858 51.42521048529253136, 3.87279860749154681 51.42207233735339855, 3.87021040175554987 51.42297982017717572, 3.86866179724868342 51.42289554036644006, 3.86148798663135695 51.42073498238299578, 3.85562356723196409 51.41987124788798269, 3.85528808972482429 51.42352368956914432, 3.85178406132260376 51.42415448019468016, 3.85496733275350811 51.43029142089160644, 3.85699514931667453 51.4314698112142068, 3.85565860946226735 51.43534433012715112, 3.85990975111165913 51.43667364372461748, 3.86415928538341058 51.44163526297676015, 3.86382939972119166 51.4443926290649145, 3.86625108193440781 51.445349430111591, 3.87736229052794812 51.44323127650006455, 3.89170536035225689 51.44834490224327084, 3.89616051534843155 51.44633103591365142, 3.89616051534843155 51.44633103591365142),(3.87973918090271797 51.43738920590469377, 3.873391451740539 51.43357500429468843, 3.87429215729249909 51.43153666146195491, 3.87663569588205759 51.43067966771293698, 3.87873882724623442 51.43103025690790275, 3.88141479479260276 51.43269988176970031, 3.87973918090271797 51.43738920590469377, 3.87973918090271797 51.43738920590469377)))</t>
  </si>
  <si>
    <t>MultiPolygon (((3.88141479479260276 51.43269988176970031, 3.87873882724623442 51.43103025690790275, 3.87663569588205759 51.43067966771293698, 3.87429215729249909 51.43153666146195491, 3.873391451740539 51.43357500429468843, 3.87973918090271797 51.43738920590469377, 3.88141479479260276 51.43269988176970031)))</t>
  </si>
  <si>
    <t>MultiPolygon (((3.92122421700214074 51.4445212896851487, 3.92325480767246626 51.43979808722016855, 3.92539760741554833 51.43790365459179981, 3.92578182880025439 51.43448569129930803, 3.91897316162889853 51.42682571125201463, 3.91647287006610068 51.41868882555130682, 3.91567109114572931 51.41842816749836231, 3.91576436357889124 51.42048377515861546, 3.9147268032987359 51.42048200215813836, 3.91413239926562451 51.41760977911327046, 3.91130970756218188 51.41541221096491654, 3.9104830103239685 51.41620583839300451, 3.90859234971472036 51.41644576315808735, 3.89906689679871432 51.41747037654766928, 3.89158624013525278 51.41697395486286126, 3.88483009577132199 51.41843702121082771, 3.88552339852172279 51.42668750620685358, 3.88087568755896895 51.42664129056385747, 3.88419559349460553 51.42681410760374661, 3.88676938902713465 51.43085196621055388, 3.90161181173365268 51.43875454457437257, 3.9008189751654565 51.44085833613339531, 3.91045781047263219 51.44375182790795265, 3.91541538200741268 51.44449399777523979, 3.92122421700214074 51.4445212896851487),(3.89931640383883726 51.42662693791368866, 3.89942016580578299 51.42582079474264134, 3.9040509598923947 51.42551257666902842, 3.9042119840114391 51.42607918601473926, 3.90803030139177787 51.42554736651700154, 3.91119098635671403 51.42429387753329451, 3.91273961683184712 51.42144620476151573, 3.91454220623820293 51.42119235404492628, 3.91647291190592384 51.4223749353963413, 3.91574964509195711 51.42531098785318022, 3.91167962055743246 51.42808908277975632, 3.90939561592003226 51.42748204683142887, 3.9102064069698641 51.42639817412597836, 3.90934756615924384 51.42574187428496657, 3.9016736253305484 51.42699816220520859, 3.90206429294359891 51.42831725056132797, 3.89931640383883726 51.42662693791368866)))</t>
  </si>
  <si>
    <t>MultiPolygon (((3.90206429294359891 51.42831725056132797, 3.9016736253305484 51.42699816220520859, 3.90934756615924384 51.42574187428496657, 3.9102064069698641 51.42639817412597836, 3.90939561592003226 51.42748204683142887, 3.91167962055743246 51.42808908277975632, 3.91574964509195711 51.42531098785318022, 3.91647291190592384 51.4223749353963413, 3.91454220623820293 51.42119235404492628, 3.91273961683184712 51.42144620476151573, 3.91119098635671403 51.42429387753329451, 3.90803030139177787 51.42554736651700154, 3.9042119840114391 51.42607918601473926, 3.9040509598923947 51.42551257666902842, 3.89942016580578299 51.42582079474264134, 3.89931640383883726 51.42662693791368866, 3.90206429294359891 51.42831725056132797, 3.90206429294359891 51.42831725056132797)))</t>
  </si>
  <si>
    <t>MultiPolygon (((3.79692550634864023 51.48702776896697486, 3.80368394866319592 51.4844706169291797, 3.81129774577815494 51.48311069538515028, 3.81870203017131127 51.48302106480190332, 3.8348854234566212 51.46577207541807297, 3.83379931261651574 51.46474730994921742, 3.83396641311393394 51.4606202690039396, 3.83177889933630533 51.45499697433506725, 3.82652556175337111 51.45075505472927802, 3.82821233421899487 51.44833072881260705, 3.83105639341834925 51.4484996391205911, 3.82823620222773142 51.4478241865511805, 3.82932698509725578 51.44472153419000904, 3.82482590111010978 51.44499010801626326, 3.81629331528965965 51.44661951516281562, 3.80871103779974041 51.44397405306079207, 3.80020630661083381 51.44345975577762431, 3.79911567342795076 51.44162720534952626, 3.79899116989294061 51.44259605048763717, 3.79851743429294109 51.44629100444458913, 3.79036662915263856 51.45756491134444843, 3.79225689702813007 51.46036935039512628, 3.78785683542946705 51.47262039331843653, 3.78576442938507096 51.47247301273493036, 3.78219303129771767 51.47475694374514887, 3.77942441731198997 51.47771864807983633, 3.79210772871959323 51.4870007842742794, 3.79252099981402857 51.48891104405536367, 3.79106946504038378 51.4904066464186414, 3.79692550634864023 51.48702776896697486),(3.81464753751194685 51.47800213844364237, 3.8046102409025111 51.47849879305025667, 3.80446732660768561 51.47704765211049249, 3.80748161306030264 51.476124186430809, 3.80510241975393182 51.47049467818884949, 3.8083314778788 51.46470212607749062, 3.82208921715460237 51.46665307074071904, 3.82295887248314514 51.46973604140265479, 3.82185923710408071 51.47121264776119176, 3.82210959674051542 51.47237734038278489, 3.82469616766964693 51.4725752049009273, 3.82589178646326733 51.47379792691453559, 3.81825428667141153 51.48285498530557192, 3.8108531335539837 51.48310235545773139, 3.81464753751194685 51.47800213844364237)))</t>
  </si>
  <si>
    <t>MultiPolygon (((3.81825428667141153 51.48285498530557192, 3.82589178646326733 51.47379792691453559, 3.82469616766964693 51.4725752049009273, 3.82210959674051542 51.47237734038278489, 3.82185923710408071 51.47121264776119176, 3.82295887248314514 51.46973604140265479, 3.82208921715460237 51.46665307074071904, 3.8083314778788 51.46470212607749062, 3.80510241975393182 51.47049467818884949, 3.80748161306030264 51.476124186430809, 3.80446732660768561 51.47704765211049249, 3.8046102409025111 51.47849879305025667, 3.81464753751194685 51.47800213844364237, 3.8108531335539837 51.48310235545773139, 3.81825428667141153 51.48285498530557192)))</t>
  </si>
  <si>
    <t>MultiPolygon (((3.80277617317735306 51.41238972737271951, 3.80548094833760331 51.41155942131361911, 3.81429352867632643 51.41081130081110473, 3.81840787665639381 51.41203834992843014, 3.82222571862514249 51.41097558908205656, 3.82334156597626906 51.41113030266836148, 3.82310300067031195 51.40805306693248866, 3.82533230684221248 51.40585845520934072, 3.82751185797304716 51.40513602298108253, 3.83038284208179025 51.40509663882757252, 3.83194696015263414 51.4038158636597089, 3.83313946328860844 51.39904539835180941, 3.83129310157068126 51.39884246106811361, 3.83433651837826472 51.39454239324432194, 3.83412425920970001 51.3931870671768749, 3.83661036116047471 51.39214833666240878, 3.8413393069391093 51.39320479336109315, 3.84629294466423399 51.39304107848168712, 3.84793009288137755 51.39023046846677545, 3.8367265968507458 51.38842890751024584, 3.82228287276744894 51.38696671340930067, 3.81866306123289645 51.38617989243736872, 3.81787373948285813 51.3852951079320448, 3.81705029914960381 51.38596492487945966, 3.81725781369661865 51.38496181796780604, 3.81676352485336645 51.38592027036821008, 3.81286067446780486 51.38554437668416597, 3.79776167062697789 51.39522810009627563, 3.79096631720552057 51.39795677662079498, 3.78951774601354074 51.39981469293554284, 3.79305091441817011 51.40212483229240803, 3.79729825832761181 51.39854861044054957, 3.80478000069128752 51.40327689397453526, 3.79481119158224756 51.40937525145449172, 3.79940238082952497 51.41228049879935469, 3.80277617317735306 51.41238972737271951),(3.8163787542953469 51.39440434232144383, 3.81366571719273662 51.39284775886117274, 3.8124784812803858 51.38772958042745387, 3.81671146456275467 51.38640320248709514, 3.81955784340388593 51.38731845986058033, 3.81949185841893701 51.39002702790946842, 3.8163787542953469 51.39440434232144383)))</t>
  </si>
  <si>
    <t>MultiPolygon (((3.81949185841893701 51.39002702790946842, 3.81955784340388593 51.38731845986058033, 3.81671146456275467 51.38640320248709514, 3.8124784812803858 51.38772958042745387, 3.81366571719273662 51.39284775886117274, 3.8163787542953469 51.39440434232144383, 3.81949185841893701 51.39002702790946842)))</t>
  </si>
  <si>
    <t>MultiPolygon (((3.8117988511684171 51.42922531166239963, 3.81291142998427901 51.42977426701096988, 3.81307526409376729 51.42967357910595183, 3.81670488430156274 51.42598183535080381, 3.8134833557815373 51.42453193126323896, 3.81447736054212694 51.42276407236654734, 3.82027255087508433 51.41849627611560436, 3.82155553567100403 51.41695029798644612, 3.82337120186631374 51.41142519837077884, 3.82222571862514249 51.41097558908205656, 3.81840787665639381 51.41203834992843014, 3.81429352867632643 51.41081130081110473, 3.80548094833760331 51.41155942131361911, 3.80277617317735306 51.41238972737271951, 3.79940238082952497 51.41228049879935469, 3.79481119158224756 51.40937525145449172, 3.80478000069128752 51.40327689397453526, 3.79729825832761181 51.39854861044054957, 3.79305091441817011 51.40212483229240803, 3.78951774601354074 51.39981469293554284, 3.77558615685798316 51.40536009594523392, 3.77759713982569156 51.40900957972085195, 3.77717778308470953 51.40980958967779202, 3.78051722329047335 51.41355335580640684, 3.77658983772314194 51.41504157794567931, 3.78529047964527754 51.41890090584291073, 3.79258759428440007 51.42651508810895677, 3.79508946930896096 51.42758319121764288, 3.79522000014703087 51.42842206478886879, 3.80237677060624568 51.42841540961620694, 3.80991145422112965 51.43118595631652568, 3.8117988511684171 51.42922531166239963),(3.80677535235875064 51.42338731570256272, 3.80084039596971479 51.41890938233140673, 3.79908333816521671 51.41473826195891661, 3.80512401417369128 51.41738162698316472, 3.80776401777694318 51.42010287465149787, 3.80710819965289282 51.42177016275899604, 3.80958998601711274 51.42412522593070889, 3.80677535235875064 51.42338731570256272)))</t>
  </si>
  <si>
    <t>MultiPolygon (((3.80710819965289282 51.42177016275899604, 3.80776401777694318 51.42010287465149787, 3.80512401417369128 51.41738162698316472, 3.79908333816521671 51.41473826195891661, 3.80084039596971479 51.41890938233140673, 3.80677535235875064 51.42338731570256272, 3.80958998601711274 51.42412522593070889, 3.80710819965289282 51.42177016275899604)))</t>
  </si>
  <si>
    <t>MultiPolygon (((3.73275828102557083 51.43704808499048653, 3.73085939684079637 51.43184396211480447, 3.72289066006281422 51.42970735536362525, 3.71805297156968084 51.42765137972875777, 3.71602120873424369 51.42685732499028717, 3.71395117691100163 51.43050699571598017, 3.7098745845034018 51.43359662056131043, 3.73318866974533714 51.43742422833952332, 3.73275828102557083 51.43704808499048653)))</t>
  </si>
  <si>
    <t>MultiPolygon (((3.74520565115351323 51.45393143314390016, 3.75675770255688413 51.44685073575531931, 3.769135153852333 51.44049527007090461, 3.76460960165744662 51.43952961122661804, 3.7638439410634823 51.44127552895407973, 3.7612978713309233 51.43852406185799708, 3.75970059786347166 51.43456979656284744, 3.76177015682562832 51.42959214520247002, 3.76487604350958938 51.43008950274334268, 3.77051593421914566 51.42855624047474805, 3.7791503660885013 51.43095349746160139, 3.78222087323871881 51.4278442906840354, 3.78580664996153304 51.42869138721581379, 3.79522000014703087 51.42842206478886879, 3.79508946930896096 51.42758319121764288, 3.79258759428440007 51.42651508810895677, 3.78529047964527754 51.41890090584291073, 3.77658983772314194 51.41504157794567931, 3.78051722329047335 51.41355335580640684, 3.77717778308470953 51.40980958967779202, 3.77608344049351707 51.41032789632983935, 3.76474931335790108 51.41051143008125734, 3.75495633829327824 51.41480169361137342, 3.7502966166528009 51.4139376083397579, 3.74431216119763066 51.41145045747713027, 3.73480894088973869 51.41114282576855743, 3.72957737400330291 51.41287920912198217, 3.72950062546098637 51.4129066172446727, 3.72539722536434104 51.41503680664484222, 3.72066164043562386 51.42609117637924498, 3.71818877121318669 51.42715538878389481, 3.71805297156968084 51.42765137972875777, 3.72289066006281422 51.42970735536362525, 3.73085939684079637 51.43184396211480447, 3.73275828102557083 51.43704808499048653, 3.7351802884527463 51.43715687937618952, 3.7356591312086076 51.43630712142830674, 3.74230296146292662 51.43768006382503444, 3.75037854318656461 51.44763580639034473, 3.75087963255370926 51.448715217724029, 3.74935429382040164 51.45030827102011983, 3.74369214575967169 51.45395641395165143, 3.74520565115351323 51.45393143314390016),(3.74198568494833061 51.43070547885007215, 3.74113589040653594 51.4301437611096901, 3.7421222736784201 51.42808218684173482, 3.7361140938091939 51.42724071710916434, 3.72973998788049421 51.42395482950572472, 3.73182617071527023 51.41949555304918107, 3.73805937599534133 51.4207529379378343, 3.74050258312829476 51.422116090138978, 3.73969227159886319 51.42383949714538716, 3.74009691927634114 51.42546337983077365, 3.74613409977583656 51.42695013350094513, 3.74415609201384925 51.43110721900816884, 3.74198568494833061 51.43070547885007215)))</t>
  </si>
  <si>
    <t>MultiPolygon (((3.74613409977583656 51.42695013350094513, 3.74009691927634114 51.42546337983077365, 3.73969227159886319 51.42383949714538716, 3.74050258312829476 51.422116090138978, 3.73805937599534133 51.4207529379378343, 3.73182617071527023 51.41949555304918107, 3.72973998788049421 51.42395482950572472, 3.7361140938091939 51.42724071710916434, 3.7421222736784201 51.42808218684173482, 3.74113589040653594 51.4301437611096901, 3.74198568494833061 51.43070547885007215, 3.74415609201384925 51.43110721900816884, 3.74613409977583656 51.42695013350094513, 3.74613409977583656 51.42695013350094513)))</t>
  </si>
  <si>
    <t>MultiPolygon (((3.88552339852172279 51.42668750620685358, 3.88483009577132199 51.41843702121082771, 3.89158624013525278 51.41697395486286126, 3.89906689679871432 51.41747037654766928, 3.90859234971472036 51.41644576315808735, 3.9104830103239685 51.41620583839300451, 3.91130970756218188 51.41541221096491654, 3.91172349492486804 51.41403656370432174, 3.9083802919416355 51.41019216665107194, 3.90062382899200388 51.39499938955579239, 3.89339543373258712 51.39374017765319991, 3.88432020160859981 51.39546112193170302, 3.88027951456008413 51.39692505472520168, 3.8759348293752196 51.39733860205685545, 3.87657179756848924 51.39975396616762993, 3.87364367755120442 51.40193459276056842, 3.86746605986820446 51.40309849591989888, 3.85852694557923215 51.40330040929269728, 3.85704102592482423 51.404383403713517, 3.86054855237192651 51.40941114972851267, 3.86205263701101043 51.40921186269719101, 3.8637428569025416 51.4118614072804121, 3.86306862794079064 51.41379592020641809, 3.85841244763478297 51.41344855358870802, 3.85557406274509606 51.41681971478316626, 3.85562356723196409 51.41987124788798269, 3.86148798663135695 51.42073498238299578, 3.86866179724868342 51.42289554036644006, 3.87021040175554987 51.42297982017717572, 3.87279860749154681 51.42207233735339855, 3.880778177162858 51.42521048529253136, 3.88087568755896895 51.42664129056385747, 3.88552339852172279 51.42668750620685358, 3.88552339852172279 51.42668750620685358),(3.88141992138297587 51.41321217939154309, 3.88163707728109264 51.4084118176537217, 3.88407460680235594 51.40741855478437117, 3.88899486285901297 51.40670878901445917, 3.88927084055225825 51.41034105579097968, 3.8885266238824916 51.41035123033100973, 3.88860777807351621 51.40901433653942121, 3.88461972168290171 51.40928935890797646, 3.88249074148213369 51.41084443090904443, 3.88279474802238367 51.41419163110810331, 3.88141992138297587 51.41321217939154309, 3.88141992138297587 51.41321217939154309)))</t>
  </si>
  <si>
    <t>MultiPolygon (((3.88279474802238367 51.41419163110810331, 3.88249074148213369 51.41084443090904443, 3.88461972168290171 51.40928935890797646, 3.88860777807351621 51.40901433653942121, 3.8885266238824916 51.41035123033100973, 3.88927084055225825 51.41034105579097968, 3.88899486285901297 51.40670878901445917, 3.88407460680235594 51.40741855478437117, 3.88163707728109264 51.4084118176537217, 3.88141992138297587 51.41321217939154309, 3.88279474802238367 51.41419163110810331, 3.88279474802238367 51.41419163110810331)))</t>
  </si>
  <si>
    <t>MultiPolygon (((4.69438132674347219 51.71400682641484536, 4.70044191566123448 51.71165212709082937, 4.69744771908501502 51.70784012353958303, 4.68920463910837171 51.71111910588949456, 4.6923987262766147 51.71403858903538264, 4.69438132674347219 51.71400682641484536)))</t>
  </si>
  <si>
    <t>MultiPolygon (((4.70497095878925098 51.70975596670145791, 4.70304994823615719 51.70777077108389364, 4.70225396606232326 51.70594207678352916, 4.69744771908501502 51.70784012353958303, 4.70044191566123448 51.71165212709082937, 4.70497095878925098 51.70975596670145791, 4.70497095878925098 51.70975596670145791)))</t>
  </si>
  <si>
    <t>MultiPolygon (((4.69916082375588573 51.70417845105753685, 4.70065332507371636 51.70357012046476797, 4.7015312036675283 51.70428751453083294, 4.70206406656395526 51.70390822149855836, 4.70225064861594255 51.70393467606366755, 4.69906099866568461 51.70217782541956808, 4.70121022519685194 51.69338107981149477, 4.70088869731780701 51.69128427428140782, 4.69913718160678151 51.6907829412513351, 4.69819119101731086 51.68936645163913823, 4.69758596233873771 51.68951148775045112, 4.69948785191031337 51.6938359621691319, 4.69795214256630977 51.7037944675595682, 4.69916082375588573 51.70417845105753685, 4.69916082375588573 51.70417845105753685)))</t>
  </si>
  <si>
    <t>MultiPolygon (((4.70759728863888327 51.70879299150119124, 4.7097883214938765 51.70553260383863403, 4.70584558385451412 51.70461359723178418, 4.70225396606232326 51.70594207678352916, 4.70304994823615719 51.70777077108389364, 4.70497095878925098 51.70975596670145791, 4.70759728863888327 51.70879299150119124)))</t>
  </si>
  <si>
    <t>MultiPolygon (((4.69594347801455836 51.71837532827257888, 4.69314339228640964 51.71512467919751543, 4.70112766789330117 51.71302633448058117, 4.70103177802594896 51.71201861063654093, 4.70834064712520828 51.70905753229504853, 4.7108336632471417 51.70915795909889567, 4.71233477497010789 51.70989735928423414, 4.71413292967250008 51.70878773233223313, 4.70997615725104257 51.70632958223981035, 4.71369805980216405 51.69979373648859422, 4.71786880404772013 51.70025923034209114, 4.71710855478355651 51.70077970123147537, 4.71806847695733556 51.70131620708129816, 4.72089100656290661 51.69989213572430486, 4.71882845019279973 51.69725509150753595, 4.71387253369712944 51.69681683791460358, 4.71426053158766845 51.69902625090912807, 4.71079699280409425 51.70370267030053668, 4.70225064861594255 51.70393467606366755, 4.70206406656395526 51.70390822149855836, 4.7015312036675283 51.70428751453083294, 4.70225396606232326 51.70594207678352916, 4.70584558385451412 51.70461359723178418, 4.7097883214938765 51.70553260383863403, 4.70759728863888327 51.70879299150119124, 4.70497095878925098 51.70975596670145791, 4.70044191566123448 51.71165212709082937, 4.69438132674347219 51.71400682641484536, 4.6923987262766147 51.71403858903538264, 4.68920463910837171 51.71111910588949456, 4.68380680204361255 51.71324652608198136, 4.68405846898943867 51.71407638783136207, 4.68975684935133597 51.71507283449211911, 4.68752666707618815 51.71597069692459314, 4.69433244944313977 51.71869967205438456, 4.69594347801455836 51.71837532827257888)))</t>
  </si>
  <si>
    <t>MultiPolygon (((4.70026828003538277 51.71834624997802621, 4.70483396101237705 51.71720719714178927, 4.70112766789330117 51.71302633448058117, 4.69314339228640964 51.71512467919751543, 4.69594347801455836 51.71837532827257888, 4.70026828003538277 51.71834624997802621)))</t>
  </si>
  <si>
    <t>MultiPolygon (((4.67728622433367125 51.72011025315633503, 4.6985531453670264 51.72199204999137834, 4.71018662745784766 51.72095181205098413, 4.72252425443283297 51.72231003772032665, 4.72895729154131939 51.72359951864440575, 4.73025618631727252 51.7216145406765051, 4.73115469452441229 51.72024132238538385, 4.73513936696359483 51.71738727243173628, 4.73998486859193324 51.71546385353127562, 4.7422627457894917 51.71287037751166338, 4.74067533771610083 51.70868922777142984, 4.73921729162194083 51.70794621030979954, 4.73587491682251738 51.70763778225973795, 4.73542578197203312 51.70480084217551564, 4.73957648797621722 51.70152692020575813, 4.73846717118848915 51.69752012303767685, 4.72927673013669114 51.69268260505700141, 4.72851579518932041 51.69295209886971065, 4.72679587801893675 51.69000609663792289, 4.72736615334712607 51.68451042412051066, 4.72573469050211248 51.68125665814019243, 4.72293509245212206 51.68060531642014155, 4.72434558589638165 51.6771172644163741, 4.71611143475580619 51.67523917621818441, 4.7098789378812036 51.67327189373413887, 4.70662519363326481 51.67675318696531406, 4.70460566339115971 51.67632156713003866, 4.70203056570796996 51.67989380692168311, 4.70453403048898533 51.68050651281561159, 4.69731355493367175 51.68771751586165664, 4.69503687606912923 51.68335723661369485, 4.6928182567161052 51.68167984859159958, 4.68112145237057042 51.68784797232178363, 4.67919055899498026 51.68643591677057003, 4.67322762190319985 51.68898686487883509, 4.66693973197362411 51.68649367881741341, 4.65968891690699394 51.69684569441994171, 4.65740340087170779 51.70220424005051996, 4.65651138182083457 51.70729768053386266, 4.65463176449142946 51.70898522002605091, 4.6508653828035591 51.71011199577074535, 4.64513658491795489 51.71906732503935444, 4.67522259169575705 51.72420939039610488, 4.67630422347182506 51.72492365057537, 4.67728622433367125 51.72011025315633503),(4.69433244944313977 51.71869967205438456, 4.68752666707618815 51.71597069692459314, 4.68975684935133597 51.71507283449211911, 4.68405846898943867 51.71407638783136207, 4.68380680204361255 51.71324652608198136, 4.68920463910837171 51.71111910588949456, 4.69744771908501502 51.70784012353958303, 4.70225396606232326 51.70594207678352916, 4.7015312036675283 51.70428751453083294, 4.70065332507371636 51.70357012046476797, 4.69916082375588573 51.70417845105753685, 4.69795214256630977 51.7037944675595682, 4.69948785191031337 51.6938359621691319, 4.69758596233873771 51.68951148775045112, 4.69819119101731086 51.68936645163913823, 4.69913718160678151 51.6907829412513351, 4.70088869731780701 51.69128427428140782, 4.70121022519685194 51.69338107981149477, 4.69906099866568461 51.70217782541956808, 4.70225064861594255 51.70393467606366755, 4.71079699280409425 51.70370267030053668, 4.71426053158766845 51.69902625090912807, 4.71387253369712944 51.69681683791460358, 4.71882845019279973 51.69725509150753595, 4.72089100656290661 51.69989213572430486, 4.71806847695733556 51.70131620708129816, 4.71710855478355651 51.70077970123147537, 4.71786880404772013 51.70025923034209114, 4.71369805980216405 51.69979373648859422, 4.70997615725104257 51.70632958223981035, 4.71413292967250008 51.70878773233223313, 4.71233477497010789 51.70989735928423414, 4.7108336632471417 51.70915795909889567, 4.70834064712520828 51.70905753229504853, 4.70103177802594896 51.71201861063654093, 4.70112766789330117 51.71302633448058117, 4.70483396101237705 51.71720719714178927, 4.70026828003538277 51.71834624997802621, 4.69594347801455836 51.71837532827257888, 4.69433244944313977 51.71869967205438456)))</t>
  </si>
  <si>
    <t>MultiPolygon (((4.74962077624245005 51.68588874885711704, 4.75060762390755098 51.68308148007577074, 4.74959063111996826 51.68131071522744691, 4.74816382441667084 51.68076375905278042, 4.74731968680167782 51.68063264251669153, 4.74536947238815543 51.68522910086214495, 4.74919305338995912 51.68605694326309674, 4.75186186890115536 51.68666736195832812, 4.74962077624245005 51.68588874885711704, 4.74962077624245005 51.68588874885711704)))</t>
  </si>
  <si>
    <t>MultiPolygon (((4.74444928964217105 51.68869315938471232, 4.74820662285230988 51.6875856499832409, 4.75478346029668675 51.69060390838410513, 4.75825220730509546 51.68802878379034382, 4.75186186890115536 51.68666736195832812, 4.74919305338995912 51.68605694326309674, 4.74536947238815543 51.68522910086214495, 4.74044600126754379 51.68741350127790213, 4.73675789589855611 51.68820138576688095, 4.73520075497031989 51.68780435256280015, 4.73372963914505007 51.68901556660242136, 4.73453776354648159 51.69048572464988212, 4.74022980159496665 51.69510447786151985, 4.74444928964217105 51.68869315938471232)))</t>
  </si>
  <si>
    <t>MultiPolygon (((4.77237178204698864 51.67827484539064642, 4.77531771781755943 51.67341184469145077, 4.75301830495506294 51.6696193969476667, 4.74704126710362839 51.66863251531008672, 4.73866780937108611 51.66722638132084455, 4.73735338474535617 51.66878868054693186, 4.73687850354578366 51.66916848887349545, 4.73798779647233559 51.66970947460576724, 4.74728416206140924 51.6714648572562254, 4.74650155834832432 51.67605061934504107, 4.75295898356696878 51.67668392190321214, 4.75143516079657502 51.67884391084562878, 4.75387664135769494 51.67945226290267158, 4.75544142476929732 51.67689514790964722, 4.77119858844965528 51.68005435994733432, 4.77237178204698864 51.67827484539064642, 4.77237178204698864 51.67827484539064642)))</t>
  </si>
  <si>
    <t>MultiPolygon (((4.71974808371065979 51.67138400278656007, 4.72337066309881592 51.66907502080142223, 4.72566327905775196 51.66614576457426011, 4.71817038225051366 51.66397959235244741, 4.71957241272951311 51.66075892475480913, 4.69678308504902198 51.65459411454180128, 4.6942327131701802 51.65830641773671772, 4.68499228396057799 51.66628979629302165, 4.7098789378812036 51.67327189373413887, 4.71611143475580619 51.67523917621818441, 4.71974808371065979 51.67138400278656007, 4.71974808371065979 51.67138400278656007)))</t>
  </si>
  <si>
    <t>MultiPolygon (((4.75930344082069112 51.71152141260792234, 4.76629670574707287 51.70885910213775105, 4.76592540422081523 51.70787206199153019, 4.75831462776629266 51.705454609249486, 4.76141000250844915 51.70161182729462723, 4.76373954312576853 51.7022087023905712, 4.76629813382452117 51.70141251095643042, 4.76814130357654165 51.69773134357372157, 4.75902133762077995 51.69525174216763475, 4.76005186227056409 51.69223739976072807, 4.76399109815861355 51.69096121224991691, 4.76516285950010321 51.68904942749974651, 4.77119858844965528 51.68005435994733432, 4.75544142476929732 51.67689514790964722, 4.75387664135769494 51.67945226290267158, 4.75143516079657502 51.67884391084562878, 4.75295898356696878 51.67668392190321214, 4.74650155834832432 51.67605061934504107, 4.74728416206140924 51.6714648572562254, 4.73798779647233559 51.66970947460576724, 4.73687850354578366 51.66916848887349545, 4.73735338474535617 51.66878868054693186, 4.73273924434925419 51.66834249064695683, 4.72566327905775196 51.66614576457426011, 4.72337066309881592 51.66907502080142223, 4.71974808371065979 51.67138400278656007, 4.71611143475580619 51.67523917621818441, 4.72434558589638165 51.6771172644163741, 4.72293509245212206 51.68060531642014155, 4.72573469050211248 51.68125665814019243, 4.72736615334712607 51.68451042412051066, 4.72679587801893675 51.69000609663792289, 4.72851579518932041 51.69295209886971065, 4.72927673013669114 51.69268260505700141, 4.73846717118848915 51.69752012303767685, 4.73957648797621722 51.70152692020575813, 4.73542578197203312 51.70480084217551564, 4.73587491682251738 51.70763778225973795, 4.73921729162194083 51.70794621030979954, 4.74067533771610083 51.70868922777142984, 4.7422627457894917 51.71287037751166338, 4.73998486859193324 51.71546385353127562, 4.73513936696359483 51.71738727243173628, 4.73115469452441229 51.72024132238538385, 4.74047989555674221 51.72145579276331517, 4.75930344082069112 51.71152141260792234),(4.73453776354648159 51.69048572464988212, 4.73372963914505007 51.68901556660242136, 4.73520075497031989 51.68780435256280015, 4.73675789589855611 51.68820138576688095, 4.74044600126754379 51.68741350127790213, 4.74536947238815543 51.68522910086214495, 4.74731968680167782 51.68063264251669153, 4.74816382441667084 51.68076375905278042, 4.74959063111996826 51.68131071522744691, 4.75060762390755098 51.68308148007577074, 4.74962077624245005 51.68588874885711704, 4.75186186890115536 51.68666736195832812, 4.75825220730509546 51.68802878379034382, 4.75478346029668675 51.69060390838410513, 4.74820662285230988 51.6875856499832409, 4.74444928964217105 51.68869315938471232, 4.74022980159496665 51.69510447786151985, 4.73453776354648159 51.69048572464988212)))</t>
  </si>
  <si>
    <t>MultiPolygon (((4.75496011805978291 51.66590379655463749, 4.75565523458359252 51.6630066320701502, 4.7532440527927271 51.66079376689297931, 4.75194421113278231 51.66057675223279944, 4.75051636710739889 51.66152274742989192, 4.74303412072286612 51.6618028541219303, 4.74114716274970416 51.66105340563242265, 4.74756389706870596 51.66581295410720998, 4.74915958755545731 51.66528730300147743, 4.75084716339856339 51.66595618114634192, 4.75496011805978291 51.66590379655463749)))</t>
  </si>
  <si>
    <t>MultiPolygon (((4.75496011805978291 51.66590379655463749, 4.75084716339856339 51.66595618114634192, 4.74915958755545731 51.66528730300147743, 4.74756389706870596 51.66581295410720998, 4.74114716274970416 51.66105340563242265, 4.74256854549723528 51.65925101747443904, 4.74452104169242617 51.65950277001223867, 4.74466912099683746 51.6588206975135833, 4.74172565581342997 51.65818474552683881, 4.73213679913098062 51.65969456116016545, 4.74517401607856204 51.66513521692061062, 4.74809503037672354 51.6674933813343884, 4.74704126710362839 51.66863251531008672, 4.75301830495506294 51.6696193969476667, 4.75496011805978291 51.66590379655463749, 4.75496011805978291 51.66590379655463749)))</t>
  </si>
  <si>
    <t>MultiPolygon (((4.7762670866416066 51.67334857241726098, 4.7767361675355362 51.67103467752043144, 4.77816352123507571 51.66986797069665727, 4.78108091784286238 51.6638855680875011, 4.76505048654507668 51.6579255974160958, 4.74364299540391343 51.65460204531741795, 4.74243889594356993 51.65619838227711824, 4.7444511251915813 51.65665510103166724, 4.74369902566733437 51.6576629605690556, 4.73863124476922337 51.65802980056823657, 4.73082785511110426 51.6566309842168323, 4.72312443384399838 51.65675145155767467, 4.71957241272951311 51.66075892475480913, 4.71817038225051366 51.66397959235244741, 4.72566327905775196 51.66614576457426011, 4.73273924434925419 51.66834249064695683, 4.73735338474535617 51.66878868054693186, 4.73866780937108611 51.66722638132084455, 4.74704126710362839 51.66863251531008672, 4.74809503037672354 51.6674933813343884, 4.74517401607856204 51.66513521692061062, 4.73213679913098062 51.65969456116016545, 4.74172565581342997 51.65818474552683881, 4.74466912099683746 51.6588206975135833, 4.74452104169242617 51.65950277001223867, 4.74256854549723528 51.65925101747443904, 4.74114716274970416 51.66105340563242265, 4.74303412072286612 51.6618028541219303, 4.75051636710739889 51.66152274742989192, 4.75194421113278231 51.66057675223279944, 4.7532440527927271 51.66079376689297931, 4.75565523458359252 51.6630066320701502, 4.75496011805978291 51.66590379655463749, 4.75301830495506294 51.6696193969476667, 4.77531771781755943 51.67341184469145077, 4.7762670866416066 51.67334857241726098)))</t>
  </si>
  <si>
    <t>MultiPolygon (((4.74724104913333456 51.64987278029134643, 4.75056509159515805 51.64653080067872537, 4.75351557838037753 51.64301421391028413, 4.75296697479381969 51.64278419345009752, 4.74776319875132735 51.64428784740408673, 4.74425577453772895 51.64691877917088902, 4.74119652276342851 51.65120671606675273, 4.74724104913333456 51.64987278029134643, 4.74724104913333456 51.64987278029134643)))</t>
  </si>
  <si>
    <t>MultiPolygon (((4.74776319875132735 51.64428784740408673, 4.74500057454844892 51.64043980450848181, 4.73853684627299643 51.64281362791171404, 4.74425577453772895 51.64691877917088902, 4.74776319875132735 51.64428784740408673)))</t>
  </si>
  <si>
    <t>MultiPolygon (((4.75296697479381969 51.64278419345009752, 4.75506439416589455 51.64074419820214246, 4.75736836360013982 51.63757551746306973, 4.74902903138143895 51.63897964161935761, 4.74500057454844892 51.64043980450848181, 4.74776319875132735 51.64428784740408673, 4.75296697479381969 51.64278419345009752, 4.75296697479381969 51.64278419345009752)))</t>
  </si>
  <si>
    <t>MultiPolygon (((4.76288354182319473 51.64335949374248003, 4.7622043474995186 51.64050393575562481, 4.76771311668926856 51.63984466277045726, 4.76655287399384164 51.63203006816767271, 4.76501751217333069 51.63191024272928331, 4.76265210389881233 51.63503376503205544, 4.75736836360013982 51.63757551746306973, 4.75506439416589455 51.64074419820214246, 4.75778432941055573 51.63932509113475788, 4.75892432063932613 51.63935177426139944, 4.76202609775243602 51.6435024623666834, 4.76288354182319473 51.64335949374248003, 4.76288354182319473 51.64335949374248003)))</t>
  </si>
  <si>
    <t>MultiPolygon (((4.76202609775243602 51.6435024623666834, 4.75892432063932613 51.63935177426139944, 4.75778432941055573 51.63932509113475788, 4.75506439416589455 51.64074419820214246, 4.75296697479381969 51.64278419345009752, 4.75351557838037753 51.64301421391028413, 4.75791756083228012 51.64384565627616297, 4.76202609775243602 51.6435024623666834, 4.76202609775243602 51.6435024623666834)))</t>
  </si>
  <si>
    <t>MultiPolygon (((4.76288354182319473 51.64335949374248003, 4.76202609775243602 51.6435024623666834, 4.75791756083228012 51.64384565627616297, 4.75641770982428724 51.64646394137869834, 4.76272808792183788 51.64759288208227872, 4.76288354182319473 51.64335949374248003, 4.76288354182319473 51.64335949374248003)))</t>
  </si>
  <si>
    <t>MultiPolygon (((4.75641770982428724 51.64646394137869834, 4.75791756083228012 51.64384565627616297, 4.75351557838037753 51.64301421391028413, 4.75056509159515805 51.64653080067872537, 4.75641770982428724 51.64646394137869834, 4.75641770982428724 51.64646394137869834)))</t>
  </si>
  <si>
    <t>MultiPolygon (((4.75996755354822376 51.65151118401184505, 4.76253296782755253 51.64885479929103695, 4.76272808792183788 51.64759288208227872, 4.75641770982428724 51.64646394137869834, 4.75056509159515805 51.64653080067872537, 4.74724104913333456 51.64987278029134643, 4.75996755354822376 51.65151118401184505, 4.75996755354822376 51.65151118401184505)))</t>
  </si>
  <si>
    <t>MultiPolygon (((4.79430510640029883 51.641740574415536, 4.79648909621552288 51.64118696201884262, 4.7875059385922345 51.63704801274007394, 4.76958211812588218 51.62950994644501179, 4.7656861819180536 51.62914042117142088, 4.76501751217333069 51.63191024272928331, 4.76655287399384164 51.63203006816767271, 4.76771311668926856 51.63984466277045726, 4.7622043474995186 51.64050393575562481, 4.76288354182319473 51.64335949374248003, 4.76272808792183788 51.64759288208227872, 4.76253296782755253 51.64885479929103695, 4.75996755354822376 51.65151118401184505, 4.74724104913333456 51.64987278029134643, 4.74119652276342851 51.65120671606675273, 4.74425577453772895 51.64691877917088902, 4.73853684627299643 51.64281362791171404, 4.73184012127985199 51.64305625369610908, 4.70433350354982593 51.63824614992859807, 4.69905965738351217 51.63807319222909342, 4.69545134753522042 51.64710592074482065, 4.69256183222869705 51.64755183351655887, 4.68917180140999257 51.65241643448341335, 4.69678308504902198 51.65459411454180128, 4.71957241272951311 51.66075892475480913, 4.72312443384399838 51.65675145155767467, 4.73082785511110426 51.6566309842168323, 4.73863124476922337 51.65802980056823657, 4.74369902566733437 51.6576629605690556, 4.7444511251915813 51.65665510103166724, 4.74243889594356993 51.65619838227711824, 4.74364299540391343 51.65460204531741795, 4.76505048654507668 51.6579255974160958, 4.78108091784286238 51.6638855680875011, 4.79430510640029883 51.641740574415536)))</t>
  </si>
  <si>
    <t>MultiPolygon (((4.80117047387280138 51.67835632737837415, 4.79315454403943164 51.67729913953398579, 4.79143576824981476 51.68564875913020273, 4.79585065014754175 51.68711514694155085, 4.80117047387280138 51.67835632737837415)))</t>
  </si>
  <si>
    <t>MultiPolygon (((4.79143576824981476 51.68564875913020273, 4.79315454403943164 51.67729913953398579, 4.78931335067463948 51.67603871571186147, 4.78632090076220873 51.6803327430807613, 4.78446504449490373 51.68306813348145567, 4.78338905080050392 51.68284104379478805, 4.78265579008912223 51.68387985045726651, 4.79119601115002602 51.68605869174363221, 4.79143576824981476 51.68564875913020273, 4.79143576824981476 51.68564875913020273)))</t>
  </si>
  <si>
    <t>MultiPolygon (((4.78931335067463948 51.67603871571186147, 4.78250800461980141 51.67397300410712546, 4.7762670866416066 51.67334857241726098, 4.77531771781755943 51.67341184469145077, 4.77237178204698864 51.67827484539064642, 4.78632090076220873 51.6803327430807613, 4.78931335067463948 51.67603871571186147)))</t>
  </si>
  <si>
    <t>MultiPolygon (((4.79467973473135167 51.67391947891326964, 4.79520757822376087 51.67235236576562585, 4.787993728630072 51.67104651614469901, 4.78374722964279364 51.67093829414800155, 4.7829342115753839 51.67244974873064933, 4.7767361675355362 51.67103467752043144, 4.7762670866416066 51.67334857241726098, 4.78250800461980141 51.67397300410712546, 4.78931335067463948 51.67603871571186147, 4.79315454403943164 51.67729913953398579, 4.79467973473135167 51.67391947891326964, 4.79467973473135167 51.67391947891326964)))</t>
  </si>
  <si>
    <t>MultiPolygon (((4.78374722964279364 51.67093829414800155, 4.787993728630072 51.67104651614469901, 4.79520757822376087 51.67235236576562585, 4.79678740910233969 51.6695151185896222, 4.78108091784286238 51.6638855680875011, 4.77816352123507571 51.66986797069665727, 4.7767361675355362 51.67103467752043144, 4.7829342115753839 51.67244974873064933, 4.78374722964279364 51.67093829414800155)))</t>
  </si>
  <si>
    <t>MultiPolygon (((4.796722733492369 51.67406954719611889, 4.80035245596860172 51.67270840584661329, 4.80119786698841189 51.67020524925054303, 4.79678740910233969 51.6695151185896222, 4.79520757822376087 51.67235236576562585, 4.79467973473135167 51.67391947891326964, 4.796722733492369 51.67406954719611889)))</t>
  </si>
  <si>
    <t>MultiPolygon (((4.80367031066706396 51.67723630202681306, 4.80509038495933272 51.67271544634112246, 4.80683312243012573 51.67127250363552804, 4.80119786698841189 51.67020524925054303, 4.80035245596860172 51.67270840584661329, 4.796722733492369 51.67406954719611889, 4.79467973473135167 51.67391947891326964, 4.79315454403943164 51.67729913953398579, 4.80117047387280138 51.67835632737837415, 4.80127347531543425 51.67837448037249004, 4.80367031066706396 51.67723630202681306, 4.80367031066706396 51.67723630202681306)))</t>
  </si>
  <si>
    <t>MultiPolygon (((4.81301359284142283 51.67870031943208176, 4.81547644889394277 51.67667460737308716, 4.81695446265015903 51.67364924813563221, 4.80683312243012573 51.67127250363552804, 4.80509038495933272 51.67271544634112246, 4.80367031066706396 51.67723630202681306, 4.80127347531543425 51.67837448037249004, 4.81106383482771705 51.67858095983653755, 4.81329248593759296 51.67924501804075277, 4.81301359284142283 51.67870031943208176)))</t>
  </si>
  <si>
    <t>MultiPolygon (((4.80683353084837073 51.68804136298494001, 4.80779356451468587 51.68442270334267619, 4.8105447606029017 51.67976725934909155, 4.81117125696447534 51.67919816142564571, 4.81329248593759296 51.67924501804075277, 4.81106383482771705 51.67858095983653755, 4.80127347531543425 51.67837448037249004, 4.80117047387280138 51.67835632737837415, 4.79585065014754175 51.68711514694155085, 4.79923278159294053 51.68820114683512656, 4.80683353084837073 51.68804136298494001, 4.80683353084837073 51.68804136298494001)))</t>
  </si>
  <si>
    <t>MultiPolygon (((4.79560793395349805 51.69232858180340884, 4.82965724808948593 51.69563488314939548, 4.83194203102842668 51.69179099728402349, 4.83962434690055332 51.68402073279898445, 4.8423679313917587 51.6796540469262311, 4.82856148559788334 51.67644375770786525, 4.82735159469676578 51.67696269494941674, 4.82178788603851061 51.67474395853746216, 4.81695446265015903 51.67364924813563221, 4.81547644889394277 51.67667460737308716, 4.81301359284142283 51.67870031943208176, 4.81329248593759296 51.67924501804075277, 4.81117125696447534 51.67919816142564571, 4.8105447606029017 51.67976725934909155, 4.80779356451468587 51.68442270334267619, 4.80683353084837073 51.68804136298494001, 4.79923278159294053 51.68820114683512656, 4.79585065014754175 51.68711514694155085, 4.79143576824981476 51.68564875913020273, 4.79119601115002602 51.68605869174363221, 4.78265579008912223 51.68387985045726651, 4.78338905080050392 51.68284104379478805, 4.78446504449490373 51.68306813348145567, 4.78632090076220873 51.6803327430807613, 4.77237178204698864 51.67827484539064642, 4.77119858844965528 51.68005435994733432, 4.76516285950010321 51.68904942749974651, 4.77732972493274488 51.69057605988104598, 4.77654332243306623 51.6926034024108958, 4.78337903620330174 51.69329361995102801, 4.78183879095110775 51.69607717535434688, 4.79348126904036853 51.69880512516103011, 4.79560793395349805 51.69232858180340884)))</t>
  </si>
  <si>
    <t>MultiPolygon (((4.80398730539813279 51.70944928335585189, 4.80908893747476807 51.70749322261345782, 4.8107901389134744 51.70564862229962699, 4.80670888321281975 51.7042714658963547, 4.80533672967012659 51.70594108474954709, 4.79978481189688733 51.70566853974351318, 4.79919993330446193 51.7061722008532314, 4.80101036520806357 51.70894247870559468, 4.80210686491776162 51.70978299104828579, 4.80398730539813279 51.70944928335585189, 4.80398730539813279 51.70944928335585189)))</t>
  </si>
  <si>
    <t>MultiPolygon (((4.81839519215506673 51.70936251630659086, 4.81868676061984669 51.70982307323434668, 4.82369943453538585 51.70975573643320189, 4.81876449567187137 51.70976709953193051, 4.81939682020305415 51.70923837889929331, 4.82413354667902095 51.70954093770354376, 4.82666917433886411 51.7043582928028016, 4.8167634934865573 51.70469097695170291, 4.8107901389134744 51.70564862229962699, 4.80908893747476807 51.70749322261345782, 4.80398730539813279 51.70944928335585189, 4.80395441162345449 51.71067900848493082, 4.81839519215506673 51.70936251630659086)))</t>
  </si>
  <si>
    <t>MultiPolygon (((4.75177981546940043 51.72297774051797603, 4.76576747275865653 51.7203229437865204, 4.7829765944474989 51.71477540660067973, 4.80024812750718421 51.7108941064198504, 4.80395441162345449 51.71067900848493082, 4.80398730539813279 51.70944928335585189, 4.80210686491776162 51.70978299104828579, 4.80101036520806357 51.70894247870559468, 4.79919993330446193 51.7061722008532314, 4.79978481189688733 51.70566853974351318, 4.80533672967012659 51.70594108474954709, 4.80670888321281975 51.7042714658963547, 4.8107901389134744 51.70564862229962699, 4.8167634934865573 51.70469097695170291, 4.82666917433886411 51.7043582928028016, 4.82965724808948593 51.69563488314939548, 4.79560793395349805 51.69232858180340884, 4.79348126904036853 51.69880512516103011, 4.78183879095110775 51.69607717535434688, 4.78337903620330174 51.69329361995102801, 4.77654332243306623 51.6926034024108958, 4.77732972493274488 51.69057605988104598, 4.76516285950010321 51.68904942749974651, 4.76399109815861355 51.69096121224991691, 4.76005186227056409 51.69223739976072807, 4.75902133762077995 51.69525174216763475, 4.76814130357654165 51.69773134357372157, 4.76629813382452117 51.70141251095643042, 4.76373954312576853 51.7022087023905712, 4.76141000250844915 51.70161182729462723, 4.75831462776629266 51.705454609249486, 4.76592540422081523 51.70787206199153019, 4.76629670574707287 51.70885910213775105, 4.75930344082069112 51.71152141260792234, 4.74047989555674221 51.72145579276331517, 4.73115469452441229 51.72024132238538385, 4.73025618631727252 51.7216145406765051, 4.7403554796585432 51.72323054690554756, 4.75177981546940043 51.72297774051797603)))</t>
  </si>
  <si>
    <t>MultiPolygon (((4.78540399958481988 51.75593280300799393, 4.80250161159895406 51.75758635808500685, 4.81286330674069784 51.7566341853337164, 4.82227605951497562 51.75385661329304554, 4.82808946546875273 51.75378408401277142, 4.83364930121360636 51.75400573211010169, 4.84188135918540041 51.7566866324892203, 4.84675108004561395 51.75705641660906053, 4.85132848267646555 51.75617821370641281, 4.85312616987611722 51.75074827581668302, 4.85248113499899159 51.74867966463445867, 4.84941143906019345 51.74482722766890674, 4.84952931593219549 51.74204620612814409, 4.84694071019986783 51.73144860434111791, 4.84693767494674699 51.72552410421289437, 4.84066392923538391 51.71632361095218755, 4.83690471939334188 51.71261186376309382, 4.82976691763217847 51.71158581544899846, 4.82361041115263767 51.71128815268461665, 4.82413354667902095 51.70954093770354376, 4.81939682020305415 51.70923837889929331, 4.81876449567187137 51.70976709953193051, 4.82369943453538585 51.70975573643320189, 4.81868676061984669 51.70982307323434668, 4.81839519215506673 51.70936251630659086, 4.80395441162345449 51.71067900848493082, 4.80024812750718421 51.7108941064198504, 4.7829765944474989 51.71477540660067973, 4.76576747275865653 51.7203229437865204, 4.75177981546940043 51.72297774051797603, 4.7403554796585432 51.72323054690554756, 4.73025618631727252 51.7216145406765051, 4.72895729154131939 51.72359951864440575, 4.72252425443283297 51.72231003772032665, 4.71018662745784766 51.72095181205098413, 4.6985531453670264 51.72199204999137834, 4.7218425447076644 51.73427192319262247, 4.73365089087141477 51.73650736815439899, 4.73745075533514282 51.74130040253579921, 4.74736373477519802 51.7466224850918266, 4.74790171352132884 51.74877150304602935, 4.75072695585696092 51.75228922176863477, 4.76419937549447337 51.75985740481990405, 4.77210934856629532 51.75932964232395506, 4.78065422372519144 51.76641889187984447, 4.78244920694824582 51.76656830368464313, 4.78540399958481988 51.75593280300799393)))</t>
  </si>
  <si>
    <t>MultiPolygon (((4.86454517385369378 51.55350317813248751, 4.86426113605918253 51.55202014607343131, 4.85270606319436038 51.54521146077145488, 4.85181915414406717 51.54468369835333874, 4.84030773839875561 51.54836067408251665, 4.83825922384829621 51.54846070756341447, 4.83808331716338547 51.54766156946119793, 4.83739664755826659 51.54951316889575708, 4.83978020701543432 51.55318577302933392, 4.84370308227807822 51.55423643011529578, 4.86298496522175316 51.55726955759772778, 4.86454517385369378 51.55350317813248751)))</t>
  </si>
  <si>
    <t>MultiPolygon (((4.83290427483654828 51.54957963642686991, 4.83739664755826659 51.54951316889575708, 4.83808331716338547 51.54766156946119793, 4.83825922384829621 51.54846070756341447, 4.84030773839875561 51.54836067408251665, 4.85181915414406717 51.54468369835333874, 4.84835744924436085 51.54298437071761896, 4.834859477891988 51.538617545408556, 4.83461654329911639 51.53514853843065424, 4.8361131593652944 51.53446553593712309, 4.8367948830997296 51.53277089139294276, 4.83570386426077814 51.53152660603576862, 4.83132494671457913 51.52947268100862033, 4.82926098651356384 51.52968943397194579, 4.82976632848749698 51.52785880428464083, 4.82991003666346508 51.52704847501674834, 4.82720351919445623 51.52467792418141812, 4.82491539631940292 51.52363857070477593, 4.82327068232383915 51.51940336787742325, 4.82423306925906825 51.50855168611043666, 4.82551507112198941 51.50611910098494661, 4.82380603949170705 51.50543514480971652, 4.82116271699372501 51.50873722735815363, 4.81575133234922514 51.51299911530103515, 4.81012540920986886 51.52192972038183427, 4.80526034998746088 51.52373087792381767, 4.80245471127879497 51.52710218666197051, 4.8023458508278658 51.53171189978057498, 4.79803827342105826 51.53514136639998355, 4.80132599239837532 51.53608344624677784, 4.79935092502802796 51.53706418522266119, 4.82452052757442207 51.54783963631312815, 4.83076954321157892 51.55035179681951263, 4.83290427483654828 51.54957963642686991)))</t>
  </si>
  <si>
    <t>MultiPolygon (((4.77784851724409254 51.52938955254121822, 4.77972249692744278 51.52784453813376331, 4.783977885764779 51.52709109077044758, 4.78569040053205264 51.52412796804037498, 4.78509141906485436 51.52031544969779731, 4.78908982318529475 51.51622624652478066, 4.78756965847436433 51.51041862883392497, 4.78085873890012181 51.50576616396783436, 4.78073533333496314 51.50408468001404572, 4.77484492245905745 51.50493783923765534, 4.77474605290410992 51.50484717162866843, 4.77388802370258869 51.50495594699913937, 4.77392258515697954 51.50509429617651591, 4.77375755048093264 51.50511446346978772, 4.7600232812967338 51.5023727659570838, 4.75347206448270665 51.50579575524936615, 4.75094763025933897 51.50910674527870015, 4.7469951420287142 51.51547857395542707, 4.74893418051995386 51.51896161929549578, 4.76018511230053498 51.51930821089924706, 4.76446966553466922 51.52404576231155175, 4.76754607182511858 51.52510529252742089, 4.76863284995348291 51.52512898393031548, 4.77001920211270125 51.52364182074195043, 4.77028549195305018 51.52439668117541061, 4.76931355516221078 51.5253818014789573, 4.77006045690776759 51.52735729026418454, 4.77784851724409254 51.52938955254121822),(4.77057965280766538 51.51633326837537652, 4.77259769948826484 51.51600759380342964, 4.77253153933992902 51.51165243487046297, 4.77508035788087248 51.51080940582968282, 4.77710490098403717 51.51105368026493636, 4.77852068959245013 51.51199850404584168, 4.77682472110769307 51.51287588339585, 4.7769701790038841 51.51436530177982576, 4.77894430746895882 51.51582965185870222, 4.77715296183457916 51.51867068952780215, 4.77427367643103473 51.51993492435506994, 4.77057965280766538 51.51633326837537652)))</t>
  </si>
  <si>
    <t>MultiPolygon (((4.77715296183457916 51.51867068952780215, 4.77894430746895882 51.51582965185870222, 4.7769701790038841 51.51436530177982576, 4.77682472110769307 51.51287588339585, 4.77852068959245013 51.51199850404584168, 4.77710490098403717 51.51105368026493636, 4.77508035788087248 51.51080940582968282, 4.77253153933992902 51.51165243487046297, 4.77259769948826484 51.51600759380342964, 4.77057965280766538 51.51633326837537652, 4.77427367643103473 51.51993492435506994, 4.77715296183457916 51.51867068952780215, 4.77715296183457916 51.51867068952780215)))</t>
  </si>
  <si>
    <t>MultiPolygon (((4.79803827342105826 51.53514136639998355, 4.8023458508278658 51.53171189978057498, 4.80245471127879497 51.52710218666197051, 4.80526034998746088 51.52373087792381767, 4.81012540920986886 51.52192972038183427, 4.81575133234922514 51.51299911530103515, 4.82116271699372501 51.50873722735815363, 4.82626245556047806 51.5018696678055079, 4.82753204785776724 51.49176029666467258, 4.82971150090093015 51.48574574763432565, 4.82927850282213367 51.48178589796173554, 4.82535695197615588 51.48212590088559892, 4.82114296693156508 51.48307023048760556, 4.82016798564573801 51.48602909262321248, 4.81741911354813279 51.48899173633369486, 4.81821764623012871 51.49105144827833414, 4.81756973227676255 51.49292526617821153, 4.81520535911935621 51.49481906405601706, 4.80555087523062152 51.49740523765235878, 4.80225194910109643 51.49760001564278156, 4.80190521666427905 51.49838152569251548, 4.79725760219643593 51.49962590633642634, 4.79591104555476289 51.49943800866108035, 4.79494609100914726 51.49987940572982126, 4.79394566623586105 51.49978516808289442, 4.79346365798631346 51.49942693125699122, 4.79249404591987105 51.49835799730569619, 4.79218151941900761 51.49863007097132339, 4.79129241389154004 51.49844741491494204, 4.79086648720420794 51.4981586674746481, 4.78775932363145884 51.49903814956463322, 4.78616147849026508 51.49883718081276385, 4.78506727517260622 51.49974683457107716, 4.78306098200454155 51.49956422055760896, 4.78073533333496314 51.50408468001404572, 4.78085873890012181 51.50576616396783436, 4.78756965847436433 51.51041862883392497, 4.78908982318529475 51.51622624652478066, 4.78509141906485436 51.52031544969779731, 4.78569040053205264 51.52412796804037498, 4.783977885764779 51.52709109077044758, 4.77972249692744278 51.52784453813376331, 4.77784851724409254 51.52938955254121822, 4.77810505994508983 51.52944923665473453, 4.79425296390519673 51.53489711288915487, 4.79803827342105826 51.53514136639998355)))</t>
  </si>
  <si>
    <t>MultiPolygon (((4.91106284389066605 51.51008128556786403, 4.90848784383977854 51.49424050884072557, 4.89443960461495475 51.48255462645799696, 4.88709064345397337 51.48276076882085306, 4.89255664741550156 51.47778367380468012, 4.89129454447149215 51.47821653320959712, 4.88307728484431358 51.47730833431260322, 4.87169761442540672 51.47980728215837587, 4.86195000755431916 51.4776097327354023, 4.85392942068638877 51.47844194811592189, 4.85287882469892295 51.47939868816044395, 4.84801895012278727 51.48029524801503953, 4.84187821054009149 51.48073576745608904, 4.83764989298557246 51.48195520627172783, 4.82927850282213367 51.48178589796173554, 4.82971150090093015 51.48574574763432565, 4.82753204785776724 51.49176029666467258, 4.82626245556047806 51.5018696678055079, 4.82116271699372501 51.50873722735815363, 4.82380603949170705 51.50543514480971652, 4.82551507112198941 51.50611910098494661, 4.82423306925906825 51.50855168611043666, 4.82327068232383915 51.51940336787742325, 4.82491539631940292 51.52363857070477593, 4.82720351919445623 51.52467792418141812, 4.82991003666346508 51.52704847501674834, 4.82976632848749698 51.52785880428464083, 4.84235182020604249 51.52684506611948478, 4.84506061452414816 51.5284815539919947, 4.84473893870772798 51.53332769818509007, 4.85105040267045062 51.53410227457411708, 4.85456398696219527 51.53392658413711303, 4.86623244302375735 51.53806660510657167, 4.91106284389066605 51.51008128556786403),(4.8555712124289041 51.50995401275810082, 4.85339484572835556 51.51036843126270526, 4.8526142929162619 51.50855166443628264, 4.8517642477399221 51.50796651397789816, 4.85169845624332119 51.50620873069878058, 4.85468045849548524 51.50596391712169719, 4.85747996078947608 51.50384639018474076, 4.86182545250999887 51.5014562385900021, 4.86672138257532083 51.49935678962601315, 4.87102249187207192 51.50004694432440999, 4.87060743750860148 51.50102053655103163, 4.87277626641970585 51.50314118146140174, 4.87045119225288836 51.50415344775790061, 4.86499964847938582 51.5066735899096102, 4.86589356768545578 51.50894689793347681, 4.8670917507304523 51.51001067798191713, 4.86057124163592658 51.5113292762865953, 4.8555712124289041 51.50995401275810082, 4.8555712124289041 51.50995401275810082)))</t>
  </si>
  <si>
    <t>MultiPolygon (((4.86845043574558112 51.50242718846345014, 4.87060743750860148 51.50102053655103163, 4.87102249187207192 51.50004694432440999, 4.86672138257532083 51.49935678962601315, 4.86182545250999887 51.5014562385900021, 4.86496190819603136 51.50387923970174597, 4.86845043574558112 51.50242718846345014, 4.86845043574558112 51.50242718846345014)))</t>
  </si>
  <si>
    <t>MultiPolygon (((4.87277626641970585 51.50314118146140174, 4.87060743750860148 51.50102053655103163, 4.86845043574558112 51.50242718846345014, 4.87045119225288836 51.50415344775790061, 4.87277626641970585 51.50314118146140174)))</t>
  </si>
  <si>
    <t>MultiPolygon (((4.86499964847938582 51.5066735899096102, 4.87045119225288836 51.50415344775790061, 4.86845043574558112 51.50242718846345014, 4.86496190819603136 51.50387923970174597, 4.86117875698268609 51.50538543052180529, 4.86589356768545578 51.50894689793347681, 4.86499964847938582 51.5066735899096102)))</t>
  </si>
  <si>
    <t>MultiPolygon (((4.8670917507304523 51.51001067798191713, 4.86589356768545578 51.50894689793347681, 4.86117875698268609 51.50538543052180529, 4.85991331594407594 51.50588377648357152, 4.85852254460731281 51.5070775533004479, 4.8526142929162619 51.50855166443628264, 4.85339484572835556 51.51036843126270526, 4.8555712124289041 51.50995401275810082, 4.86057124163592658 51.5113292762865953, 4.8670917507304523 51.51001067798191713)))</t>
  </si>
  <si>
    <t>MultiPolygon (((4.8526142929162619 51.50855166443628264, 4.85852254460731281 51.5070775533004479, 4.85991331594407594 51.50588377648357152, 4.85747996078947608 51.50384639018474076, 4.85468045849548524 51.50596391712169719, 4.85169845624332119 51.50620873069878058, 4.8517642477399221 51.50796651397789816, 4.8526142929162619 51.50855166443628264, 4.8526142929162619 51.50855166443628264)))</t>
  </si>
  <si>
    <t>MultiPolygon (((4.86117875698268609 51.50538543052180529, 4.86496190819603136 51.50387923970174597, 4.86182545250999887 51.5014562385900021, 4.85747996078947608 51.50384639018474076, 4.85991331594407594 51.50588377648357152, 4.86117875698268609 51.50538543052180529, 4.86117875698268609 51.50538543052180529)))</t>
  </si>
  <si>
    <t>MultiPolygon (((4.96257274593401299 51.52586441291529695, 4.96875085018609042 51.52118162228880038, 4.97759584222978635 51.52165162109417906, 4.98086879712300057 51.51863092719161585, 4.98455460160385933 51.5178821169450174, 4.98249619897660079 51.51408805574602212, 4.98991796338206317 51.51314955891379554, 4.99229836579696862 51.51224760151634285, 4.98965511102186632 51.50575507824081001, 4.9857759851634853 51.49975454475263348, 4.98673982035854824 51.49532926506758201, 4.99464297030478566 51.49765069176872601, 4.99675657876487733 51.49677471386328165, 4.99246643647976285 51.49394553580671641, 4.99715889344269648 51.49204964775893956, 4.99780382838917614 51.49284496547320344, 5.0003639438762173 51.49186247366628066, 4.9972284740141335 51.48853841290661393, 4.99261849235341604 51.487453512131232, 4.99163788845315803 51.48618245917142389, 4.99339103837200504 51.48547930719703203, 4.99133643274975558 51.48442116371213473, 4.99009624511968219 51.48507807524986646, 4.98842031670068664 51.48398465491870724, 4.98799334618947565 51.4830447264477371, 4.9991764056288952 51.48201587772815202, 4.99978829733754893 51.48050192149188575, 4.99930171643593635 51.47930637774939555, 5.00641105135396725 51.47511015662494316, 5.00833821310366467 51.47329958514016113, 5.01527249229079075 51.47632935616915972, 5.01652248212660457 51.47543915829809436, 5.01083600981537192 51.47230743169765788, 5.00795319871606015 51.46672903879618133, 5.00768532638907171 51.46277977199080311, 5.01055861770749011 51.45943294846789229, 5.01046262981310964 51.45824439819057261, 4.97713494221793606 51.46068163274454577, 4.97671221705612776 51.46126393486353834, 4.97477417420176593 51.4606189254739661, 4.97365368631775606 51.45974289869798213, 4.97007709320481794 51.4587408882937396, 4.95671852926287304 51.45973600577403317, 4.94716217978679307 51.45856872337304821, 4.94466256752018563 51.4567903451991171, 4.94163292041257574 51.45713676253024005, 4.93212181278733208 51.45921296591104266, 4.91797283426897369 51.46674095442143937, 4.91704825725964589 51.46804096864790523, 4.89255664741550156 51.47778367380468012, 4.88709064345397337 51.48276076882085306, 4.89443960461495475 51.48255462645799696, 4.90848784383977854 51.49424050884072557, 4.91106284389066605 51.51008128556786403, 4.95664364056836515 51.51867660262145421, 4.96257274593401299 51.52586441291529695),(4.96038790400491791 51.5001070098620346, 4.95684162993977839 51.49649933554686498, 4.95048972075854632 51.49863854399594487, 4.94558217911600906 51.49934276883188744, 4.94335069167524832 51.49613843136155822, 4.95243525334108003 51.49204712477034462, 4.95188176130408397 51.49048073282986593, 4.95476530047822372 51.49036362852055504, 4.9565036348176017 51.49143317882077042, 4.96324704914690251 51.49910461055320354, 4.96038790400491791 51.5001070098620346),(4.95757762085029441 51.488522476996053, 4.95570800167060277 51.48530724545418025, 4.95379932160114489 51.48553472131343511, 4.95374782445917905 51.48718566616646086, 4.95136698348633608 51.48721275144781373, 4.94778731567152619 51.4862711581880319, 4.94719927529809311 51.48422310638547827, 4.94798629477085949 51.48289069395072204, 4.95096698868322704 51.48293534701570451, 4.94987131782067191 51.48075635753968982, 4.95086836587048307 51.47683126027050804, 4.95466986299014156 51.47687325530149138, 4.95468617215079199 51.47679791796466731, 4.9517161732983439 51.47262287634904254, 4.96011157655884372 51.47469666597289262, 4.96031820311769067 51.47600184367055931, 4.96186614850315522 51.47704251220716287, 4.96331986544246284 51.4756315240147444, 4.9660316184751645 51.47726580378751038, 4.96756942623114561 51.47902788164679322, 4.96746237790570166 51.48129630812942281, 4.96581927578486315 51.48527016869564932, 4.9614313889773527 51.48874745707283296, 4.95757762085029441 51.488522476996053)))</t>
  </si>
  <si>
    <t>MultiPolygon (((4.9614313889773527 51.48874745707283296, 4.96581927578486315 51.48527016869564932, 4.96746237790570166 51.48129630812942281, 4.96288722104890923 51.48145003073317127, 4.95724401794470104 51.48516244783735374, 4.95604147524217797 51.48510406286446539, 4.95570800167060277 51.48530724545418025, 4.95757762085029441 51.488522476996053, 4.9614313889773527 51.48874745707283296)))</t>
  </si>
  <si>
    <t>MultiPolygon (((4.96038790400491791 51.5001070098620346, 4.96324704914690251 51.49910461055320354, 4.9565036348176017 51.49143317882077042, 4.95476530047822372 51.49036362852055504, 4.95188176130408397 51.49048073282986593, 4.95243525334108003 51.49204712477034462, 4.94335069167524832 51.49613843136155822, 4.94558217911600906 51.49934276883188744, 4.95048972075854632 51.49863854399594487, 4.95684162993977839 51.49649933554686498, 4.96038790400491791 51.5001070098620346, 4.96038790400491791 51.5001070098620346)))</t>
  </si>
  <si>
    <t>MultiPolygon (((4.96186614850315522 51.47704251220716287, 4.96031820311769067 51.47600184367055931, 4.96011157655884372 51.47469666597289262, 4.9517161732983439 51.47262287634904254, 4.95468617215079199 51.47679791796466731, 4.95955472431203148 51.47873119731047353, 4.96186614850315522 51.47704251220716287, 4.96186614850315522 51.47704251220716287)))</t>
  </si>
  <si>
    <t>MultiPolygon (((4.9553967504303289 51.48275630688710436, 4.95453925300937037 51.48108671932881464, 4.95466986299014156 51.47687325530149138, 4.95086836587048307 51.47683126027050804, 4.94987131782067191 51.48075635753968982, 4.95096698868322704 51.48293534701570451, 4.9553967504303289 51.48275630688710436, 4.9553967504303289 51.48275630688710436)))</t>
  </si>
  <si>
    <t>MultiPolygon (((4.95724401794470104 51.48516244783735374, 4.96288722104890923 51.48145003073317127, 4.96746237790570166 51.48129630812942281, 4.96756942623114561 51.47902788164679322, 4.9660316184751645 51.47726580378751038, 4.96331986544246284 51.4756315240147444, 4.96186614850315522 51.47704251220716287, 4.95955472431203148 51.47873119731047353, 4.95468617215079199 51.47679791796466731, 4.95466986299014156 51.47687325530149138, 4.95453925300937037 51.48108671932881464, 4.9553967504303289 51.48275630688710436, 4.95604147524217797 51.48510406286446539, 4.95724401794470104 51.48516244783735374, 4.95724401794470104 51.48516244783735374)))</t>
  </si>
  <si>
    <t>MultiPolygon (((4.95374782445917905 51.48718566616646086, 4.95379932160114489 51.48553472131343511, 4.95570800167060277 51.48530724545418025, 4.95604147524217797 51.48510406286446539, 4.9553967504303289 51.48275630688710436, 4.95096698868322704 51.48293534701570451, 4.94798629477085949 51.48289069395072204, 4.94719927529809311 51.48422310638547827, 4.94778731567152619 51.4862711581880319, 4.95136698348633608 51.48721275144781373, 4.95374782445917905 51.48718566616646086, 4.95374782445917905 51.48718566616646086)))</t>
  </si>
  <si>
    <t>MultiPolygon (((5.26119009170647622 51.62787950773251566, 5.26708911106495137 51.6245869932458632, 5.26505446659318199 51.62259420326072501, 5.26042013203006942 51.62110230157481539, 5.25549956439709565 51.6249284250613627, 5.25084478789611087 51.62259437852250699, 5.25059694980439229 51.62378219773894727, 5.2461714108632469 51.62265468573355776, 5.24666893930205713 51.62083409305452619, 5.24437234014792164 51.61854973926747903, 5.24198440664207066 51.61792389404879344, 5.23991553554416534 51.61882512869928519, 5.23758621278108816 51.61896659527108255, 5.2369402967655212 51.61813711226803747, 5.22819240632927862 51.61588915038646519, 5.22592867241117709 51.61595846636210183, 5.2241146128602951 51.6164391524114663, 5.22395416540909618 51.61830697848833438, 5.22201022191656339 51.61974811310145128, 5.22239531132437662 51.62184390890444519, 5.21071137732662937 51.61558841713455337, 5.20780995731587293 51.62020144661925514, 5.20787638565238975 51.62040474401915446, 5.20276810996695449 51.62262181301975517, 5.20121934651038842 51.62396201206202306, 5.21788339136917845 51.63063962252678607, 5.22224879088070182 51.6277917693979802, 5.22224341750878907 51.6220194853388179, 5.23456803120461256 51.62869870851866239, 5.24226339433681954 51.6317689653183578, 5.24126845108025652 51.63357634048571754, 5.24151313641837913 51.63982048845902284, 5.23809042039047679 51.64364038563023485, 5.22920263411267339 51.64784757195324971, 5.2298916684147887 51.65050890662531913, 5.23649525169462127 51.65123930933297913, 5.2425501998465398 51.64944715670768716, 5.24750981074356915 51.64388942880491129, 5.24640590294108833 51.6415761276177534, 5.25050112557362603 51.63922010327663514, 5.24649569236091118 51.63276447199093866, 5.26119009170647622 51.62787950773251566)))</t>
  </si>
  <si>
    <t>MultiPolygon (((5.2211339103540384 51.63784303259977548, 5.21855568930980063 51.63677003425306822, 5.21615758721074929 51.63427016021469029, 5.21788339136917845 51.63063962252678607, 5.20121934651038842 51.62396201206202306, 5.19588418844651123 51.62797974797405232, 5.19366094964780789 51.63061365460027474, 5.19297859748913204 51.63426172479952925, 5.19222986721551916 51.63444623376776121, 5.1912923706210119 51.63688665482865758, 5.19199129274458393 51.63809014532042596, 5.19515449224554882 51.63735709355023573, 5.2001982971928209 51.637265328342842, 5.20411439968186862 51.6382581008649737, 5.20665509974473828 51.63990499853132121, 5.21022557036973666 51.64112879257115907, 5.21900905886007838 51.64207964850250221, 5.2211339103540384 51.63784303259977548)))</t>
  </si>
  <si>
    <t>MultiPolygon (((5.20603611357278684 51.6568315011640351, 5.21294404825713187 51.64991931859769636, 5.21894958384860264 51.65036710566217693, 5.22941704901363202 51.65560010098935351, 5.23072085254458496 51.65329904886470302, 5.2298916684147887 51.65050890662531913, 5.22920263411267339 51.64784757195324971, 5.23809042039047679 51.64364038563023485, 5.22304161729475958 51.63767458336197791, 5.2211339103540384 51.63784303259977548, 5.21900905886007838 51.64207964850250221, 5.21022557036973666 51.64112879257115907, 5.20665509974473828 51.63990499853132121, 5.20411439968186862 51.6382581008649737, 5.2001982971928209 51.637265328342842, 5.19515449224554882 51.63735709355023573, 5.19199129274458393 51.63809014532042596, 5.19182126900827079 51.63947733137516138, 5.1840092794561814 51.640677709358485, 5.17957727386827127 51.63989306345899877, 5.17896809226591692 51.6416614250453776, 5.17792862399793119 51.64162395950495466, 5.17839365493416359 51.63968084239424883, 5.17205964708908095 51.63889654048620059, 5.16006567337183419 51.63953565594037798, 5.15445188810259936 51.65491909990887365, 5.15695812897989025 51.65775984319610359, 5.15767272748055206 51.66327474125871078, 5.16176729160489334 51.66344762337181606, 5.16679814441188334 51.6690474409444036, 5.17487808448203879 51.66919343716675428, 5.20477663098959908 51.66982208547575084, 5.20477804844767977 51.66979890985797397, 5.20899540543023143 51.66675569356938524, 5.20995661750463501 51.66287090684637917, 5.20139537333272184 51.66091339761447898, 5.20183924627791239 51.6583547200687363, 5.20603611357278684 51.6568315011640351)))</t>
  </si>
  <si>
    <t>MultiPolygon (((5.215943879078484 51.66262325128995059, 5.22112632826345635 51.66231539717441024, 5.22151307920926833 51.66145543729411571, 5.22472944650924909 51.65872279309312631, 5.22916555705125141 51.65673975126897233, 5.22941704901363202 51.65560010098935351, 5.21894958384860264 51.65036710566217693, 5.21294404825713187 51.64991931859769636, 5.20603611357278684 51.6568315011640351, 5.20183924627791239 51.6583547200687363, 5.20139537333272184 51.66091339761447898, 5.20995661750463501 51.66287090684637917, 5.20899540543023143 51.66675569356938524, 5.215943879078484 51.66262325128995059)))</t>
  </si>
  <si>
    <t>MultiPolygon (((5.24151313641837913 51.63982048845902284, 5.24126845108025652 51.63357634048571754, 5.24226339433681954 51.6317689653183578, 5.23456803120461256 51.62869870851866239, 5.22224341750878907 51.6220194853388179, 5.22224879088070182 51.6277917693979802, 5.21788339136917845 51.63063962252678607, 5.21615758721074929 51.63427016021469029, 5.21855568930980063 51.63677003425306822, 5.2211339103540384 51.63784303259977548, 5.22304161729475958 51.63767458336197791, 5.23809042039047679 51.64364038563023485, 5.24151313641837913 51.63982048845902284)))</t>
  </si>
  <si>
    <t>MultiPolygon (((5.22945557360260604 51.66324299947746823, 5.2216932243114611 51.66407721374681472, 5.22112632826345635 51.66231539717441024, 5.215943879078484 51.66262325128995059, 5.20899540543023143 51.66675569356938524, 5.20477804844767977 51.66979890985797397, 5.2328093954445718 51.67009419494533518, 5.22945557360260604 51.66324299947746823)),((5.2541723101117439 51.65615053263066869, 5.2658374661922478 51.6522557105886122, 5.25879686544914637 51.64669160693429006, 5.26435805721375782 51.64745316694836674, 5.26572873651047413 51.64665630113488959, 5.25514868409349312 51.64211434894927777, 5.25050112557362603 51.63922010327663514, 5.24640590294108833 51.6415761276177534, 5.24750981074356915 51.64388942880491129, 5.2425501998465398 51.64944715670768716, 5.23649525169462127 51.65123930933297913, 5.2298916684147887 51.65050890662531913, 5.23072085254458496 51.65329904886470302, 5.22941704901363202 51.65560010098935351, 5.22916555705125141 51.65673975126897233, 5.22472944650924909 51.65872279309312631, 5.22151307920926833 51.66145543729411571, 5.23495087470162712 51.65745659703387105, 5.23403259557961853 51.65322264059106772, 5.23643649602770633 51.65147271376847726, 5.23887573347275648 51.65163144118839256, 5.24230909270621037 51.65468762616880127, 5.24433588916698046 51.65480921292764549, 5.24675587524316889 51.65629327994795261, 5.24571235310430151 51.65979474440722186, 5.23622287052242896 51.66321286947194125, 5.2347592834833776 51.66527749331685726, 5.23695020438519254 51.66916561336376645, 5.2366015588988839 51.67015699380011995, 5.24392983335409024 51.6700512971254966, 5.25290639307077001 51.66867656999472302, 5.2541723101117439 51.65615053263066869, 5.2541723101117439 51.65615053263066869)))</t>
  </si>
  <si>
    <t>MultiPolygon (((5.23695020438519254 51.66916561336376645, 5.2347592834833776 51.66527749331685726, 5.23622287052242896 51.66321286947194125, 5.24571235310430151 51.65979474440722186, 5.24675587524316889 51.65629327994795261, 5.24433588916698046 51.65480921292764549, 5.24230909270621037 51.65468762616880127, 5.23887573347275648 51.65163144118839256, 5.23643649602770633 51.65147271376847726, 5.23403259557961853 51.65322264059106772, 5.23495087470162712 51.65745659703387105, 5.22151307920926833 51.66145543729411571, 5.22112632826345635 51.66231539717441024, 5.2216932243114611 51.66407721374681472, 5.22945557360260604 51.66324299947746823, 5.2328093954445718 51.67009419494533518, 5.2366015588988839 51.67015699380011995, 5.23695020438519254 51.66916561336376645)))</t>
  </si>
  <si>
    <t>MultiPolygon (((5.27173395538123657 51.61283572139746667, 5.26882071656932105 51.61253775464717108, 5.26589242602116414 51.61604795651587807, 5.26042013203006942 51.62110230157481539, 5.26505446659318199 51.62259420326072501, 5.26708911106495137 51.6245869932458632, 5.27771801303264798 51.61917980903537284, 5.27834227617966256 51.61829671366464822, 5.27583104875570275 51.61576135842778967, 5.27348516590664662 51.61557833567250952, 5.27143365343055237 51.61545830631805387, 5.27080393214390508 51.61443690490465741, 5.27173395538123657 51.61283572139746667)))</t>
  </si>
  <si>
    <t>MultiPolygon (((5.27292573541383724 51.64747672048758886, 5.27218532297381692 51.64361689351550666, 5.27216207529132941 51.64246121120964261, 5.27029484548881033 51.64054783188186093, 5.27582235769767749 51.63610760011886214, 5.28162394103407085 51.63594331174397922, 5.29506942407569703 51.63585493779551427, 5.29757954676595855 51.62509903517263865, 5.29507240884149954 51.62289358211435086, 5.29466710217876368 51.62133487188364001, 5.29092344520359426 51.62132748754481071, 5.28552070958449605 51.62292789366970425, 5.28172414523032963 51.62253352631407921, 5.28056727587880559 51.62225390577811623, 5.27978500734297729 51.62016044803971937, 5.27771801303264798 51.61917980903537284, 5.26708911106495137 51.6245869932458632, 5.26119009170647622 51.62787950773251566, 5.24649569236091118 51.63276447199093866, 5.25050112557362603 51.63922010327663514, 5.25514868409349312 51.64211434894927777, 5.26572873651047413 51.64665630113488959, 5.27159619940632318 51.64917846481468189, 5.27292573541383724 51.64747672048758886, 5.27292573541383724 51.64747672048758886)))</t>
  </si>
  <si>
    <t>MultiPolygon (((5.31905740421145534 51.67037213133488649, 5.30894868902647943 51.66794078661545342, 5.30397115111063044 51.66554835638953591, 5.30379722079650406 51.66399303022914324, 5.30619407688483236 51.66111104869509063, 5.31173901808009763 51.65812898429198441, 5.31257377489559968 51.65394568300915523, 5.31450957847035177 51.65247153053231699, 5.31687691870510548 51.65224136618046913, 5.31915032811003918 51.64997492604081231, 5.31969638967395486 51.64548954310606632, 5.31867132563721157 51.6420544830974535, 5.31955829083914278 51.638491401818996, 5.32119071856985926 51.63696179004828934, 5.32042475041344431 51.63565485393726107, 5.31773190715987454 51.63463393519379707, 5.31095538358852615 51.63367243700830045, 5.30827520338279246 51.63303456125320423, 5.30617606781513196 51.62990428797792219, 5.30680612285976938 51.62782526578116205, 5.30433268187101969 51.62492383667729712, 5.29964578344952297 51.62570946259410931, 5.29757954676595855 51.62509903517263865, 5.29506942407569703 51.63585493779551427, 5.29412423610101968 51.64040716584623425, 5.30048878445590788 51.6387143364709047, 5.30999587140501905 51.63937630242313048, 5.31084258687179656 51.63988414755726808, 5.30992005523114941 51.64227842706992533, 5.30635994123302268 51.64562818926098231, 5.30438138429482642 51.65161850900215512, 5.30266699059220681 51.65661799697105749, 5.30236350202199347 51.66181511156013784, 5.30010771922317314 51.66544594402103741, 5.30397582355933661 51.66749919436045957, 5.30855882706146076 51.66906358701584878, 5.31875910802043705 51.67087080223496542, 5.31905740421145534 51.67037213133488649, 5.31905740421145534 51.67037213133488649)))</t>
  </si>
  <si>
    <t>MultiPolygon (((5.27331079331700803 51.64256562685014273, 5.27787388830146131 51.6432339137716454, 5.28099057836176478 51.64274359640317158, 5.28096972754428773 51.64265266830398105, 5.28020866846699288 51.63609455122006864, 5.28162394103407085 51.63594331174397922, 5.27582235769767749 51.63610760011886214, 5.27029484548881033 51.64054783188186093, 5.27216207529132941 51.64246121120964261, 5.27218532297381692 51.64361689351550666, 5.27331079331700803 51.64256562685014273)))</t>
  </si>
  <si>
    <t>MultiPolygon (((5.27997147513684872 51.64888418695961292, 5.28291675176870612 51.64900566109562163, 5.28099057836176478 51.64274359640317158, 5.27787388830146131 51.6432339137716454, 5.27331079331700803 51.64256562685014273, 5.27218532297381692 51.64361689351550666, 5.27292573541383724 51.64747672048758886, 5.27159619940632318 51.64917846481468189, 5.2768216075593477 51.6512949650546318, 5.27721610261201679 51.65145460192617577, 5.27997147513684872 51.64888418695961292, 5.27997147513684872 51.64888418695961292)))</t>
  </si>
  <si>
    <t>MultiPolygon (((5.29412423610101968 51.64040716584623425, 5.29506942407569703 51.63585493779551427, 5.28162394103407085 51.63594331174397922, 5.28020866846699288 51.63609455122006864, 5.28096972754428773 51.64265266830398105, 5.28391137886393381 51.64230502498546826, 5.29381034393792316 51.64387340315099095, 5.29412423610101968 51.64040716584623425, 5.29412423610101968 51.64040716584623425)))</t>
  </si>
  <si>
    <t>MultiPolygon (((5.29381034393792316 51.64387340315099095, 5.28391137886393381 51.64230502498546826, 5.28096972754428773 51.64265266830398105, 5.28099057836176478 51.64274359640317158, 5.28291675176870612 51.64900566109562163, 5.28475396074511927 51.64893705825262771, 5.29281477981006798 51.65084433858089596, 5.29381034393792316 51.64387340315099095, 5.29381034393792316 51.64387340315099095)))</t>
  </si>
  <si>
    <t>MultiPolygon (((5.30635994123302268 51.64562818926098231, 5.30992005523114941 51.64227842706992533, 5.31084258687179656 51.63988414755726808, 5.30999587140501905 51.63937630242313048, 5.30048878445590788 51.6387143364709047, 5.29412423610101968 51.64040716584623425, 5.29381034393792316 51.64387340315099095, 5.29281477981006798 51.65084433858089596, 5.30038000201416182 51.65086254384830511, 5.30438138429482642 51.65161850900215512, 5.30635994123302268 51.64562818926098231)))</t>
  </si>
  <si>
    <t>MultiPolygon (((5.23190175730918039 51.68925719569040922, 5.23427173066235163 51.6854993843119388, 5.238394546753665 51.68453260987006814, 5.2478220943711138 51.68351060894258353, 5.25381397330072275 51.68439690726702906, 5.26563381116894025 51.68472520103420464, 5.27429620400450538 51.68367307499163843, 5.28802918030007962 51.68223727214721208, 5.29148935598148284 51.67480524884614113, 5.2900497204433794 51.67576944205162448, 5.2863817840052052 51.67522119290708105, 5.28549974197836558 51.67397608494056982, 5.28625494354527614 51.67263351642964153, 5.28062234397319052 51.66925896205628277, 5.27580013208957332 51.66676072694450994, 5.27080415962228965 51.66617555163933417, 5.25290639307077001 51.66867656999472302, 5.24392983335409024 51.6700512971254966, 5.2366015588988839 51.67015699380011995, 5.2328093954445718 51.67009419494533518, 5.20477804844767977 51.66979890985797397, 5.20477663098959908 51.66982208547575084, 5.20226439996509882 51.6706107649809141, 5.207948398462662 51.67395599559257846, 5.2232276116576255 51.67378197129122697, 5.22574378450125998 51.68386113532153558, 5.22615776172985758 51.69003080751629398, 5.23190175730918039 51.68925719569040922)))</t>
  </si>
  <si>
    <t>MultiPolygon (((5.28374639986365136 51.66911794292700932, 5.28600701316647825 51.66834325108450798, 5.28132384449860215 51.6644409077327964, 5.28257658904178129 51.66219153089880223, 5.27312357989068836 51.65677976614572486, 5.2658374661922478 51.6522557105886122, 5.2541723101117439 51.65615053263066869, 5.25290639307077001 51.66867656999472302, 5.27080415962228965 51.66617555163933417, 5.27580013208957332 51.66676072694450994, 5.28062234397319052 51.66925896205628277, 5.28374639986365136 51.66911794292700932)))</t>
  </si>
  <si>
    <t>MultiPolygon (((5.29281477981006798 51.65084433858089596, 5.28475396074511927 51.64893705825262771, 5.28291675176870612 51.64900566109562163, 5.27997147513684872 51.64888418695961292, 5.27721610261201679 51.65145460192617577, 5.28632977347889899 51.65575257518811725, 5.29125768323551338 51.66052456208694821, 5.29281477981006798 51.65084433858089596, 5.29281477981006798 51.65084433858089596)))</t>
  </si>
  <si>
    <t>MultiPolygon (((5.2768216075593477 51.6512949650546318, 5.27159619940632318 51.64917846481468189, 5.26572873651047413 51.64665630113488959, 5.26435805721375782 51.64745316694836674, 5.25879686544914637 51.64669160693429006, 5.2658374661922478 51.6522557105886122, 5.27312357989068836 51.65677976614572486, 5.2768216075593477 51.6512949650546318)))</t>
  </si>
  <si>
    <t>MultiPolygon (((5.28257658904178129 51.66219153089880223, 5.28632977347889899 51.65575257518811725, 5.27721610261201679 51.65145460192617577, 5.2768216075593477 51.6512949650546318, 5.27312357989068836 51.65677976614572486, 5.28257658904178129 51.66219153089880223, 5.28257658904178129 51.66219153089880223)))</t>
  </si>
  <si>
    <t>MultiPolygon (((5.29148935598148284 51.67480524884614113, 5.29191785167686302 51.6744210781994866, 5.29003580680810526 51.66851069998459423, 5.29125768323551338 51.66052456208694821, 5.28632977347889899 51.65575257518811725, 5.28257658904178129 51.66219153089880223, 5.28132384449860215 51.6644409077327964, 5.28600701316647825 51.66834325108450798, 5.28374639986365136 51.66911794292700932, 5.28062234397319052 51.66925896205628277, 5.28625494354527614 51.67263351642964153, 5.28549974197836558 51.67397608494056982, 5.2863817840052052 51.67522119290708105, 5.2900497204433794 51.67576944205162448, 5.29148935598148284 51.67480524884614113, 5.29148935598148284 51.67480524884614113)))</t>
  </si>
  <si>
    <t>MultiPolygon (((5.29138972294804777 51.67198325884270105, 5.29232146968908701 51.67166886106253543, 5.29424806596117126 51.67219832717854189, 5.29881319929200068 51.66729990556464713, 5.30078068673756686 51.66822399003202548, 5.30397582355933661 51.66749919436045957, 5.30010771922317314 51.66544594402103741, 5.29452730809138039 51.66309847203629602, 5.29125768323551338 51.66052456208694821, 5.29003580680810526 51.66851069998459423, 5.29191785167686302 51.6744210781994866, 5.29138972294804777 51.67198325884270105)))</t>
  </si>
  <si>
    <t>MultiPolygon (((5.30236350202199347 51.66181511156013784, 5.30266699059220681 51.65661799697105749, 5.30438138429482642 51.65161850900215512, 5.30038000201416182 51.65086254384830511, 5.29281477981006798 51.65084433858089596, 5.29125768323551338 51.66052456208694821, 5.29452730809138039 51.66309847203629602, 5.30010771922317314 51.66544594402103741, 5.30236350202199347 51.66181511156013784)))</t>
  </si>
  <si>
    <t>MultiPolygon (((5.17896809226591692 51.6416614250453776, 5.17957727386827127 51.63989306345899877, 5.1840092794561814 51.640677709358485, 5.19182126900827079 51.63947733137516138, 5.19199129274458393 51.63809014532042596, 5.1912923706210119 51.63688665482865758, 5.19222986721551916 51.63444623376776121, 5.19297859748913204 51.63426172479952925, 5.19366094964780789 51.63061365460027474, 5.19588418844651123 51.62797974797405232, 5.20121934651038842 51.62396201206202306, 5.20276810996695449 51.62262181301975517, 5.20787638565238975 51.62040474401915446, 5.20780995731587293 51.62020144661925514, 5.21071137732662937 51.61558841713455337, 5.20203422299023011 51.61147712257118769, 5.18894997645469225 51.60357190588437959, 5.18688428958481484 51.60175071619530485, 5.17953901967442842 51.59766446326337075, 5.16999544858224969 51.60372311592497852, 5.17527165880088624 51.60950909008320053, 5.17488477771058264 51.61049311566233655, 5.17087329683716579 51.61185527187229383, 5.16800555498330461 51.61137034179451177, 5.16526444212392022 51.61248816585845844, 5.16521367702154333 51.61445704650799371, 5.1692082230001084 51.61869529995843209, 5.14921256272037731 51.63864798955824398, 5.14493839509585715 51.64051170564903259, 5.16006567337183419 51.63953565594037798, 5.17205964708908095 51.63889654048620059, 5.17839365493416359 51.63968084239424883, 5.17792862399793119 51.64162395950495466, 5.17896809226591692 51.6416614250453776),(5.17809198362103373 51.61631492509609132, 5.17879277378856262 51.61484433946774431, 5.18012989928970491 51.61538321379015315, 5.18243871196600647 51.61139753077595316, 5.19107791676148089 51.6132860023965705, 5.19078348503538312 51.61493479635155524, 5.19358730337232632 51.61559810504839163, 5.19259883078369899 51.62041366002488019, 5.18600719620008999 51.61775125642809314, 5.18507189185199824 51.62087538710243706, 5.18421595343700314 51.62166371441165325, 5.18276605258255785 51.62135451042880874, 5.17988387261681371 51.62550319758929618, 5.17950626703635564 51.62876482278784351, 5.1808761934121792 51.62904308602186632, 5.18042616808376533 51.63043515196422817, 5.17729925134079583 51.62894329219863465, 5.17527872060320959 51.62366247879987924, 5.17686478834588915 51.62089928424126128, 5.17935035775417685 51.62063440769062339, 5.1795207652383084 51.61774175403871823, 5.17809198362103373 51.61631492509609132)))</t>
  </si>
  <si>
    <t>MultiPolygon (((5.19358730337232632 51.61559810504839163, 5.19078348503538312 51.61493479635155524, 5.19107791676148089 51.6132860023965705, 5.18243871196600647 51.61139753077595316, 5.18012989928970491 51.61538321379015315, 5.18600719620008999 51.61775125642809314, 5.19259883078369899 51.62041366002488019, 5.19358730337232632 51.61559810504839163, 5.19358730337232632 51.61559810504839163)))</t>
  </si>
  <si>
    <t>MultiPolygon (((5.1808761934121792 51.62904308602186632, 5.17950626703635564 51.62876482278784351, 5.17988387261681371 51.62550319758929618, 5.18276605258255785 51.62135451042880874, 5.18421595343700314 51.62166371441165325, 5.18507189185199824 51.62087538710243706, 5.18600719620008999 51.61775125642809314, 5.18012989928970491 51.61538321379015315, 5.17879277378856262 51.61484433946774431, 5.17809198362103373 51.61631492509609132, 5.1795207652383084 51.61774175403871823, 5.17935035775417685 51.62063440769062339, 5.17686478834588915 51.62089928424126128, 5.17527872060320959 51.62366247879987924, 5.17729925134079583 51.62894329219863465, 5.18042616808376533 51.63043515196422817, 5.1808761934121792 51.62904308602186632)))</t>
  </si>
  <si>
    <t>MultiPolygon (((5.14493839509585715 51.64051170564903259, 5.14921256272037731 51.63864798955824398, 5.1692082230001084 51.61869529995843209, 5.16521367702154333 51.61445704650799371, 5.16526444212392022 51.61248816585845844, 5.16800555498330461 51.61137034179451177, 5.17087329683716579 51.61185527187229383, 5.16618096026211759 51.61057873741135182, 5.15860237070494065 51.60853531270030459, 5.15912042889597622 51.61007126923102106, 5.15767995973677618 51.61152620513224321, 5.15792361183339931 51.61232383575840998, 5.1587371998374163 51.61471782929234564, 5.15151529514945228 51.61712864109375687, 5.14998742378236152 51.61720455555631304, 5.14699112290356187 51.62029350354296042, 5.14204000325478106 51.61857022982039211, 5.13478360881615448 51.61347469685602363, 5.13812860333156785 51.61268735192651036, 5.13586908169622802 51.61103505593369789, 5.12684360662968697 51.60783782915240181, 5.1220004541470523 51.60833896333898707, 5.11764741411908552 51.60719362247135678, 5.11510240003419892 51.60713980557419944, 5.10465650783310032 51.61243525569122426, 5.10132320863712518 51.61658048074669836, 5.10295864702718927 51.61691113671448505, 5.10121684666974851 51.62040588670581087, 5.09984915286141582 51.62785158573982613, 5.09811923663915678 51.62824361568909382, 5.09818461014123869 51.62882257969087618, 5.10136791593484684 51.63271186735843088, 5.10613697257879373 51.6359558448703595, 5.11587587359948603 51.63761027405549697, 5.12306624525779686 51.638194470523473, 5.12925816958176384 51.63788136054495226, 5.13771078777467505 51.64027119464355309, 5.14493839509585715 51.64051170564903259)))</t>
  </si>
  <si>
    <t>MultiPolygon (((5.12684360662968697 51.60783782915240181, 5.13415699494943212 51.60481905788770263, 5.13681975986304629 51.60339239740920902, 5.13643851010104413 51.60250784860894413, 5.13744070433984312 51.60133343753197721, 5.13241052773223583 51.5995478382506505, 5.12883905576221721 51.59470223868274985, 5.11728411373842462 51.60446785304236528, 5.11510240003419892 51.60713980557419944, 5.11764741411908552 51.60719362247135678, 5.1220004541470523 51.60833896333898707, 5.12684360662968697 51.60783782915240181)))</t>
  </si>
  <si>
    <t>MultiPolygon (((5.17527165880088624 51.60950909008320053, 5.16999544858224969 51.60372311592497852, 5.17953901967442842 51.59766446326337075, 5.17227431937757665 51.59316550588724937, 5.17209527438943706 51.5922541012672653, 5.17145788414157348 51.59295643876251347, 5.17030471474093822 51.59224120532365276, 5.16568493382939842 51.59686115972580467, 5.16631827371850338 51.59778611519247704, 5.16310185148927481 51.60149688442130866, 5.15842243721592908 51.6005553802576955, 5.15237194724777492 51.60018666518440256, 5.14821605554049189 51.60095983789449292, 5.14606306667322144 51.60235536007958501, 5.14927620395164265 51.60535300970155248, 5.15168776881490853 51.60658449822704341, 5.15638952449087551 51.60482647341851958, 5.1659634091660962 51.60543025475422496, 5.16820443334004853 51.60774024085838363, 5.16618096026211759 51.61057873741135182, 5.17087329683716579 51.61185527187229383, 5.17488477771058264 51.61049311566233655, 5.17527165880088624 51.60950909008320053)))</t>
  </si>
  <si>
    <t>MultiPolygon (((5.16820443334004853 51.60774024085838363, 5.1659634091660962 51.60543025475422496, 5.15638952449087551 51.60482647341851958, 5.15168776881490853 51.60658449822704341, 5.15375295933699462 51.60723513144593966, 5.15860237070494065 51.60853531270030459, 5.16618096026211759 51.61057873741135182, 5.16820443334004853 51.60774024085838363)))</t>
  </si>
  <si>
    <t>MultiPolygon (((5.15152451449851334 51.6080693102708139, 5.15375295933699462 51.60723513144593966, 5.15168776881490853 51.60658449822704341, 5.14927620395164265 51.60535300970155248, 5.14606306667322144 51.60235536007958501, 5.14413482816648227 51.60208963195258036, 5.13681975986304629 51.60339239740920902, 5.13415699494943212 51.60481905788770263, 5.14109856165461743 51.61197444790980882, 5.15152451449851334 51.6080693102708139, 5.15152451449851334 51.6080693102708139)))</t>
  </si>
  <si>
    <t>MultiPolygon (((5.14109856165461743 51.61197444790980882, 5.13415699494943212 51.60481905788770263, 5.12684360662968697 51.60783782915240181, 5.13586908169622802 51.61103505593369789, 5.13812860333156785 51.61268735192651036, 5.14109856165461743 51.61197444790980882, 5.14109856165461743 51.61197444790980882)))</t>
  </si>
  <si>
    <t>MultiPolygon (((5.15792361183339931 51.61232383575840998, 5.15767995973677618 51.61152620513224321, 5.15912042889597622 51.61007126923102106, 5.15860237070494065 51.60853531270030459, 5.15375295933699462 51.60723513144593966, 5.15152451449851334 51.6080693102708139, 5.15415993144515294 51.61306481995369921, 5.15792361183339931 51.61232383575840998, 5.15792361183339931 51.61232383575840998)))</t>
  </si>
  <si>
    <t>MultiPolygon (((5.1587371998374163 51.61471782929234564, 5.15792361183339931 51.61232383575840998, 5.15415993144515294 51.61306481995369921, 5.1511715052107574 51.61391230765512006, 5.14914017165115467 51.6157089680411616, 5.15151529514945228 51.61712864109375687, 5.1587371998374163 51.61471782929234564)))</t>
  </si>
  <si>
    <t>MultiPolygon (((5.15151529514945228 51.61712864109375687, 5.14914017165115467 51.6157089680411616, 5.1511715052107574 51.61391230765512006, 5.15415993144515294 51.61306481995369921, 5.15152451449851334 51.6080693102708139, 5.14109856165461743 51.61197444790980882, 5.14320693912069515 51.61396789394289186, 5.14998742378236152 51.61720455555631304, 5.15151529514945228 51.61712864109375687, 5.15151529514945228 51.61712864109375687)))</t>
  </si>
  <si>
    <t>MultiPolygon (((5.14998742378236152 51.61720455555631304, 5.14320693912069515 51.61396789394289186, 5.14109856165461743 51.61197444790980882, 5.13812860333156785 51.61268735192651036, 5.13478360881615448 51.61347469685602363, 5.14204000325478106 51.61857022982039211, 5.14699112290356187 51.62029350354296042, 5.14998742378236152 51.61720455555631304)))</t>
  </si>
  <si>
    <t>MultiPolygon (((5.14188090831593136 51.54209214116427518, 5.13365633082054007 51.53499934863482679, 5.13084653976626104 51.53906455954636812, 5.12305401462154197 51.54447076784337156, 5.1238899993663507 51.54829103163390869, 5.12534742396408927 51.55059155992857001, 5.12438445448877555 51.55161535447948751, 5.12525521123646932 51.55245464554661083, 5.12854702875601287 51.55269802406785828, 5.13238837353180699 51.55195316468027755, 5.14746978506826292 51.54681012663163386, 5.1438248141336036 51.54622604545998854, 5.13869480813197654 51.54595613943349264, 5.14188090831593136 51.54209214116427518)))</t>
  </si>
  <si>
    <t>MultiPolygon (((5.1373550355856441 51.56258092769178347, 5.13855134314743811 51.56130875235191269, 5.13913884855926373 51.56132113866868849, 5.13795519880508156 51.55973708981422732, 5.13756714346819887 51.55207698969491759, 5.14116151235944407 51.54953105168378613, 5.14783593100194636 51.54711795479857983, 5.14746978506826292 51.54681012663163386, 5.13238837353180699 51.55195316468027755, 5.12854702875601287 51.55269802406785828, 5.12525521123646932 51.55245464554661083, 5.13783810846036459 51.56319936988587216, 5.1373550355856441 51.56258092769178347)))</t>
  </si>
  <si>
    <t>MultiPolygon (((5.12525521123646932 51.55245464554661083, 5.12438445448877555 51.55161535447948751, 5.12176381556516347 51.55431317435534311, 5.12304220479395944 51.55673766352491327, 5.12886203209847924 51.55983963792630931, 5.12658096797691698 51.56662552723746984, 5.13007835347713392 51.56745198875202618, 5.14267890782338633 51.57036639087390739, 5.14135878670866298 51.56830279220103819, 5.14305739853751209 51.56825395533503809, 5.14309902105640226 51.56814181919111917, 5.14128522119183984 51.56797359893630528, 5.13783810846036459 51.56319936988587216, 5.12525521123646932 51.55245464554661083)))</t>
  </si>
  <si>
    <t>MultiPolygon (((5.14748678436166607 51.57556915996553215, 5.1487882509817684 51.57539110972459895, 5.14841947185665294 51.57535109346181912, 5.14675917929018212 51.57543609037900723, 5.14552000942773091 51.57450559734361661, 5.14496427144569601 51.57387587347382407, 5.14267890782338633 51.57036639087390739, 5.13007835347713392 51.56745198875202618, 5.12810014513771684 51.57055645820802425, 5.1383435547527192 51.57430325432758167, 5.14409702893694032 51.57626452652887394, 5.14748678436166607 51.57556915996553215)))</t>
  </si>
  <si>
    <t>MultiPolygon (((5.12710719297418116 51.57248583007235965, 5.12810014513771684 51.57055645820802425, 5.13007835347713392 51.56745198875202618, 5.12658096797691698 51.56662552723746984, 5.12536543866725136 51.56875541050302303, 5.12058312427995865 51.56999888070950533, 5.11929317823133356 51.57172089671164628, 5.12380662398099229 51.57721654805588685, 5.12444055007504495 51.57797021387918335, 5.12710719297418116 51.57248583007235965)))</t>
  </si>
  <si>
    <t>MultiPolygon (((5.13004726832265145 51.58095567846216056, 5.12809285716416063 51.57812751799756512, 5.13005708123580462 51.57601004239865716, 5.13093343925922429 51.57507092837330731, 5.12987321771994154 51.57310620377905508, 5.12710719297418116 51.57248583007235965, 5.12444055007504495 51.57797021387918335, 5.12786371706640143 51.58204386571071609, 5.13004726832265145 51.58095567846216056, 5.13004726832265145 51.58095567846216056)))</t>
  </si>
  <si>
    <t>MultiPolygon (((5.13224103145880672 51.58039913175293378, 5.13075066351533149 51.57877605238457619, 5.13215525122112659 51.57778860380783925, 5.13005708123580462 51.57601004239865716, 5.12809285716416063 51.57812751799756512, 5.13004726832265145 51.58095567846216056, 5.13224103145880672 51.58039913175293378, 5.13224103145880672 51.58039913175293378)))</t>
  </si>
  <si>
    <t>MultiPolygon (((5.13549863791136296 51.57864686120468889, 5.1383435547527192 51.57430325432758167, 5.12810014513771684 51.57055645820802425, 5.12710719297418116 51.57248583007235965, 5.12987321771994154 51.57310620377905508, 5.13093343925922429 51.57507092837330731, 5.13005708123580462 51.57601004239865716, 5.13215525122112659 51.57778860380783925, 5.13549863791136296 51.57864686120468889, 5.13549863791136296 51.57864686120468889)))</t>
  </si>
  <si>
    <t>MultiPolygon (((5.14716504244059436 51.57680495867266757, 5.14748678436166607 51.57556915996553215, 5.14409702893694032 51.57626452652887394, 5.1383435547527192 51.57430325432758167, 5.13549863791136296 51.57864686120468889, 5.1388303826748718 51.58085487299729976, 5.14628849207058803 51.58166024487416479, 5.1487695082947651 51.57771326705835691, 5.14716504244059436 51.57680495867266757)))</t>
  </si>
  <si>
    <t>MultiPolygon (((5.13272513383479012 51.58358926740209682, 5.13877618951462267 51.58409407614276887, 5.14076069748308306 51.58207080073992046, 5.1388303826748718 51.58085487299729976, 5.13549863791136296 51.57864686120468889, 5.13215525122112659 51.57778860380783925, 5.13075066351533149 51.57877605238457619, 5.13224103145880672 51.58039913175293378, 5.13004726832265145 51.58095567846216056, 5.12786371706640143 51.58204386571071609, 5.13132038255317813 51.58607634734656955, 5.13272513383479012 51.58358926740209682)))</t>
  </si>
  <si>
    <t>MultiPolygon (((5.13917716747692843 51.58752539605314524, 5.14125699971042494 51.58583151369751363, 5.13877618951462267 51.58409407614276887, 5.13272513383479012 51.58358926740209682, 5.13132038255317813 51.58607634734656955, 5.13506541821762408 51.59050591489412341, 5.13917716747692843 51.58752539605314524, 5.13917716747692843 51.58752539605314524)))</t>
  </si>
  <si>
    <t>MultiPolygon (((5.14504555123516916 51.58924431176470193, 5.14882263211286695 51.58464392115915587, 5.14587310353994187 51.58251067365123532, 5.14628849207058803 51.58166024487416479, 5.1388303826748718 51.58085487299729976, 5.14076069748308306 51.58207080073992046, 5.13877618951462267 51.58409407614276887, 5.14125699971042494 51.58583151369751363, 5.13917716747692843 51.58752539605314524, 5.14454953487900113 51.5896383695639571, 5.14504555123516916 51.58924431176470193, 5.14504555123516916 51.58924431176470193)))</t>
  </si>
  <si>
    <t>MultiPolygon (((5.14883515970970418 51.57829129621816122, 5.1487695082947651 51.57771326705835691, 5.14628849207058803 51.58166024487416479, 5.14587310353994187 51.58251067365123532, 5.14882263211286695 51.58464392115915587, 5.14504555123516916 51.58924431176470193, 5.14871457949053024 51.59009357707847698, 5.15619447040521095 51.58794329063621831, 5.16143972871459944 51.58667157344120113, 5.16143115340952452 51.58666635878254425, 5.15107571217663995 51.58032544275513231, 5.14883515970970418 51.57829129621816122)))</t>
  </si>
  <si>
    <t>MultiPolygon (((5.15576419596523028 51.59015667616598932, 5.15619447040521095 51.58794329063621831, 5.14871457949053024 51.59009357707847698, 5.14943075145999263 51.59038611273042818, 5.14921840144819409 51.59153540498008539, 5.15314797026097526 51.59231466148440859, 5.15576419596523028 51.59015667616598932)))</t>
  </si>
  <si>
    <t>MultiPolygon (((5.14113783297872384 51.5961824217004974, 5.14152195517475796 51.59259974034701202, 5.14285099035277149 51.59140299333205348, 5.14446898781500916 51.59291718443886765, 5.15288640810057252 51.59373790625355838, 5.15314797026097526 51.59231466148440859, 5.14921840144819409 51.59153540498008539, 5.14943075145999263 51.59038611273042818, 5.14871457949053024 51.59009357707847698, 5.14504555123516916 51.58924431176470193, 5.14454953487900113 51.5896383695639571, 5.13917716747692843 51.58752539605314524, 5.13506541821762408 51.59050591489412341, 5.14049976820654386 51.59663954212611969, 5.14113783297872384 51.5961824217004974, 5.14113783297872384 51.5961824217004974)))</t>
  </si>
  <si>
    <t>MultiPolygon (((5.14357049922364773 51.5958245699009268, 5.14446898781500916 51.59291718443886765, 5.14285099035277149 51.59140299333205348, 5.14152195517475796 51.59259974034701202, 5.14113783297872384 51.5961824217004974, 5.14357049922364773 51.5958245699009268, 5.14357049922364773 51.5958245699009268)))</t>
  </si>
  <si>
    <t>MultiPolygon (((5.14821605554049189 51.60095983789449292, 5.15237194724777492 51.60018666518440256, 5.15842243721592908 51.6005553802576955, 5.16310185148927481 51.60149688442130866, 5.16631827371850338 51.59778611519247704, 5.16568493382939842 51.59686115972580467, 5.17030471474093822 51.59224120532365276, 5.16143972871459944 51.58667157344120113, 5.15619447040521095 51.58794329063621831, 5.15576419596523028 51.59015667616598932, 5.15314797026097526 51.59231466148440859, 5.15288640810057252 51.59373790625355838, 5.14446898781500916 51.59291718443886765, 5.14357049922364773 51.5958245699009268, 5.14113783297872384 51.5961824217004974, 5.14049976820654386 51.59663954212611969, 5.14606306667322144 51.60235536007958501, 5.14821605554049189 51.60095983789449292, 5.14821605554049189 51.60095983789449292)))</t>
  </si>
  <si>
    <t>MultiPolygon (((5.14413482816648227 51.60208963195258036, 5.14606306667322144 51.60235536007958501, 5.14049976820654386 51.59663954212611969, 5.13506541821762408 51.59050591489412341, 5.13132038255317813 51.58607634734656955, 5.12972991826218561 51.59249545760263089, 5.12883905576221721 51.59470223868274985, 5.13241052773223583 51.5995478382506505, 5.13744070433984312 51.60133343753197721, 5.13643851010104413 51.60250784860894413, 5.13681975986304629 51.60339239740920902, 5.14413482816648227 51.60208963195258036, 5.14413482816648227 51.60208963195258036)))</t>
  </si>
  <si>
    <t>MultiPolygon (((5.13132038255317813 51.58607634734656955, 5.12786371706640143 51.58204386571071609, 5.12318976905798795 51.58353768396882799, 5.11951333602373815 51.58313345246196491, 5.11965167344537964 51.58068225645905613, 5.11863183634932373 51.57957733871695183, 5.11591449290574563 51.58087887772922642, 5.1161645931771238 51.58134986821576007, 5.11824870086648787 51.58527448230368861, 5.11873930648797604 51.58500377523522928, 5.12245003888515527 51.58694678941925815, 5.12833703940572594 51.59232996002913296, 5.12972991826218561 51.59249545760263089, 5.13132038255317813 51.58607634734656955)))</t>
  </si>
  <si>
    <t>MultiPolygon (((5.12318976905798795 51.58353768396882799, 5.12786371706640143 51.58204386571071609, 5.12444055007504495 51.57797021387918335, 5.12380662398099229 51.57721654805588685, 5.11863183634932373 51.57957733871695183, 5.11965167344537964 51.58068225645905613, 5.11951333602373815 51.58313345246196491, 5.12318976905798795 51.58353768396882799, 5.12318976905798795 51.58353768396882799)))</t>
  </si>
  <si>
    <t>MultiPolygon (((4.98235990000221651 51.60866561376229811, 4.98351370980220043 51.60736413252045196, 4.99154433495058747 51.6079162082783256, 5.00449212769443363 51.60788676831000998, 5.04203655644331583 51.60613749253006688, 5.04402501673829562 51.60735973692935374, 5.04501089975932526 51.61109712124034843, 5.06024894662229574 51.61077841915157904, 5.06177135858651361 51.60934612803648491, 5.07059054401376663 51.61029067517431912, 5.07097772320509943 51.60863377115184392, 5.07151266604939543 51.60826735261541387, 5.07155453311122972 51.59789424590891826, 5.06760531780070611 51.5978099530984764, 5.05622975489618565 51.59416627026386948, 5.05298140811773955 51.59407886135178956, 5.0381323937988105 51.59707311110388162, 5.02061407526733827 51.60094510675081381, 5.0152111698988735 51.60288722791849381, 5.00395670257696334 51.60689828690494352, 4.99635768296469074 51.60752720942645055, 4.98423385465831448 51.60719707086555985, 4.98099396832226304 51.60572822164963469, 4.97712944724480888 51.60219938230729753, 4.95024847218518893 51.6123937099277228, 4.9502656352368497 51.61241186911163226, 4.95293124798518658 51.61472315235889852, 4.95786209939932121 51.61375852738697745, 4.96078162214469387 51.61348658153070801, 4.96532391121493966 51.612935182217484, 4.97755358579817564 51.60909064195259077, 4.98235990000221651 51.60866561376229811)))</t>
  </si>
  <si>
    <t>MultiPolygon (((5.12245003888515527 51.58694678941925815, 5.11873930648797604 51.58500377523522928, 5.11824870086648787 51.58527448230368861, 5.1161645931771238 51.58134986821576007, 5.11169609874154762 51.58358127407620941, 5.11000457577100509 51.58553832663370287, 5.11622925004262186 51.58707108822388676, 5.12833703940572594 51.59232996002913296, 5.12245003888515527 51.58694678941925815)))</t>
  </si>
  <si>
    <t>MultiPolygon (((5.09459345025482158 51.59777318080419661, 5.10699319938886553 51.59202404858097424, 5.10932818157727375 51.58926763894008616, 5.11000457577100509 51.58553832663370287, 5.11169609874154762 51.58358127407620941, 5.1161645931771238 51.58134986821576007, 5.11591449290574563 51.58087887772922642, 5.10883556750608481 51.58429776322100224, 5.10568459871557678 51.58582148052936134, 5.10232686178750061 51.58746458994554018, 5.09620867300824099 51.59052544886231573, 5.09014800525155398 51.59202917849594172, 5.08172060887314014 51.59405306457942686, 5.07399004691179289 51.59569096371913588, 5.07134150247643944 51.59624398787111232, 5.07155453311122972 51.59789424590891826, 5.07415249773256338 51.59774512932710877, 5.08601159668418479 51.59908865093196084, 5.09459345025482158 51.59777318080419661)))</t>
  </si>
  <si>
    <t>MultiPolygon (((5.10132320863712518 51.61658048074669836, 5.10465650783310032 51.61243525569122426, 5.11510240003419892 51.60713980557419944, 5.11728411373842462 51.60446785304236528, 5.12883905576221721 51.59470223868274985, 5.12972991826218561 51.59249545760263089, 5.12833703940572594 51.59232996002913296, 5.11622925004262186 51.58707108822388676, 5.11000457577100509 51.58553832663370287, 5.10932818157727375 51.58926763894008616, 5.10699319938886553 51.59202404858097424, 5.09459345025482158 51.59777318080419661, 5.08601159668418479 51.59908865093196084, 5.07415249773256338 51.59774512932710877, 5.07155453311122972 51.59789424590891826, 5.07151266604939543 51.60826735261541387, 5.07207110931806948 51.60832239942521937, 5.07405884118666428 51.60948333742648231, 5.07402519275084618 51.60568095322769011, 5.07553993918022694 51.60576774665667443, 5.07554219968606013 51.6089523217594035, 5.08018158890106086 51.60954228396536791, 5.07943867799764526 51.61078422217179451, 5.09374531231720162 51.61124928786998112, 5.09600330914039112 51.61246582850085929, 5.09915762861959632 51.61770626112397053, 5.10132320863712518 51.61658048074669836)))</t>
  </si>
  <si>
    <t>MultiPolygon (((5.00814971909718398 51.56279145585835266, 5.01183278810098987 51.56229361636486175, 5.00892374082505754 51.5543372922926153, 5.00529365563989614 51.55487797133016414, 5.00273632050495021 51.55815576392392074, 4.99703265731840851 51.56186226697467134, 4.99794461140774082 51.56424318226422088, 5.00814971909718398 51.56279145585835266, 5.00814971909718398 51.56279145585835266)))</t>
  </si>
  <si>
    <t>MultiPolygon (((4.99286187647876822 51.56494863501831105, 4.99794461140774082 51.56424318226422088, 4.99703265731840851 51.56186226697467134, 5.00273632050495021 51.55815576392392074, 5.00529365563989614 51.55487797133016414, 5.00892374082505754 51.5543372922926153, 5.01183278810098987 51.56229361636486175, 5.01794852480908915 51.56148929516654533, 5.03825339252466531 51.55863082114646545, 5.03969085278759099 51.55836337470671538, 5.03798705951902637 51.55365046308730115, 5.03984108002158493 51.55368258358642208, 5.03966012615490833 51.55161440798092798, 5.03819958305131088 51.55150783795109248, 5.03828600706651031 51.54962797935979069, 5.03597293956074221 51.54617884730902233, 5.02994812892993881 51.54402965242546486, 5.0332204260518294 51.53992927033056048, 5.03158910434077011 51.53529730153416466, 5.03355595275924284 51.53101707480477245, 5.03272526214951199 51.53016771828443865, 5.03050098016171976 51.52950721034765991, 5.02752047186418061 51.53343817725345843, 5.02249977022892136 51.53845961467389714, 5.02050368816083648 51.53895403886455995, 5.01988000252407485 51.5419580257440515, 5.01128367524985752 51.54687388415304383, 5.00423476963757263 51.55296206517863311, 4.99261116898300461 51.55969303817663274, 4.98875419305473145 51.56286111831747832, 4.98694126183925412 51.56585679797859001, 4.99286187647876822 51.56494863501831105, 4.99286187647876822 51.56494863501831105)))</t>
  </si>
  <si>
    <t>MultiPolygon (((4.98875419305473145 51.56286111831747832, 4.99261116898300461 51.55969303817663274, 5.00423476963757263 51.55296206517863311, 5.01128367524985752 51.54687388415304383, 5.01988000252407485 51.5419580257440515, 5.02050368816083648 51.53895403886455995, 5.00156823487033897 51.53748782567725328, 4.99340745746215298 51.53841099130174541, 4.98762886134605754 51.54002282079668618, 4.97546006383119543 51.54013286562535967, 4.97666553128287781 51.54241851250247919, 4.97956514784499404 51.54420169220536252, 4.97845451867071542 51.54481462701052408, 4.97912439102910032 51.54558650054823232, 4.97874534890834752 51.54759097044010474, 4.97504690272443106 51.55128327725443427, 4.97533471531358629 51.55403661453588882, 4.96600620447031282 51.55741940965355496, 4.95835599724097165 51.56206813470701888, 4.95451582499288534 51.56099674378452136, 4.95436869142058267 51.56225381818059361, 4.96418300990992645 51.56524276890862524, 4.96695444824550414 51.56731130009196562, 4.96656776269680122 51.56782842268142986, 4.96783195032651381 51.56872194542838628, 4.96810107102278575 51.56932184679994435, 4.98694126183925412 51.56585679797859001, 4.98875419305473145 51.56286111831747832)))</t>
  </si>
  <si>
    <t>MultiPolygon (((4.95436869142058267 51.56225381818059361, 4.95451582499288534 51.56099674378452136, 4.95835599724097165 51.56206813470701888, 4.96600620447031282 51.55741940965355496, 4.97533471531358629 51.55403661453588882, 4.97504690272443106 51.55128327725443427, 4.97874534890834752 51.54759097044010474, 4.97912439102910032 51.54558650054823232, 4.97845451867071542 51.54481462701052408, 4.96923604957581944 51.54899380627558259, 4.96412829290654845 51.5499121007220964, 4.95347903175415372 51.55052834296105146, 4.95298227767892918 51.55341317063182061, 4.95118019262563624 51.55804826157120146, 4.9511453101286973 51.56091753452275839, 4.95436869142058267 51.56225381818059361)))</t>
  </si>
  <si>
    <t>MultiPolygon (((5.12534742396408927 51.55059155992857001, 5.1238899993663507 51.54829103163390869, 5.12305401462154197 51.54447076784337156, 5.13084653976626104 51.53906455954636812, 5.13365633082054007 51.53499934863482679, 5.1354517322554285 51.53358010011907453, 5.13019611936547548 51.53029788934376398, 5.12706085500030539 51.53235379726100973, 5.11879947923708212 51.54591897465773087, 5.11820345392395915 51.54688601515785962, 5.12438445448877555 51.55161535447948751, 5.12534742396408927 51.55059155992857001)))</t>
  </si>
  <si>
    <t>MultiPolygon (((5.05277242308994357 51.53241629783681788, 5.05227448888964759 51.52976367929196755, 5.05078504471243139 51.52995219000216309, 5.04482503302337637 51.53064257917209545, 5.04436404707210784 51.53083271477582628, 5.04572608383280752 51.53360099197328736, 5.05171021959534006 51.53505861417704637, 5.05277242308994357 51.53241629783681788)))</t>
  </si>
  <si>
    <t>MultiPolygon (((5.06298148213254695 51.53800447892923131, 5.06291248962323959 51.53784398350311591, 5.06187952837225108 51.53771050598144399, 5.06032292662069771 51.53786915691710391, 5.05546149728016569 51.53608087119567216, 5.05171021959534006 51.53505861417704637, 5.04572608383280752 51.53360099197328736, 5.04793264123617114 51.53943844799396601, 5.06130033565777104 51.53816477309745636, 5.06298148213254695 51.53800447892923131)))</t>
  </si>
  <si>
    <t>MultiPolygon (((5.0367170453678094 51.53998873221524235, 5.04793264123617114 51.53943844799396601, 5.04572608383280752 51.53360099197328736, 5.04436404707210784 51.53083271477582628, 5.03272526214951199 51.53016771828443865, 5.03355595275924284 51.53101707480477245, 5.03158910434077011 51.53529730153416466, 5.0332204260518294 51.53992927033056048, 5.0367170453678094 51.53998873221524235, 5.0367170453678094 51.53998873221524235)))</t>
  </si>
  <si>
    <t>MultiPolygon (((5.03767737068709476 51.58591313875685103, 5.04467090689905451 51.58104245499262674, 5.03994106265470165 51.58152607512097632, 5.03264095373967191 51.58227209288358495, 5.02790994049474804 51.58302383125791835, 5.02869797025847109 51.58480933792179712, 5.03401454394015424 51.58838823589263001, 5.03767737068709476 51.58591313875685103, 5.03767737068709476 51.58591313875685103)))</t>
  </si>
  <si>
    <t>MultiPolygon (((5.03401454394015424 51.58838823589263001, 5.02869797025847109 51.58480933792179712, 5.02581273169361609 51.58663769569844249, 5.03177245631740711 51.58980540006543691, 5.03401454394015424 51.58838823589263001, 5.03401454394015424 51.58838823589263001)))</t>
  </si>
  <si>
    <t>MultiPolygon (((5.03883483022417611 51.59146048425243691, 5.03401454394015424 51.58838823589263001, 5.03177245631740711 51.58980540006543691, 5.02893034664509564 51.5917176677502809, 5.03410827421189122 51.59471251817195281, 5.03883483022417611 51.59146048425243691, 5.03883483022417611 51.59146048425243691)))</t>
  </si>
  <si>
    <t>MultiPolygon (((5.02893034664509564 51.5917176677502809, 5.03177245631740711 51.58980540006543691, 5.02581273169361609 51.58663769569844249, 5.02869797025847109 51.58480933792179712, 5.02790994049474804 51.58302383125791835, 5.00602145399825993 51.5912703999235589, 5.0020645801023873 51.59278001975687289, 5.00637614674237774 51.59716241597621433, 5.01393811685635615 51.60158472725914436, 5.02893034664509564 51.5917176677502809, 5.02893034664509564 51.5917176677502809)))</t>
  </si>
  <si>
    <t>MultiPolygon (((5.02061407526733827 51.60094510675081381, 5.0381323937988105 51.59707311110388162, 5.03410827421189122 51.59471251817195281, 5.02893034664509564 51.5917176677502809, 5.01393811685635615 51.60158472725914436, 5.0152111698988735 51.60288722791849381, 5.02061407526733827 51.60094510675081381)))</t>
  </si>
  <si>
    <t>MultiPolygon (((5.00395670257696334 51.60689828690494352, 5.0152111698988735 51.60288722791849381, 5.01393811685635615 51.60158472725914436, 5.00637614674237774 51.59716241597621433, 5.0020645801023873 51.59278001975687289, 4.99614079734369998 51.5950040449446945, 4.99522748486405277 51.59534685406100607, 4.99652162019318702 51.60146713869153956, 4.99635768296469074 51.60752720942645055, 5.00395670257696334 51.60689828690494352)))</t>
  </si>
  <si>
    <t>MultiPolygon (((4.99635768296469074 51.60752720942645055, 4.99652162019318702 51.60146713869153956, 4.99522748486405277 51.59534685406100607, 4.98979820286806763 51.59739119211058522, 4.98394602329408976 51.59961256154293352, 4.97712944724480888 51.60219938230729753, 4.98099396832226304 51.60572822164963469, 4.98423385465831448 51.60719707086555985, 4.99635768296469074 51.60752720942645055)))</t>
  </si>
  <si>
    <t>MultiPolygon (((5.06972287942234257 51.58940065030645172, 5.0693037913025325 51.58810182278843826, 5.06772362146529165 51.58379266103945326, 5.06624452698747518 51.57864204750306669, 5.06411858580844854 51.5789113370074972, 5.06699871133646162 51.58955160546266683, 5.06972287942234257 51.58940065030645172, 5.06972287942234257 51.58940065030645172)))</t>
  </si>
  <si>
    <t>MultiPolygon (((5.05543097631070637 51.59298806921783864, 5.05759426483260643 51.59117152191447531, 5.0571052194240389 51.5906502940506968, 5.06699871133646162 51.58955160546266683, 5.06411858580844854 51.5789113370074972, 5.04467090689905451 51.58104245499262674, 5.03767737068709476 51.58591313875685103, 5.0428970259038266 51.58866503284917115, 5.05306273265641703 51.59355710542236295, 5.05543097631070637 51.59298806921783864)))</t>
  </si>
  <si>
    <t>MultiPolygon (((5.0428970259038266 51.58866503284917115, 5.03767737068709476 51.58591313875685103, 5.03401454394015424 51.58838823589263001, 5.03883483022417611 51.59146048425243691, 5.0428970259038266 51.58866503284917115, 5.0428970259038266 51.58866503284917115)))</t>
  </si>
  <si>
    <t>MultiPolygon (((5.07155453311122972 51.59789424590891826, 5.07134150247643944 51.59624398787111232, 5.07036342180078226 51.59159959569381471, 5.06972287942234257 51.58940065030645172, 5.06699871133646162 51.58955160546266683, 5.0571052194240389 51.5906502940506968, 5.05759426483260643 51.59117152191447531, 5.05543097631070637 51.59298806921783864, 5.05306273265641703 51.59355710542236295, 5.05298140811773955 51.59407886135178956, 5.05622975489618565 51.59416627026386948, 5.06760531780070611 51.5978099530984764, 5.07155453311122972 51.59789424590891826)))</t>
  </si>
  <si>
    <t>MultiPolygon (((5.05298140811773955 51.59407886135178956, 5.05306273265641703 51.59355710542236295, 5.0428970259038266 51.58866503284917115, 5.03883483022417611 51.59146048425243691, 5.03410827421189122 51.59471251817195281, 5.0381323937988105 51.59707311110388162, 5.05298140811773955 51.59407886135178956)))</t>
  </si>
  <si>
    <t>MultiPolygon (((5.00435799030220885 51.56896441107122087, 5.00666828201976433 51.56862017099331297, 5.00679068828430296 51.56742930882036546, 5.01301579777968342 51.56657072422383692, 5.01858645008655557 51.56388301493378634, 5.01794852480908915 51.56148929516654533, 5.01183278810098987 51.56229361636486175, 5.00814971909718398 51.56279145585835266, 4.99794461140774082 51.56424318226422088, 4.99286187647876822 51.56494863501831105, 4.99311816049520107 51.57063855388143025, 5.00435799030220885 51.56896441107122087, 5.00435799030220885 51.56896441107122087)))</t>
  </si>
  <si>
    <t>MultiPolygon (((5.01785285463171515 51.5700379862620224, 5.01726614379250613 51.56712703778479323, 5.01858645008655557 51.56388301493378634, 5.01301579777968342 51.56657072422383692, 5.00679068828430296 51.56742930882036546, 5.00666828201976433 51.56862017099331297, 5.00435799030220885 51.56896441107122087, 5.0053507773110244 51.57190718798347007, 5.01785285463171515 51.5700379862620224, 5.01785285463171515 51.5700379862620224)))</t>
  </si>
  <si>
    <t>MultiPolygon (((4.99451462126373258 51.57349784059589837, 5.001557882761972 51.5724739720711014, 5.0053507773110244 51.57190718798347007, 5.00435799030220885 51.56896441107122087, 4.99311816049520107 51.57063855388143025, 4.99286627771885705 51.57373738839617516, 4.99451462126373258 51.57349784059589837, 4.99451462126373258 51.57349784059589837)))</t>
  </si>
  <si>
    <t>MultiPolygon (((4.99286627771885705 51.57373738839617516, 4.99311816049520107 51.57063855388143025, 4.99286187647876822 51.56494863501831105, 4.98694126183925412 51.56585679797859001, 4.98659588582891278 51.57160712494638233, 4.98663702022199917 51.57468513469348181, 4.99286627771885705 51.57373738839617516, 4.99286627771885705 51.57373738839617516)))</t>
  </si>
  <si>
    <t>MultiPolygon (((4.97266472585543173 51.57678280568518403, 4.97153734734264585 51.57384909393513084, 4.97034286437656458 51.57045694143986481, 4.98002074018078655 51.56901700351034634, 4.98071142337761419 51.57052468816734603, 4.98565499177471771 51.57054176796590639, 4.98564469463692905 51.57174867927442818, 4.98659588582891278 51.57160712494638233, 4.98694126183925412 51.56585679797859001, 4.96810107102278575 51.56932184679994435, 4.9689903226511456 51.57130476150395992, 4.96677855053325779 51.57366251968910831, 4.96919736811198387 51.57726895853861038, 4.97266472585543173 51.57678280568518403, 4.97266472585543173 51.57678280568518403)))</t>
  </si>
  <si>
    <t>MultiPolygon (((4.98663702022199917 51.57468513469348181, 4.98659588582891278 51.57160712494638233, 4.98564469463692905 51.57174867927442818, 4.98565499177471771 51.57054176796590639, 4.98071142337761419 51.57052468816734603, 4.9814187626731643 51.57238018951851899, 4.98253979390497204 51.57530859643497223, 4.98663702022199917 51.57468513469348181, 4.98663702022199917 51.57468513469348181)))</t>
  </si>
  <si>
    <t>MultiPolygon (((4.9814187626731643 51.57238018951851899, 4.98071142337761419 51.57052468816734603, 4.98002074018078655 51.56901700351034634, 4.97034286437656458 51.57045694143986481, 4.97153734734264585 51.57384909393513084, 4.9814187626731643 51.57238018951851899, 4.9814187626731643 51.57238018951851899)))</t>
  </si>
  <si>
    <t>MultiPolygon (((4.97724558303261588 51.57611415028596724, 4.98253979390497204 51.57530859643497223, 4.9814187626731643 51.57238018951851899, 4.97153734734264585 51.57384909393513084, 4.97266472585543173 51.57678280568518403, 4.97724558303261588 51.57611415028596724, 4.97724558303261588 51.57611415028596724)))</t>
  </si>
  <si>
    <t>MultiPolygon (((4.97610681932005505 51.58471082087443449, 4.97529716035989633 51.5812437796483394, 4.974863840468287 51.57815289613655096, 4.97724558303261588 51.57611415028596724, 4.97266472585543173 51.57678280568518403, 4.96919736811198387 51.57726895853861038, 4.97027530879450907 51.57722419556019133, 4.97233948158119521 51.58515265186817089, 4.97610681932005505 51.58471082087443449, 4.97610681932005505 51.58471082087443449)))</t>
  </si>
  <si>
    <t>MultiPolygon (((4.98636676380826938 51.57977315886201808, 4.98660394431037801 51.57501686554638098, 4.98663702022199917 51.57468513469348181, 4.98253979390497204 51.57530859643497223, 4.97724558303261588 51.57611415028596724, 4.974863840468287 51.57815289613655096, 4.97529716035989633 51.5812437796483394, 4.98636676380826938 51.57977315886201808)))</t>
  </si>
  <si>
    <t>MultiPolygon (((4.98385113130946511 51.58383386432390694, 4.98556362881745496 51.5840841684629936, 4.98636676380826938 51.57977315886201808, 4.97529716035989633 51.5812437796483394, 4.97610681932005505 51.58471082087443449, 4.98385113130946511 51.58383386432390694, 4.98385113130946511 51.58383386432390694)))</t>
  </si>
  <si>
    <t>MultiPolygon (((4.97671440123887976 51.59208319282280542, 4.97688305279388388 51.58988728515463151, 4.97610681932005505 51.58471082087443449, 4.97233948158119521 51.58515265186817089, 4.9733995085640208 51.59207397631712411, 4.97428642437691959 51.59207711040709654, 4.97671440123887976 51.59208319282280542, 4.97671440123887976 51.59208319282280542)))</t>
  </si>
  <si>
    <t>MultiPolygon (((4.9798566703598599 51.58930290668239849, 4.98141250816439918 51.58728096392465545, 4.98415679032862613 51.58853577892416098, 4.98472248379321758 51.58820066951496131, 4.98556362881745496 51.5840841684629936, 4.98385113130946511 51.58383386432390694, 4.97610681932005505 51.58471082087443449, 4.97688305279388388 51.58988728515463151, 4.9798566703598599 51.58930290668239849)))</t>
  </si>
  <si>
    <t>MultiPolygon (((4.98415679032862613 51.58853577892416098, 4.98141250816439918 51.58728096392465545, 4.9798566703598599 51.58930290668239849, 4.97688305279388388 51.58988728515463151, 4.97671440123887976 51.59208319282280542, 4.97899455451403483 51.59310725142632492, 4.98415679032862613 51.58853577892416098, 4.98415679032862613 51.58853577892416098)))</t>
  </si>
  <si>
    <t>MultiPolygon (((4.98739997082061137 51.59408657157037226, 4.99095656696261791 51.59127115289803811, 4.98742532856028387 51.58911921433524839, 4.98692001829999576 51.58738954001145061, 4.98472248379321758 51.58820066951496131, 4.98415679032862613 51.58853577892416098, 4.97899455451403483 51.59310725142632492, 4.97924235627351219 51.59321787655346014, 4.98739997082061137 51.59408657157037226, 4.98739997082061137 51.59408657157037226)))</t>
  </si>
  <si>
    <t>MultiPolygon (((5.0020645801023873 51.59278001975687289, 5.00602145399825993 51.5912703999235589, 5.00504316688832773 51.58813566606654177, 5.00037536562411855 51.59016215199395106, 4.99504211806271137 51.5909714590847841, 4.99614079734369998 51.5950040449446945, 5.0020645801023873 51.59278001975687289, 5.0020645801023873 51.59278001975687289)))</t>
  </si>
  <si>
    <t>MultiPolygon (((4.99522748486405277 51.59534685406100607, 4.99614079734369998 51.5950040449446945, 4.99504211806271137 51.5909714590847841, 4.99095656696261791 51.59127115289803811, 4.98739997082061137 51.59408657157037226, 4.98979820286806763 51.59739119211058522, 4.99522748486405277 51.59534685406100607, 4.99522748486405277 51.59534685406100607)))</t>
  </si>
  <si>
    <t>MultiPolygon (((4.98979820286806763 51.59739119211058522, 4.98739997082061137 51.59408657157037226, 4.97924235627351219 51.59321787655346014, 4.97903878896054231 51.59384347906991053, 4.98394602329408976 51.59961256154293352, 4.98979820286806763 51.59739119211058522, 4.98979820286806763 51.59739119211058522)))</t>
  </si>
  <si>
    <t>MultiPolygon (((4.97740739882454086 51.59622177772141072, 4.97899455451403483 51.59310725142632492, 4.97671440123887976 51.59208319282280542, 4.97428642437691959 51.59207711040709654, 4.97391834622587847 51.59729866083388572, 4.97740739882454086 51.59622177772141072)))</t>
  </si>
  <si>
    <t>MultiPolygon (((4.98394602329408976 51.59961256154293352, 4.97903878896054231 51.59384347906991053, 4.97924235627351219 51.59321787655346014, 4.97899455451403483 51.59310725142632492, 4.97740739882454086 51.59622177772141072, 4.97391834622587847 51.59729866083388572, 4.97712944724480888 51.60219938230729753, 4.98394602329408976 51.59961256154293352, 4.98394602329408976 51.59961256154293352)))</t>
  </si>
  <si>
    <t>MultiPolygon (((4.97712944724480888 51.60219938230729753, 4.97391834622587847 51.59729866083388572, 4.97428642437691959 51.59207711040709654, 4.9733995085640208 51.59207397631712411, 4.9728596887462162 51.5973056934675256, 4.96777428836783397 51.59768545494468128, 4.96873683091829133 51.6020574950542894, 4.96784359628930527 51.60285898937708993, 4.9611645901553505 51.6061774575738994, 4.94880768599727894 51.61037668372764387, 4.94784638671955168 51.6111702924353466, 4.95024847218518893 51.6123937099277228, 4.97712944724480888 51.60219938230729753, 4.97712944724480888 51.60219938230729753)))</t>
  </si>
  <si>
    <t>MultiPolygon (((4.99736558162002886 51.58894863187411062, 5.00019991799279229 51.58839734851619596, 5.00201134330055108 51.58696485350360916, 5.00218250265594744 51.58512952691097553, 4.9973580849092567 51.5858581862409622, 4.99637476543588388 51.58276913931950247, 4.99298074855574914 51.58417743790949572, 4.99245217683796483 51.58665280708628131, 4.99431973249972838 51.58839110340370127, 4.99736558162002886 51.58894863187411062, 4.99736558162002886 51.58894863187411062)))</t>
  </si>
  <si>
    <t>MultiPolygon (((4.98692001829999576 51.58738954001145061, 4.99245217683796483 51.58665280708628131, 4.99298074855574914 51.58417743790949572, 4.99637476543588388 51.58276913931950247, 4.99629476947522111 51.58248007496646181, 4.98556362881745496 51.5840841684629936, 4.98472248379321758 51.58820066951496131, 4.98692001829999576 51.58738954001145061, 4.98692001829999576 51.58738954001145061)))</t>
  </si>
  <si>
    <t>MultiPolygon (((5.00037536562411855 51.59016215199395106, 5.00504316688832773 51.58813566606654177, 5.00906081779605117 51.58588803842078363, 5.00696374658370669 51.58439127014916892, 5.00218250265594744 51.58512952691097553, 5.00201134330055108 51.58696485350360916, 5.00019991799279229 51.58839734851619596, 4.99736558162002886 51.58894863187411062, 4.99431973249972838 51.58839110340370127, 4.99504211806271137 51.5909714590847841, 5.00037536562411855 51.59016215199395106)))</t>
  </si>
  <si>
    <t>MultiPolygon (((4.99504211806271137 51.5909714590847841, 4.99431973249972838 51.58839110340370127, 4.99245217683796483 51.58665280708628131, 4.98692001829999576 51.58738954001145061, 4.98742532856028387 51.58911921433524839, 4.99095656696261791 51.59127115289803811, 4.99504211806271137 51.5909714590847841, 4.99504211806271137 51.5909714590847841)))</t>
  </si>
  <si>
    <t>MultiPolygon (((4.99324519313644188 51.5762485651594389, 4.99286627771885705 51.57373738839617516, 4.98663702022199917 51.57468513469348181, 4.98660394431037801 51.57501686554638098, 4.99008159732815759 51.57639822356674131, 4.99324519313644188 51.5762485651594389)))</t>
  </si>
  <si>
    <t>MultiPolygon (((4.99629476947522111 51.58248007496646181, 4.99552911786160436 51.58003899447658114, 4.99324519313644188 51.5762485651594389, 4.99008159732815759 51.57639822356674131, 4.98660394431037801 51.57501686554638098, 4.98636676380826938 51.57977315886201808, 4.98556362881745496 51.5840841684629936, 4.99629476947522111 51.58248007496646181, 4.99629476947522111 51.58248007496646181)))</t>
  </si>
  <si>
    <t>MultiPolygon (((5.00696374658370669 51.58439127014916892, 5.00505648721436103 51.57917825164184933, 5.00375032124563113 51.57892531400360525, 5.00136568927755132 51.58296853934240289, 5.00218250265594744 51.58512952691097553, 5.00696374658370669 51.58439127014916892, 5.00696374658370669 51.58439127014916892)))</t>
  </si>
  <si>
    <t>MultiPolygon (((5.00218250265594744 51.58512952691097553, 5.00136568927755132 51.58296853934240289, 5.00375032124563113 51.57892531400360525, 5.00213432635562949 51.57818765263881744, 4.99552911786160436 51.58003899447658114, 4.99629476947522111 51.58248007496646181, 4.99637476543588388 51.58276913931950247, 4.9973580849092567 51.5858581862409622, 5.00218250265594744 51.58512952691097553)))</t>
  </si>
  <si>
    <t>MultiPolygon (((5.00505648721436103 51.57917825164184933, 5.00692853160234019 51.57801934987160308, 5.0071151841328696 51.57677827966298167, 5.00250259807814235 51.57663768936956217, 5.00183083124587924 51.57777671561668598, 5.00213432635562949 51.57818765263881744, 5.00375032124563113 51.57892531400360525, 5.00505648721436103 51.57917825164184933, 5.00505648721436103 51.57917825164184933)))</t>
  </si>
  <si>
    <t>MultiPolygon (((5.0071151841328696 51.57677827966298167, 5.0053507773110244 51.57190718798347007, 5.001557882761972 51.5724739720711014, 5.00250259807814235 51.57663768936956217, 5.0071151841328696 51.57677827966298167, 5.0071151841328696 51.57677827966298167)))</t>
  </si>
  <si>
    <t>MultiPolygon (((5.00183083124587924 51.57777671561668598, 5.00250259807814235 51.57663768936956217, 5.001557882761972 51.5724739720711014, 4.99451462126373258 51.57349784059589837, 4.99637749523340702 51.5785739550864335, 5.00183083124587924 51.57777671561668598)))</t>
  </si>
  <si>
    <t>MultiPolygon (((5.00213432635562949 51.57818765263881744, 5.00183083124587924 51.57777671561668598, 4.99637749523340702 51.5785739550864335, 4.99451462126373258 51.57349784059589837, 4.99286627771885705 51.57373738839617516, 4.99324519313644188 51.5762485651594389, 4.99552911786160436 51.58003899447658114, 5.00213432635562949 51.57818765263881744, 5.00213432635562949 51.57818765263881744)))</t>
  </si>
  <si>
    <t>MultiPolygon (((5.01423628245198127 51.57471402782770298, 5.01996939144665433 51.57293756519165839, 5.01785285463171515 51.5700379862620224, 5.0053507773110244 51.57190718798347007, 5.0071151841328696 51.57677827966298167, 5.01423628245198127 51.57471402782770298, 5.01423628245198127 51.57471402782770298)))</t>
  </si>
  <si>
    <t>MultiPolygon (((5.0192784405340376 51.57971159810448114, 5.02246963916142253 51.57861684159357907, 5.01996939144665433 51.57293756519165839, 5.01423628245198127 51.57471402782770298, 5.01602119330820795 51.58007276292856602, 5.01657254242182393 51.58076899352113998, 5.0192784405340376 51.57971159810448114, 5.0192784405340376 51.57971159810448114)))</t>
  </si>
  <si>
    <t>MultiPolygon (((5.01423628245198127 51.57471402782770298, 5.0071151841328696 51.57677827966298167, 5.00692853160234019 51.57801934987160308, 5.01602119330820795 51.58007276292856602, 5.01423628245198127 51.57471402782770298, 5.01423628245198127 51.57471402782770298)))</t>
  </si>
  <si>
    <t>MultiPolygon (((5.00956588204440045 51.58393788965918958, 5.01356465272762275 51.58246900444708416, 5.01657254242182393 51.58076899352113998, 5.01602119330820795 51.58007276292856602, 5.00692853160234019 51.57801934987160308, 5.00505648721436103 51.57917825164184933, 5.00696374658370669 51.58439127014916892, 5.00956588204440045 51.58393788965918958, 5.00956588204440045 51.58393788965918958)))</t>
  </si>
  <si>
    <t>MultiPolygon (((5.02740818701204084 51.58202827821615699, 5.02263652335730448 51.57876105465855687, 5.02246963916142253 51.57861684159357907, 5.0192784405340376 51.57971159810448114, 5.02227497075528539 51.58150240377465678, 5.01806980214065579 51.58412796445814053, 5.01947080164500825 51.58530925358609664, 5.02740818701204084 51.58202827821615699)))</t>
  </si>
  <si>
    <t>MultiPolygon (((5.02227497075528539 51.58150240377465678, 5.0192784405340376 51.57971159810448114, 5.01657254242182393 51.58076899352113998, 5.01356465272762275 51.58246900444708416, 5.01516881959063721 51.58357490545442658, 5.01604289441004614 51.58307781385438062, 5.01806980214065579 51.58412796445814053, 5.02227497075528539 51.58150240377465678)))</t>
  </si>
  <si>
    <t>MultiPolygon (((5.01947080164500825 51.58530925358609664, 5.01806980214065579 51.58412796445814053, 5.01604289441004614 51.58307781385438062, 5.01516881959063721 51.58357490545442658, 5.01356465272762275 51.58246900444708416, 5.00956588204440045 51.58393788965918958, 5.01263784384550082 51.58629185766278624, 5.01947080164500825 51.58530925358609664)))</t>
  </si>
  <si>
    <t>MultiPolygon (((5.02790994049474804 51.58302383125791835, 5.02740818701204084 51.58202827821615699, 5.01947080164500825 51.58530925358609664, 5.01263784384550082 51.58629185766278624, 5.00956588204440045 51.58393788965918958, 5.00696374658370669 51.58439127014916892, 5.00906081779605117 51.58588803842078363, 5.00504316688832773 51.58813566606654177, 5.00602145399825993 51.5912703999235589, 5.02790994049474804 51.58302383125791835)))</t>
  </si>
  <si>
    <t>MultiPolygon (((5.12058312427995865 51.56999888070950533, 5.12536543866725136 51.56875541050302303, 5.12658096797691698 51.56662552723746984, 5.10981822592213852 51.56241609965660189, 5.11274069749498405 51.56392496072354703, 5.11626626970506937 51.568008359904006, 5.11929317823133356 51.57172089671164628, 5.12058312427995865 51.56999888070950533)))</t>
  </si>
  <si>
    <t>MultiPolygon (((5.11341840142198034 51.56998156505286346, 5.11419693197724623 51.56978945504566525, 5.11348443896334182 51.56886534006018508, 5.11626626970506937 51.568008359904006, 5.11274069749498405 51.56392496072354703, 5.10981822592213852 51.56241609965660189, 5.10899946088419199 51.56222754157661825, 5.10831726525929231 51.56329478312351711, 5.10643341652408278 51.56590900837104385, 5.10076767678240373 51.57072232206409979, 5.11341840142198034 51.56998156505286346)))</t>
  </si>
  <si>
    <t>MultiPolygon (((5.11591449290574563 51.58087887772922642, 5.11863183634932373 51.57957733871695183, 5.12380662398099229 51.57721654805588685, 5.11929317823133356 51.57172089671164628, 5.11626626970506937 51.568008359904006, 5.11348443896334182 51.56886534006018508, 5.11419693197724623 51.56978945504566525, 5.11341840142198034 51.56998156505286346, 5.10076767678240373 51.57072232206409979, 5.09654909283418078 51.57419781666906999, 5.09686068718383378 51.57434306492420717, 5.10267106064539444 51.57380483009134764, 5.10537932342086886 51.57685159450906554, 5.10802410637620863 51.57998099152450067, 5.10587201626367992 51.58070332134486335, 5.10883556750608481 51.58429776322100224, 5.11591449290574563 51.58087887772922642, 5.11591449290574563 51.58087887772922642)))</t>
  </si>
  <si>
    <t>MultiPolygon (((5.10883556750608481 51.58429776322100224, 5.10587201626367992 51.58070332134486335, 5.10802410637620863 51.57998099152450067, 5.10537932342086886 51.57685159450906554, 5.10442775607514854 51.57665138627747581, 5.10289644229826944 51.57932297008335354, 5.10349498629983245 51.58044255507140008, 5.1027260684531166 51.58103737995063653, 5.10121599564654016 51.58104399887587732, 5.10287068926742204 51.58305789911226213, 5.10568459871557678 51.58582148052936134, 5.10883556750608481 51.58429776322100224, 5.10883556750608481 51.58429776322100224)))</t>
  </si>
  <si>
    <t>MultiPolygon (((5.1027260684531166 51.58103737995063653, 5.10349498629983245 51.58044255507140008, 5.10289644229826944 51.57932297008335354, 5.10442775607514854 51.57665138627747581, 5.10537932342086886 51.57685159450906554, 5.10267106064539444 51.57380483009134764, 5.09686068718383378 51.57434306492420717, 5.09734890487873127 51.58086902697082365, 5.10121599564654016 51.58104399887587732, 5.1027260684531166 51.58103737995063653)))</t>
  </si>
  <si>
    <t>MultiPolygon (((5.09734890487873127 51.58086902697082365, 5.09686068718383378 51.57434306492420717, 5.09654909283418078 51.57419781666906999, 5.09067361144488562 51.57810911709213286, 5.09370640920340456 51.58110401297864911, 5.09734890487873127 51.58086902697082365, 5.09734890487873127 51.58086902697082365)))</t>
  </si>
  <si>
    <t>MultiPolygon (((5.09923980614456074 51.58452586749380231, 5.10287068926742204 51.58305789911226213, 5.10121599564654016 51.58104399887587732, 5.09734890487873127 51.58086902697082365, 5.09370640920340456 51.58110401297864911, 5.09481480469367654 51.58450611847235479, 5.09923980614456074 51.58452586749380231, 5.09923980614456074 51.58452586749380231)))</t>
  </si>
  <si>
    <t>MultiPolygon (((5.10568459871557678 51.58582148052936134, 5.10287068926742204 51.58305789911226213, 5.09923980614456074 51.58452586749380231, 5.10232686178750061 51.58746458994554018, 5.10568459871557678 51.58582148052936134, 5.10568459871557678 51.58582148052936134)))</t>
  </si>
  <si>
    <t>MultiPolygon (((5.10232686178750061 51.58746458994554018, 5.09923980614456074 51.58452586749380231, 5.09481480469367654 51.58450611847235479, 5.09587845267322859 51.58909898600729349, 5.09620867300824099 51.59052544886231573, 5.10232686178750061 51.58746458994554018, 5.10232686178750061 51.58746458994554018)))</t>
  </si>
  <si>
    <t>MultiPolygon (((5.09370640920340456 51.58110401297864911, 5.09067361144488562 51.57810911709213286, 5.08460712027082451 51.57896737524659869, 5.08363584461787088 51.58136170579945912, 5.09370640920340456 51.58110401297864911)))</t>
  </si>
  <si>
    <t>MultiPolygon (((5.08221126487766472 51.58153004264887187, 5.08363584461787088 51.58136170579945912, 5.08460712027082451 51.57896737524659869, 5.0734453419936143 51.57791328036792322, 5.07426830729595135 51.58061443258537793, 5.07621712171730888 51.58270972233324869, 5.08221126487766472 51.58153004264887187, 5.08221126487766472 51.58153004264887187)))</t>
  </si>
  <si>
    <t>MultiPolygon (((5.08628542881522439 51.58501929470867964, 5.09275740007394973 51.58424775733172396, 5.09481480469367654 51.58450611847235479, 5.09370640920340456 51.58110401297864911, 5.08363584461787088 51.58136170579945912, 5.08221126487766472 51.58153004264887187, 5.08436095121444342 51.58544438065511173, 5.08628542881522439 51.58501929470867964, 5.08628542881522439 51.58501929470867964)))</t>
  </si>
  <si>
    <t>MultiPolygon (((5.08436095121444342 51.58544438065511173, 5.08221126487766472 51.58153004264887187, 5.07621712171730888 51.58270972233324869, 5.07913051944234262 51.5862687426597688, 5.07967026272538025 51.58718762371826472, 5.08436095121444342 51.58544438065511173, 5.08436095121444342 51.58544438065511173)))</t>
  </si>
  <si>
    <t>MultiPolygon (((5.09587845267322859 51.58909898600729349, 5.09481480469367654 51.58450611847235479, 5.09275740007394973 51.58424775733172396, 5.08628542881522439 51.58501929470867964, 5.08451228853867754 51.58658152879401371, 5.08415314810022334 51.58849415288863582, 5.08890312250755361 51.5878722490282513, 5.08945226236768455 51.58949694944631403, 5.09587845267322859 51.58909898600729349, 5.09587845267322859 51.58909898600729349)))</t>
  </si>
  <si>
    <t>MultiPolygon (((5.08945226236768455 51.58949694944631403, 5.08890312250755361 51.5878722490282513, 5.08415314810022334 51.58849415288863582, 5.08451228853867754 51.58658152879401371, 5.08628542881522439 51.58501929470867964, 5.08436095121444342 51.58544438065511173, 5.07967026272538025 51.58718762371826472, 5.08088693948565062 51.58982135706305172, 5.08130748007837862 51.59073133383703436, 5.08945226236768455 51.58949694944631403, 5.08945226236768455 51.58949694944631403)))</t>
  </si>
  <si>
    <t>MultiPolygon (((5.09620867300824099 51.59052544886231573, 5.09587845267322859 51.58909898600729349, 5.08945226236768455 51.58949694944631403, 5.09014800525155398 51.59202917849594172, 5.09620867300824099 51.59052544886231573, 5.09620867300824099 51.59052544886231573)))</t>
  </si>
  <si>
    <t>MultiPolygon (((5.09014800525155398 51.59202917849594172, 5.08945226236768455 51.58949694944631403, 5.08130748007837862 51.59073133383703436, 5.08172060887314014 51.59405306457942686, 5.09014800525155398 51.59202917849594172, 5.09014800525155398 51.59202917849594172)))</t>
  </si>
  <si>
    <t>MultiPolygon (((5.07099992672778477 51.583440983926927, 5.07621712171730888 51.58270972233324869, 5.07426830729595135 51.58061443258537793, 5.0734453419936143 51.57791328036792322, 5.07265745660280754 51.57797781504002188, 5.06624452698747518 51.57864204750306669, 5.06772362146529165 51.58379266103945326, 5.07099992672778477 51.583440983926927, 5.07099992672778477 51.583440983926927)))</t>
  </si>
  <si>
    <t>MultiPolygon (((5.07913051944234262 51.5862687426597688, 5.07621712171730888 51.58270972233324869, 5.07099992672778477 51.583440983926927, 5.07311668350342782 51.58703914850575245, 5.07913051944234262 51.5862687426597688, 5.07913051944234262 51.5862687426597688)))</t>
  </si>
  <si>
    <t>MultiPolygon (((5.0723445848702795 51.58775882450135697, 5.07311668350342782 51.58703914850575245, 5.07099992672778477 51.583440983926927, 5.06772362146529165 51.58379266103945326, 5.0693037913025325 51.58810182278843826, 5.0723445848702795 51.58775882450135697, 5.0723445848702795 51.58775882450135697)))</t>
  </si>
  <si>
    <t>MultiPolygon (((5.08088693948565062 51.58982135706305172, 5.07967026272538025 51.58718762371826472, 5.07913051944234262 51.5862687426597688, 5.07311668350342782 51.58703914850575245, 5.0723445848702795 51.58775882450135697, 5.07422290008935661 51.59058575666925606, 5.08088693948565062 51.58982135706305172, 5.08088693948565062 51.58982135706305172)))</t>
  </si>
  <si>
    <t>MultiPolygon (((5.07323321337325162 51.59128491930248828, 5.07422290008935661 51.59058575666925606, 5.0723445848702795 51.58775882450135697, 5.0693037913025325 51.58810182278843826, 5.06972287942234257 51.58940065030645172, 5.07036342180078226 51.59159959569381471, 5.07323321337325162 51.59128491930248828, 5.07323321337325162 51.59128491930248828)))</t>
  </si>
  <si>
    <t>MultiPolygon (((5.08172060887314014 51.59405306457942686, 5.08130748007837862 51.59073133383703436, 5.08088693948565062 51.58982135706305172, 5.07422290008935661 51.59058575666925606, 5.07323321337325162 51.59128491930248828, 5.07456294606453717 51.59218549192603831, 5.07508522056592426 51.59397935428138027, 5.07399004691179289 51.59569096371913588, 5.08172060887314014 51.59405306457942686, 5.08172060887314014 51.59405306457942686)))</t>
  </si>
  <si>
    <t>MultiPolygon (((5.07399004691179289 51.59569096371913588, 5.07508522056592426 51.59397935428138027, 5.07456294606453717 51.59218549192603831, 5.07323321337325162 51.59128491930248828, 5.07036342180078226 51.59159959569381471, 5.07134150247643944 51.59624398787111232, 5.07399004691179289 51.59569096371913588, 5.07399004691179289 51.59569096371913588)))</t>
  </si>
  <si>
    <t>MultiPolygon (((5.04250992952217647 51.56630335445997559, 5.03961595173622001 51.5610871773603705, 5.03825339252466531 51.55863082114646545, 5.01794852480908915 51.56148929516654533, 5.01858645008655557 51.56388301493378634, 5.01726614379250613 51.56712703778479323, 5.01785285463171515 51.5700379862620224, 5.04250992952217647 51.56630335445997559)))</t>
  </si>
  <si>
    <t>MultiPolygon (((5.04485477967365625 51.57241365087832463, 5.04374451100979027 51.57003890854441863, 5.03543110327278232 51.57231091775017262, 5.03809069418473676 51.57476747013924978, 5.04485477967365625 51.57241365087832463)))</t>
  </si>
  <si>
    <t>MultiPolygon (((5.03729948919535708 51.5749824065388438, 5.03809069418473676 51.57476747013924978, 5.03543110327278232 51.57231091775017262, 5.03123507296158401 51.56945000101269727, 5.02414419285826686 51.57162856491757452, 5.02545722295618802 51.57219364345407797, 5.02761627127132016 51.57151291169024176, 5.02862186741403683 51.57249797505518529, 5.02913184031735039 51.57624266859203743, 5.03729948919535708 51.5749824065388438, 5.03729948919535708 51.5749824065388438)))</t>
  </si>
  <si>
    <t>MultiPolygon (((5.02913184031735039 51.57624266859203743, 5.02862186741403683 51.57249797505518529, 5.02761627127132016 51.57151291169024176, 5.02545722295618802 51.57219364345407797, 5.02414419285826686 51.57162856491757452, 5.03123507296158401 51.56945000101269727, 5.03543110327278232 51.57231091775017262, 5.04374451100979027 51.57003890854441863, 5.04319087672284017 51.56810794603996584, 5.04250992952217647 51.56630335445997559, 5.01785285463171515 51.5700379862620224, 5.01996939144665433 51.57293756519165839, 5.02246963916142253 51.57861684159357907, 5.02263652335730448 51.57876105465855687, 5.02913184031735039 51.57624266859203743, 5.02913184031735039 51.57624266859203743)))</t>
  </si>
  <si>
    <t>MultiPolygon (((5.04618938729959776 51.57557296391298962, 5.04485477967365625 51.57241365087832463, 5.03809069418473676 51.57476747013924978, 5.03729948919535708 51.5749824065388438, 5.03880343085285887 51.57679196266972355, 5.04618938729959776 51.57557296391298962, 5.04618938729959776 51.57557296391298962)))</t>
  </si>
  <si>
    <t>MultiPolygon (((5.03888102074423561 51.57716537585017136, 5.03880343085285887 51.57679196266972355, 5.03729948919535708 51.5749824065388438, 5.02913184031735039 51.57624266859203743, 5.02954204619872147 51.57765782215750505, 5.0309087035312432 51.57748284044468789, 5.03145320766392157 51.57861563980632269, 5.03888102074423561 51.57716537585017136, 5.03888102074423561 51.57716537585017136)))</t>
  </si>
  <si>
    <t>MultiPolygon (((5.04467090689905451 51.58104245499262674, 5.04792774625114049 51.57717702017014005, 5.04618938729959776 51.57557296391298962, 5.03880343085285887 51.57679196266972355, 5.03888102074423561 51.57716537585017136, 5.03994106265470165 51.58152607512097632, 5.04467090689905451 51.58104245499262674, 5.04467090689905451 51.58104245499262674)))</t>
  </si>
  <si>
    <t>MultiPolygon (((5.03994106265470165 51.58152607512097632, 5.03888102074423561 51.57716537585017136, 5.03145320766392157 51.57861563980632269, 5.03264095373967191 51.58227209288358495, 5.03994106265470165 51.58152607512097632, 5.03994106265470165 51.58152607512097632)))</t>
  </si>
  <si>
    <t>MultiPolygon (((5.03264095373967191 51.58227209288358495, 5.03145320766392157 51.57861563980632269, 5.0309087035312432 51.57748284044468789, 5.02954204619872147 51.57765782215750505, 5.02913184031735039 51.57624266859203743, 5.02263652335730448 51.57876105465855687, 5.02740818701204084 51.58202827821615699, 5.02790994049474804 51.58302383125791835, 5.03264095373967191 51.58227209288358495, 5.03264095373967191 51.58227209288358495)))</t>
  </si>
  <si>
    <t>MultiPolygon (((5.06575729596187685 51.56625926663260628, 5.06245653020348829 51.56627624126416976, 5.06155297504478696 51.57135155427457107, 5.06186837075328011 51.57306614545638723, 5.0630418857640036 51.57549037086157284, 5.06630354461646171 51.5755598587892834, 5.06575729596187685 51.56625926663260628)))</t>
  </si>
  <si>
    <t>MultiPolygon (((5.06575729596187685 51.56625926663260628, 5.06518080794303671 51.56289183343442772, 5.06183021229786778 51.56337827412686892, 5.06245653020348829 51.56627624126416976, 5.06575729596187685 51.56625926663260628, 5.06575729596187685 51.56625926663260628)))</t>
  </si>
  <si>
    <t>MultiPolygon (((5.06245653020348829 51.56627624126416976, 5.06183021229786778 51.56337827412686892, 5.05699755766898029 51.56409259342483864, 5.05778542525242436 51.56651813081096236, 5.06245653020348829 51.56627624126416976, 5.06245653020348829 51.56627624126416976)))</t>
  </si>
  <si>
    <t>MultiPolygon (((5.05778542525242436 51.56651813081096236, 5.05699755766898029 51.56409259342483864, 5.05119384917199543 51.56497355202580479, 5.05164654814060654 51.56732659998827728, 5.05778542525242436 51.56651813081096236, 5.05778542525242436 51.56651813081096236)))</t>
  </si>
  <si>
    <t>MultiPolygon (((5.04755032611398136 51.56780198695201278, 5.05164654814060654 51.56732659998827728, 5.05119384917199543 51.56497355202580479, 5.04609678475724532 51.56575416600289685, 5.04250992952217647 51.56630335445997559, 5.04319087672284017 51.56810794603996584, 5.04755032611398136 51.56780198695201278, 5.04755032611398136 51.56780198695201278)))</t>
  </si>
  <si>
    <t>MultiPolygon (((5.06245653020348829 51.56627624126416976, 5.05778542525242436 51.56651813081096236, 5.05834998891837451 51.57085736630145334, 5.06155297504478696 51.57135155427457107, 5.06245653020348829 51.56627624126416976, 5.06245653020348829 51.56627624126416976)))</t>
  </si>
  <si>
    <t>MultiPolygon (((5.05834998891837451 51.57085736630145334, 5.05778542525242436 51.56651813081096236, 5.05164654814060654 51.56732659998827728, 5.05301475274645728 51.57144682847646777, 5.05834998891837451 51.57085736630145334, 5.05834998891837451 51.57085736630145334)))</t>
  </si>
  <si>
    <t>MultiPolygon (((5.05301475274645728 51.57144682847646777, 5.05164654814060654 51.56732659998827728, 5.04755032611398136 51.56780198695201278, 5.04896861599632185 51.57154455262527648, 5.05301475274645728 51.57144682847646777, 5.05301475274645728 51.57144682847646777)))</t>
  </si>
  <si>
    <t>MultiPolygon (((5.04896861599632185 51.57154455262527648, 5.04755032611398136 51.56780198695201278, 5.04319087672284017 51.56810794603996584, 5.04374451100979027 51.57003890854441863, 5.04485477967365625 51.57241365087832463, 5.04896861599632185 51.57154455262527648, 5.04896861599632185 51.57154455262527648)))</t>
  </si>
  <si>
    <t>MultiPolygon (((5.05523675634574587 51.57366322403518666, 5.06186837075328011 51.57306614545638723, 5.06155297504478696 51.57135155427457107, 5.05834998891837451 51.57085736630145334, 5.05301475274645728 51.57144682847646777, 5.05366958764498264 51.57380226015762048, 5.05523675634574587 51.57366322403518666, 5.05523675634574587 51.57366322403518666)))</t>
  </si>
  <si>
    <t>MultiPolygon (((5.05127611871473992 51.57478387430109024, 5.05366958764498264 51.57380226015762048, 5.05301475274645728 51.57144682847646777, 5.04896861599632185 51.57154455262527648, 5.04485477967365625 51.57241365087832463, 5.04618938729959776 51.57557296391298962, 5.05127611871473992 51.57478387430109024)))</t>
  </si>
  <si>
    <t>MultiPolygon (((5.0630418857640036 51.57549037086157284, 5.06186837075328011 51.57306614545638723, 5.05523675634574587 51.57366322403518666, 5.05598056769628812 51.57627049588693779, 5.0630418857640036 51.57549037086157284, 5.0630418857640036 51.57549037086157284)))</t>
  </si>
  <si>
    <t>MultiPolygon (((5.05598056769628812 51.57627049588693779, 5.05523675634574587 51.57366322403518666, 5.05366958764498264 51.57380226015762048, 5.05127611871473992 51.57478387430109024, 5.04618938729959776 51.57557296391298962, 5.04792774625114049 51.57717702017014005, 5.05598056769628812 51.57627049588693779, 5.05598056769628812 51.57627049588693779)))</t>
  </si>
  <si>
    <t>MultiPolygon (((5.06411858580844854 51.5789113370074972, 5.06624452698747518 51.57864204750306669, 5.06630354461646171 51.5755598587892834, 5.0630418857640036 51.57549037086157284, 5.05598056769628812 51.57627049588693779, 5.04792774625114049 51.57717702017014005, 5.04467090689905451 51.58104245499262674, 5.06411858580844854 51.5789113370074972, 5.06411858580844854 51.5789113370074972)))</t>
  </si>
  <si>
    <t>MultiPolygon (((5.06464212868397823 51.56051360371902348, 5.06381277777731409 51.55624560911058296, 5.05549740601559616 51.5568695527620946, 5.05617706474097339 51.55817810713660521, 5.05675707613679482 51.56111591239795899, 5.06464212868397823 51.56051360371902348, 5.06464212868397823 51.56051360371902348)))</t>
  </si>
  <si>
    <t>MultiPolygon (((5.06183021229786778 51.56337827412686892, 5.06518080794303671 51.56289183343442772, 5.06464212868397823 51.56051360371902348, 5.05675707613679482 51.56111591239795899, 5.05701116013269125 51.56244150486629252, 5.05699755766898029 51.56409259342483864, 5.06183021229786778 51.56337827412686892, 5.06183021229786778 51.56337827412686892)))</t>
  </si>
  <si>
    <t>MultiPolygon (((5.04516281381691112 51.55997659819116308, 5.04997582450684135 51.55864044448509986, 5.05617706474097339 51.55817810713660521, 5.05549740601559616 51.5568695527620946, 5.04108281977223882 51.55795142690216437, 5.03969085278759099 51.55836337470671538, 5.03825339252466531 51.55863082114646545, 5.03961595173622001 51.5610871773603705, 5.04516281381691112 51.55997659819116308, 5.04516281381691112 51.55997659819116308)))</t>
  </si>
  <si>
    <t>MultiPolygon (((5.04559162603219313 51.56195425272204602, 5.05675707613679482 51.56111591239795899, 5.05617706474097339 51.55817810713660521, 5.04997582450684135 51.55864044448509986, 5.04516281381691112 51.55997659819116308, 5.04559162603219313 51.56195425272204602, 5.04559162603219313 51.56195425272204602)))</t>
  </si>
  <si>
    <t>MultiPolygon (((5.05701116013269125 51.56244150486629252, 5.05675707613679482 51.56111591239795899, 5.04559162603219313 51.56195425272204602, 5.04567342883335535 51.56314673921654901, 5.05701116013269125 51.56244150486629252, 5.05701116013269125 51.56244150486629252)))</t>
  </si>
  <si>
    <t>MultiPolygon (((5.05119384917199543 51.56497355202580479, 5.05699755766898029 51.56409259342483864, 5.05701116013269125 51.56244150486629252, 5.04567342883335535 51.56314673921654901, 5.04609678475724532 51.56575416600289685, 5.05119384917199543 51.56497355202580479, 5.05119384917199543 51.56497355202580479)))</t>
  </si>
  <si>
    <t>MultiPolygon (((5.04609678475724532 51.56575416600289685, 5.04567342883335535 51.56314673921654901, 5.04559162603219313 51.56195425272204602, 5.04516281381691112 51.55997659819116308, 5.03961595173622001 51.5610871773603705, 5.04250992952217647 51.56630335445997559, 5.04609678475724532 51.56575416600289685, 5.04609678475724532 51.56575416600289685)))</t>
  </si>
  <si>
    <t>MultiPolygon (((5.0601318117934575 51.55012366174333494, 5.05680545393979841 51.54732907037602274, 5.056709334723962 51.54728386432351073, 5.05015198202974691 51.55199287027016197, 5.05197155320231506 51.55337961522911172, 5.0601318117934575 51.55012366174333494)))</t>
  </si>
  <si>
    <t>MultiPolygon (((5.06381277777731409 51.55624560911058296, 5.06336226659010258 51.55477694498269869, 5.06141907419481996 51.55179895914279342, 5.0601318117934575 51.55012366174333494, 5.05197155320231506 51.55337961522911172, 5.05549740601559616 51.5568695527620946, 5.06381277777731409 51.55624560911058296, 5.06381277777731409 51.55624560911058296)))</t>
  </si>
  <si>
    <t>MultiPolygon (((5.05549740601559616 51.5568695527620946, 5.05197155320231506 51.55337961522911172, 5.05015198202974691 51.55199287027016197, 5.04108281977223882 51.55795142690216437, 5.05549740601559616 51.5568695527620946)))</t>
  </si>
  <si>
    <t>MultiPolygon (((5.05094350044608742 51.54376042790075729, 5.04793264123617114 51.53943844799396601, 5.0367170453678094 51.53998873221524235, 5.04395260405794765 51.54661840149950791, 5.05094350044608742 51.54376042790075729, 5.05094350044608742 51.54376042790075729)))</t>
  </si>
  <si>
    <t>MultiPolygon (((5.04682453685469667 51.5491432860534502, 5.04395260405794765 51.54661840149950791, 5.0367170453678094 51.53998873221524235, 5.0332204260518294 51.53992927033056048, 5.02994812892993881 51.54402965242546486, 5.03597293956074221 51.54617884730902233, 5.03828600706651031 51.54962797935979069, 5.04682453685469667 51.5491432860534502, 5.04682453685469667 51.5491432860534502)))</t>
  </si>
  <si>
    <t>MultiPolygon (((5.056709334723962 51.54728386432351073, 5.05417369171029662 51.54599932433596621, 5.05094350044608742 51.54376042790075729, 5.04395260405794765 51.54661840149950791, 5.04682453685469667 51.5491432860534502, 5.05015198202974691 51.55199287027016197, 5.056709334723962 51.54728386432351073, 5.056709334723962 51.54728386432351073)))</t>
  </si>
  <si>
    <t>MultiPolygon (((5.04108281977223882 51.55795142690216437, 5.05015198202974691 51.55199287027016197, 5.04682453685469667 51.5491432860534502, 5.03828600706651031 51.54962797935979069, 5.03819958305131088 51.55150783795109248, 5.03966012615490833 51.55161440798092798, 5.03984108002158493 51.55368258358642208, 5.03798705951902637 51.55365046308730115, 5.03969085278759099 51.55836337470671538, 5.04108281977223882 51.55795142690216437, 5.04108281977223882 51.55795142690216437)))</t>
  </si>
  <si>
    <t>MultiPolygon (((5.06409278724723411 51.54131154095762923, 5.06298148213254695 51.53800447892923131, 5.06130033565777104 51.53816477309745636, 5.06265950563921141 51.54313886886683349, 5.06470412056967589 51.54318671104930871, 5.06409278724723411 51.54131154095762923, 5.06409278724723411 51.54131154095762923)))</t>
  </si>
  <si>
    <t>MultiPolygon (((5.05419869929659171 51.54464235748085343, 5.05581942506574222 51.54392979258466312, 5.06397010446510532 51.54394449622343899, 5.06497296292176102 51.54396826229587703, 5.06470412056967589 51.54318671104930871, 5.06265950563921141 51.54313886886683349, 5.06130033565777104 51.53816477309745636, 5.04793264123617114 51.53943844799396601, 5.05094350044608742 51.54376042790075729, 5.05417369171029662 51.54599932433596621, 5.05419869929659171 51.54464235748085343)))</t>
  </si>
  <si>
    <t>MultiPolygon (((5.07364731062693153 51.53964290704090701, 5.07382712266173552 51.53671667055407113, 5.07352701958328822 51.53674398938972701, 5.06468025952375722 51.53742559673958112, 5.06291248962323959 51.53784398350311591, 5.06298148213254695 51.53800447892923131, 5.06409278724723411 51.54131154095762923, 5.07364731062693153 51.53964290704090701)))</t>
  </si>
  <si>
    <t>MultiPolygon (((5.08301710745892255 51.54360093324277869, 5.08265019719926237 51.54064350698286745, 5.08202387875441097 51.54066774300557086, 5.07971463654152 51.54072216753701952, 5.07872262299554489 51.54201561201611526, 5.07891026316805938 51.5433249018025208, 5.08020954595379148 51.54379176751842806, 5.08301710745892255 51.54360093324277869, 5.08301710745892255 51.54360093324277869)))</t>
  </si>
  <si>
    <t>MultiPolygon (((5.07741115275312538 51.54396852736066137, 5.08020954595379148 51.54379176751842806, 5.07891026316805938 51.5433249018025208, 5.07872262299554489 51.54201561201611526, 5.07971463654152 51.54072216753701952, 5.08202387875441097 51.54066774300557086, 5.08346538625541644 51.53582395350876055, 5.07382712266173552 51.53671667055407113, 5.07364731062693153 51.53964290704090701, 5.06409278724723411 51.54131154095762923, 5.06470412056967589 51.54318671104930871, 5.06497296292176102 51.54396826229587703, 5.06895490874688015 51.54401236525064434, 5.07741115275312538 51.54396852736066137, 5.07741115275312538 51.54396852736066137)))</t>
  </si>
  <si>
    <t>MultiPolygon (((5.10054998361283207 51.5381557095585805, 5.10292910653613951 51.53853212165344644, 5.10456019706439701 51.53810827927150484, 5.10609689586229454 51.53742697758654856, 5.10282391817538539 51.53604277046120075, 5.09647455078652722 51.53496681288015679, 5.08548303446705052 51.53559283159574989, 5.08543774761178025 51.53669830208294655, 5.09310657846883075 51.53619096777229913, 5.09526733783536834 51.53590695794288479, 5.0977201165922823 51.53637737618969794, 5.09601905581098702 51.5388274791203429, 5.09934847313802564 51.53959065547790885, 5.10054998361283207 51.5381557095585805)))</t>
  </si>
  <si>
    <t>MultiPolygon (((5.08265019719926237 51.54064350698286745, 5.08519552127134755 51.54024295072385797, 5.08543774761178025 51.53669830208294655, 5.08548303446705052 51.53559283159574989, 5.08346538625541644 51.53582395350876055, 5.08202387875441097 51.54066774300557086, 5.08265019719926237 51.54064350698286745, 5.08265019719926237 51.54064350698286745)))</t>
  </si>
  <si>
    <t>MultiPolygon (((5.09010687142726681 51.53942105494757442, 5.0945034764271826 51.5381787665663893, 5.09310657846883075 51.53619096777229913, 5.08543774761178025 51.53669830208294655, 5.08519552127134755 51.54024295072385797, 5.09010687142726681 51.53942105494757442, 5.09010687142726681 51.53942105494757442)))</t>
  </si>
  <si>
    <t>MultiPolygon (((5.0977201165922823 51.53637737618969794, 5.09526733783536834 51.53590695794288479, 5.09310657846883075 51.53619096777229913, 5.0945034764271826 51.5381787665663893, 5.09601905581098702 51.5388274791203429, 5.0977201165922823 51.53637737618969794)))</t>
  </si>
  <si>
    <t>MultiPolygon (((5.0987521862204721 51.54076936099990291, 5.10067701473800028 51.54003982870962375, 5.09934847313802564 51.53959065547790885, 5.09601905581098702 51.5388274791203429, 5.0945034764271826 51.5381787665663893, 5.09010687142726681 51.53942105494757442, 5.09127478986069804 51.53980298836189888, 5.09655149339461566 51.541537654320841, 5.0987521862204721 51.54076936099990291, 5.0987521862204721 51.54076936099990291)))</t>
  </si>
  <si>
    <t>MultiPolygon (((5.10136796244903223 51.5456207176585437, 5.10126061903585359 51.54177322860179089, 5.10067701473800028 51.54003982870962375, 5.0987521862204721 51.54076936099990291, 5.09958542515591429 51.54678142884888103, 5.09982661799185522 51.54689249252556493, 5.10136796244903223 51.5456207176585437)))</t>
  </si>
  <si>
    <t>MultiPolygon (((5.0987521862204721 51.54076936099990291, 5.09655149339461566 51.541537654320841, 5.09508660206580455 51.54318321573300921, 5.09416130617102247 51.54427893686221296, 5.09958542515591429 51.54678142884888103, 5.0987521862204721 51.54076936099990291)))</t>
  </si>
  <si>
    <t>MultiPolygon (((5.09655149339461566 51.541537654320841, 5.09127478986069804 51.53980298836189888, 5.09038371958423319 51.54185027948332021, 5.09508660206580455 51.54318321573300921, 5.09655149339461566 51.541537654320841, 5.09655149339461566 51.541537654320841)))</t>
  </si>
  <si>
    <t>MultiPolygon (((5.09508660206580455 51.54318321573300921, 5.09038371958423319 51.54185027948332021, 5.09127478986069804 51.53980298836189888, 5.09010687142726681 51.53942105494757442, 5.08519552127134755 51.54024295072385797, 5.08265019719926237 51.54064350698286745, 5.08301710745892255 51.54360093324277869, 5.08968855254313635 51.54329580398766808, 5.09416130617102247 51.54427893686221296, 5.09508660206580455 51.54318321573300921, 5.09508660206580455 51.54318321573300921)))</t>
  </si>
  <si>
    <t>MultiPolygon (((5.11118862645685912 51.54574451108653221, 5.11348655680486441 51.54234964939477237, 5.11366079736302659 51.5410070621827785, 5.11252094626349418 51.54002326877534301, 5.10982058330153421 51.53938317454063167, 5.10609689586229454 51.53742697758654856, 5.10456019706439701 51.53810827927150484, 5.10749573693716741 51.54044865192780378, 5.10728637133991192 51.54285666161582213, 5.10640944124291618 51.54345487516315671, 5.10956446807932974 51.54791822971492365, 5.11076473765168338 51.54821359137920211, 5.11118862645685912 51.54574451108653221)))</t>
  </si>
  <si>
    <t>MultiPolygon (((5.10728637133991192 51.54285666161582213, 5.10749573693716741 51.54044865192780378, 5.10456019706439701 51.53810827927150484, 5.10292910653613951 51.53853212165344644, 5.10054998361283207 51.5381557095585805, 5.09934847313802564 51.53959065547790885, 5.10067701473800028 51.54003982870962375, 5.10126061903585359 51.54177322860179089, 5.10319512612816784 51.54312184743470482, 5.1045999870933576 51.54231783659661659, 5.10640944124291618 51.54345487516315671, 5.10728637133991192 51.54285666161582213)))</t>
  </si>
  <si>
    <t>MultiPolygon (((5.11820345392395915 51.54688601515785962, 5.11879947923708212 51.54591897465773087, 5.11348655680486441 51.54234964939477237, 5.11118862645685912 51.54574451108653221, 5.11076473765168338 51.54821359137920211, 5.10992366227966599 51.55151536047129213, 5.10985812670549944 51.55156825605461535, 5.11459996598837918 51.55275525711094531, 5.11820345392395915 51.54688601515785962, 5.11820345392395915 51.54688601515785962)))</t>
  </si>
  <si>
    <t>MultiPolygon (((5.11076473765168338 51.54821359137920211, 5.10956446807932974 51.54791822971492365, 5.10640944124291618 51.54345487516315671, 5.1045999870933576 51.54231783659661659, 5.10319512612816784 51.54312184743470482, 5.10126061903585359 51.54177322860179089, 5.10136796244903223 51.5456207176585437, 5.09982661799185522 51.54689249252556493, 5.10013781070592565 51.54703683281249482, 5.10408374369918594 51.54886683680226866, 5.10992366227966599 51.55151536047129213, 5.11076473765168338 51.54821359137920211, 5.11076473765168338 51.54821359137920211)))</t>
  </si>
  <si>
    <t>MultiPolygon (((5.12886203209847924 51.55983963792630931, 5.12304220479395944 51.55673766352491327, 5.12176381556516347 51.55431317435534311, 5.12438445448877555 51.55161535447948751, 5.11820345392395915 51.54688601515785962, 5.11459996598837918 51.55275525711094531, 5.11311785929110751 51.55522130636028777, 5.11198107154065262 51.55711260689059827, 5.11112872455973744 51.55853054294312443, 5.10899946088419199 51.56222754157661825, 5.10981822592213852 51.56241609965660189, 5.12658096797691698 51.56662552723746984, 5.12886203209847924 51.55983963792630931)))</t>
  </si>
  <si>
    <t>MultiPolygon (((5.10899946088419199 51.56222754157661825, 5.10661293992922083 51.56175417880872658, 5.10355370580265078 51.56123035609150662, 5.10318111931899576 51.561897406959595, 5.10831726525929231 51.56329478312351711, 5.10899946088419199 51.56222754157661825, 5.10899946088419199 51.56222754157661825)))</t>
  </si>
  <si>
    <t>MultiPolygon (((5.10831726525929231 51.56329478312351711, 5.10318111931899576 51.561897406959595, 5.10145127644691154 51.56421147212435585, 5.10643341652408278 51.56590900837104385, 5.10831726525929231 51.56329478312351711, 5.10831726525929231 51.56329478312351711)))</t>
  </si>
  <si>
    <t>MultiPolygon (((5.10643341652408278 51.56590900837104385, 5.10145127644691154 51.56421147212435585, 5.10051858580967465 51.56553254246421858, 5.10044176730777377 51.56570001029500361, 5.09830385389856922 51.5685531818172862, 5.09648801652783234 51.57024062322919633, 5.10076767678240373 51.57072232206409979, 5.10643341652408278 51.56590900837104385, 5.10643341652408278 51.56590900837104385)))</t>
  </si>
  <si>
    <t>MultiPolygon (((5.10076767678240373 51.57072232206409979, 5.09648801652783234 51.57024062322919633, 5.09357946012512031 51.57289386922498409, 5.09654909283418078 51.57419781666906999, 5.10076767678240373 51.57072232206409979, 5.10076767678240373 51.57072232206409979)))</t>
  </si>
  <si>
    <t>MultiPolygon (((5.09654909283418078 51.57419781666906999, 5.09357946012512031 51.57289386922498409, 5.09348865189083 51.57297700186754952, 5.08841011054234293 51.57606552487102647, 5.09067361144488562 51.57810911709213286, 5.09654909283418078 51.57419781666906999)))</t>
  </si>
  <si>
    <t>MultiPolygon (((5.09067361144488562 51.57810911709213286, 5.08841011054234293 51.57606552487102647, 5.08602256644059469 51.57678251956085091, 5.07732294539458007 51.5764746484149228, 5.07383782546579187 51.57632693808099589, 5.07222876764086372 51.57616520694021744, 5.07265745660280754 51.57797781504002188, 5.0734453419936143 51.57791328036792322, 5.08460712027082451 51.57896737524659869, 5.09067361144488562 51.57810911709213286)))</t>
  </si>
  <si>
    <t>MultiPolygon (((5.07265745660280754 51.57797781504002188, 5.07222876764086372 51.57616520694021744, 5.06643028379329685 51.57557281751962108, 5.06630354461646171 51.5755598587892834, 5.06624452698747518 51.57864204750306669, 5.07265745660280754 51.57797781504002188, 5.07265745660280754 51.57797781504002188)))</t>
  </si>
  <si>
    <t>MultiPolygon (((5.08699420993565798 51.5618400115574218, 5.09177588372156364 51.56164551318067879, 5.09207638567214183 51.56093861361243569, 5.09152212525651304 51.5598997525546423, 5.07733698136222511 51.56118264867468071, 5.07747199428653673 51.56191417041389258, 5.08012024348409685 51.56186531719730937, 5.08699420993565798 51.5618400115574218)))</t>
  </si>
  <si>
    <t>MultiPolygon (((5.07745287398734035 51.56201534099481876, 5.07747199428653673 51.56191417041389258, 5.07733698136222511 51.56118264867468071, 5.07445525229759475 51.56154917473264021, 5.0745754167883188 51.56214964154320768, 5.07745287398734035 51.56201534099481876, 5.07745287398734035 51.56201534099481876)))</t>
  </si>
  <si>
    <t>MultiPolygon (((5.08830985450310713 51.56752782930990975, 5.09177588372156364 51.56164551318067879, 5.08699420993565798 51.5618400115574218, 5.08751933627476838 51.5643952403758874, 5.08563021906406298 51.56647716160929207, 5.08674914926167787 51.56782326894922619, 5.08830985450310713 51.56752782930990975, 5.08830985450310713 51.56752782930990975)))</t>
  </si>
  <si>
    <t>MultiPolygon (((5.08674914926167787 51.56782326894922619, 5.08563021906406298 51.56647716160929207, 5.08751933627476838 51.5643952403758874, 5.08699420993565798 51.5618400115574218, 5.08012024348409685 51.56186531719730937, 5.08055526694688009 51.56524894209426435, 5.0826750171483992 51.56570472257742921, 5.08183124861863966 51.5672030603884437, 5.08255707132086343 51.56740763837814256, 5.08574620575018965 51.56782044534572407, 5.08674914926167787 51.56782326894922619, 5.08674914926167787 51.56782326894922619)))</t>
  </si>
  <si>
    <t>MultiPolygon (((5.0826750171483992 51.56570472257742921, 5.08055526694688009 51.56524894209426435, 5.08012024348409685 51.56186531719730937, 5.07747199428653673 51.56191417041389258, 5.07745287398734035 51.56201534099481876, 5.07724268635850517 51.56715720058760866, 5.08183124861863966 51.5672030603884437, 5.0826750171483992 51.56570472257742921)))</t>
  </si>
  <si>
    <t>MultiPolygon (((5.10145127644691154 51.56421147212435585, 5.10318111931899576 51.561897406959595, 5.10355370580265078 51.56123035609150662, 5.10062185046545746 51.56065389416797728, 5.09760495954693837 51.56390057654921577, 5.10051858580967465 51.56553254246421858, 5.10145127644691154 51.56421147212435585, 5.10145127644691154 51.56421147212435585)))</t>
  </si>
  <si>
    <t>MultiPolygon (((5.10062185046545746 51.56065389416797728, 5.0982934116764671 51.56022150970915874, 5.09152212525651304 51.5598997525546423, 5.09207638567214183 51.56093861361243569, 5.09240463677182742 51.5609342461310689, 5.09760495954693837 51.56390057654921577, 5.10062185046545746 51.56065389416797728, 5.10062185046545746 51.56065389416797728)))</t>
  </si>
  <si>
    <t>MultiPolygon (((5.10044176730777377 51.56570001029500361, 5.10051858580967465 51.56553254246421858, 5.09760495954693837 51.56390057654921577, 5.09240463677182742 51.5609342461310689, 5.09514877807661293 51.56686232116719992, 5.10044176730777377 51.56570001029500361, 5.10044176730777377 51.56570001029500361)))</t>
  </si>
  <si>
    <t>MultiPolygon (((5.10044176730777377 51.56570001029500361, 5.09514877807661293 51.56686232116719992, 5.0944567233535567 51.56739494779066746, 5.09830385389856922 51.5685531818172862, 5.10044176730777377 51.56570001029500361, 5.10044176730777377 51.56570001029500361)))</t>
  </si>
  <si>
    <t>MultiPolygon (((5.0944567233535567 51.56739494779066746, 5.09514877807661293 51.56686232116719992, 5.09240463677182742 51.5609342461310689, 5.09207638567214183 51.56093861361243569, 5.09177588372156364 51.56164551318067879, 5.08830985450310713 51.56752782930990975, 5.0944567233535567 51.56739494779066746, 5.0944567233535567 51.56739494779066746)))</t>
  </si>
  <si>
    <t>MultiPolygon (((5.09357946012512031 51.57289386922498409, 5.09648801652783234 51.57024062322919633, 5.09830385389856922 51.5685531818172862, 5.0944567233535567 51.56739494779066746, 5.09042287554703599 51.57159563675236313, 5.08988605241992875 51.57222420634408167, 5.09348865189083 51.57297700186754952, 5.09357946012512031 51.57289386922498409, 5.09357946012512031 51.57289386922498409)))</t>
  </si>
  <si>
    <t>MultiPolygon (((5.0944567233535567 51.56739494779066746, 5.08830985450310713 51.56752782930990975, 5.08674914926167787 51.56782326894922619, 5.08574620575018965 51.56782044534572407, 5.08659210829436947 51.5685033598003173, 5.09042287554703599 51.57159563675236313, 5.0944567233535567 51.56739494779066746, 5.0944567233535567 51.56739494779066746)))</t>
  </si>
  <si>
    <t>MultiPolygon (((5.08841011054234293 51.57606552487102647, 5.09348865189083 51.57297700186754952, 5.08988605241992875 51.57222420634408167, 5.08497796820488102 51.57580805427652848, 5.08602256644059469 51.57678251956085091, 5.08841011054234293 51.57606552487102647, 5.08841011054234293 51.57606552487102647)))</t>
  </si>
  <si>
    <t>MultiPolygon (((5.08988605241992875 51.57222420634408167, 5.09042287554703599 51.57159563675236313, 5.08659210829436947 51.5685033598003173, 5.08356740256604045 51.57332905488915742, 5.08345575144113138 51.57530058543258633, 5.08497796820488102 51.57580805427652848, 5.08988605241992875 51.57222420634408167, 5.08988605241992875 51.57222420634408167)))</t>
  </si>
  <si>
    <t>MultiPolygon (((5.08659210829436947 51.5685033598003173, 5.08574620575018965 51.56782044534572407, 5.08255707132086343 51.56740763837814256, 5.08356740256604045 51.57332905488915742, 5.08659210829436947 51.5685033598003173, 5.08659210829436947 51.5685033598003173)))</t>
  </si>
  <si>
    <t>MultiPolygon (((5.08356740256604045 51.57332905488915742, 5.08255707132086343 51.56740763837814256, 5.08183124861863966 51.5672030603884437, 5.07724268635850517 51.56715720058760866, 5.07559839030790005 51.56792874921618619, 5.08055310688084649 51.57274505463644942, 5.08345575144113138 51.57530058543258633, 5.08356740256604045 51.57332905488915742, 5.08356740256604045 51.57332905488915742)))</t>
  </si>
  <si>
    <t>MultiPolygon (((5.08602256644059469 51.57678251956085091, 5.08497796820488102 51.57580805427652848, 5.08345575144113138 51.57530058543258633, 5.08055310688084649 51.57274505463644942, 5.07940850155222812 51.57380469456552419, 5.07732294539458007 51.5764746484149228, 5.08602256644059469 51.57678251956085091, 5.08602256644059469 51.57678251956085091)))</t>
  </si>
  <si>
    <t>MultiPolygon (((5.08055310688084649 51.57274505463644942, 5.07559839030790005 51.56792874921618619, 5.07409366675128659 51.56855044818949807, 5.07315152725476803 51.57183364172615114, 5.07940850155222812 51.57380469456552419, 5.08055310688084649 51.57274505463644942, 5.08055310688084649 51.57274505463644942)))</t>
  </si>
  <si>
    <t>MultiPolygon (((5.07277491926927038 51.57218761851068223, 5.07315152725476803 51.57183364172615114, 5.07409366675128659 51.56855044818949807, 5.06936522992615846 51.56681590785181868, 5.0693405174812991 51.56799566422954939, 5.06819726658793002 51.56834728847108806, 5.06849620772179144 51.57315898192748449, 5.06934789795781349 51.57383924146635223, 5.07277491926927038 51.57218761851068223, 5.07277491926927038 51.57218761851068223)))</t>
  </si>
  <si>
    <t>MultiPolygon (((5.06934789795781349 51.57383924146635223, 5.06849620772179144 51.57315898192748449, 5.06819726658793002 51.56834728847108806, 5.0693405174812991 51.56799566422954939, 5.06936522992615846 51.56681590785181868, 5.06917708702676251 51.56675765325702798, 5.06575729596187685 51.56625926663260628, 5.06630354461646171 51.5755598587892834, 5.06643028379329685 51.57557281751962108, 5.06934789795781349 51.57383924146635223, 5.06934789795781349 51.57383924146635223)))</t>
  </si>
  <si>
    <t>MultiPolygon (((5.07940850155222812 51.57380469456552419, 5.07315152725476803 51.57183364172615114, 5.07277491926927038 51.57218761851068223, 5.07383782546579187 51.57632693808099589, 5.07732294539458007 51.5764746484149228, 5.07940850155222812 51.57380469456552419, 5.07940850155222812 51.57380469456552419)))</t>
  </si>
  <si>
    <t>MultiPolygon (((5.07277491926927038 51.57218761851068223, 5.06934789795781349 51.57383924146635223, 5.06643028379329685 51.57557281751962108, 5.07222876764086372 51.57616520694021744, 5.07383782546579187 51.57632693808099589, 5.07277491926927038 51.57218761851068223, 5.07277491926927038 51.57218761851068223)))</t>
  </si>
  <si>
    <t>MultiPolygon (((5.07186861567065606 51.56395501686206018, 5.07355092313452616 51.56382205067682634, 5.0745754167883188 51.56214964154320768, 5.07445525229759475 51.56154917473264021, 5.06518080794303671 51.56289183343442772, 5.06575729596187685 51.56625926663260628, 5.06917708702676251 51.56675765325702798, 5.07186861567065606 51.56395501686206018)))</t>
  </si>
  <si>
    <t>MultiPolygon (((5.07409366675128659 51.56855044818949807, 5.07559839030790005 51.56792874921618619, 5.07724268635850517 51.56715720058760866, 5.07745287398734035 51.56201534099481876, 5.0745754167883188 51.56214964154320768, 5.07355092313452616 51.56382205067682634, 5.07186861567065606 51.56395501686206018, 5.06917708702676251 51.56675765325702798, 5.06936522992615846 51.56681590785181868, 5.07409366675128659 51.56855044818949807, 5.07409366675128659 51.56855044818949807)))</t>
  </si>
  <si>
    <t>MultiPolygon (((5.09152212525651304 51.5598997525546423, 5.09128995622118286 51.55955811791911003, 5.08403383667823761 51.56014677733063678, 5.07812961040940447 51.56008447214553314, 5.07708621244280778 51.56033127069245836, 5.07733698136222511 51.56118264867468071, 5.09152212525651304 51.5598997525546423)))</t>
  </si>
  <si>
    <t>MultiPolygon (((5.07733698136222511 51.56118264867468071, 5.07708621244280778 51.56033127069245836, 5.07430383113630157 51.560439183095788, 5.07445525229759475 51.56154917473264021, 5.07733698136222511 51.56118264867468071, 5.07733698136222511 51.56118264867468071)))</t>
  </si>
  <si>
    <t>MultiPolygon (((5.07445525229759475 51.56154917473264021, 5.07430383113630157 51.560439183095788, 5.07423389836951966 51.56043794427453264, 5.06807131497089269 51.56034412050745885, 5.06464212868397823 51.56051360371902348, 5.06518080794303671 51.56289183343442772, 5.07445525229759475 51.56154917473264021, 5.07445525229759475 51.56154917473264021)))</t>
  </si>
  <si>
    <t>MultiPolygon (((5.07708621244280778 51.56033127069245836, 5.07812961040940447 51.56008447214553314, 5.07827713229338151 51.55526849729924521, 5.07569872035637459 51.55536403742723905, 5.07412304222382904 51.55788533645780092, 5.07423389836951966 51.56043794427453264, 5.07430383113630157 51.560439183095788, 5.07708621244280778 51.56033127069245836, 5.07708621244280778 51.56033127069245836)))</t>
  </si>
  <si>
    <t>MultiPolygon (((5.07412304222382904 51.55788533645780092, 5.07569872035637459 51.55536403742723905, 5.06848603009601284 51.55589781570918007, 5.06807131497089269 51.56034412050745885, 5.07423389836951966 51.56043794427453264, 5.07412304222382904 51.55788533645780092)))</t>
  </si>
  <si>
    <t>MultiPolygon (((5.06807131497089269 51.56034412050745885, 5.06848603009601284 51.55589781570918007, 5.06842662003508337 51.55590220201722929, 5.06381277777731409 51.55624560911058296, 5.06464212868397823 51.56051360371902348, 5.06807131497089269 51.56034412050745885, 5.06807131497089269 51.56034412050745885)))</t>
  </si>
  <si>
    <t>MultiPolygon (((5.07961764073369881 51.55417652962021435, 5.07630337522501751 51.55157747487967157, 5.07364859147903413 51.55093992966332195, 5.06928601688084512 51.54995487396868725, 5.06923333216927396 51.55260928094524076, 5.07961764073369881 51.55417652962021435)))</t>
  </si>
  <si>
    <t>MultiPolygon (((5.06848603009601284 51.55589781570918007, 5.07569872035637459 51.55536403742723905, 5.07827713229338151 51.55526849729924521, 5.08061407915558494 51.55499835488119942, 5.07982254174290748 51.55431595221046592, 5.07961764073369881 51.55417652962021435, 5.06923333216927396 51.55260928094524076, 5.06923112153734667 51.55261818269849527, 5.06900235690500267 51.55359653358556926, 5.06842662003508337 51.55590220201722929, 5.06848603009601284 51.55589781570918007, 5.06848603009601284 51.55589781570918007)))</t>
  </si>
  <si>
    <t>MultiPolygon (((5.07729568733421388 51.54916688732211583, 5.07774761692991028 51.547150507013626, 5.06960243813517231 51.5483665199245138, 5.06772049369661115 51.54866586547716878, 5.06829737133600844 51.54912549388977538, 5.06928601688084512 51.54995487396868725, 5.07364859147903413 51.55093992966332195, 5.07729568733421388 51.54916688732211583)))</t>
  </si>
  <si>
    <t>MultiPolygon (((5.08116828256502551 51.55335794749827016, 5.08007418866134142 51.55249513372761783, 5.07998543456909601 51.55040643034664072, 5.08057788606869565 51.54704094974255923, 5.07774761692991028 51.547150507013626, 5.07729568733421388 51.54916688732211583, 5.07364859147903413 51.55093992966332195, 5.07630337522501751 51.55157747487967157, 5.07961764073369881 51.55417652962021435, 5.07982254174290748 51.55431595221046592, 5.08116828256502551 51.55335794749827016, 5.08116828256502551 51.55335794749827016)))</t>
  </si>
  <si>
    <t>MultiPolygon (((5.06036866731017465 51.54489705291580748, 5.06397010446510532 51.54394449622343899, 5.05581942506574222 51.54392979258466312, 5.05419869929659171 51.54464235748085343, 5.05417369171029662 51.54599932433596621, 5.056709334723962 51.54728386432351073, 5.05680545393979841 51.54732907037602274, 5.06036866731017465 51.54489705291580748)))</t>
  </si>
  <si>
    <t>MultiPolygon (((5.06705623942142314 51.54835864947484936, 5.06497296292176102 51.54396826229587703, 5.06397010446510532 51.54394449622343899, 5.06036866731017465 51.54489705291580748, 5.05680545393979841 51.54732907037602274, 5.0601318117934575 51.55012366174333494, 5.06705623942142314 51.54835864947484936, 5.06705623942142314 51.54835864947484936)))</t>
  </si>
  <si>
    <t>MultiPolygon (((5.06537159160840744 51.55157327912392162, 5.06829737133600844 51.54912549388977538, 5.06772049369661115 51.54866586547716878, 5.06705623942142314 51.54835864947484936, 5.0601318117934575 51.55012366174333494, 5.06141907419481996 51.55179895914279342, 5.06537159160840744 51.55157327912392162, 5.06537159160840744 51.55157327912392162)))</t>
  </si>
  <si>
    <t>MultiPolygon (((5.06923333216927396 51.55260928094524076, 5.06928601688084512 51.54995487396868725, 5.06829737133600844 51.54912549388977538, 5.06537159160840744 51.55157327912392162, 5.06923112153734667 51.55261818269849527, 5.06923333216927396 51.55260928094524076, 5.06923333216927396 51.55260928094524076)))</t>
  </si>
  <si>
    <t>MultiPolygon (((5.06923112153734667 51.55261818269849527, 5.06537159160840744 51.55157327912392162, 5.06458572430712195 51.55304704310163544, 5.06900235690500267 51.55359653358556926, 5.06923112153734667 51.55261818269849527, 5.06923112153734667 51.55261818269849527)))</t>
  </si>
  <si>
    <t>MultiPolygon (((5.06458572430712195 51.55304704310163544, 5.06537159160840744 51.55157327912392162, 5.06141907419481996 51.55179895914279342, 5.06336226659010258 51.55477694498269869, 5.06458572430712195 51.55304704310163544, 5.06458572430712195 51.55304704310163544)))</t>
  </si>
  <si>
    <t>MultiPolygon (((5.06842662003508337 51.55590220201722929, 5.06900235690500267 51.55359653358556926, 5.06458572430712195 51.55304704310163544, 5.06336226659010258 51.55477694498269869, 5.06381277777731409 51.55624560911058296, 5.06842662003508337 51.55590220201722929, 5.06842662003508337 51.55590220201722929)))</t>
  </si>
  <si>
    <t>MultiPolygon (((5.08798393532537219 51.54939321717618128, 5.0881922442801848 51.54886408438935064, 5.08430637501642657 51.54612331761202881, 5.08057788606869565 51.54704094974255923, 5.07998543456909601 51.55040643034664072, 5.08703834299072977 51.55147350145586671, 5.08798393532537219 51.54939321717618128, 5.08798393532537219 51.54939321717618128)))</t>
  </si>
  <si>
    <t>MultiPolygon (((5.08057788606869565 51.54704094974255923, 5.08430637501642657 51.54612331761202881, 5.08301710745892255 51.54360093324277869, 5.08020954595379148 51.54379176751842806, 5.07741115275312538 51.54396852736066137, 5.07774761692991028 51.547150507013626, 5.08057788606869565 51.54704094974255923, 5.08057788606869565 51.54704094974255923)))</t>
  </si>
  <si>
    <t>MultiPolygon (((5.07774761692991028 51.547150507013626, 5.07741115275312538 51.54396852736066137, 5.06895490874688015 51.54401236525064434, 5.06960243813517231 51.5483665199245138, 5.07774761692991028 51.547150507013626, 5.07774761692991028 51.547150507013626)))</t>
  </si>
  <si>
    <t>MultiPolygon (((5.06960243813517231 51.5483665199245138, 5.06895490874688015 51.54401236525064434, 5.06497296292176102 51.54396826229587703, 5.06705623942142314 51.54835864947484936, 5.06772049369661115 51.54866586547716878, 5.06960243813517231 51.5483665199245138, 5.06960243813517231 51.5483665199245138)))</t>
  </si>
  <si>
    <t>MultiPolygon (((5.09982661799185522 51.54689249252556493, 5.09958542515591429 51.54678142884888103, 5.09416130617102247 51.54427893686221296, 5.09197472127915596 51.54670771759311521, 5.09618903948985746 51.54727803406338182, 5.09982661799185522 51.54689249252556493, 5.09982661799185522 51.54689249252556493)))</t>
  </si>
  <si>
    <t>MultiPolygon (((5.09416130617102247 51.54427893686221296, 5.08968855254313635 51.54329580398766808, 5.08301710745892255 51.54360093324277869, 5.08430637501642657 51.54612331761202881, 5.09197472127915596 51.54670771759311521, 5.09416130617102247 51.54427893686221296, 5.09416130617102247 51.54427893686221296)))</t>
  </si>
  <si>
    <t>MultiPolygon (((5.09197472127915596 51.54670771759311521, 5.08430637501642657 51.54612331761202881, 5.0881922442801848 51.54886408438935064, 5.09197472127915596 51.54670771759311521, 5.09197472127915596 51.54670771759311521)))</t>
  </si>
  <si>
    <t>MultiPolygon (((5.09260363669858229 51.55097663316769285, 5.09283113876051363 51.54944042456916975, 5.09546194010950426 51.54971159966009253, 5.09618903948985746 51.54727803406338182, 5.09197472127915596 51.54670771759311521, 5.0881922442801848 51.54886408438935064, 5.08798393532537219 51.54939321717618128, 5.08896401220724925 51.55122792431233592, 5.09260363669858229 51.55097663316769285, 5.09260363669858229 51.55097663316769285)))</t>
  </si>
  <si>
    <t>MultiPolygon (((5.08922220215898946 51.55196336932937839, 5.08896401220724925 51.55122792431233592, 5.08798393532537219 51.54939321717618128, 5.08703834299072977 51.55147350145586671, 5.08702135142223977 51.55149859012004043, 5.08922220215898946 51.55196336932937839, 5.08922220215898946 51.55196336932937839)))</t>
  </si>
  <si>
    <t>MultiPolygon (((5.10774617889045146 51.55333009950185641, 5.10962900478900561 51.55175314821304511, 5.10579761380836761 51.55275580656800827, 5.10378091636701736 51.55415081014706402, 5.10616981897011346 51.55501375156904231, 5.10774617889045146 51.55333009950185641, 5.10774617889045146 51.55333009950185641)))</t>
  </si>
  <si>
    <t>MultiPolygon (((5.10962900478900561 51.55175314821304511, 5.10985812670549944 51.55156825605461535, 5.10992366227966599 51.55151536047129213, 5.10408374369918594 51.54886683680226866, 5.10161812664487346 51.5511616031646227, 5.10579761380836761 51.55275580656800827, 5.10962900478900561 51.55175314821304511, 5.10962900478900561 51.55175314821304511)))</t>
  </si>
  <si>
    <t>MultiPolygon (((5.10579761380836761 51.55275580656800827, 5.10161812664487346 51.5511616031646227, 5.10002540340860744 51.55283461620320651, 5.10378091636701736 51.55415081014706402, 5.10579761380836761 51.55275580656800827, 5.10579761380836761 51.55275580656800827)))</t>
  </si>
  <si>
    <t>MultiPolygon (((5.10161812664487346 51.5511616031646227, 5.10408374369918594 51.54886683680226866, 5.10013781070592565 51.54703683281249482, 5.09822203623798664 51.55207847909400698, 5.09798985421947481 51.55238971241905688, 5.09844662477517119 51.55244217552696284, 5.10002540340860744 51.55283461620320651, 5.10161812664487346 51.5511616031646227, 5.10161812664487346 51.5511616031646227)))</t>
  </si>
  <si>
    <t>MultiPolygon (((5.10013781070592565 51.54703683281249482, 5.09982661799185522 51.54689249252556493, 5.09618903948985746 51.54727803406338182, 5.09546194010950426 51.54971159966009253, 5.09283113876051363 51.54944042456916975, 5.09260363669858229 51.55097663316769285, 5.09822203623798664 51.55207847909400698, 5.10013781070592565 51.54703683281249482, 5.10013781070592565 51.54703683281249482)))</t>
  </si>
  <si>
    <t>MultiPolygon (((5.11459996598837918 51.55275525711094531, 5.10985812670549944 51.55156825605461535, 5.10962900478900561 51.55175314821304511, 5.10774617889045146 51.55333009950185641, 5.11311785929110751 51.55522130636028777, 5.11459996598837918 51.55275525711094531, 5.11459996598837918 51.55275525711094531)))</t>
  </si>
  <si>
    <t>MultiPolygon (((5.11311785929110751 51.55522130636028777, 5.10774617889045146 51.55333009950185641, 5.10616981897011346 51.55501375156904231, 5.11198107154065262 51.55711260689059827, 5.11311785929110751 51.55522130636028777, 5.11311785929110751 51.55522130636028777)))</t>
  </si>
  <si>
    <t>MultiPolygon (((5.11112872455973744 51.55853054294312443, 5.11198107154065262 51.55711260689059827, 5.10616981897011346 51.55501375156904231, 5.10516828184105087 51.55623536041936461, 5.10464514244185352 51.5575452984878595, 5.10837958029328298 51.55868929463426298, 5.11112872455973744 51.55853054294312443, 5.11112872455973744 51.55853054294312443)))</t>
  </si>
  <si>
    <t>MultiPolygon (((5.11112872455973744 51.55853054294312443, 5.10837958029328298 51.55868929463426298, 5.10661293992922083 51.56175417880872658, 5.10899946088419199 51.56222754157661825, 5.11112872455973744 51.55853054294312443, 5.11112872455973744 51.55853054294312443)))</t>
  </si>
  <si>
    <t>MultiPolygon (((5.10837958029328298 51.55868929463426298, 5.10464514244185352 51.5575452984878595, 5.10355370580265078 51.56123035609150662, 5.10661293992922083 51.56175417880872658, 5.10837958029328298 51.55868929463426298, 5.10837958029328298 51.55868929463426298)))</t>
  </si>
  <si>
    <t>MultiPolygon (((5.09798985421947481 51.55238971241905688, 5.09822203623798664 51.55207847909400698, 5.09260363669858229 51.55097663316769285, 5.08896401220724925 51.55122792431233592, 5.08922220215898946 51.55196336932937839, 5.08997256464096015 51.55332837289508774, 5.09798985421947481 51.55238971241905688, 5.09798985421947481 51.55238971241905688)))</t>
  </si>
  <si>
    <t>MultiPolygon (((5.09622744363366653 51.55637338914851142, 5.09844662477517119 51.55244217552696284, 5.09798985421947481 51.55238971241905688, 5.08997256464096015 51.55332837289508774, 5.09049523695313155 51.55513953895601276, 5.09105770431104521 51.55720761791498319, 5.09303937211287305 51.55721791419110644, 5.09622744363366653 51.55637338914851142, 5.09622744363366653 51.55637338914851142)))</t>
  </si>
  <si>
    <t>MultiPolygon (((5.10242035778397351 51.55550034119628577, 5.10516828184105087 51.55623536041936461, 5.10616981897011346 51.55501375156904231, 5.10378091636701736 51.55415081014706402, 5.10002540340860744 51.55283461620320651, 5.09844662477517119 51.55244217552696284, 5.09622744363366653 51.55637338914851142, 5.10242035778397351 51.55550034119628577, 5.10242035778397351 51.55550034119628577)))</t>
  </si>
  <si>
    <t>MultiPolygon (((5.10464514244185352 51.5575452984878595, 5.10516828184105087 51.55623536041936461, 5.10242035778397351 51.55550034119628577, 5.09622744363366653 51.55637338914851142, 5.09303937211287305 51.55721791419110644, 5.0982934116764671 51.56022150970915874, 5.10062185046545746 51.56065389416797728, 5.10355370580265078 51.56123035609150662, 5.10464514244185352 51.5575452984878595, 5.10464514244185352 51.5575452984878595)))</t>
  </si>
  <si>
    <t>MultiPolygon (((5.09303937211287305 51.55721791419110644, 5.09105770431104521 51.55720761791498319, 5.09128995622118286 51.55955811791911003, 5.09152212525651304 51.5598997525546423, 5.0982934116764671 51.56022150970915874, 5.09303937211287305 51.55721791419110644)))</t>
  </si>
  <si>
    <t>MultiPolygon (((5.08466467951684908 51.55428146259941258, 5.0858394891116907 51.55421424107849049, 5.08702135142223977 51.55149859012004043, 5.08703834299072977 51.55147350145586671, 5.07998543456909601 51.55040643034664072, 5.08007418866134142 51.55249513372761783, 5.08116828256502551 51.55335794749827016, 5.07982254174290748 51.55431595221046592, 5.08061407915558494 51.55499835488119942, 5.08466467951684908 51.55428146259941258, 5.08466467951684908 51.55428146259941258)))</t>
  </si>
  <si>
    <t>MultiPolygon (((5.08997256464096015 51.55332837289508774, 5.08922220215898946 51.55196336932937839, 5.08702135142223977 51.55149859012004043, 5.0858394891116907 51.55421424107849049, 5.09049523695313155 51.55513953895601276, 5.08997256464096015 51.55332837289508774, 5.08997256464096015 51.55332837289508774)))</t>
  </si>
  <si>
    <t>MultiPolygon (((5.09128995622118286 51.55955811791911003, 5.09105770431104521 51.55720761791498319, 5.09049523695313155 51.55513953895601276, 5.0858394891116907 51.55421424107849049, 5.08466467951684908 51.55428146259941258, 5.08364260635784149 51.55681134939207055, 5.08403383667823761 51.56014677733063678, 5.09128995622118286 51.55955811791911003, 5.09128995622118286 51.55955811791911003)))</t>
  </si>
  <si>
    <t>MultiPolygon (((5.08403383667823761 51.56014677733063678, 5.08364260635784149 51.55681134939207055, 5.08466467951684908 51.55428146259941258, 5.08061407915558494 51.55499835488119942, 5.07827713229338151 51.55526849729924521, 5.07812961040940447 51.56008447214553314, 5.08403383667823761 51.56014677733063678, 5.08403383667823761 51.56014677733063678)))</t>
  </si>
  <si>
    <t>MultiPolygon (((5.22592867241117709 51.61595846636210183, 5.22819240632927862 51.61588915038646519, 5.2369402967655212 51.61813711226803747, 5.23758621278108816 51.61896659527108255, 5.23991553554416534 51.61882512869928519, 5.24198440664207066 51.61792389404879344, 5.24437234014792164 51.61854973926747903, 5.24437202739913477 51.61854955372161413, 5.2398722167995162 51.61588980353088374, 5.23144989363128321 51.60808986038196622, 5.22246595568172634 51.61217205867382063, 5.21486728126493482 51.60817689833034194, 5.21081542163193046 51.60264535539452879, 5.21421076141154405 51.59892906875860774, 5.20686789175329512 51.59606110974588944, 5.20871965470414189 51.59487383625342716, 5.20166564246788621 51.59176681472904136, 5.19527377524793454 51.5950555092142551, 5.19264030022453316 51.59368090173300203, 5.19116853453773075 51.59842223202781497, 5.18688428958481484 51.60175071619530485, 5.18894997645469225 51.60357190588437959, 5.20203422299023011 51.61147712257118769, 5.21071137732662937 51.61558841713455337, 5.22239531132437662 51.62184390890444519, 5.22201022191656339 51.61974811310145128, 5.22395416540909618 51.61830697848833438, 5.2241146128602951 51.6164391524114663, 5.22592867241117709 51.61595846636210183)))</t>
  </si>
  <si>
    <t>MultiPolygon (((5.24757429098140094 51.61701710042262192, 5.26128744589303565 51.61404071023954288, 5.26589242602116414 51.61604795651587807, 5.26882071656932105 51.61253775464717108, 5.26826274409808182 51.61210114500211432, 5.26923950305711397 51.60960873091825363, 5.27566295150390552 51.60774108698247886, 5.27874357759575741 51.60479047856247803, 5.2756645179647137 51.6044054926413267, 5.26865527111121867 51.60091201154114771, 5.26290726176692125 51.5999205710718627, 5.25537959268677568 51.59342414688612166, 5.24863255981063848 51.59043869769986657, 5.24764348964859817 51.58961669393674754, 5.24724135348508014 51.58704048869363845, 5.21418681508611037 51.5855571578870169, 5.21417678587578415 51.58556466651555894, 5.21107576373712877 51.58838081513378171, 5.20902245809023245 51.59102922576118289, 5.204568598937791 51.58904880622212374, 5.20166564246788621 51.59176681472904136, 5.20871965470414189 51.59487383625342716, 5.21314149099862334 51.59544310672225009, 5.23028223204823117 51.59485777839038434, 5.23240228425629983 51.59183768783820057, 5.2419814167535268 51.59479454603395254, 5.23681983980603682 51.6014753357419238, 5.23162154771558274 51.60145042300690221, 5.2303022434323907 51.60078488606608715, 5.23144989363128321 51.60808986038196622, 5.2398722167995162 51.61588980353088374, 5.24437202739913477 51.61854955372161413, 5.24757429098140094 51.61701710042262192)))</t>
  </si>
  <si>
    <t>MultiPolygon (((5.25549956439709565 51.6249284250613627, 5.26042013203006942 51.62110230157481539, 5.26589242602116414 51.61604795651587807, 5.26128744589303565 51.61404071023954288, 5.24757429098140094 51.61701710042262192, 5.24437202739913477 51.61854955372161413, 5.24437234014792164 51.61854973926747903, 5.24666893930205713 51.62083409305452619, 5.2461714108632469 51.62265468573355776, 5.25059694980439229 51.62378219773894727, 5.25084478789611087 51.62259437852250699, 5.25549956439709565 51.6249284250613627)))</t>
  </si>
  <si>
    <t>MultiPolygon (((5.23144989363128321 51.60808986038196622, 5.2303022434323907 51.60078488606608715, 5.2295529712590838 51.59927514668864745, 5.23028223204823117 51.59485777839038434, 5.21314149099862334 51.59544310672225009, 5.20871965470414189 51.59487383625342716, 5.20686789175329512 51.59606110974588944, 5.21421076141154405 51.59892906875860774, 5.21081542163193046 51.60264535539452879, 5.21486728126493482 51.60817689833034194, 5.22246595568172634 51.61217205867382063, 5.23144989363128321 51.60808986038196622)))</t>
  </si>
  <si>
    <t>MultiPolygon (((5.2419814167535268 51.59479454603395254, 5.23240228425629983 51.59183768783820057, 5.23028223204823117 51.59485777839038434, 5.2295529712590838 51.59927514668864745, 5.2303022434323907 51.60078488606608715, 5.23162154771558274 51.60145042300690221, 5.23681983980603682 51.6014753357419238, 5.2419814167535268 51.59479454603395254)))</t>
  </si>
  <si>
    <t>MultiPolygon (((5.18226454951417193 51.57468998384116077, 5.18237805843776389 51.5714862578061215, 5.17478193940942433 51.56839850995158514, 5.17300329438005235 51.57111755688287502, 5.17104353933524497 51.57096290107499215, 5.17554562504024585 51.57222226419668942, 5.18010774355891801 51.57474996008457424, 5.18226454951417193 51.57468998384116077, 5.18226454951417193 51.57468998384116077)))</t>
  </si>
  <si>
    <t>MultiPolygon (((5.19036209816424421 51.58310638320620711, 5.1907717853008819 51.58145876109865924, 5.18769462068930487 51.58077302293484223, 5.18418815457021065 51.5799697361702556, 5.18332105164353685 51.581025248280433, 5.18480621542978781 51.58297522627940879, 5.18852115430863847 51.58403250927928951, 5.19036209816424421 51.58310638320620711, 5.19036209816424421 51.58310638320620711)))</t>
  </si>
  <si>
    <t>MultiPolygon (((5.20166564246788621 51.59176681472904136, 5.204568598937791 51.58904880622212374, 5.20902245809023245 51.59102922576118289, 5.21107576373712877 51.58838081513378171, 5.20827533692160394 51.58736907133233274, 5.20211660280737132 51.58680935938573242, 5.19661363647281149 51.58808441760839969, 5.19116916349016044 51.58812584994642947, 5.19264030022453316 51.59368090173300203, 5.19527377524793454 51.5950555092142551, 5.20166564246788621 51.59176681472904136)))</t>
  </si>
  <si>
    <t>MultiPolygon (((5.17330193287333984 51.58334483865031217, 5.16437715758771887 51.58080109094386501, 5.16143115340952452 51.58666635878254425, 5.16143972871459944 51.58667157344120113, 5.17030471474093822 51.59224120532365276, 5.17145788414157348 51.59295643876251347, 5.17209527438943706 51.5922541012672653, 5.17549288854104006 51.5873650288419725, 5.17068616375076662 51.5853908979150475, 5.17330193287333984 51.58334483865031217)))</t>
  </si>
  <si>
    <t>MultiPolygon (((5.17700762790833036 51.5307827956727067, 5.1768948227907714 51.53020988486602505, 5.17987595739075157 51.52974694239593845, 5.18333914828785502 51.5276672345021467, 5.1802352113693475 51.5238774216237303, 5.1809300329020358 51.5224274547223402, 5.18467365917873924 51.5212873543944383, 5.18040242475406032 51.5179496159221415, 5.17764222467527269 51.51965094328290462, 5.17063196713035378 51.52718180318175456, 5.16971659261186733 51.5280838315870966, 5.17533954365920401 51.53168817545068237, 5.17700762790833036 51.5307827956727067, 5.17700762790833036 51.5307827956727067)))</t>
  </si>
  <si>
    <t>MultiPolygon (((5.22318584255670881 51.54760366693596296, 5.2347913306669378 51.53099436812733813, 5.23084374524310203 51.52093733495674144, 5.22443478957991303 51.51714845112589103, 5.21473235543338465 51.51172626901254148, 5.20303351953115989 51.50994320436513618, 5.19540125288961185 51.50973289161377977, 5.19013848766542818 51.50740865010854463, 5.18428141368437334 51.50790592971175386, 5.18385902945270338 51.50874656100197768, 5.17930608039490448 51.50859765645338939, 5.17647950157123304 51.51131080712987398, 5.17445233193135312 51.51104682313204108, 5.17358157158645415 51.51023902399874288, 5.17020721011986151 51.51113531412435975, 5.16555318330513824 51.5152154050551232, 5.16421204225646946 51.5146798265689867, 5.16088773734816364 51.51729560857646106, 5.15942069241860857 51.51654314057905992, 5.15371373367579277 51.52041387628031543, 5.15917700404792612 51.52389582805775348, 5.16580061314486283 51.51989357105930623, 5.1682296117833717 51.52163553660641782, 5.16447852156349807 51.52448776721153934, 5.17063196713035378 51.52718180318175456, 5.17764222467527269 51.51965094328290462, 5.18040242475406032 51.5179496159221415, 5.18467365917873924 51.5212873543944383, 5.1809300329020358 51.5224274547223402, 5.1802352113693475 51.5238774216237303, 5.18333914828785502 51.5276672345021467, 5.17987595739075157 51.52974694239593845, 5.18197776161663626 51.53515687890012487, 5.17993022330865305 51.53602547089943897, 5.18499256585152057 51.53619923188968954, 5.18399812961492312 51.53763142776395512, 5.18479569291597464 51.5410218437673322, 5.18711665838001945 51.54478523557459368, 5.19275847108479915 51.54531257931937915, 5.19173469733428572 51.54772163147377029, 5.22318584255670881 51.54760366693596296)))</t>
  </si>
  <si>
    <t>MultiPolygon (((5.20186426251157208 51.57927581155767172, 5.19417903066101516 51.57780253349530852, 5.19381758779213243 51.57826662159489217, 5.18910635635441242 51.57654745454497203, 5.18769462068930487 51.58077302293484223, 5.1907717853008819 51.58145876109865924, 5.19942691797756051 51.58342429818154784, 5.20186426251157208 51.57927581155767172, 5.20186426251157208 51.57927581155767172)))</t>
  </si>
  <si>
    <t>MultiPolygon (((5.18910635635441242 51.57654745454497203, 5.18226454951417193 51.57468998384116077, 5.18181947020310307 51.57710434533132116, 5.18058212446002386 51.57914745126728917, 5.18418815457021065 51.5799697361702556, 5.18769462068930487 51.58077302293484223, 5.18910635635441242 51.57654745454497203, 5.18910635635441242 51.57654745454497203)))</t>
  </si>
  <si>
    <t>MultiPolygon (((5.19116916349016044 51.58812584994642947, 5.19661363647281149 51.58808441760839969, 5.20211660280737132 51.58680935938573242, 5.20827533692160394 51.58736907133233274, 5.21107576373712877 51.58838081513378171, 5.21417678587578415 51.58556466651555894, 5.20766353934633042 51.58516609861997182, 5.202774258860698 51.58422553438374791, 5.20177620576185351 51.5863988433312457, 5.19811607233116213 51.58667507847938793, 5.19942691797756051 51.58342429818154784, 5.1907717853008819 51.58145876109865924, 5.19036209816424421 51.58310638320620711, 5.18852115430863847 51.58403250927928951, 5.18480621542978781 51.58297522627940879, 5.18332105164353685 51.581025248280433, 5.18326050647766579 51.5850125647818345, 5.18738909075524202 51.58696830432032243, 5.19116916349016044 51.58812584994642947, 5.19116916349016044 51.58812584994642947)))</t>
  </si>
  <si>
    <t>MultiPolygon (((5.21418681508611037 51.5855571578870169, 5.21475676349717254 51.58366452758912146, 5.21005668501821084 51.58148491140635628, 5.20186426251157208 51.57927581155767172, 5.19942691797756051 51.58342429818154784, 5.19965961569541157 51.58348035753912342, 5.202774258860698 51.58422553438374791, 5.20766353934633042 51.58516609861997182, 5.21417678587578415 51.58556466651555894, 5.21418681508611037 51.5855571578870169, 5.21418681508611037 51.5855571578870169)))</t>
  </si>
  <si>
    <t>MultiPolygon (((5.21934442883373695 51.58181966329761536, 5.22110217625933881 51.57938105011195518, 5.2190892616568858 51.57752649952189472, 5.21515214966402318 51.57654006651331002, 5.21059828800850777 51.57388221874486334, 5.2072352934224444 51.5766089270253616, 5.20918346908868646 51.57700542199706462, 5.21934442883373695 51.58181966329761536, 5.21934442883373695 51.58181966329761536)))</t>
  </si>
  <si>
    <t>MultiPolygon (((5.20918346908868646 51.57700542199706462, 5.2072352934224444 51.5766089270253616, 5.2049814688099536 51.5782114823678981, 5.20186426251157208 51.57927581155767172, 5.21005668501821084 51.58148491140635628, 5.20918346908868646 51.57700542199706462, 5.20918346908868646 51.57700542199706462)))</t>
  </si>
  <si>
    <t>MultiPolygon (((5.19116853453773075 51.59842223202781497, 5.19264030022453316 51.59368090173300203, 5.19116916349016044 51.58812584994642947, 5.18738909075524202 51.58696830432032243, 5.17879128687820867 51.5870398314243559, 5.17629655372691833 51.58652285193913656, 5.17549288854104006 51.5873650288419725, 5.17209527438943706 51.5922541012672653, 5.17227431937757665 51.59316550588724937, 5.17953901967442842 51.59766446326337075, 5.18688428958481484 51.60175071619530485, 5.19116853453773075 51.59842223202781497)))</t>
  </si>
  <si>
    <t>MultiPolygon (((5.19417903066101516 51.57780253349530852, 5.19821850907530081 51.57320198683200374, 5.19579840333354515 51.57229155578526303, 5.19327136434164327 51.57139269929852077, 5.19432068029093585 51.57030428244965492, 5.1935956427661365 51.5700026188818299, 5.19191618542757727 51.57234817991007247, 5.18910635635441242 51.57654745454497203, 5.19381758779213243 51.57826662159489217, 5.19417903066101516 51.57780253349530852)))</t>
  </si>
  <si>
    <t>MultiPolygon (((5.19191618542757727 51.57234817991007247, 5.18932849323873935 51.572319370302246, 5.18271273071585359 51.57072548421233193, 5.18237805843776389 51.5714862578061215, 5.18226454951417193 51.57468998384116077, 5.18910635635441242 51.57654745454497203, 5.19191618542757727 51.57234817991007247, 5.19191618542757727 51.57234817991007247)))</t>
  </si>
  <si>
    <t>MultiPolygon (((5.2049814688099536 51.5782114823678981, 5.2072352934224444 51.5766089270253616, 5.21059828800850777 51.57388221874486334, 5.21155761265083406 51.57338794468715548, 5.20471740590486132 51.56844175507725225, 5.20182326206031842 51.56349441089146524, 5.19803735372525555 51.56805337136474066, 5.19846550454440681 51.56902500568926939, 5.19921341454612662 51.56939811191006839, 5.20270848635707139 51.56866651061736917, 5.20733822816632053 51.57212667638829373, 5.20912474449070562 51.57450927774666383, 5.20703399456741156 51.57648208734282491, 5.19821850907530081 51.57320198683200374, 5.19417903066101516 51.57780253349530852, 5.20186426251157208 51.57927581155767172, 5.2049814688099536 51.5782114823678981)))</t>
  </si>
  <si>
    <t>MultiPolygon (((5.19191618542757727 51.57234817991007247, 5.1935956427661365 51.5700026188818299, 5.19432068029093585 51.57030428244965492, 5.19327136434164327 51.57139269929852077, 5.19579840333354515 51.57229155578526303, 5.19848867474339738 51.56926110021903042, 5.17974332182444819 51.56377313343659097, 5.18265942786885248 51.56797670001987655, 5.18271273071585359 51.57072548421233193, 5.18932849323873935 51.572319370302246, 5.19191618542757727 51.57234817991007247, 5.19191618542757727 51.57234817991007247)))</t>
  </si>
  <si>
    <t>MultiPolygon (((5.18181947020310307 51.57710434533132116, 5.17965110033712328 51.57663771315345258, 5.17432148024331084 51.5737631177675766, 5.17087186831491152 51.5763762366138252, 5.1676840902680965 51.57527446326904652, 5.16721462394979092 51.5761149239134582, 5.18058212446002386 51.57914745126728917, 5.18181947020310307 51.57710434533132116, 5.18181947020310307 51.57710434533132116)))</t>
  </si>
  <si>
    <t>MultiPolygon (((5.17432148024331084 51.5737631177675766, 5.16988085658824037 51.57194009277650082, 5.1676840902680965 51.57527446326904652, 5.17087186831491152 51.5763762366138252, 5.17432148024331084 51.5737631177675766, 5.17432148024331084 51.5737631177675766)))</t>
  </si>
  <si>
    <t>MultiPolygon (((5.18226454951417193 51.57468998384116077, 5.18010774355891801 51.57474996008457424, 5.17554562504024585 51.57222226419668942, 5.17104353933524497 51.57096290107499215, 5.16988085658824037 51.57194009277650082, 5.17432148024331084 51.5737631177675766, 5.17965110033712328 51.57663771315345258, 5.18181947020310307 51.57710434533132116, 5.18226454951417193 51.57468998384116077, 5.18226454951417193 51.57468998384116077)))</t>
  </si>
  <si>
    <t>MultiPolygon (((5.17507926029454524 51.55466827031636967, 5.18067214704109968 51.55380697675065704, 5.18219608276958255 51.54994675049835706, 5.18751404993218124 51.54800417757062547, 5.18953746959471118 51.54931160450951211, 5.19313826499891817 51.54940880652422663, 5.19368899293485686 51.54895146979767873, 5.19173469733428572 51.54772163147377029, 5.19275847108479915 51.54531257931937915, 5.18711665838001945 51.54478523557459368, 5.18479569291597464 51.5410218437673322, 5.18399812961492312 51.53763142776395512, 5.18499256585152057 51.53619923188968954, 5.17993022330865305 51.53602547089943897, 5.17518514128404039 51.53701864990450332, 5.16923737921532478 51.53890099831129135, 5.17237393536056711 51.5402329827179102, 5.17352172680312528 51.54235678034617507, 5.1691522790385811 51.54261091885668122, 5.17000265002415826 51.54678200672672261, 5.17367262232126013 51.54997568570569655, 5.17421581385706197 51.5515513964613632, 5.17328519184491409 51.5541305387027009, 5.17507926029454524 51.55466827031636967, 5.17507926029454524 51.55466827031636967)))</t>
  </si>
  <si>
    <t>MultiPolygon (((5.20177620576185351 51.5863988433312457, 5.202774258860698 51.58422553438374791, 5.19965961569541157 51.58348035753912342, 5.19942691797756051 51.58342429818154784, 5.19811607233116213 51.58667507847938793, 5.20177620576185351 51.5863988433312457, 5.20177620576185351 51.5863988433312457)))</t>
  </si>
  <si>
    <t>MultiPolygon (((5.17993022330865305 51.53602547089943897, 5.18197776161663626 51.53515687890012487, 5.17987595739075157 51.52974694239593845, 5.1768948227907714 51.53020988486602505, 5.17700762790833036 51.5307827956727067, 5.17533954365920401 51.53168817545068237, 5.16971659261186733 51.5280838315870966, 5.17063196713035378 51.52718180318175456, 5.16447852156349807 51.52448776721153934, 5.1682296117833717 51.52163553660641782, 5.16580061314486283 51.51989357105930623, 5.15917700404792612 51.52389582805775348, 5.15371373367579277 51.52041387628031543, 5.15007542707217869 51.52276803953184725, 5.15897262687040481 51.52774567292241414, 5.15965250341489057 51.52732701253139425, 5.16880177836774113 51.53166762581918192, 5.17518514128404039 51.53701864990450332, 5.17993022330865305 51.53602547089943897, 5.17993022330865305 51.53602547089943897)))</t>
  </si>
  <si>
    <t>MultiPolygon (((5.26890006539456035 51.55372662581733323, 5.27327094823710585 51.55282079385564487, 5.27193264415992502 51.54980699471033034, 5.27748736381025019 51.54873672074838709, 5.27688447784348025 51.54486318437557912, 5.26986212450112568 51.54620915814135884, 5.26797121859538908 51.54322547938806309, 5.26336860481867408 51.54423020142186829, 5.26130500451229821 51.54068763316150381, 5.25333065650102071 51.54033268177402505, 5.24949545953654084 51.53163563455161267, 5.24400681997330498 51.52575063054581506, 5.2347913306669378 51.53099436812733813, 5.22318584255670881 51.54760366693596296, 5.22534072478212153 51.54881707569174409, 5.22754471220555494 51.54931702893542678, 5.22816254113635104 51.54844343769392623, 5.26441310900354686 51.55796867911016079, 5.26890006539456035 51.55372662581733323)))</t>
  </si>
  <si>
    <t>MultiPolygon (((5.24720748320568653 51.58677984828935337, 5.24617765726332319 51.57947814236736406, 5.26145460189390679 51.56113043276015162, 5.26441310900354686 51.55796867911016079, 5.22816254113635104 51.54844343769392623, 5.22754471220555494 51.54931702893542678, 5.22534072478212153 51.54881707569174409, 5.22318584255670881 51.54760366693596296, 5.21795747959168121 51.55575450719213393, 5.2066176104060311 51.55676316125441616, 5.18163585170045859 51.55700458079719795, 5.17488421498588291 51.55893872786044341, 5.16662177717236837 51.55619126260127416, 5.15120198857258327 51.54939092193749417, 5.14783593100194636 51.54711795479857983, 5.14116151235944407 51.54953105168378613, 5.13756714346819887 51.55207698969491759, 5.13795519880508156 51.55973708981422732, 5.13913884855926373 51.56132113866868849, 5.14781616061074399 51.56112362019723605, 5.14983471011614036 51.56166389717341048, 5.15329570282488447 51.56364505159854161, 5.16823201340354554 51.56747105386881458, 5.17104353933524497 51.57096290107499215, 5.17300329438005235 51.57111755688287502, 5.17478193940942433 51.56839850995158514, 5.18237805843776389 51.5714862578061215, 5.18271273071585359 51.57072548421233193, 5.18265942786885248 51.56797670001987655, 5.17974332182444819 51.56377313343659097, 5.19848867474339738 51.56926110021903042, 5.19579840333354515 51.57229155578526303, 5.19821850907530081 51.57320198683200374, 5.20703399456741156 51.57648208734282491, 5.20912474449070562 51.57450927774666383, 5.20733822816632053 51.57212667638829373, 5.20270848635707139 51.56866651061736917, 5.19921341454612662 51.56939811191006839, 5.19846550454440681 51.56902500568926939, 5.19803735372525555 51.56805337136474066, 5.20182326206031842 51.56349441089146524, 5.20471740590486132 51.56844175507725225, 5.21155761265083406 51.57338794468715548, 5.21059828800850777 51.57388221874486334, 5.21515214966402318 51.57654006651331002, 5.2190892616568858 51.57752649952189472, 5.22110217625933881 51.57938105011195518, 5.21934442883373695 51.58181966329761536, 5.20918346908868646 51.57700542199706462, 5.21005668501821084 51.58148491140635628, 5.21475676349717254 51.58366452758912146, 5.21418681508611037 51.5855571578870169, 5.24724135348508014 51.58704048869363845, 5.24720748320568653 51.58677984828935337, 5.24720748320568653 51.58677984828935337)))</t>
  </si>
  <si>
    <t>MultiPolygon (((5.16143115340952452 51.58666635878254425, 5.16437715758771887 51.58080109094386501, 5.17330193287333984 51.58334483865031217, 5.16575734551172872 51.57972573948374873, 5.165659852176681 51.57767947859335322, 5.16721462394979092 51.5761149239134582, 5.1676840902680965 51.57527446326904652, 5.16988085658824037 51.57194009277650082, 5.17104353933524497 51.57096290107499215, 5.16823201340354554 51.56747105386881458, 5.15329570282488447 51.56364505159854161, 5.14983471011614036 51.56166389717341048, 5.14781616061074399 51.56112362019723605, 5.13913884855926373 51.56132113866868849, 5.13855134314743811 51.56130875235191269, 5.1373550355856441 51.56258092769178347, 5.13783810846036459 51.56319936988587216, 5.14128522119183984 51.56797359893630528, 5.14309902105640226 51.56814181919111917, 5.14305739853751209 51.56825395533503809, 5.14135878670866298 51.56830279220103819, 5.14267890782338633 51.57036639087390739, 5.14496427144569601 51.57387587347382407, 5.14552000942773091 51.57450559734361661, 5.14675917929018212 51.57543609037900723, 5.14841947185665294 51.57535109346181912, 5.1487882509817684 51.57539110972459895, 5.14748678436166607 51.57556915996553215, 5.14716504244059436 51.57680495867266757, 5.1487695082947651 51.57771326705835691, 5.14883515970970418 51.57829129621816122, 5.15107571217663995 51.58032544275513231, 5.16143115340952452 51.58666635878254425)))</t>
  </si>
  <si>
    <t>MultiPolygon (((5.18738909075524202 51.58696830432032243, 5.18326050647766579 51.5850125647818345, 5.18332105164353685 51.581025248280433, 5.18418815457021065 51.5799697361702556, 5.18058212446002386 51.57914745126728917, 5.1783170645509955 51.58121696124826627, 5.17629655372691833 51.58652285193913656, 5.17879128687820867 51.5870398314243559, 5.18738909075524202 51.58696830432032243)))</t>
  </si>
  <si>
    <t>MultiPolygon (((5.17629655372691833 51.58652285193913656, 5.1783170645509955 51.58121696124826627, 5.18058212446002386 51.57914745126728917, 5.16721462394979092 51.5761149239134582, 5.165659852176681 51.57767947859335322, 5.16575734551172872 51.57972573948374873, 5.17330193287333984 51.58334483865031217, 5.17068616375076662 51.5853908979150475, 5.17549288854104006 51.5873650288419725, 5.17629655372691833 51.58652285193913656, 5.17629655372691833 51.58652285193913656)))</t>
  </si>
  <si>
    <t>MultiPolygon (((5.21795747959168121 51.55575450719213393, 5.22318584255670881 51.54760366693596296, 5.19173469733428572 51.54772163147377029, 5.19368899293485686 51.54895146979767873, 5.19313826499891817 51.54940880652422663, 5.18953746959471118 51.54931160450951211, 5.18751404993218124 51.54800417757062547, 5.18219608276958255 51.54994675049835706, 5.18067214704109968 51.55380697675065704, 5.17507926029454524 51.55466827031636967, 5.17328519184491409 51.5541305387027009, 5.17421581385706197 51.5515513964613632, 5.17367262232126013 51.54997568570569655, 5.17000265002415826 51.54678200672672261, 5.1691522790385811 51.54261091885668122, 5.17352172680312528 51.54235678034617507, 5.17237393536056711 51.5402329827179102, 5.16923737921532478 51.53890099831129135, 5.17518514128404039 51.53701864990450332, 5.16880177836774113 51.53166762581918192, 5.15965250341489057 51.52732701253139425, 5.15897262687040481 51.52774567292241414, 5.15007542707217869 51.52276803953184725, 5.14888765126875381 51.52365777692958204, 5.14745238421889262 51.52226855708216391, 5.14496643371173157 51.5214937722321551, 5.13019611936547548 51.53029788934376398, 5.1354517322554285 51.53358010011907453, 5.13365633082054007 51.53499934863482679, 5.14188090831593136 51.54209214116427518, 5.13869480813197654 51.54595613943349264, 5.1438248141336036 51.54622604545998854, 5.14746978506826292 51.54681012663163386, 5.14783593100194636 51.54711795479857983, 5.15120198857258327 51.54939092193749417, 5.16662177717236837 51.55619126260127416, 5.17488421498588291 51.55893872786044341, 5.18163585170045859 51.55700458079719795, 5.2066176104060311 51.55676316125441616, 5.21795747959168121 51.55575450719213393)))</t>
  </si>
  <si>
    <t>MultiPolygon (((4.8888549095909557 51.58489661856941666, 4.89220418303041971 51.58310701977433865, 4.91228564478553498 51.57941322251897986, 4.90868211018517542 51.56468048678587479, 4.91157128205347782 51.56257902553479511, 4.91082993878569773 51.55897193974494996, 4.90465447576368963 51.55976146941841876, 4.90055901713322495 51.55698006125521005, 4.90145630337941896 51.55610286952764199, 4.90323040116187236 51.55578419701016912, 4.9030659386006672 51.55334538332905936, 4.90133172462254763 51.55365373534811368, 4.90195174726033134 51.54956239067410451, 4.89999254971771769 51.54882644043337336, 4.89892476382714026 51.54941495455562261, 4.89659087324131637 51.54922106572597329, 4.89466097485123353 51.54725986538234395, 4.89468989654183595 51.54403953359015844, 4.89038631583219097 51.54175813138689932, 4.88988969104413762 51.54152986220887556, 4.88986172409238495 51.5415115859185633, 4.88735403906599331 51.54280299064895843, 4.86528399632656683 51.54324627887221766, 4.86265672121362957 51.54077635773727195, 4.85270606319436038 51.54521146077145488, 4.86426113605918253 51.55202014607343131, 4.86454517385369378 51.55350317813248751, 4.86298496522175316 51.55726955759772778, 4.86415069074002204 51.55940271520465501, 4.86731119047427185 51.55886500193224009, 4.86827839839487719 51.55992592749817049, 4.86910534942662743 51.56676173975550626, 4.87168450276129583 51.56711039783674266, 4.87008533666957444 51.57081879929488366, 4.86537027894382845 51.57291726403207122, 4.8642385221296518 51.57908886124154435, 4.86917137501120578 51.57844190152702168, 4.86896610939064178 51.58100243275431751, 4.88962037874350841 51.58881109520078212, 4.8888549095909557 51.58489661856941666, 4.8888549095909557 51.58489661856941666),(4.88310146089752539 51.57690529240019828, 4.88470424414088811 51.57660322985143608, 4.88411183256501147 51.57588469403815878, 4.87853159670327141 51.57340545121311948, 4.87906212563169817 51.57119485483621446, 4.88217769942805901 51.56740455112218768, 4.88525241100106822 51.56676448056147422, 4.88673385818153427 51.56704594942625164, 4.88669215395540313 51.56954347185659771, 4.88438787743081182 51.57288181876563016, 4.88875633542163524 51.57758393181661916, 4.88512721068059808 51.57932776076686565, 4.88310146089752539 51.57690529240019828)))</t>
  </si>
  <si>
    <t>MultiPolygon (((4.88875633542163524 51.57758393181661916, 4.88438787743081182 51.57288181876563016, 4.88669215395540313 51.56954347185659771, 4.88673385818153427 51.56704594942625164, 4.88525241100106822 51.56676448056147422, 4.88217769942805901 51.56740455112218768, 4.87906212563169817 51.57119485483621446, 4.87853159670327141 51.57340545121311948, 4.88411183256501147 51.57588469403815878, 4.88470424414088811 51.57660322985143608, 4.88310146089752539 51.57690529240019828, 4.88512721068059808 51.57932776076686565, 4.88875633542163524 51.57758393181661916)))</t>
  </si>
  <si>
    <t>MultiPolygon (((4.9733995085640208 51.59207397631712411, 4.97233948158119521 51.58515265186817089, 4.97027530879450907 51.57722419556019133, 4.96919736811198387 51.57726895853861038, 4.96677855053325779 51.57366251968910831, 4.9689903226511456 51.57130476150395992, 4.96810107102278575 51.56932184679994435, 4.96783195032651381 51.56872194542838628, 4.96656776269680122 51.56782842268142986, 4.96695444824550414 51.56731130009196562, 4.96418300990992645 51.56524276890862524, 4.95436869142058267 51.56225381818059361, 4.9511453101286973 51.56091753452275839, 4.95123910065711126 51.56887376123564337, 4.94976686936584276 51.57121062917283183, 4.94713016259567073 51.57117332050153635, 4.94600798992903279 51.5726236440307062, 4.94639103250597678 51.57343381474795052, 4.94827236242253043 51.57308442193934894, 4.94869017576020198 51.57174287331386608, 4.94955336041780658 51.57153051212929284, 4.95178974781474679 51.56982063525516224, 4.95290997575917835 51.56981954544075819, 4.95913339770725248 51.57210561297330287, 4.95937588669967777 51.57327146150639408, 4.95497428376432936 51.57334005238273278, 4.9505111618071922 51.57575287190815061, 4.94738821155197517 51.57547344731476358, 4.94605402794970317 51.5746895563809602, 4.94586046429187576 51.57647809890536195, 4.9460122960358115 51.58061583731794997, 4.95284813531650947 51.5798046313156604, 4.94621399243070492 51.58092906310726278, 4.94858319305300132 51.59050284879425874, 4.95065815752817606 51.59366246698554903, 4.95486121320473138 51.59374257058104973, 4.95542014330546188 51.59246284881359657, 4.95742148175583797 51.59120284175052262, 4.95883276120729199 51.5915595119835757, 4.95969874205111694 51.59564220172346438, 4.96507101293198705 51.59610582357763064, 4.9654553651893929 51.59785680154560339, 4.96777428836783397 51.59768545494468128, 4.9728596887462162 51.5973056934675256, 4.9733995085640208 51.59207397631712411)))</t>
  </si>
  <si>
    <t>MultiPolygon (((4.9505111618071922 51.57575287190815061, 4.95497428376432936 51.57334005238273278, 4.95937588669967777 51.57327146150639408, 4.95913339770725248 51.57210561297330287, 4.95290997575917835 51.56981954544075819, 4.95178974781474679 51.56982063525516224, 4.94955336041780658 51.57153051212929284, 4.94869017576020198 51.57174287331386608, 4.94827236242253043 51.57308442193934894, 4.94886286393250341 51.57416029317927553, 4.94605402794970317 51.5746895563809602, 4.94738821155197517 51.57547344731476358, 4.9505111618071922 51.57575287190815061, 4.9505111618071922 51.57575287190815061)))</t>
  </si>
  <si>
    <t>MultiPolygon (((4.89143963531922843 51.5406500027900023, 4.90384005857157401 51.53398595855314568, 4.90288973466046407 51.53341785301338973, 4.89549951824344287 51.53356577529351057, 4.8951847407894622 51.53622566661228888, 4.89185925443240421 51.53696544772139987, 4.88856792780266414 51.53673430084267437, 4.88871018896893084 51.5404410450245436, 4.88986172409238495 51.5415115859185633, 4.88988969104413762 51.54152986220887556, 4.89038631583219097 51.54175813138689932, 4.89143963531922843 51.5406500027900023, 4.89143963531922843 51.5406500027900023)))</t>
  </si>
  <si>
    <t>MultiPolygon (((4.91260666024331361 51.5618431909323931, 4.95118019262563624 51.55804826157120146, 4.95298227767892918 51.55341317063182061, 4.95347903175415372 51.55052834296105146, 4.95339651341663334 51.54755238507635795, 4.95469657862005786 51.54505386076449724, 4.9600143480498593 51.54681650953259719, 4.96695836230318388 51.5457226483452331, 4.97124418327129014 51.54596486182400383, 4.96923604957581944 51.54899380627558259, 4.97845451867071542 51.54481462701052408, 4.97956514784499404 51.54420169220536252, 4.97666553128287781 51.54241851250247919, 4.97546006383119543 51.54013286562535967, 4.97413601029668406 51.53984041130427585, 4.96257274593401299 51.52586441291529695, 4.95664364056836515 51.51867660262145421, 4.91106284389066605 51.51008128556786403, 4.86623244302375735 51.53806660510657167, 4.85456398696219527 51.53392658413711303, 4.85105040267045062 51.53410227457411708, 4.84473893870772798 51.53332769818509007, 4.84506061452414816 51.5284815539919947, 4.84235182020604249 51.52684506611948478, 4.82976632848749698 51.52785880428464083, 4.82926098651356384 51.52968943397194579, 4.83132494671457913 51.52947268100862033, 4.83570386426077814 51.53152660603576862, 4.8367948830997296 51.53277089139294276, 4.8361131593652944 51.53446553593712309, 4.83461654329911639 51.53514853843065424, 4.834859477891988 51.538617545408556, 4.84835744924436085 51.54298437071761896, 4.85181915414406717 51.54468369835333874, 4.85270606319436038 51.54521146077145488, 4.86265672121362957 51.54077635773727195, 4.86528399632656683 51.54324627887221766, 4.88735403906599331 51.54280299064895843, 4.88986172409238495 51.5415115859185633, 4.88871018896893084 51.5404410450245436, 4.88856792780266414 51.53673430084267437, 4.89185925443240421 51.53696544772139987, 4.8951847407894622 51.53622566661228888, 4.89549951824344287 51.53356577529351057, 4.90288973466046407 51.53341785301338973, 4.90384005857157401 51.53398595855314568, 4.89143963531922843 51.5406500027900023, 4.89038631583219097 51.54175813138689932, 4.89468989654183595 51.54403953359015844, 4.89466097485123353 51.54725986538234395, 4.89659087324131637 51.54922106572597329, 4.89892476382714026 51.54941495455562261, 4.89999254971771769 51.54882644043337336, 4.90195174726033134 51.54956239067410451, 4.90133172462254763 51.55365373534811368, 4.9030659386006672 51.55334538332905936, 4.90323040116187236 51.55578419701016912, 4.90145630337941896 51.55610286952764199, 4.90055901713322495 51.55698006125521005, 4.90465447576368963 51.55976146941841876, 4.91082993878569773 51.55897193974494996, 4.91157128205347782 51.56257902553479511, 4.91260666024331361 51.5618431909323931),(4.92930745418892347 51.55057170131367172, 4.93057729511223997 51.5491840107035344, 4.93245145352495218 51.54930578181479461, 4.93469890635177499 51.5483352579855918, 4.93389012308468811 51.54704100147917245, 4.93231155861304416 51.54693556247264752, 4.93086900514697568 51.54468922901102701, 4.92711207884763525 51.54328704535274142, 4.92975517831224064 51.53786259669814029, 4.93290787004898768 51.53852171414384742, 4.93330600125711083 51.54044921313414562, 4.93782857894883875 51.5405898982231534, 4.93867204160112294 51.54041165560347793, 4.93935217934672632 51.53881001798607997, 4.94146861075795574 51.53778222300609713, 4.94390036197253124 51.53760256282661345, 4.94397793919522321 51.53705065421988252, 4.94504922039679951 51.5370816754211134, 4.95131427892128784 51.53830418720163919, 4.95047154611585061 51.5424152297190048, 4.95118804475620689 51.54277959196245007, 4.95217323389108977 51.54180661571239597, 4.95467197656902059 51.54226912010030759, 4.95234965986726827 51.54951995486401728, 4.94597751731126856 51.55162742924007091, 4.9290497688418089 51.55237365871642652, 4.92930745418892347 51.55057170131367172)))</t>
  </si>
  <si>
    <t>MultiPolygon (((4.96412829290654845 51.5499121007220964, 4.96923604957581944 51.54899380627558259, 4.97124418327129014 51.54596486182400383, 4.96695836230318388 51.5457226483452331, 4.9600143480498593 51.54681650953259719, 4.95469657862005786 51.54505386076449724, 4.95339651341663334 51.54755238507635795, 4.95347903175415372 51.55052834296105146, 4.96412829290654845 51.5499121007220964)))</t>
  </si>
  <si>
    <t>MultiPolygon (((4.95131427892128784 51.53830418720163919, 4.94504922039679951 51.5370816754211134, 4.94397793919522321 51.53705065421988252, 4.94390036197253124 51.53760256282661345, 4.94454895413797058 51.54150157074757743, 4.95047154611585061 51.5424152297190048, 4.95131427892128784 51.53830418720163919)))</t>
  </si>
  <si>
    <t>MultiPolygon (((4.95234965986726827 51.54951995486401728, 4.95467197656902059 51.54226912010030759, 4.95217323389108977 51.54180661571239597, 4.95118804475620689 51.54277959196245007, 4.94580318324708568 51.54430509455310272, 4.945520358729806 51.54531220412383163, 4.9439328466545458 51.54531248683653644, 4.94386234250759493 51.5474344803967881, 4.943736249693365 51.54921280187077315, 4.94597751731126856 51.55162742924007091, 4.95234965986726827 51.54951995486401728)))</t>
  </si>
  <si>
    <t>MultiPolygon (((4.94597751731126856 51.55162742924007091, 4.943736249693365 51.54921280187077315, 4.94386234250759493 51.5474344803967881, 4.94150117106652065 51.54688208264543903, 4.9411970272663952 51.54584605069377545, 4.93804528896713268 51.54448316639648198, 4.93389012308468811 51.54704100147917245, 4.93469890635177499 51.5483352579855918, 4.93245145352495218 51.54930578181479461, 4.93057729511223997 51.5491840107035344, 4.92930745418892347 51.55057170131367172, 4.9290497688418089 51.55237365871642652, 4.94597751731126856 51.55162742924007091)))</t>
  </si>
  <si>
    <t>MultiPolygon (((4.93389012308468811 51.54704100147917245, 4.93804528896713268 51.54448316639648198, 4.93996908520188249 51.5409078356257595, 4.93782857894883875 51.5405898982231534, 4.93330600125711083 51.54044921313414562, 4.93290787004898768 51.53852171414384742, 4.92975517831224064 51.53786259669814029, 4.92711207884763525 51.54328704535274142, 4.93086900514697568 51.54468922901102701, 4.93231155861304416 51.54693556247264752, 4.93389012308468811 51.54704100147917245)))</t>
  </si>
  <si>
    <t>MultiPolygon (((4.94580318324708568 51.54430509455310272, 4.95118804475620689 51.54277959196245007, 4.95047154611585061 51.5424152297190048, 4.94454895413797058 51.54150157074757743, 4.94390036197253124 51.53760256282661345, 4.94146861075795574 51.53778222300609713, 4.93935217934672632 51.53881001798607997, 4.93867204160112294 51.54041165560347793, 4.93782857894883875 51.5405898982231534, 4.93996908520188249 51.5409078356257595, 4.94298302307354476 51.54171202174662625, 4.94305432869330463 51.54435775840767064, 4.94580318324708568 51.54430509455310272)))</t>
  </si>
  <si>
    <t>MultiPolygon (((4.9439328466545458 51.54531248683653644, 4.945520358729806 51.54531220412383163, 4.94580318324708568 51.54430509455310272, 4.94305432869330463 51.54435775840767064, 4.94298302307354476 51.54171202174662625, 4.93996908520188249 51.5409078356257595, 4.93804528896713268 51.54448316639648198, 4.9411970272663952 51.54584605069377545, 4.94150117106652065 51.54688208264543903, 4.94386234250759493 51.5474344803967881, 4.9439328466545458 51.54531248683653644)))</t>
  </si>
  <si>
    <t>MultiPolygon (((4.92643762409917851 51.61323416359502403, 4.93731437546615926 51.61139662380190885, 4.93704054708786355 51.6110211472212157, 4.9403119502947721 51.61019844176056637, 4.94359091858645439 51.61002923139375298, 4.94784638671955168 51.6111702924353466, 4.94880768599727894 51.61037668372764387, 4.9611645901553505 51.6061774575738994, 4.96784359628930527 51.60285898937708993, 4.96873683091829133 51.6020574950542894, 4.96777428836783397 51.59768545494468128, 4.9654553651893929 51.59785680154560339, 4.96507101293198705 51.59610582357763064, 4.95969874205111694 51.59564220172346438, 4.95883276120729199 51.5915595119835757, 4.95742148175583797 51.59120284175052262, 4.95542014330546188 51.59246284881359657, 4.95486121320473138 51.59374257058104973, 4.95065815752817606 51.59366246698554903, 4.94858319305300132 51.59050284879425874, 4.94621399243070492 51.58092906310726278, 4.95284813531650947 51.5798046313156604, 4.9460122960358115 51.58061583731794997, 4.93688618918591526 51.58207613574329287, 4.937406253593001 51.58347509338670989, 4.93760487184840358 51.58503586824711817, 4.93384372290108075 51.59059558314138627, 4.93217394053438429 51.59880228289805615, 4.92821636378500916 51.59799128249230193, 4.92556693510899724 51.60094603950598469, 4.91850292941548339 51.60110241736918368, 4.91849898925855022 51.60136742969625345, 4.91744281062872801 51.60854073740416936, 4.91188166509360258 51.61539925513545057, 4.9180805910718135 51.61629452940702123, 4.92643762409917851 51.61323416359502403)))</t>
  </si>
  <si>
    <t>MultiPolygon (((4.9031418514272147 51.58803490539783354, 4.90388841471464154 51.58698792118817522, 4.90724060284993424 51.58264594325815011, 4.91350125433889051 51.58409217427647064, 4.91811458305921256 51.58263302626983915, 4.92008436043130448 51.58000951913757604, 4.92585111163049039 51.57779928068455888, 4.92603355633293027 51.57704060887513009, 4.93974042455551565 51.57450352301010099, 4.94154961747212873 51.57647112587503813, 4.94586046429187576 51.57647809890536195, 4.94605402794970317 51.5746895563809602, 4.94886286393250341 51.57416029317927553, 4.94827236242253043 51.57308442193934894, 4.94639103250597678 51.57343381474795052, 4.94600798992903279 51.5726236440307062, 4.94713016259567073 51.57117332050153635, 4.94976686936584276 51.57121062917283183, 4.95123910065711126 51.56887376123564337, 4.9511453101286973 51.56091753452275839, 4.95118019262563624 51.55804826157120146, 4.91260666024331361 51.5618431909323931, 4.91157128205347782 51.56257902553479511, 4.90868211018517542 51.56468048678587479, 4.91228564478553498 51.57941322251897986, 4.89220418303041971 51.58310701977433865, 4.8888549095909557 51.58489661856941666, 4.88962037874350841 51.58881109520078212, 4.8902455415299837 51.58903605767568479, 4.89990005567821107 51.59266738621445825, 4.8999225448133279 51.59267523176941239, 4.9031418514272147 51.58803490539783354, 4.9031418514272147 51.58803490539783354)))</t>
  </si>
  <si>
    <t>MultiPolygon (((4.93384372290108075 51.59059558314138627, 4.93091268556015461 51.59054005516871655, 4.92821636378500916 51.59799128249230193, 4.93217394053438429 51.59880228289805615, 4.93384372290108075 51.59059558314138627)))</t>
  </si>
  <si>
    <t>MultiPolygon (((4.91931072572512473 51.58470389413322721, 4.9190361635268065 51.58293491045866119, 4.92456441594981786 51.5809522791327808, 4.92537359730005075 51.5787356851034744, 4.92585111163049039 51.57779928068455888, 4.92008436043130448 51.58000951913757604, 4.91811458305921256 51.58263302626983915, 4.91350125433889051 51.58409217427647064, 4.90724060284993424 51.58264594325815011, 4.90388841471464154 51.58698792118817522, 4.91931072572512473 51.58470389413322721, 4.91931072572512473 51.58470389413322721)))</t>
  </si>
  <si>
    <t>MultiPolygon (((4.92139222329606874 51.58439989184946484, 4.92330191878158185 51.58412083671714754, 4.9257947962010622 51.58375408287384545, 4.92611207434125298 51.58229697501881361, 4.92874009843864158 51.57926613408888983, 4.92537359730005075 51.5787356851034744, 4.92456441594981786 51.5809522791327808, 4.9190361635268065 51.58293491045866119, 4.91931072572512473 51.58470389413322721, 4.92139222329606874 51.58439989184946484, 4.92139222329606874 51.58439989184946484)))</t>
  </si>
  <si>
    <t>MultiPolygon (((4.92653654535387453 51.58364438912227712, 4.93688618918591526 51.58207613574329287, 4.9460122960358115 51.58061583731794997, 4.94586046429187576 51.57647809890536195, 4.94154961747212873 51.57647112587503813, 4.93974042455551565 51.57450352301010099, 4.92603355633293027 51.57704060887513009, 4.92585111163049039 51.57779928068455888, 4.92537359730005075 51.5787356851034744, 4.92874009843864158 51.57926613408888983, 4.92611207434125298 51.58229697501881361, 4.9257947962010622 51.58375408287384545, 4.92653654535387453 51.58364438912227712, 4.92653654535387453 51.58364438912227712)))</t>
  </si>
  <si>
    <t>MultiPolygon (((4.937406253593001 51.58347509338670989, 4.93688618918591526 51.58207613574329287, 4.92653654535387453 51.58364438912227712, 4.92726649541388362 51.58501067404048968, 4.937406253593001 51.58347509338670989)))</t>
  </si>
  <si>
    <t>MultiPolygon (((4.93760487184840358 51.58503586824711817, 4.937406253593001 51.58347509338670989, 4.92726649541388362 51.58501067404048968, 4.92653654535387453 51.58364438912227712, 4.9257947962010622 51.58375408287384545, 4.92330191878158185 51.58412083671714754, 4.92315487236549743 51.58434167128991277, 4.92407335048554184 51.58491481653096145, 4.92580798878924409 51.58999460239650148, 4.93091268556015461 51.59054005516871655, 4.93384372290108075 51.59059558314138627, 4.93760487184840358 51.58503586824711817)))</t>
  </si>
  <si>
    <t>MultiPolygon (((4.91416553465532857 51.58854917951706653, 4.91874135884928254 51.58795835046171163, 4.92139222329606874 51.58439989184946484, 4.91931072572512473 51.58470389413322721, 4.90388841471464154 51.58698792118817522, 4.9031418514272147 51.58803490539783354, 4.91134045354135829 51.58958182235028289, 4.91416553465532857 51.58854917951706653, 4.91416553465532857 51.58854917951706653)))</t>
  </si>
  <si>
    <t>MultiPolygon (((4.9232473174027751 51.59335569025503787, 4.92541429075565862 51.59213744431970383, 4.92580798878924409 51.58999460239650148, 4.92407335048554184 51.58491481653096145, 4.92315487236549743 51.58434167128991277, 4.91798277795249561 51.59313794071562853, 4.9232473174027751 51.59335569025503787, 4.9232473174027751 51.59335569025503787)))</t>
  </si>
  <si>
    <t>MultiPolygon (((4.92556693510899724 51.60094603950598469, 4.92821636378500916 51.59799128249230193, 4.93091268556015461 51.59054005516871655, 4.92580798878924409 51.58999460239650148, 4.92541429075565862 51.59213744431970383, 4.9232473174027751 51.59335569025503787, 4.91798277795249561 51.59313794071562853, 4.91720421571830268 51.59339181552891063, 4.91679971733039167 51.59641756642885468, 4.91850292941548339 51.60110241736918368, 4.92556693510899724 51.60094603950598469, 4.92556693510899724 51.60094603950598469)))</t>
  </si>
  <si>
    <t>MultiPolygon (((4.91850292941548339 51.60110241736918368, 4.91679971733039167 51.59641756642885468, 4.91720421571830268 51.59339181552891063, 4.91648094657914925 51.59200817484934021, 4.91134045354135829 51.58958182235028289, 4.9031418514272147 51.58803490539783354, 4.8999225448133279 51.59267523176941239, 4.91378589360403506 51.59809047066144672, 4.911635156528396 51.60006717138264065, 4.9131132945917706 51.60039662937001026, 4.91377507095578103 51.59970727838134508, 4.91626873461322234 51.60001556156537106, 4.91615068222148555 51.60081160178457083, 4.91849898925855022 51.60136742969625345, 4.91850292941548339 51.60110241736918368)))</t>
  </si>
  <si>
    <t>MultiPolygon (((4.91798277795249561 51.59313794071562853, 4.92315487236549743 51.58434167128991277, 4.92330191878158185 51.58412083671714754, 4.92139222329606874 51.58439989184946484, 4.91874135884928254 51.58795835046171163, 4.91416553465532857 51.58854917951706653, 4.91134045354135829 51.58958182235028289, 4.91648094657914925 51.59200817484934021, 4.91720421571830268 51.59339181552891063, 4.91798277795249561 51.59313794071562853, 4.91798277795249561 51.59313794071562853)))</t>
  </si>
  <si>
    <t>MultiPolygon (((5.31095538358852615 51.63367243700830045, 5.31648769920580122 51.61736695040755052, 5.30797023660440992 51.61446674666030532, 5.30283527355743178 51.60887833107786093, 5.30049456187765866 51.60642133613136195, 5.29344029176527897 51.60279676362191736, 5.28642932074984362 51.60302467232569512, 5.28329384608139652 51.6036065587007684, 5.28162992447870216 51.60462316145932959, 5.27874357759575741 51.60479047856247803, 5.27566295150390552 51.60774108698247886, 5.26923950305711397 51.60960873091825363, 5.26826274409808182 51.61210114500211432, 5.26882071656932105 51.61253775464717108, 5.27173395538123657 51.61283572139746667, 5.27080393214390508 51.61443690490465741, 5.27143365343055237 51.61545830631805387, 5.27348516590664662 51.61557833567250952, 5.27583104875570275 51.61576135842778967, 5.27834227617966256 51.61829671366464822, 5.27771801303264798 51.61917980903537284, 5.27978500734297729 51.62016044803971937, 5.28056727587880559 51.62225390577811623, 5.28172414523032963 51.62253352631407921, 5.28552070958449605 51.62292789366970425, 5.29092344520359426 51.62132748754481071, 5.29466710217876368 51.62133487188364001, 5.29507240884149954 51.62289358211435086, 5.29757954676595855 51.62509903517263865, 5.29964578344952297 51.62570946259410931, 5.30433268187101969 51.62492383667729712, 5.30680612285976938 51.62782526578116205, 5.30617606781513196 51.62990428797792219, 5.30827520338279246 51.63303456125320423, 5.31095538358852615 51.63367243700830045),(5.28370912996076658 51.60921589371811535, 5.28251743843803379 51.6053740991913088, 5.29016719360376886 51.60542496492762155, 5.29590007742620994 51.60757327175714693, 5.29852670735621789 51.61310785059352924, 5.29889820923538046 51.61694777486309249, 5.29647881795701192 51.61704238850063575, 5.28857766822686326 51.61462178501700038, 5.28370912996076658 51.60921589371811535)))</t>
  </si>
  <si>
    <t>MultiPolygon (((5.29889820923538046 51.61694777486309249, 5.29852670735621789 51.61310785059352924, 5.29590007742620994 51.60757327175714693, 5.29016719360376886 51.60542496492762155, 5.28251743843803379 51.6053740991913088, 5.28370912996076658 51.60921589371811535, 5.28857766822686326 51.61462178501700038, 5.29647881795701192 51.61704238850063575, 5.29889820923538046 51.61694777486309249, 5.29889820923538046 51.61694777486309249)))</t>
  </si>
  <si>
    <t>MultiPolygon (((5.36529157490095709 51.5615249345651705, 5.36990784502558327 51.56111672199436669, 5.37069729730653478 51.55888457312353523, 5.37536294317335717 51.56062105549992935, 5.37877355181330152 51.56019832050606766, 5.38403283652550169 51.56016037250789452, 5.3885208610871409 51.56111066464771397, 5.4028693052625405 51.55788292117808425, 5.40424663275724537 51.55443135241409891, 5.40423333534288552 51.54829166965383536, 5.38816603488163448 51.54433233278736282, 5.38267497227829139 51.54372844690578148, 5.36852003914680598 51.54352319034298091, 5.36517091183905759 51.54500302669802636, 5.35691077941695148 51.54471657359209757, 5.35084624603812298 51.54423572368163775, 5.34393194437587127 51.54447086559004987, 5.33719339838201456 51.54640272313733362, 5.33313588565885244 51.55110836403132168, 5.32494313686372411 51.5512083706618327, 5.34116236957727075 51.56234883883274023, 5.35014200848601984 51.55256511690057408, 5.35984664465434424 51.56386223484700082, 5.36529157490095709 51.5615249345651705)))</t>
  </si>
  <si>
    <t>MultiPolygon (((5.38621214376323554 51.60086894421949921, 5.38144327891556884 51.59620372761484219, 5.38760845343811923 51.59043091254351765, 5.38959136854172005 51.58967142325776933, 5.38905642063634627 51.58911794412085072, 5.3867015750882512 51.58908123373910826, 5.38526025377332651 51.58958697198023202, 5.38144279565956651 51.58760153553897254, 5.38402727171032236 51.58684545748880623, 5.38966660923782026 51.58348409728350248, 5.38782562119215935 51.58245380800414637, 5.38894869847416036 51.58082731099410978, 5.39368211447983903 51.57994546560057358, 5.39145045362458841 51.57616415413585287, 5.39296725850734404 51.5754300969907078, 5.39595179109642675 51.57660571356262125, 5.40381572875231164 51.57590791034560596, 5.40201503576519571 51.57384190326285278, 5.40249905035874178 51.57171382853336894, 5.39934364629423769 51.57219455265819619, 5.399475792170362 51.56609814289808469, 5.39800942833238384 51.56578144178566703, 5.40008386856858014 51.56240310758541057, 5.40160553214951999 51.56191485598277069, 5.40520130311349956 51.56202764476665124, 5.4028693052625405 51.55788292117808425, 5.3885208610871409 51.56111066464771397, 5.39437685302162695 51.56629264971402904, 5.39607073533138148 51.56915933140953712, 5.39586750778894153 51.57176463345017225, 5.38697712288515795 51.57159615041472733, 5.38070388193185334 51.57003926726096665, 5.38254601257041276 51.57296064441826644, 5.38186692104218967 51.57492883589537058, 5.37784211965343406 51.57438674571378812, 5.3768903499477041 51.57306618665962361, 5.36042200584146489 51.57797782700642841, 5.35842350763024733 51.57725545910049902, 5.35677523653548704 51.57433627974655366, 5.35674559786798543 51.57112959350867953, 5.35902525808915264 51.56863498463195583, 5.36386136247901479 51.56910822600724487, 5.37059442342691007 51.56670407528683597, 5.37105310614163933 51.56582971677194394, 5.36916550310947649 51.56311404526505981, 5.36990784502558327 51.56111672199436669, 5.36529157490095709 51.5615249345651705, 5.35984664465434424 51.56386223484700082, 5.35197548681789481 51.56731681629180741, 5.3504239028566003 51.56869749371938383, 5.3559522760657039 51.58263589999617693, 5.35800900796379675 51.5877846382461982, 5.35744952282402753 51.58934542119980193, 5.3643574320344527 51.59113906262186333, 5.37245275723837423 51.58970695514283733, 5.37519499289568348 51.59289989378739705, 5.37507961910671206 51.59432850437482898, 5.37652037225215729 51.59594377695323431, 5.37930172227818826 51.5958375360791166, 5.38319255628135096 51.5979798175872304, 5.37937834254141389 51.60015064902908222, 5.3783445068146376 51.60254625833544395, 5.38052876178398609 51.60290189900474189, 5.38621214376323554 51.60086894421949921)))</t>
  </si>
  <si>
    <t>MultiPolygon (((5.35197548681789481 51.56731681629180741, 5.35984664465434424 51.56386223484700082, 5.35014200848601984 51.55256511690057408, 5.34116236957727075 51.56234883883274023, 5.34877554142893086 51.56766861493505161, 5.3484419323225838 51.56802158800930158, 5.3504239028566003 51.56869749371938383, 5.35197548681789481 51.56731681629180741, 5.35197548681789481 51.56731681629180741)))</t>
  </si>
  <si>
    <t>MultiPolygon (((5.39607073533138148 51.56915933140953712, 5.39437685302162695 51.56629264971402904, 5.3885208610871409 51.56111066464771397, 5.38403283652550169 51.56016037250789452, 5.37877355181330152 51.56019832050606766, 5.38103717435909523 51.56345429582544426, 5.3785072734204924 51.56472630711364502, 5.38070388193185334 51.57003926726096665, 5.38697712288515795 51.57159615041472733, 5.39586750778894153 51.57176463345017225, 5.39607073533138148 51.56915933140953712, 5.39607073533138148 51.56915933140953712)))</t>
  </si>
  <si>
    <t>MultiPolygon (((5.36042200584146489 51.57797782700642841, 5.3768903499477041 51.57306618665962361, 5.37784211965343406 51.57438674571378812, 5.38186692104218967 51.57492883589537058, 5.38254601257041276 51.57296064441826644, 5.38070388193185334 51.57003926726096665, 5.3785072734204924 51.56472630711364502, 5.38103717435909523 51.56345429582544426, 5.37877355181330152 51.56019832050606766, 5.37536294317335717 51.56062105549992935, 5.37069729730653478 51.55888457312353523, 5.36990784502558327 51.56111672199436669, 5.36916550310947649 51.56311404526505981, 5.37105310614163933 51.56582971677194394, 5.37059442342691007 51.56670407528683597, 5.36386136247901479 51.56910822600724487, 5.35902525808915264 51.56863498463195583, 5.35674559786798543 51.57112959350867953, 5.35677523653548704 51.57433627974655366, 5.35842350763024733 51.57725545910049902, 5.36042200584146489 51.57797782700642841, 5.36042200584146489 51.57797782700642841)))</t>
  </si>
  <si>
    <t>MultiPolygon (((5.32043853676460632 51.57605433912289783, 5.32452825049990697 51.57571868315300634, 5.32847352210006342 51.57635498348630421, 5.34116236957727075 51.56234883883274023, 5.32494313686372411 51.5512083706618327, 5.30839562618972316 51.54597983203577627, 5.29899375141188056 51.54784879878980064, 5.27327094823710585 51.55282079385564487, 5.26890006539456035 51.55372662581733323, 5.26441310900354686 51.55796867911016079, 5.26145460189390679 51.56113043276015162, 5.26364732833454774 51.56258596254511417, 5.30037492109981123 51.57125953612091251, 5.30372156445112264 51.5688072405522675, 5.30690754247127927 51.56869514476251481, 5.30997275660606505 51.56988285730386679, 5.31141648967257041 51.56934251871072661, 5.31881298756354948 51.56927094717067206, 5.31924348272540382 51.57663734871955086, 5.32043853676460632 51.57605433912289783, 5.32043853676460632 51.57605433912289783)))</t>
  </si>
  <si>
    <t>MultiPolygon (((5.31881298756354948 51.56927094717067206, 5.31141648967257041 51.56934251871072661, 5.30997275660606505 51.56988285730386679, 5.31125919214042508 51.57068564907503827, 5.31029006826999339 51.57095720312147336, 5.31012062342035929 51.57199836460917908, 5.31067949922495774 51.57431806831967691, 5.30884913248904944 51.57454803419688005, 5.3093647083584905 51.57633401721636801, 5.31269500681983242 51.5759482691095883, 5.31897102169241176 51.57660151648505575, 5.31924348272540382 51.57663734871955086, 5.31881298756354948 51.56927094717067206)))</t>
  </si>
  <si>
    <t>MultiPolygon (((5.30125379203586 51.58681915057130851, 5.30403966766288182 51.58452233195374248, 5.30521484515328634 51.58343329347123074, 5.30624050098561018 51.57732391914098002, 5.3123046527207114 51.57811729673484535, 5.31897102169241176 51.57660151648505575, 5.31269500681983242 51.5759482691095883, 5.3093647083584905 51.57633401721636801, 5.30884913248904944 51.57454803419688005, 5.31067949922495774 51.57431806831967691, 5.31012062342035929 51.57199836460917908, 5.31029006826999339 51.57095720312147336, 5.31125919214042508 51.57068564907503827, 5.30997275660606505 51.56988285730386679, 5.30690754247127927 51.56869514476251481, 5.30372156445112264 51.5688072405522675, 5.30037492109981123 51.57125953612091251, 5.26364732833454774 51.56258596254511417, 5.26145460189390679 51.56113043276015162, 5.24617765726332319 51.57947814236736406, 5.24720748320568653 51.58677984828935337, 5.30259710501566506 51.5892161482278766, 5.30125379203586 51.58681915057130851)))</t>
  </si>
  <si>
    <t>MultiPolygon (((5.34083373746882017 51.60435001789246456, 5.34138562106210557 51.60146832906535508, 5.34283453374730755 51.60022387897889473, 5.34586686892625718 51.60273791991678394, 5.35098514175063844 51.60396604574268054, 5.35292896258533712 51.60069064649911752, 5.36313833981642141 51.60177909552374587, 5.37413913349032413 51.60173034732653008, 5.3783445068146376 51.60254625833544395, 5.37937834254141389 51.60015064902908222, 5.38319255628135096 51.5979798175872304, 5.37930172227818826 51.5958375360791166, 5.37652037225215729 51.59594377695323431, 5.37507961910671206 51.59432850437482898, 5.37519499289568348 51.59289989378739705, 5.37245275723837423 51.58970695514283733, 5.3643574320344527 51.59113906262186333, 5.35744952282402753 51.58934542119980193, 5.35800900796379675 51.5877846382461982, 5.3559522760657039 51.58263589999617693, 5.35517358894410389 51.5842881854269848, 5.35103563728132947 51.58932424018808405, 5.34274676046812669 51.59554205035779972, 5.33427004569936614 51.60249596783589254, 5.3359635345018539 51.60309326216788151, 5.34083373746882017 51.60435001789246456)))</t>
  </si>
  <si>
    <t>MultiPolygon (((5.33840493376616987 51.62212705570447469, 5.34381093463692114 51.6229715681623702, 5.34317744055765509 51.61686778872050496, 5.33904826977284053 51.61386069946475885, 5.33486264875516447 51.61363979322990758, 5.33213101808435752 51.61113648713274671, 5.3359635345018539 51.60309326216788151, 5.33427004569936614 51.60249596783589254, 5.32553585012689013 51.60827584346932895, 5.32091817825531166 51.60576972729261769, 5.32080396011239287 51.60613903702119387, 5.31507070718741659 51.60439917080169181, 5.31459321270795204 51.6048342597696319, 5.30613823500473547 51.60215349294767861, 5.30911152167730638 51.59986539290460428, 5.30583245125027148 51.59759691784137203, 5.30283527355743178 51.60887833107786093, 5.30797023660440992 51.61446674666030532, 5.31648769920580122 51.61736695040755052, 5.31095538358852615 51.63367243700830045, 5.31773190715987454 51.63463393519379707, 5.33840493376616987 51.62212705570447469)))</t>
  </si>
  <si>
    <t>MultiPolygon (((5.30583245125027148 51.59759691784137203, 5.30320615009990437 51.59589762790465528, 5.30669682137615162 51.59403635265173449, 5.30720620464805037 51.59301312726653066, 5.30428592319652203 51.59214931713813002, 5.30545784772479134 51.58933980545864273, 5.30259710501566506 51.5892161482278766, 5.24720748320568653 51.58677984828935337, 5.24724135348508014 51.58704048869363845, 5.24764348964859817 51.58961669393674754, 5.24863255981063848 51.59043869769986657, 5.25537959268677568 51.59342414688612166, 5.26290726176692125 51.5999205710718627, 5.26865527111121867 51.60091201154114771, 5.2756645179647137 51.6044054926413267, 5.27874357759575741 51.60479047856247803, 5.28162992447870216 51.60462316145932959, 5.28329384608139652 51.6036065587007684, 5.28642932074984362 51.60302467232569512, 5.29344029176527897 51.60279676362191736, 5.30049456187765866 51.60642133613136195, 5.30283527355743178 51.60887833107786093, 5.30583245125027148 51.59759691784137203, 5.30583245125027148 51.59759691784137203)))</t>
  </si>
  <si>
    <t>MultiPolygon (((5.3559522760657039 51.58263589999617693, 5.3504239028566003 51.56869749371938383, 5.3484419323225838 51.56802158800930158, 5.34877554142893086 51.56766861493505161, 5.34116236957727075 51.56234883883274023, 5.32847352210006342 51.57635498348630421, 5.3257441463260653 51.57932964819804766, 5.32816862209233388 51.57994914172439138, 5.33558930927504438 51.57952821261907417, 5.33636785048129436 51.57998444291902729, 5.33398630868810031 51.58226311629042726, 5.33557053456934494 51.5831635250000673, 5.33780002163605793 51.58324959537686283, 5.34105838902094199 51.58113972863504415, 5.34370271974151123 51.58083681308841761, 5.35010521799961758 51.58173758709754253, 5.35517358894410389 51.5842881854269848, 5.3559522760657039 51.58263589999617693, 5.3559522760657039 51.58263589999617693)))</t>
  </si>
  <si>
    <t>MultiPolygon (((5.31918415625001462 51.58480990487895923, 5.3257441463260653 51.57932964819804766, 5.32847352210006342 51.57635498348630421, 5.32452825049990697 51.57571868315300634, 5.32043853676460632 51.57605433912289783, 5.31924348272540382 51.57663734871955086, 5.31897102169241176 51.57660151648505575, 5.3123046527207114 51.57811729673484535, 5.30624050098561018 51.57732391914098002, 5.30521484515328634 51.58343329347123074, 5.30403966766288182 51.58452233195374248, 5.30951594898204782 51.58610218360443156, 5.3125420416628959 51.5889442603466577, 5.31918415625001462 51.58480990487895923)))</t>
  </si>
  <si>
    <t>MultiPolygon (((5.33427004569936614 51.60249596783589254, 5.34274676046812669 51.59554205035779972, 5.34239376444912217 51.59448969031961241, 5.33859864101338299 51.59285282187363464, 5.3295301034605167 51.59192120487612954, 5.32420933526473039 51.5968658355028893, 5.32288699203585391 51.59940045680409071, 5.32091817825531166 51.60576972729261769, 5.32553585012689013 51.60827584346932895, 5.33427004569936614 51.60249596783589254)))</t>
  </si>
  <si>
    <t>MultiPolygon (((5.32091817825531166 51.60576972729261769, 5.32288699203585391 51.59940045680409071, 5.319798248920665 51.59608221775174997, 5.32051917011761955 51.59624245859254899, 5.32055831797478973 51.59538042083212872, 5.31848022556720235 51.59381942265434162, 5.31389114841830779 51.59431073243621313, 5.31200555811855324 51.59759177256167817, 5.30911152167730638 51.59986539290460428, 5.30613823500473547 51.60215349294767861, 5.31459321270795204 51.6048342597696319, 5.31507070718741659 51.60439917080169181, 5.32080396011239287 51.60613903702119387, 5.32091817825531166 51.60576972729261769, 5.32091817825531166 51.60576972729261769)))</t>
  </si>
  <si>
    <t>MultiPolygon (((5.35103563728132947 51.58932424018808405, 5.35517358894410389 51.5842881854269848, 5.35010521799961758 51.58173758709754253, 5.34370271974151123 51.58083681308841761, 5.34105838902094199 51.58113972863504415, 5.33780002163605793 51.58324959537686283, 5.33557053456934494 51.5831635250000673, 5.33398630868810031 51.58226311629042726, 5.33233678646079579 51.58453084983256076, 5.3295301034605167 51.59192120487612954, 5.33859864101338299 51.59285282187363464, 5.34239376444912217 51.59448969031961241, 5.34274676046812669 51.59554205035779972, 5.35103563728132947 51.58932424018808405)))</t>
  </si>
  <si>
    <t>MultiPolygon (((5.31200555811855324 51.59759177256167817, 5.31389114841830779 51.59431073243621313, 5.31848022556720235 51.59381942265434162, 5.32055831797478973 51.59538042083212872, 5.32051917011761955 51.59624245859254899, 5.319798248920665 51.59608221775174997, 5.32288699203585391 51.59940045680409071, 5.32420933526473039 51.5968658355028893, 5.3295301034605167 51.59192120487612954, 5.33233678646079579 51.58453084983256076, 5.33398630868810031 51.58226311629042726, 5.33636785048129436 51.57998444291902729, 5.33558930927504438 51.57952821261907417, 5.32816862209233388 51.57994914172439138, 5.3257441463260653 51.57932964819804766, 5.31918415625001462 51.58480990487895923, 5.3125420416628959 51.5889442603466577, 5.30951594898204782 51.58610218360443156, 5.30403966766288182 51.58452233195374248, 5.30125379203586 51.58681915057130851, 5.30259710501566506 51.5892161482278766, 5.30545784772479134 51.58933980545864273, 5.30428592319652203 51.59214931713813002, 5.30720620464805037 51.59301312726653066, 5.30669682137615162 51.59403635265173449, 5.30320615009990437 51.59589762790465528, 5.30583245125027148 51.59759691784137203, 5.30911152167730638 51.59986539290460428, 5.31200555811855324 51.59759177256167817, 5.31200555811855324 51.59759177256167817)))</t>
  </si>
  <si>
    <t>MultiPolygon (((4.78774548888507923 51.43210174463340678, 4.78906801969481766 51.43000621060745203, 4.7942640258092597 51.42849736814163464, 4.79638866648117457 51.42830951924587879, 4.80026079534712924 51.42911595025915972, 4.80425513782998337 51.42786937122525615, 4.80567194545138143 51.42862234803744315, 4.80770724857051768 51.42719890173766828, 4.80546666273675172 51.42623530733153103, 4.80610821935506127 51.42464367129409908, 4.80397036239949848 51.42064093384224321, 4.81709269276985541 51.41991998514455275, 4.84237316999410083 51.41498244925872285, 4.83952142263453311 51.41455992527949093, 4.82184415667145316 51.41319658740541598, 4.79599768026939355 51.41027203920556587, 4.79306749554679001 51.4094891835382839, 4.79221360732431112 51.41054231172907407, 4.78933429883517459 51.40898701661110692, 4.78031141685333161 51.41203100003409077, 4.77775288268843301 51.41382446581626198, 4.77530652841001046 51.41411280450319765, 4.7733665609152478 51.41344065021041843, 4.77119365295229603 51.41490905724698735, 4.77179561699163912 51.41632230703655893, 4.77073852372759433 51.41662342681636488, 4.76857718507399486 51.41964629012181831, 4.77016164920775498 51.42494141807356556, 4.76661564669377213 51.43050370710896146, 4.76765512573664463 51.43084091047595052, 4.76843885058464689 51.43042268633455905, 4.77412151232405613 51.43162336774203425, 4.78657222640390767 51.43251870094192668, 4.78774548888507923 51.43210174463340678)))</t>
  </si>
  <si>
    <t>MultiPolygon (((4.84801895012278727 51.48029524801503953, 4.85287882469892295 51.47939868816044395, 4.85392942068638877 51.47844194811592189, 4.86195000755431916 51.4776097327354023, 4.87169761442540672 51.47980728215837587, 4.87667527965805991 51.47255178854580038, 4.90575064477042666 51.45633299640324054, 4.89424856177206369 51.45030660612265194, 4.88982550320263609 51.44889093453718232, 4.88857903141552885 51.44615451865867328, 4.87905896486743096 51.44452750543830177, 4.88190417960459477 51.44317217383328256, 4.88535011192282909 51.43975636224284642, 4.88282600858431426 51.43486713014311107, 4.8573283693727376 51.43353680850677989, 4.85815033078050806 51.42873676700790497, 4.84466493447280122 51.42821906881857075, 4.83716040441435258 51.42139183340160713, 4.83825928370845837 51.42173275142695132, 4.83764640985648597 51.42084566663886136, 4.83322606534020949 51.42059184903683189, 4.83021702399614306 51.4212110385087513, 4.82933903025434486 51.42236939681796315, 4.82821157494114495 51.42230399388222395, 4.82855332062135112 51.4234450776696832, 4.82487059082146885 51.43531831496785145, 4.82591726532119303 51.43604439605845613, 4.82336293568219165 51.44861887602709061, 4.82858383566898386 51.45087716408475131, 4.83340146245129354 51.45740234938404001, 4.83540994722079986 51.45854373660149861, 4.83847136322724669 51.45604980535030393, 4.84134997053023497 51.45676925032361027, 4.84402068679880937 51.45906555724329223, 4.83840306918259611 51.46137258590258057, 4.83610890386519188 51.46124548890450257, 4.83694881006128519 51.46797104373020915, 4.83968716693045398 51.47281041856022199, 4.84032712988071356 51.47853464614048136, 4.84187821054009149 51.48073576745608904, 4.84801895012278727 51.48029524801503953),(4.85640013510130686 51.45868276494767457, 4.85389593445039225 51.45858981106980679, 4.85026482139344228 51.45650402671711277, 4.85204576856108094 51.45452000138238446, 4.8529807624515966 51.45450959410791825, 4.85341228714718476 51.45650714148615634, 4.86184833762173074 51.45562190886730036, 4.8668870474428978 51.4536604103524553, 4.86775766727976755 51.4564664104446976, 4.86248951773069482 51.45706714827161932, 4.86186199091909543 51.45892295431855956, 4.85718232161476582 51.45933611266205077, 4.85640013510130686 51.45868276494767457)))</t>
  </si>
  <si>
    <t>MultiPolygon (((4.85718232161476582 51.45933611266205077, 4.86186199091909543 51.45892295431855956, 4.86248951773069482 51.45706714827161932, 4.86775766727976755 51.4564664104446976, 4.8668870474428978 51.4536604103524553, 4.86184833762173074 51.45562190886730036, 4.85341228714718476 51.45650714148615634, 4.8529807624515966 51.45450959410791825, 4.85204576856108094 51.45452000138238446, 4.85026482139344228 51.45650402671711277, 4.85389593445039225 51.45858981106980679, 4.85640013510130686 51.45868276494767457, 4.85718232161476582 51.45933611266205077, 4.85718232161476582 51.45933611266205077)))</t>
  </si>
  <si>
    <t>MultiPolygon (((4.92373638137772929 51.43781493627742663, 4.92232066044007066 51.43768211349956943, 4.92150356028831037 51.43924973879995122, 4.92271373597957318 51.44005213825937517, 4.92236336488312443 51.44025704517886055, 4.92416814697275207 51.44184884661470392, 4.92511767499457953 51.44174195799278237, 4.92434680959916182 51.44113569001722652, 4.92486204115466286 51.4407250313764095, 4.92327760422206762 51.43983433534185679, 4.92480959485548375 51.43909948933394105, 4.92373638137772929 51.43781493627742663)),((4.87238076216534655 51.41150093521964237, 4.86974731256041071 51.41115912218330664, 4.86923337721177862 51.41178570092344557, 4.87057788483425469 51.41274088571096712, 4.87148745337163103 51.4124136716347806, 4.87220737931664516 51.4128846677957867, 4.87310736822998791 51.41241884476502122, 4.87193631480009959 51.41216315859221453, 4.87238076216534655 51.41150093521964237)),((4.93541514580964069 51.43205253303305824, 4.93418044248534926 51.43195192538689042, 4.93411427942817316 51.43342924738500699, 4.93550213370373125 51.43349080795492512, 4.93541514580964069 51.43205253303305824)),((4.93278732380996399 51.43529309257279181, 4.93273308072767058 51.43443152066037527, 4.93125106795919876 51.43466565042064786, 4.93132922843316646 51.43644187291958048, 4.93268486224498393 51.4364695430042147, 4.93278732380996399 51.43529309257279181)),((4.93680288417289237 51.43627031793585047, 4.93545879788479347 51.43618071770168854, 4.93537402997675123 51.43752169776222161, 4.93647832805231346 51.43754646262566155, 4.93680288417289237 51.43627031793585047)),((4.93139187744438612 51.43660562389780466, 4.93090716525874306 51.43672516827886909, 4.93068957230608351 51.43715559983579766, 4.93163246075460293 51.43716926216468011, 4.93139187744438612 51.43660562389780466)),((4.87169761442540672 51.47980728215837587, 4.88307728484431358 51.47730833431260322, 4.89129454447149215 51.47821653320959712, 4.89255664741550156 51.47778367380468012, 4.91704825725964589 51.46804096864790523, 4.91797283426897369 51.46674095442143937, 4.93212181278733208 51.45921296591104266, 4.94163292041257574 51.45713676253024005, 4.94466256752018563 51.4567903451991171, 4.94716217978679307 51.45856872337304821, 4.95671852926287304 51.45973600577403317, 4.97007709320481794 51.4587408882937396, 4.97365368631775606 51.45974289869798213, 4.97477417420176593 51.4606189254739661, 4.97671221705612776 51.46126393486353834, 4.97713494221793606 51.46068163274454577, 5.01046262981310964 51.45824439819057261, 5.00978779896113924 51.4571232271268002, 5.01097695549251476 51.45601147189745461, 5.01051750348455016 51.45392882495708875, 5.00535689648272619 51.44903479619379993, 5.00442603166839373 51.44458139551360176, 4.99836439088059592 51.44058075719820522, 4.96321865538442264 51.42229302212288644, 4.92897864487173898 51.39605087296017416, 4.92789756251513378 51.39973467968362542, 4.92442801902768412 51.39878354709858854, 4.92523569654236759 51.39665092396059975, 4.92785374989610148 51.39543874937200485, 4.92095938506524089 51.39368698248078005, 4.91384890123553486 51.39507680204064144, 4.91780557158110909 51.39684238924083814, 4.92458677926141863 51.39688384986480685, 4.92427552507523369 51.39782036480658434, 4.92326841602266629 51.39855012056091255, 4.91907240130364887 51.39831537451870958, 4.9162612819161815 51.3987167411866821, 4.91781591633233006 51.40051122033530362, 4.91016159403838248 51.40226024833658158, 4.91054824495828601 51.40287520881977912, 4.90857683676252687 51.40460971878106022, 4.90960424460886724 51.40699706615868081, 4.90606079229526948 51.40913873428465308, 4.90569620561916686 51.40990246669908004, 4.90408834853280151 51.40986513058266638, 4.90370172786763803 51.40995516976014557, 4.9048779640568636 51.41190027775341775, 4.90384782364631633 51.41241421062046157, 4.90272680797701543 51.41027599883249621, 4.90008696931263099 51.41060799322443842, 4.9002520804442522 51.41252588129314915, 4.90255862283819699 51.41248545529109748, 4.90318718411042909 51.41355237816549106, 4.90184631414703631 51.41393592420425307, 4.9007098202993653 51.41328090943494544, 4.9011646643910165 51.41408463769053583, 4.89999365025510336 51.41467075018444888, 4.89756148279941428 51.41348496261948497, 4.89828134784050828 51.41280470512203493, 4.89860436563684321 51.41192987235581313, 4.89713276514870177 51.41169319844824059, 4.89645260911628366 51.41284778040009229, 4.89469795681875741 51.41288908318732354, 4.88877359816967605 51.41543228665263143, 4.88696018425016554 51.41505514970506141, 4.88588127086819046 51.41533465509978384, 4.88607043240323158 51.41659861497501538, 4.88300586831599048 51.41648161483030322, 4.88307206421635431 51.41528586512434629, 4.88133106435120823 51.41546623982299025, 4.87979602037055749 51.41436716822776987, 4.87844288354192646 51.4141022700541086, 4.8777488558254305 51.41547022265054068, 4.87355332184671219 51.41475414246865228, 4.87383514709379106 51.41427990024394745, 4.87288483529458727 51.41361773073165864, 4.87125613765112142 51.41386689022731105, 4.86872138248537834 51.41288778708275942, 4.86625504063949421 51.41144441634188667, 4.86649703780100928 51.41070793480567147, 4.86838175482095803 51.40995616415326452, 4.86736640079039606 51.40911358602599535, 4.86646288530973159 51.40971451441362206, 4.86051367107662546 51.4104483495836746, 4.85966779925361436 51.4111274740968156, 4.85981495600742353 51.41301072808106909, 4.85760769750670107 51.41278135466478716, 4.85184669794496148 51.41413418077492281, 4.84982873722932517 51.41429293960692348, 4.84863182541683013 51.41274858076377541, 4.83952142263453311 51.41455992527949093, 4.84237316999410083 51.41498244925872285, 4.81709269276985541 51.41991998514455275, 4.80397036239949848 51.42064093384224321, 4.80610821935506127 51.42464367129409908, 4.80546666273675172 51.42623530733153103, 4.80770724857051768 51.42719890173766828, 4.80835919855767457 51.42643832621052979, 4.81224785415495759 51.42637025502065029, 4.82009937367395302 51.42418697603120847, 4.82106026116969755 51.42279103381507355, 4.82569167036418012 51.42311407719672189, 4.82693367623299618 51.42222868537907488, 4.82645402344991048 51.42114682663286374, 4.83350343259889215 51.41977521504838222, 4.83303345199689716 51.41911355117996152, 4.83473764835968289 51.41839960385870967, 4.835411514251299 51.41921122482558104, 4.83674236258257473 51.41883171559777566, 4.83557949703438794 51.41752745203461927, 4.83642078642133555 51.41727509178888056, 4.8376813888768444 51.41852625531728904, 4.84146931443038753 51.42244220943880606, 4.84100968127943077 51.42257081935231611, 4.83825928370845837 51.42173275142695132, 4.83716040441435258 51.42139183340160713, 4.84466493447280122 51.42821906881857075, 4.85815033078050806 51.42873676700790497, 4.8573283693727376 51.43353680850677989, 4.88282600858431426 51.43486713014311107, 4.88535011192282909 51.43975636224284642, 4.88190417960459477 51.44317217383328256, 4.87905896486743096 51.44452750543830177, 4.88857903141552885 51.44615451865867328, 4.88982550320263609 51.44889093453718232, 4.89424856177206369 51.45030660612265194, 4.90575064477042666 51.45633299640324054, 4.87667527965805991 51.47255178854580038, 4.87169761442540672 51.47980728215837587),(4.93997136122849412 51.43611854846299281, 4.94099871017421766 51.43464211666145047, 4.94275566550074874 51.43511318270384436, 4.94218960925709094 51.43645467029234908, 4.93997136122849412 51.43611854846299281),(4.93997136122849412 51.43611854846299281, 4.93944970693234264 51.43714684371027346, 4.9403620080018289 51.43802017712197028, 4.93988118155428158 51.43944621383607085, 4.93878577491611459 51.43931688592418539, 4.93905317990101356 51.43796543583047765, 4.9364687272796024 51.43779526057621609, 4.93634268037738178 51.43859591983112978, 4.93466026271689362 51.43854877840905715, 4.93489972598877902 51.44085522491300111, 4.93374059316851987 51.44088238525934997, 4.93426960410791082 51.4421127583868838, 4.93810926988385201 51.44190445650233556, 4.93807709835097253 51.44334575561478573, 4.93846779229258193 51.44343504749963358, 4.93888175567397614 51.44186253383035279, 4.94028194540262522 51.44180155527660503, 4.94811092981954292 51.44227138528743382, 4.94633579779969157 51.44397843959674077, 4.9480115542020453 51.44403707062195252, 4.9481446423341291 51.4436974716586235, 4.94987660380477301 51.44365426642939809, 4.94897082434369473 51.44473367411466569, 4.94964776119768235 51.44477727650890841, 4.94962142084659806 51.4453183924822568, 4.94779827902203806 51.4457014062512954, 4.94572896029753828 51.44453185769683046, 4.94455535714694339 51.44772436794423953, 4.94348840464224448 51.44747870254470712, 4.94353297041581197 51.44866368475771878, 4.94599435776137231 51.44909306097897428, 4.94637091317651034 51.44828162802603089, 4.94476140723172986 51.44778412103816123, 4.94637619216492386 51.44737899419584437, 4.94795281462036662 51.44733343260292457, 4.9483496539859626 51.44904126618658324, 4.95071469388539942 51.44945849493305445, 4.95240058135821926 51.45015072118759747, 4.95126288793373703 51.45104265901319707, 4.95275788646543536 51.45163412166099448, 4.95146926392674214 51.45371264770722775, 4.94943225857465219 51.45352525035519875, 4.95062235318466648 51.45164907507197682, 4.94834403201664408 51.45096942878994639, 4.94311204438581431 51.45036168352748263, 4.94304004380571715 51.45082639940637392, 4.94104978810236428 51.45078842676175412, 4.94108105224179095 51.45046045557482728, 4.93794112783459038 51.45040238950529243, 4.93723033906766418 51.44991857153141979, 4.9344407001708106 51.44973725640586082, 4.93373601395033567 51.45182663546574986, 4.93245518453160869 51.45274403703371746, 4.92826394350707542 51.45221071631141285, 4.92769032425186015 51.45148366620573199, 4.91765922752055573 51.44927033438613506, 4.90779932542034381 51.45519263444815294, 4.90359920719023012 51.45330950696973815, 4.90759399874817781 51.45091312992189359, 4.91098186148970939 51.45179678440396032, 4.91718340595346337 51.44834576835211948, 4.91445677248344026 51.44719711355092073, 4.91392189636958854 51.44675974572382415, 4.91509395210733135 51.44405188054501821, 4.91822212475566189 51.44343302056196165, 4.91852455682831291 51.44343908944310328, 4.92154036776059822 51.4421931789812632, 4.91918962438370677 51.44067024092842644, 4.92120065590392208 51.44040395031963442, 4.92021403973583649 51.43954202519652341, 4.9213032948093085 51.43911482650613465, 4.9197972030450563 51.43808578816285149, 4.92072293923057025 51.43730406233981256, 4.91805604445386546 51.43528103539080121, 4.91707690819669896 51.43588572688813088, 4.91501203139291576 51.43535531971394192, 4.91721571947830505 51.43458560562237381, 4.91928661813279433 51.4347709365857213, 4.92255086879090342 51.43400691779625333, 4.92255311644744165 51.43364275159544263, 4.92524556389442036 51.43340939570353498, 4.92496112358811811 51.43387772755627196, 4.92592757119362457 51.43385936128117919, 4.92608452581729317 51.4333964443084497, 4.92784246542910243 51.43122368301878566, 4.92881293837897427 51.43051244018030133, 4.93093349421071192 51.43025689145102319, 4.93359852762716677 51.43102121151154194, 4.93597981606345915 51.42947079757777828, 4.9396973835101079 51.43074255748218349, 4.93993678134870429 51.43411688089064882, 4.93624870103752933 51.43422619263185425, 4.93817098557398104 51.43596646560742869, 4.93997136122849412 51.43611854846299281),(4.94205432556195401 51.44004328924177827, 4.93976088082798803 51.43976018062787858, 4.9407596684198225 51.43931474593730258, 4.94137376152996133 51.43795178585727967, 4.94222682316814943 51.43810839053591621, 4.94186309418758274 51.43900335015016623, 4.94311718986695681 51.44016437264607333, 4.94205432556195401 51.44004328924177827),(4.92942909537411289 51.40808418427032223, 4.93241594617338031 51.40606142968650261, 4.92849511393468109 51.40511447530662537, 4.9363947948667164 51.40534230967823248, 4.93579498869486866 51.40930019093693915, 4.93513559128637702 51.40922616725398342, 4.92942909537411289 51.40808418427032223)))</t>
  </si>
  <si>
    <t>MultiPolygon (((4.91765922752055573 51.44927033438613506, 4.91689940164964767 51.44901315011193077, 4.91718340595346337 51.44834576835211948, 4.91098186148970939 51.45179678440396032, 4.90759399874817781 51.45091312992189359, 4.90359920719023012 51.45330950696973815, 4.90779932542034381 51.45519263444815294, 4.91765922752055573 51.44927033438613506)))</t>
  </si>
  <si>
    <t>MultiPolygon (((4.91830280611493986 51.44578484758373804, 4.91991033021831914 51.44516138503957592, 4.92028728208988486 51.44575861384465298, 4.92153726324360719 51.44486230096991619, 4.92086335687519849 51.44479174470673399, 4.92236939238784288 51.4426630026909919, 4.92190053192382582 51.44206652511046229, 4.92154036776059822 51.4421931789812632, 4.91852455682831291 51.44343908944310328, 4.91849367510824553 51.44357441947661869, 4.91887833361080062 51.44400581537578176, 4.91837257323545529 51.44410508854529951, 4.91814716829569676 51.44395883391318591, 4.91822212475566189 51.44343302056196165, 4.91509395210733135 51.44405188054501821, 4.91392189636958854 51.44675974572382415, 4.91445677248344026 51.44719711355092073, 4.91830280611493986 51.44578484758373804)))</t>
  </si>
  <si>
    <t>MultiPolygon (((4.94572896029753828 51.44453185769683046, 4.94580110325261568 51.4439747448653506, 4.94393318556313499 51.44379179880031216, 4.94395631967238991 51.44365170740749704, 4.94633579779969157 51.44397843959674077, 4.94811092981954292 51.44227138528743382, 4.94028194540262522 51.44180155527660503, 4.93994718629347052 51.44375686207266085, 4.93921451894846264 51.44361966958665988, 4.93856105339667817 51.44345886679170121, 4.93811756687562742 51.44471729975961694, 4.93675315715659035 51.44440502053713971, 4.93616481893458037 51.44676934067403096, 4.93623859611553772 51.44690691515668846, 4.93672803599738419 51.44684237809219951, 4.93891851342617816 51.44711833277213486, 4.93908152930376954 51.44634887482860819, 4.93950691403492925 51.44649279985665657, 4.94014816999871531 51.44516464470883221, 4.9403701391466992 51.44518832895932547, 4.93972240309669797 51.44656571633133524, 4.94045145658659735 51.44681255485948412, 4.9406993693621386 51.44636604165526705, 4.94150095378106258 51.44641872359137835, 4.94139131686643651 51.44711232918047727, 4.94348840464224448 51.44747870254470712, 4.94455535714694339 51.44772436794423953, 4.94572896029753828 51.44453185769683046),(4.94098159114525615 51.44529448883768197, 4.94118542136782146 51.44488277243332419, 4.94231542724683059 51.44513652423481886, 4.94211562484733591 51.44554915682219587, 4.94098159114525615 51.44529448883768197)))</t>
  </si>
  <si>
    <t>MultiPolygon (((4.93245518453160869 51.45274403703371746, 4.93373601395033567 51.45182663546574986, 4.9344407001708106 51.44973725640586082, 4.9331133921043504 51.44953620469031819, 4.93473742698388218 51.44747519233312971, 4.93678848558199945 51.44752315269264642, 4.93623859611553772 51.44690691515668846, 4.93616481893458037 51.44676934067403096, 4.93475658561919772 51.44712378779130546, 4.92699970162444512 51.44537829081983205, 4.92684758711189108 51.44885952150477948, 4.92769032425186015 51.45148366620573199, 4.92826394350707542 51.45221071631141285, 4.93245518453160869 51.45274403703371746),(4.9307036298073319 51.45040143567687352, 4.929490867600542 51.44957036444906606, 4.93040293204558289 51.44872368769934923, 4.93181316087679988 51.44926996418748644, 4.9307036298073319 51.45040143567687352),(4.92841002040283627 51.44872235181501452, 4.92735043525216643 51.44856823986129513, 4.92839825383896013 51.4478278216860474, 4.92912547163776527 51.44812443189117346, 4.92841002040283627 51.44872235181501452),(4.9332065185320797 51.44826412628376744, 4.93151219701614263 51.44763130127042672, 4.93190684824317316 51.44666025407364174, 4.93407377367096966 51.44740055453011252, 4.9332065185320797 51.44826412628376744)))</t>
  </si>
  <si>
    <t>MultiPolygon (((4.92684758711189108 51.44885952150477948, 4.92699970162444512 51.44537829081983205, 4.92692652561211197 51.44536080488887109, 4.92550447994397 51.44665137251307385, 4.92417188553878127 51.44635126077895393, 4.92571921736346141 51.44490677722327376, 4.92545341446499307 51.44454976951618619, 4.92373281912564398 51.44389404801796672, 4.92310461107967523 51.44490234201996515, 4.92426397854224351 51.44492883785903814, 4.92213468718014635 51.44571684377326193, 4.92402180501857156 51.44631336175676495, 4.92303480573597874 51.44737793895268396, 4.92149256624809439 51.44644918500274144, 4.92054554713252923 51.44595926105780848, 4.9194297019407216 51.44693244294164458, 4.91830280611493986 51.44578484758373804, 4.91445677248344026 51.44719711355092073, 4.91718340595346337 51.44834576835211948, 4.91689940164964767 51.44901315011193077, 4.91765922752055573 51.44927033438613506, 4.92769032425186015 51.45148366620573199, 4.92684758711189108 51.44885952150477948)))</t>
  </si>
  <si>
    <t>MultiPolygon (((4.93114208416850275 51.43878883607367669, 4.93063475460775713 51.43988609240243903, 4.93238657978564721 51.44003046150280056, 4.93222311594669005 51.43884195481241761, 4.93114208416850275 51.43878883607367669)),((4.93675315715659035 51.44440502053713971, 4.93547703245982916 51.44428202944288131, 4.93518003874578337 51.4448726117486359, 4.93616914261445761 51.44526169800909798, 4.93554575476824997 51.44634657146332302, 4.93329589380608802 51.44424489263197131, 4.93373030441256688 51.44315983618570698, 4.93317651966591075 51.4430882896085464, 4.93312248782703655 51.4432708215836314, 4.93239700126052583 51.44316624346652134, 4.93102791175767674 51.44290379357188669, 4.93045711739137626 51.44245628309293039, 4.92988731796496538 51.44247697312485457, 4.92989088019634902 51.44191393425734304, 4.92870189217997812 51.4415974423025375, 4.92885891437986423 51.44102969742498033, 4.92969994523646093 51.44009366815284778, 4.92898597651978854 51.43958869338953122, 4.92830017595279024 51.4385534246832492, 4.92689186547332802 51.43983381586408399, 4.92737543207989148 51.44003176794778653, 4.92652660226773875 51.44130788596022796, 4.92615545900984664 51.44122230132699514, 4.92626811715508417 51.44169365333968358, 4.9268515773537267 51.44166011978743569, 4.92595014229728356 51.44281716001102467, 4.92805499016662729 51.44361881659374092, 4.92545341446499307 51.44454976951618619, 4.92571921736346141 51.44490677722327376, 4.9262639124312475 51.44516726777470694, 4.92692652561211197 51.44536080488887109, 4.92699970162444512 51.44537829081983205, 4.93475658561919772 51.44712378779130546, 4.93616481893458037 51.44676934067403096, 4.93675315715659035 51.44440502053713971)))</t>
  </si>
  <si>
    <t>MultiPolygon (((4.84532837013323192 51.83857536610795336, 4.83727362707075415 51.83875499701899514, 4.82938088944773281 51.83774659776853611, 4.81798885065725369 51.83487943293918931, 4.80448266119688672 51.82998345246118532, 4.80398505879933513 51.83738701623720857, 4.80469207623073125 51.83773623470866454, 4.80390531575161628 51.83856611228533495, 4.80337854939914433 51.84635340664414827, 4.81070533669803346 51.8492522291648541, 4.81045994905132623 51.84969485974569636, 4.81378312286379373 51.85033921655706735, 4.83808213882560523 51.86073467127648939, 4.84532837013323192 51.83857536610795336)))</t>
  </si>
  <si>
    <t>MultiPolygon (((4.84532837013323192 51.83857536610795336, 4.84702646762634615 51.8345280028973221, 4.84605406438589625 51.83276043515685672, 4.84055557077209464 51.83252843185948677, 4.83828865484230253 51.83265919905876729, 4.83761829537437915 51.83468117804539332, 4.8336880802213642 51.8343127367226586, 4.83442110559024485 51.8303220108033571, 4.81494789503426102 51.82945711447914761, 4.80457506669550494 51.82893474010533197, 4.80450076052170605 51.82976017943773428, 4.80448266119688672 51.82998345246118532, 4.81798885065725369 51.83487943293918931, 4.82938088944773281 51.83774659776853611, 4.83727362707075415 51.83875499701899514, 4.84532837013323192 51.83857536610795336)))</t>
  </si>
  <si>
    <t>MultiPolygon (((4.84605406438589625 51.83276043515685672, 4.84702646762634615 51.8345280028973221, 4.84729759163607987 51.83394440295005268, 4.84753737936730289 51.83345625483700303, 4.84767434445771794 51.83297541958832966, 4.8479494694766192 51.83261731354849644, 4.8461197686126285 51.83134701397909083, 4.8404594482397556 51.83138699852635511, 4.83845780690546245 51.83049188465572144, 4.83442110559024485 51.8303220108033571, 4.8336880802213642 51.8343127367226586, 4.83761829537437915 51.83468117804539332, 4.83828865484230253 51.83265919905876729, 4.84055557077209464 51.83252843185948677, 4.84605406438589625 51.83276043515685672)))</t>
  </si>
  <si>
    <t>MultiPolygon (((4.8157708534805419 51.82692419554956587, 4.81710975760939597 51.82689550646655618, 4.81745100954447114 51.82484215618188728, 4.81278993086410001 51.82487581594536863, 4.80499487470238051 51.82320164681883057, 4.80457506669550494 51.82893474010533197, 4.81494789503426102 51.82945711447914761, 4.8157708534805419 51.82692419554956587)))</t>
  </si>
  <si>
    <t>MultiPolygon (((4.83852388603053463 51.83029307958581455, 4.83390944535578182 51.82845968382648749, 4.83146620549346206 51.8261978441830351, 4.82142130653828982 51.82426772929364489, 4.82025089326961176 51.82343373329368319, 4.82016053699843905 51.82439793000403228, 4.81278993086410001 51.82487581594536863, 4.81745100954447114 51.82484215618188728, 4.81710975760939597 51.82689550646655618, 4.8157708534805419 51.82692419554956587, 4.81494789503426102 51.82945711447914761, 4.83442110559024485 51.8303220108033571, 4.83845780690546245 51.83049188465572144, 4.83852388603053463 51.83029307958581455, 4.83852388603053463 51.83029307958581455)))</t>
  </si>
  <si>
    <t>MultiPolygon (((4.92519486658762862 51.83707973057831708, 4.9269865797939465 51.82830596135514867, 4.91859901146848344 51.82748219008376367, 4.90912636344817699 51.82537744215916575, 4.88940094811537929 51.81889501534335096, 4.88522687537259603 51.81676969261428667, 4.8846425122657271 51.81647139787968115, 4.8833229028889118 51.81862739757952596, 4.88433727513451998 51.81983734118863794, 4.89166713660416796 51.8219504594276259, 4.90368897604172727 51.82897193671671232, 4.91129756975759513 51.83073634876337366, 4.91432315742186443 51.837553915076235, 4.92001418752830855 51.83796085584484103, 4.92519486658762862 51.83707973057831708)))</t>
  </si>
  <si>
    <t>MultiPolygon (((4.88260416926291008 51.82948007509277488, 4.87977778797836059 51.82727138009827428, 4.87690025647784342 51.82633530134769728, 4.87697264830881583 51.82428571393699457, 4.86073928314822012 51.82183384314370755, 4.85855005563136366 51.82079740611362695, 4.85852366189395113 51.82080447806053769, 4.85790126133016642 51.82106320331192961, 4.85815000737511848 51.82178406311050622, 4.86945572086382139 51.82684107046910782, 4.87679310989862369 51.82937684372810594, 4.88186067963308279 51.83089567641430051, 4.88260416926291008 51.82948007509277488, 4.88260416926291008 51.82948007509277488)))</t>
  </si>
  <si>
    <t>MultiPolygon (((4.92486383139317141 51.8397184131806128, 4.92501562931818793 51.83830334480737179, 4.92072210159678392 51.83901649024317493, 4.91606695686367079 51.83893711470167176, 4.90242438531480929 51.83702025468835473, 4.8891313854703391 51.83382691340052162, 4.88202339537375973 51.83088538376988197, 4.88185187554158606 51.83112449479046546, 4.88277384100114453 51.83309404727630465, 4.90215101499277495 51.83765348793139083, 4.90986159852401993 51.83884837630886011, 4.92486383139317141 51.8397184131806128, 4.92486383139317141 51.8397184131806128)))</t>
  </si>
  <si>
    <t>MultiPolygon (((4.88183713386456208 51.82211623878749407, 4.8830186140486509 51.82007632487106008, 4.88433727513451998 51.81983734118863794, 4.8833229028889118 51.81862739757952596, 4.87487993976867084 51.81759946955133955, 4.85611076048016344 51.81839470829908834, 4.85852366189395113 51.82080447806053769, 4.85855005563136366 51.82079740611362695, 4.86251106411045519 51.8197991608689108, 4.86569797000146131 51.8197848428963681, 4.87494423388327558 51.82087718021237066, 4.87794659908533657 51.82190536243675894, 4.88183713386456208 51.82211623878749407, 4.88183713386456208 51.82211623878749407)))</t>
  </si>
  <si>
    <t>MultiPolygon (((4.87697264830881583 51.82428571393699457, 4.87794659908533657 51.82190536243675894, 4.87494423388327558 51.82087718021237066, 4.86569797000146131 51.8197848428963681, 4.86251106411045519 51.8197991608689108, 4.85855005563136366 51.82079740611362695, 4.86073928314822012 51.82183384314370755, 4.87697264830881583 51.82428571393699457)))</t>
  </si>
  <si>
    <t>MultiPolygon (((4.92512027537856945 51.83753073920923526, 4.92519486658762862 51.83707973057831708, 4.92001418752830855 51.83796085584484103, 4.91432315742186443 51.837553915076235, 4.91129756975759513 51.83073634876337366, 4.90368897604172727 51.82897193671671232, 4.89166713660416796 51.8219504594276259, 4.88433727513451998 51.81983734118863794, 4.8830186140486509 51.82007632487106008, 4.88790972740363117 51.82175360762349925, 4.89156362718952842 51.82290053900194238, 4.8954792375316325 51.82545607880575034, 4.8959874418574536 51.82801213573520016, 4.91085290263168783 51.83294333081646243, 4.91055691243152204 51.83506754622437285, 4.91198403707258802 51.8373232556191752, 4.91517741661722685 51.83816558466973845, 4.91902009470128654 51.83833366605423976, 4.92512027537856945 51.83753073920923526)))</t>
  </si>
  <si>
    <t>MultiPolygon (((4.92072210159678392 51.83901649024317493, 4.92501562931818793 51.83830334480737179, 4.92507267289576145 51.8378777054868678, 4.92512027537856945 51.83753073920923526, 4.91902009470128654 51.83833366605423976, 4.91517741661722685 51.83816558466973845, 4.91198403707258802 51.8373232556191752, 4.91055691243152204 51.83506754622437285, 4.91085290263168783 51.83294333081646243, 4.8959874418574536 51.82801213573520016, 4.88748979905428449 51.82674317454123525, 4.88636054966833111 51.82674717086094773, 4.88409866564612294 51.8282461656281157, 4.88202339537375973 51.83088538376988197, 4.8891313854703391 51.83382691340052162, 4.90242438531480929 51.83702025468835473, 4.91606695686367079 51.83893711470167176, 4.92072210159678392 51.83901649024317493, 4.92072210159678392 51.83901649024317493)))</t>
  </si>
  <si>
    <t>MultiPolygon (((4.8954792375316325 51.82545607880575034, 4.89156362718952842 51.82290053900194238, 4.88790972740363117 51.82175360762349925, 4.88748979905428449 51.82674317454123525, 4.8959874418574536 51.82801213573520016, 4.8954792375316325 51.82545607880575034)))</t>
  </si>
  <si>
    <t>MultiPolygon (((4.88202339537375973 51.83088538376988197, 4.88409866564612294 51.8282461656281157, 4.88636054966833111 51.82674717086094773, 4.88748979905428449 51.82674317454123525, 4.88790972740363117 51.82175360762349925, 4.8830186140486509 51.82007632487106008, 4.88183713386456208 51.82211623878749407, 4.88274610628465577 51.82217010679028846, 4.88325757922333814 51.82483305557723696, 4.88260416926291008 51.82948007509277488, 4.88186067963308279 51.83089567641430051, 4.88185187554158606 51.83112449479046546, 4.88202339537375973 51.83088538376988197, 4.88202339537375973 51.83088538376988197)))</t>
  </si>
  <si>
    <t>MultiPolygon (((4.88325757922333814 51.82483305557723696, 4.88274610628465577 51.82217010679028846, 4.88183713386456208 51.82211623878749407, 4.87794659908533657 51.82190536243675894, 4.87697264830881583 51.82428571393699457, 4.87690025647784342 51.82633530134769728, 4.87977778797836059 51.82727138009827428, 4.88260416926291008 51.82948007509277488, 4.88325757922333814 51.82483305557723696)))</t>
  </si>
  <si>
    <t>MultiPolygon (((4.83396383965579268 51.8246359735737272, 4.83764997140676645 51.82410467330430492, 4.83919857474624315 51.82097805920715672, 4.83905200601726371 51.81925463100208873, 4.82011495611962548 51.81905787172799904, 4.82025089326961176 51.82343373329368319, 4.82142130653828982 51.82426772929364489, 4.83146620549346206 51.8261978441830351, 4.83396383965579268 51.8246359735737272, 4.83396383965579268 51.8246359735737272)))</t>
  </si>
  <si>
    <t>MultiPolygon (((4.82016053699843905 51.82439793000403228, 4.82025089326961176 51.82343373329368319, 4.82011495611962548 51.81905787172799904, 4.81141583261023431 51.81865819702500886, 4.81138410370260594 51.82114788143426409, 4.80817029482977887 51.82180481103353742, 4.80650376158014758 51.82191995230523673, 4.80507544964821776 51.82194942751307565, 4.8050783649860378 51.82301417841465252, 4.80499487470238051 51.82320164681883057, 4.81278993086410001 51.82487581594536863, 4.82016053699843905 51.82439793000403228)))</t>
  </si>
  <si>
    <t>MultiPolygon (((4.85833195999236356 51.8295273451673566, 4.85829986307390627 51.82532761964605328, 4.85693429196656812 51.82527439501730981, 4.85691826625000811 51.82467614529284816, 4.86613994976222042 51.82562855371121913, 4.874481096011829 51.82893794504457929, 4.87679310989862369 51.82937684372810594, 4.86945572086382139 51.82684107046910782, 4.85815000737511848 51.82178406311050622, 4.85790126133016642 51.82106320331192961, 4.85441545277983977 51.82107041653271295, 4.85439279797241952 51.82449156342954666, 4.85189086603461739 51.82448262538592587, 4.8548500873425029 51.82522569070486895, 4.85493005696740276 51.82841571196662045, 4.85388737605783849 51.82957976621313634, 4.8553210484618532 51.83091792877014825, 4.85633123688953905 51.83093792551019163, 4.85833195999236356 51.8295273451673566, 4.85833195999236356 51.8295273451673566)))</t>
  </si>
  <si>
    <t>MultiPolygon (((4.85439279797241952 51.82449156342954666, 4.85441545277983977 51.82107041653271295, 4.85790126133016642 51.82106320331192961, 4.85852366189395113 51.82080447806053769, 4.85611076048016344 51.81839470829908834, 4.84767760811275306 51.81891589138007248, 4.84800232003613019 51.82073333740781607, 4.84549707588486456 51.82143743356436261, 4.84560745413435257 51.82407409124468245, 4.84786505992161665 51.82422519234166458, 4.85189086603461739 51.82448262538592587, 4.85439279797241952 51.82449156342954666, 4.85439279797241952 51.82449156342954666)))</t>
  </si>
  <si>
    <t>MultiPolygon (((4.85493005696740276 51.82841571196662045, 4.8548500873425029 51.82522569070486895, 4.85189086603461739 51.82448262538592587, 4.84786505992161665 51.82422519234166458, 4.84562627617783992 51.82464319713632506, 4.84536998601047841 51.82801752223015512, 4.85388737605783849 51.82957976621313634, 4.85493005696740276 51.82841571196662045, 4.85493005696740276 51.82841571196662045)))</t>
  </si>
  <si>
    <t>MultiPolygon (((4.88185187554158606 51.83112449479046546, 4.88186067963308279 51.83089567641430051, 4.87679310989862369 51.82937684372810594, 4.874481096011829 51.82893794504457929, 4.86613994976222042 51.82562855371121913, 4.85691826625000811 51.82467614529284816, 4.85693429196656812 51.82527439501730981, 4.85829986307390627 51.82532761964605328, 4.85833195999236356 51.8295273451673566, 4.85633123688953905 51.83093792551019163, 4.8553210484618532 51.83091792877014825, 4.85388737605783849 51.82957976621313634, 4.84536998601047841 51.82801752223015512, 4.84505870819299034 51.82796520101108229, 4.84513722897787069 51.83056588170607881, 4.86792835524463818 51.83199366772902295, 4.87509162618885394 51.83231846227070605, 4.88277384100114453 51.83309404727630465, 4.88185187554158606 51.83112449479046546)))</t>
  </si>
  <si>
    <t>MultiPolygon (((4.86759234741326896 51.83397945058847256, 4.86792835524463818 51.83199366772902295, 4.84513722897787069 51.83056588170607881, 4.83852388603053463 51.83029307958581455, 4.83845780690546245 51.83049188465572144, 4.8404594482397556 51.83138699852635511, 4.8461197686126285 51.83134701397909083, 4.8479494694766192 51.83261731354849644, 4.85111324715501979 51.83312837123366279, 4.85436758350122943 51.83213257414409014, 4.86033688510860529 51.83301187694929979, 4.86300681937369106 51.83294082953538862, 4.86645056939832532 51.83483691099529977, 4.86759234741326896 51.83397945058847256)))</t>
  </si>
  <si>
    <t>MultiPolygon (((4.84505870819299034 51.82796520101108229, 4.83438975467851861 51.82699639281884174, 4.83390944535578182 51.82845968382648749, 4.83852388603053463 51.83029307958581455, 4.84513722897787069 51.83056588170607881, 4.84505870819299034 51.82796520101108229, 4.84505870819299034 51.82796520101108229)))</t>
  </si>
  <si>
    <t>MultiPolygon (((4.84562627617783992 51.82464319713632506, 4.84786505992161665 51.82422519234166458, 4.84560745413435257 51.82407409124468245, 4.84549707588486456 51.82143743356436261, 4.84800232003613019 51.82073333740781607, 4.84767760811275306 51.81891589138007248, 4.83905200601726371 51.81925463100208873, 4.83919857474624315 51.82097805920715672, 4.83764997140676645 51.82410467330430492, 4.83396383965579268 51.8246359735737272, 4.83438975467851861 51.82699639281884174, 4.84505870819299034 51.82796520101108229, 4.84536998601047841 51.82801752223015512, 4.84562627617783992 51.82464319713632506)))</t>
  </si>
  <si>
    <t>MultiPolygon (((4.83438975467851861 51.82699639281884174, 4.83396383965579268 51.8246359735737272, 4.83146620549346206 51.8261978441830351, 4.83390944535578182 51.82845968382648749, 4.83438975467851861 51.82699639281884174, 4.83438975467851861 51.82699639281884174)))</t>
  </si>
  <si>
    <t>MultiPolygon (((4.21271769205435831 51.9337274635407482, 4.21993247998379051 51.93046814565735048, 4.22290524707273196 51.92876409760592082, 4.2293897533229412 51.92330550631909603, 4.23216665700470163 51.92070944763603535, 4.22294513262127325 51.91601023303585549, 4.22096734303878574 51.91821953191034567, 4.21903935920807172 51.92259162834913866, 4.1870804562920183 51.9385327967563839, 4.19126776580926563 51.94175029950160649, 4.21271769205435831 51.9337274635407482)))</t>
  </si>
  <si>
    <t>MultiPolygon (((4.23646481048554335 51.91730329747043271, 4.24419814795504813 51.91374281776786859, 4.25542878008230652 51.91017061516075159, 4.26618340775192362 51.90590404351535625, 4.26288965600967096 51.89920585530085617, 4.26048724218472152 51.89656478783234661, 4.23515449778452702 51.90138768643141276, 4.23327957540714728 51.90269930907226126, 4.23047665418539154 51.90351995682974007, 4.22817198267386907 51.90326737775003352, 4.22591842899958081 51.91091703998198881, 4.22294513262127325 51.91601023303585549, 4.23216665700470163 51.92070944763603535, 4.23646481048554335 51.91730329747043271, 4.23646481048554335 51.91730329747043271)))</t>
  </si>
  <si>
    <t>MultiPolygon (((4.44130882696271811 51.96024323381859489, 4.42467745471940699 51.95359940958955747, 4.4212685950345918 51.95253452493297175, 4.41554549662615514 51.95788940870784955, 4.41494277610674057 51.96008826501076072, 4.42833336786559428 51.96554750640907372, 4.4348525508285519 51.96624943033968691, 4.44130882696271811 51.96024323381859489, 4.44130882696271811 51.96024323381859489)))</t>
  </si>
  <si>
    <t>MultiPolygon (((4.53785159783972691 51.9193172759734054, 4.54052258943472431 51.91524186230278559, 4.53822209130387488 51.91534416092251547, 4.53613855003201305 51.91579727698620417, 4.53522376489971002 51.91850271473370526, 4.5358437351087959 51.92055625716950829, 4.53785159783972691 51.9193172759734054)))</t>
  </si>
  <si>
    <t>MultiPolygon (((4.41484299216741238 51.94543156704305886, 4.415492169550566 51.94075854325196673, 4.41320730240636738 51.93905774576296608, 4.41080290132311692 51.93826773287027265, 4.40372642118485125 51.93737603777451284, 4.39344792244160409 51.94425952075786057, 4.39492064343677669 51.94645753151804257, 4.40455687718047972 51.94618488997426198, 4.40819409148964336 51.94681954544306279, 4.41210654052808859 51.94834714935437603, 4.41484299216741238 51.94543156704305886)))</t>
  </si>
  <si>
    <t>MultiPolygon (((4.08232649344892451 51.98413107060224547, 4.07866313615752585 51.97912435815074161, 4.10000133505496578 51.97336716814794499, 4.09813503008919966 51.97069492496089538, 4.09453950450951609 51.96946794013003057, 4.09263338265949184 51.96755957103126633, 4.09055076388735284 51.96136947862046895, 4.08833106506676369 51.95817227292719309, 4.08295382541693552 51.94282785803344638, 4.08510549920839683 51.94075082706215341, 4.10264921873566912 51.93844662480673691, 4.11305569233849511 51.93574071027384065, 4.11267494293140512 51.93479847975503105, 4.10772382676516123 51.9361416077686826, 4.10171963998368927 51.92700927907773689, 4.10200270354494911 51.92353049084641015, 4.10200250327894533 51.9235303762912821, 4.09289389243178903 51.93252794107721826, 4.08283753682448225 51.93367142864403974, 4.07371631108150467 51.93362850089911831, 4.0639353416029147 51.9322271170905978, 3.99444056853540808 51.91606114691192886, 3.98549409265890153 51.9176867811126499, 3.96825495704050812 51.94666349475966172, 3.96344885315349149 51.95219897017753397, 3.9617136910693751 51.95608595363489002, 3.96118732721972444 51.9605367905401252, 3.96341673227986924 51.9658411639406026, 3.97743369635707511 51.98081818869205506, 3.98084336898623858 51.9837131256489613, 3.98397880330668963 51.98514337678408026, 3.99799550135984783 51.98828561726289621, 4.00409537597825427 51.98903773404914119, 4.00846417615201123 51.98885691397742193, 4.02386547852792198 51.98576832716337748, 4.02852374650802236 51.98709204586346289, 4.03272862628950524 51.98749696814116561, 4.04169545757719106 51.98596805484702799, 4.04560197563672208 51.99191787669189324, 4.08232649344892451 51.98413107060224547)))</t>
  </si>
  <si>
    <t>MultiPolygon (((4.10524289159596822 51.97890779449340926, 4.12329507788811878 51.97367370557920196, 4.13314421479446192 51.96967109713261834, 4.14366240043373413 51.9643369463317768, 4.17326053840823885 51.94948682253334482, 4.19126776580926563 51.94175029950160649, 4.1870804562920183 51.9385327967563839, 4.21903935920807172 51.92259162834913866, 4.22096734303878574 51.91821953191034567, 4.22294513262127325 51.91601023303585549, 4.22591842899958081 51.91091703998198881, 4.22817198267386907 51.90326737775003352, 4.22840422098237401 51.90158930656540548, 4.21939473231688478 51.89870698349361788, 4.21220957846826227 51.9023109314094242, 4.21070453974598813 51.90133867699150727, 4.19709911619279019 51.90830135980692006, 4.18537077079005826 51.91288551014699237, 4.17677260269735307 51.91778930837427453, 4.17271227614158491 51.91855008270940175, 4.17238534411464457 51.91858599078099701, 4.16818680476213732 51.91905701738571821, 4.16701818843863769 51.92312548748974876, 4.16266851456690201 51.92665194705016773, 4.14488967949401044 51.93140946120204404, 4.11305569233849511 51.93574071027384065, 4.10264921873566912 51.93844662480673691, 4.08510549920839683 51.94075082706215341, 4.08295382541693552 51.94282785803344638, 4.08833106506676369 51.95817227292719309, 4.09055076388735284 51.96136947862046895, 4.09263338265949184 51.96755957103126633, 4.09453950450951609 51.96946794013003057, 4.09813503008919966 51.97069492496089538, 4.10000133505496578 51.97336716814794499, 4.07866313615752585 51.97912435815074161, 4.08232649344892451 51.98413107060224547, 4.10524289159596822 51.97890779449340926)))</t>
  </si>
  <si>
    <t>MultiPolygon (((4.26757121065076994 51.90533504262643305, 4.2818863477975091 51.90015215146721062, 4.29637264464300106 51.8970529400193783, 4.3194480168509175 51.89458920647686568, 4.31959676702829753 51.89457463073281929, 4.33061353750734312 51.87178841224851311, 4.33553975758838739 51.86430179080289804, 4.28379233777448754 51.86447632049889478, 4.26503113089406671 51.86476725304076041, 4.25975840251042737 51.86580331957736689, 4.25257776711442936 51.86825955031403623, 4.23938315097997442 51.87298591099791167, 4.23296961612439038 51.87748579976936014, 4.23002952991839631 51.8830631359081238, 4.22899835064022422 51.88568461003703192, 4.22006707028252137 51.89606695500042832, 4.21590741159080373 51.89893771719066251, 4.21070453974598813 51.90133867699150727, 4.21220957846826227 51.9023109314094242, 4.21939473231688478 51.89870698349361788, 4.22840422098237401 51.90158930656540548, 4.22817198267386907 51.90326737775003352, 4.23047665418539154 51.90351995682974007, 4.23327957540714728 51.90269930907226126, 4.23515449778452702 51.90138768643141276, 4.26048724218472152 51.89656478783234661, 4.26288965600967096 51.89920585530085617, 4.26618340775192362 51.90590404351535625, 4.26757121065076994 51.90533504262643305, 4.26757121065076994 51.90533504262643305)))</t>
  </si>
  <si>
    <t>MultiPolygon (((4.37062268457107628 51.89935552753533443, 4.37213742829873286 51.89918832233513513, 4.37803403827458482 51.89306201257402762, 4.38058139937693536 51.8863267865604243, 4.38583466924354415 51.8783439425158619, 4.38541559634565381 51.87738226104869455, 4.3836063421041036 51.87732663586211146, 4.38185027661631388 51.87568886163307269, 4.3798624729739295 51.87516904506574633, 4.36420688459917905 51.87659228469213701, 4.34952855551369577 51.87535064041777133, 4.33061353750734312 51.87178841224851311, 4.31959676702829753 51.89457463073281929, 4.33095698872440416 51.89410253151969243, 4.34107103112268078 51.89534191708791155, 4.34979757355401109 51.89767026297057129, 4.36003466556092434 51.89943138351385699, 4.37062268457107628 51.89935552753533443)))</t>
  </si>
  <si>
    <t>MultiPolygon (((4.44651910905299097 51.87898699911205824, 4.45237030472713258 51.87912593666405314, 4.45390501925173243 51.87805470994248225, 4.4540499764354351 51.87357692326660441, 4.4529570083065142 51.87236452018420607, 4.45549253057388306 51.87163636348633133, 4.44024079985129205 51.86641827219000334, 4.44024071291450717 51.8664183326131365, 4.43653016560308977 51.86857355090778299, 4.43173633963682168 51.86980855719166783, 4.43022763495406924 51.86940924974368983, 4.42836870551512085 51.87037810748280009, 4.43222053797345961 51.87821570581142083, 4.43754640079058404 51.87995049320009144, 4.44651910905299097 51.87898699911205824, 4.44651910905299097 51.87898699911205824)))</t>
  </si>
  <si>
    <t>MultiPolygon (((4.41179224298270345 51.89677575391153397, 4.41139367999460497 51.89572542429883129, 4.41556586547900931 51.89140427950882639, 4.4215729134885402 51.88996536261956294, 4.4201189980604294 51.88707557243335344, 4.42621596492437153 51.88602260290866752, 4.43222053797345961 51.87821570581142083, 4.42836870551512085 51.87037810748280009, 4.41761876730148551 51.87242105766175371, 4.41582370351046105 51.87243628399135531, 4.41500133781110282 51.87173626747253508, 4.41150099123077677 51.87163267174574344, 4.4071870178177095 51.87278719306047492, 4.39484616095233793 51.87233270846174804, 4.39043161116374936 51.87057967876731368, 4.38835555840995628 51.86862494138706836, 4.38802163478120821 51.86824700489076179, 4.3865366011103335 51.87000915566360959, 4.38652336325098702 51.87412125676131325, 4.38541559634565381 51.87738226104869455, 4.38583466924354415 51.8783439425158619, 4.38872773457241205 51.87903479112191718, 4.38919926945257366 51.88068649710514535, 4.39620183983138979 51.88384794843729964, 4.39797362620688226 51.88659431541186962, 4.39623879341690937 51.8886437180335065, 4.3977459276551869 51.89161663396048141, 4.39868776116468485 51.89170009569415498, 4.39095695045829082 51.89423548088018379, 4.38489613508959142 51.89501575978625425, 4.38437591144000294 51.89407090729505967, 4.37803403827458482 51.89306201257402762, 4.37213742829873286 51.89918832233513513, 4.38482295980158643 51.89717879565655068, 4.39197848451850081 51.89668734775710135, 4.39812569886208582 51.89725108183278479, 4.40971277512334936 51.89985787930142891, 4.41179224298270345 51.89677575391153397)))</t>
  </si>
  <si>
    <t>MultiPolygon (((4.4355130557179514 51.9019623074342249, 4.4505340355879941 51.89961414234959847, 4.45966200633372445 51.89922506758021115, 4.45955350229902248 51.89530494775205227, 4.46251445332524987 51.89478257887617474, 4.46341619957959512 51.89408096955329341, 4.4577971376395773 51.884815348875712, 4.45390501925173243 51.87805470994248225, 4.45237030472713258 51.87912593666405314, 4.44651910905299097 51.87898699911205824, 4.43754640079058404 51.87995049320009144, 4.43222053797345961 51.87821570581142083, 4.42621596492437153 51.88602260290866752, 4.42444934113088895 51.88914914298169379, 4.42583179142188854 51.89141962688599108, 4.42201612406501443 51.89588493285158677, 4.42384341071557596 51.89699518195912731, 4.42014499995704391 51.89641414434222355, 4.4203489369970308 51.89301432271976466, 4.41556586547900931 51.89140427950882639, 4.41139367999460497 51.89572542429883129, 4.41179224298270345 51.89677575391153397, 4.40971277512334936 51.89985787930142891, 4.41371031553441995 51.90075462326247902, 4.42531796534530564 51.90237367864760643, 4.4355130557179514 51.9019623074342249)))</t>
  </si>
  <si>
    <t>MultiPolygon (((4.43026267623502523 51.9130253634811325, 4.44083803809345934 51.9057830187494389, 4.43615026692385506 51.90375426119091884, 4.4355130557179514 51.9019623074342249, 4.42531796534530564 51.90237367864760643, 4.41371031553441995 51.90075462326247902, 4.41234957627372282 51.90242989416053376, 4.41567695451475206 51.90502478216852467, 4.41134626370917893 51.91027274648502754, 4.40999930833146347 51.90985247246317869, 4.40954300889723427 51.91041315764629616, 4.40907532129150326 51.91204973568249414, 4.41182724534145709 51.91306558356851042, 4.41350628602025896 51.91395267216644527, 4.43026267623502523 51.9130253634811325)))</t>
  </si>
  <si>
    <t>MultiPolygon (((4.41777652066146587 51.93740400007831681, 4.42166250715585196 51.93410889716339085, 4.43234164972421851 51.92608048496099116, 4.43724683764658678 51.92202775377716506, 4.43651343613216387 51.92194167128967308, 4.41706433102044382 51.92042370205669499, 4.41683090647341814 51.92309520741246587, 4.41507798738333701 51.92317970163779961, 4.41049628151961315 51.92929156196157692, 4.41001973128260349 51.92915405490429492, 4.40817258834417203 51.93141420155019716, 4.40900914858240522 51.9356817214676667, 4.41018718703444179 51.93646850870104004, 4.41315645784486676 51.93669994268425683, 4.4147623172014665 51.93737417189997529, 4.41777652066146587 51.93740400007831681)))</t>
  </si>
  <si>
    <t>MultiPolygon (((4.16960542937302936 51.97397330840431096, 4.17589818913351341 51.97169378915175031, 4.18749279650706718 51.96683701506837139, 4.18658009435014744 51.96586908292718476, 4.18791796561862562 51.96539177790333497, 4.19060881590731871 51.96598162067722626, 4.18672385223420385 51.9626759146008439, 4.19239603736745181 51.95480593941120873, 4.21782371760374009 51.94163667242093396, 4.2195287763294882 51.94139967883216968, 4.21271769205435831 51.9337274635407482, 4.19126776580926563 51.94175029950160649, 4.17326053840823885 51.94948682253334482, 4.14366240043373413 51.9643369463317768, 4.14811186648096175 51.96790991043496177, 4.14844326000527186 51.96902571220426381, 4.15344316301599381 51.97200836617903974, 4.1550625713787257 51.97783805786400535, 4.16960542937302936 51.97397330840431096)))</t>
  </si>
  <si>
    <t>MultiPolygon (((4.15097168675447836 51.98763619859162333, 4.14900532001124223 51.98509065134656026, 4.14995471293029805 51.98481050811921023, 4.14728070475076738 51.98139328385341429, 4.15534866624576082 51.9797074647842976, 4.1550625713787257 51.97783805786400535, 4.15344316301599381 51.97200836617903974, 4.14844326000527186 51.96902571220426381, 4.14811186648096175 51.96790991043496177, 4.14366240043373413 51.9643369463317768, 4.13314421479446192 51.96967109713261834, 4.12329507788811878 51.97367370557920196, 4.12783056435811524 51.9787214172568568, 4.13103775768881576 51.98052223880107192, 4.13132052401645833 51.9830077938348154, 4.12911726621353647 51.98486876056352202, 4.13384046263986882 51.98843368645440677, 4.13635284683778792 51.9892375039154615, 4.13861338304301629 51.99164722445991771, 4.15097168675447836 51.98763619859162333)))</t>
  </si>
  <si>
    <t>MultiPolygon (((4.13251723265863635 51.99854276753598725, 4.13098726281987627 51.99717931720681463, 4.13236328426736055 51.99546003147786877, 4.13556711872472338 51.99270292715756625, 4.13861338304301629 51.99164722445991771, 4.13635284683778792 51.9892375039154615, 4.13384046263986882 51.98843368645440677, 4.12911726621353647 51.98486876056352202, 4.13132052401645833 51.9830077938348154, 4.13103775768881576 51.98052223880107192, 4.12783056435811524 51.9787214172568568, 4.12329507788811878 51.97367370557920196, 4.10524289159596822 51.97890779449340926, 4.08232649344892451 51.98413107060224547, 4.04560197563672208 51.99191787669189324, 4.04769878575051933 51.99452681983285629, 4.09501897550060256 51.98460014452987821, 4.11588380471874959 51.9958778259626655, 4.12503179428842959 52.00175717910022399, 4.13251723265863635 51.99854276753598725, 4.13251723265863635 51.99854276753598725)))</t>
  </si>
  <si>
    <t>MultiPolygon (((4.37544872475552982 51.8622797016802366, 4.38434998326617364 51.86124464834933434, 4.38434789057643393 51.8612369872054586, 4.38351246659206772 51.85736976483783423, 4.38506735268031544 51.85343151157778152, 4.38322867073483469 51.85240215104236938, 4.38366452476848245 51.84211825515478012, 4.37208900990038085 51.84334814182750506, 4.36077887407388332 51.84645956533366018, 4.35363021101894088 51.84905294095840844, 4.34627191325928841 51.85328889762825355, 4.34155523679025279 51.8570970943443541, 4.33971887559164227 51.85938350307121425, 4.33965199771420984 51.85946061879445779, 4.35241579937714018 51.86259930458493983, 4.35292727175617511 51.86328100911959638, 4.35196312237363969 51.86539786924013384, 4.35383879101473514 51.86788684271843408, 4.37544872475552982 51.8622797016802366)))</t>
  </si>
  <si>
    <t>MultiPolygon (((4.38652336325098702 51.87412125676131325, 4.3865366011103335 51.87000915566360959, 4.38802163478120821 51.86824700489076179, 4.38636865758935723 51.86638099924839196, 4.38443662048197158 51.8615616190295512, 4.38434998326617364 51.86124464834933434, 4.37544872475552982 51.8622797016802366, 4.35383879101473514 51.86788684271843408, 4.35196312237363969 51.86539786924013384, 4.35292727175617511 51.86328100911959638, 4.35241579937714018 51.86259930458493983, 4.33965199771420984 51.85946061879445779, 4.33553975758838739 51.86430179080289804, 4.33061353750734312 51.87178841224851311, 4.34952855551369577 51.87535064041777133, 4.36420688459917905 51.87659228469213701, 4.3798624729739295 51.87516904506574633, 4.38185027661631388 51.87568886163307269, 4.3836063421041036 51.87732663586211146, 4.38541559634565381 51.87738226104869455, 4.38652336325098702 51.87412125676131325)))</t>
  </si>
  <si>
    <t>MultiPolygon (((4.42201612406501443 51.89588493285158677, 4.42583179142188854 51.89141962688599108, 4.42444934113088895 51.88914914298169379, 4.42621596492437153 51.88602260290866752, 4.4201189980604294 51.88707557243335344, 4.4215729134885402 51.88996536261956294, 4.41556586547900931 51.89140427950882639, 4.4203489369970308 51.89301432271976466, 4.42014499995704391 51.89641414434222355, 4.42384341071557596 51.89699518195912731, 4.42201612406501443 51.89588493285158677)))</t>
  </si>
  <si>
    <t>MultiPolygon (((4.4856042288706206 51.88557415349430357, 4.48690387418888381 51.88428567481854259, 4.49239784161723765 51.88476315638097702, 4.49808185147385498 51.88280173555468622, 4.50597927300426626 51.87753728817938992, 4.51104948784722826 51.8752154971777415, 4.51439179144179548 51.87183884710641024, 4.51523946445164093 51.86903662225016376, 4.51523380528639606 51.86903657843724602, 4.4964555198544236 51.86897089279743511, 4.49440543974641482 51.86896893652877338, 4.49439741239952717 51.86908227616280698, 4.5017753132851217 51.86991649401057458, 4.50014140766653448 51.87519968326552799, 4.49715394055833872 51.87936535515587622, 4.48925814017168712 51.87713065326111206, 4.47845814754357097 51.8776528194323987, 4.46672251086218353 51.87903492049820642, 4.4589356295652145 51.87434944354949096, 4.45607007178956138 51.87170503385471676, 4.45549253057388306 51.87163636348633133, 4.4529570083065142 51.87236452018420607, 4.4540499764354351 51.87357692326660441, 4.45390501925173243 51.87805470994248225, 4.4577971376395773 51.884815348875712, 4.46061180904511279 51.88411788273599257, 4.45915119816676242 51.88181226665535206, 4.45823927848940826 51.87709901341168717, 4.45902252322918446 51.87662002528017524, 4.46020245569323048 51.87649549994817733, 4.46370604510249347 51.8798315979750484, 4.46424705824632806 51.883528942818117, 4.47144158834047545 51.88330033057622614, 4.47166097290674269 51.88429532861523086, 4.47504876337261059 51.88417012277581364, 4.47546667903212647 51.88579373887264268, 4.48135951161110846 51.88638013470014698, 4.4856042288706206 51.88557415349430357, 4.4856042288706206 51.88557415349430357)))</t>
  </si>
  <si>
    <t>MultiPolygon (((4.46672251086218353 51.87903492049820642, 4.47845814754357097 51.8776528194323987, 4.47574150711351404 51.86906172744347998, 4.46533489333755362 51.8690098526626997, 4.45607007178956138 51.87170503385471676, 4.4589356295652145 51.87434944354949096, 4.46672251086218353 51.87903492049820642, 4.46672251086218353 51.87903492049820642)))</t>
  </si>
  <si>
    <t>MultiPolygon (((4.49405124857227634 51.88989436992654447, 4.49406540400371846 51.88962409572696544, 4.49258698055567596 51.88840417369148383, 4.49239784161723765 51.88476315638097702, 4.48690387418888381 51.88428567481854259, 4.4856042288706206 51.88557415349430357, 4.4872364182606006 51.88958233729653813, 4.48889870719896766 51.89047146346542405, 4.49405124857227634 51.88989436992654447)))</t>
  </si>
  <si>
    <t>MultiPolygon (((4.46326384105589025 51.88358067917571503, 4.46424705824632806 51.883528942818117, 4.46370604510249347 51.8798315979750484, 4.46020245569323048 51.87649549994817733, 4.45902252322918446 51.87662002528017524, 4.45823927848940826 51.87709901341168717, 4.45915119816676242 51.88181226665535206, 4.46061180904511279 51.88411788273599257, 4.46326384105589025 51.88358067917571503, 4.46326384105589025 51.88358067917571503)))</t>
  </si>
  <si>
    <t>MultiPolygon (((4.46878053061778324 51.89881006898995963, 4.46695468997051925 51.89838694697264998, 4.46943900224644697 51.8956831203704283, 4.47416012859373247 51.893536574669902, 4.4767650661402536 51.89363766111510046, 4.47698314461951163 51.89319215943722696, 4.47518299184074841 51.89220183896678407, 4.4725787989751149 51.88932639906997224, 4.47166097290674269 51.88429532861523086, 4.47144158834047545 51.88330033057622614, 4.46424705824632806 51.883528942818117, 4.46326384105589025 51.88358067917571503, 4.46061180904511279 51.88411788273599257, 4.4577971376395773 51.884815348875712, 4.46341619957959512 51.89408096955329341, 4.46251445332524987 51.89478257887617474, 4.45955350229902248 51.89530494775205227, 4.45966200633372445 51.89922506758021115, 4.4677613657946349 51.90034939901238431, 4.46878053061778324 51.89881006898995963, 4.46878053061778324 51.89881006898995963)))</t>
  </si>
  <si>
    <t>MultiPolygon (((4.50014140766653448 51.87519968326552799, 4.5017753132851217 51.86991649401057458, 4.49439741239952717 51.86908227616280698, 4.47574150711351404 51.86906172744347998, 4.47845814754357097 51.8776528194323987, 4.48925814017168712 51.87713065326111206, 4.49715394055833872 51.87936535515587622, 4.50014140766653448 51.87519968326552799)))</t>
  </si>
  <si>
    <t>MultiPolygon (((4.4872364182606006 51.88958233729653813, 4.4856042288706206 51.88557415349430357, 4.48135951161110846 51.88638013470014698, 4.47546667903212647 51.88579373887264268, 4.47504876337261059 51.88417012277581364, 4.47166097290674269 51.88429532861523086, 4.4725787989751149 51.88932639906997224, 4.47518299184074841 51.89220183896678407, 4.4872364182606006 51.88958233729653813, 4.4872364182606006 51.88958233729653813)))</t>
  </si>
  <si>
    <t>MultiPolygon (((4.49503739591508289 51.89808301046985406, 4.49548278370008081 51.89766565515738961, 4.49383120359156063 51.89431450795318312, 4.49405124857227634 51.88989436992654447, 4.48889870719896766 51.89047146346542405, 4.4872364182606006 51.88958233729653813, 4.47518299184074841 51.89220183896678407, 4.47698314461951163 51.89319215943722696, 4.4767650661402536 51.89363766111510046, 4.47416012859373247 51.893536574669902, 4.46943900224644697 51.8956831203704283, 4.46695468997051925 51.89838694697264998, 4.46878053061778324 51.89881006898995963, 4.47661541322556467 51.89579812074454424, 4.49244961063259662 51.89916884144273013, 4.49503739591508289 51.89808301046985406)))</t>
  </si>
  <si>
    <t>MultiPolygon (((4.46533489333755362 51.8690098526626997, 4.47574150711351404 51.86906172744347998, 4.49439741239952717 51.86908227616280698, 4.49440543974641482 51.86896893652877338, 4.48875272472990083 51.8673481614298808, 4.48717519583022995 51.86717149794298365, 4.48354337784473955 51.86590549279109297, 4.48170318218863883 51.86543702501774078, 4.48152564236559048 51.86543250452537279, 4.48072831548205208 51.86526635775107508, 4.48003260272149451 51.86527674760415607, 4.48020982589468009 51.86506514031120219, 4.48040261540679818 51.86232756155806101, 4.47186278678083582 51.86166723787152222, 4.46522855925122464 51.86201848798547331, 4.44647541397319568 51.86605091624335273, 4.44214950689956467 51.86624532023636647, 4.44102022494982318 51.86590974273976684, 4.44024079985129205 51.86641827219000334, 4.45549253057388306 51.87163636348633133, 4.45607007178956138 51.87170503385471676, 4.46533489333755362 51.8690098526626997)))</t>
  </si>
  <si>
    <t>MultiPolygon (((4.59877304112821861 51.98796859337313236, 4.59607685709434577 51.9817452357688623, 4.59374061313092952 51.97608859255694824, 4.60180826112770003 51.97214010184998045, 4.5923307395861146 51.96868372084826149, 4.59069059633331378 51.96823184544602725, 4.59002194653660567 51.96858096214600664, 4.58399241402464419 51.96536896669718431, 4.58380571759846056 51.96549178168803707, 4.57960857615875394 51.96903044210724687, 4.58333795046846415 51.9707954184074481, 4.57854397588466089 51.97553539456981042, 4.57899981884376306 51.97578719480294041, 4.57852447085241376 51.9761880093502171, 4.57792119141746667 51.97585443000581051, 4.5735294021284032 51.97457611883639572, 4.5702299010654599 51.97903010105884647, 4.57891848681305369 51.98113420214043856, 4.57731222779992386 51.9864048332077715, 4.57883359758293018 51.98850782171962237, 4.57973635870837992 51.98883644740839571, 4.57894289419178335 51.98986065622674602, 4.59436751749740591 51.99428155345337643, 4.59877304112821861 51.98796859337313236)))</t>
  </si>
  <si>
    <t>MultiPolygon (((4.56240560886929458 51.95472423696286768, 4.56460421428344976 51.95034949684777104, 4.56743728267960769 51.94795778548493104, 4.57277964472170328 51.94345611269199736, 4.57049933771321459 51.94242664160005774, 4.56759415069695596 51.94198191093683192, 4.56059446059194507 51.94091007963756113, 4.56264658492099784 51.93606480385570023, 4.56038676584279923 51.93509997650039622, 4.55711285449183823 51.93722969486301366, 4.55558810225999267 51.9408112282794221, 4.55034765532463403 51.95311746024517419, 4.56240560886929458 51.95472423696286768)))</t>
  </si>
  <si>
    <t>MultiPolygon (((4.58333795046846415 51.9707954184074481, 4.57960857615875394 51.96903044210724687, 4.58380571759846056 51.96549178168803707, 4.58038548470832652 51.96375880863430297, 4.57514934056166123 51.96126716488006281, 4.57050806034944124 51.95909992731451865, 4.56801288045480103 51.95807990832742718, 4.56679540262094275 51.95788176178426454, 4.56436713070579181 51.95992453658240606, 4.56205310841767098 51.9588745457813701, 4.56289910062779924 51.95686460350706426, 4.56158748941853531 51.95665392112667291, 4.55658594696305297 51.9684660413339472, 4.56054764426893477 51.9696221591733476, 4.56165190052661274 51.97076175730419578, 4.56115194120730294 51.97117750333691788, 4.5624137390123618 51.97192671908328521, 4.56289753248266905 51.97152076978323976, 4.56336773305898014 51.97172792476109038, 4.56433413905630569 51.97153433305190617, 4.56538235334762366 51.97127568830477884, 4.56693603216555388 51.97118981492423018, 4.5702756633877506 51.97202409380791721, 4.57190891748071859 51.97186877609446753, 4.57436330516477874 51.97287621169544281, 4.5741123445398264 51.9730865259942334, 4.57854397588466089 51.97553539456981042, 4.58333795046846415 51.9707954184074481)))</t>
  </si>
  <si>
    <t>MultiPolygon (((4.55421533452576188 51.96892069252692181, 4.55658594696305297 51.9684660413339472, 4.56158748941853531 51.95665392112667291, 4.56240560886929458 51.95472423696286768, 4.55034765532463403 51.95311746024517419, 4.53598486007874246 51.9511615055978524, 4.52872031265985164 51.94884123068947446, 4.52854339897703984 51.94892360538522524, 4.52713818938090373 51.95069903072850792, 4.52868138620833793 51.95209907087225076, 4.52365375103959089 51.96392492612071123, 4.52782168584317724 51.96565869696164697, 4.52875990921730498 51.96702363980642048, 4.53498510698338375 51.96827230256624119, 4.53578234094538413 51.9704478380817676, 4.53995135998517796 51.96988513981805369, 4.5476862824756088 51.97280661177202887, 4.55421533452576188 51.96892069252692181)))</t>
  </si>
  <si>
    <t>MultiPolygon (((4.55034765532463403 51.95311746024517419, 4.55558810225999267 51.9408112282794221, 4.53494810923684444 51.93744988349606473, 4.52872031265985164 51.94884123068947446, 4.53598486007874246 51.9511615055978524, 4.55034765532463403 51.95311746024517419, 4.55034765532463403 51.95311746024517419)))</t>
  </si>
  <si>
    <t>MultiPolygon (((4.55711285449183823 51.93722969486301366, 4.56038676584279923 51.93509997650039622, 4.56264658492099784 51.93606480385570023, 4.56272424551424827 51.93588140510355089, 4.56421280046528111 51.932365835201864, 4.56438705352869878 51.93195424371558744, 4.53800843352021577 51.92787123825709017, 4.53494810923684444 51.93744988349606473, 4.55558810225999267 51.9408112282794221, 4.55711285449183823 51.93722969486301366, 4.55711285449183823 51.93722969486301366)))</t>
  </si>
  <si>
    <t>MultiPolygon (((4.55425631937174824 51.91650505037895158, 4.55402493454663659 51.91477955515232878, 4.55649588731706601 51.91480313971647575, 4.55671642263749543 51.91211586750350193, 4.55682830851873621 51.91038570848768785, 4.55105057859790207 51.9096379455576411, 4.54990125919197563 51.90672848710498499, 4.54923843529418992 51.90488212562515713, 4.54246594327591779 51.90377557009173159, 4.53576563692489021 51.91232697678063346, 4.5344794467201579 51.91569034921943881, 4.53613855003201305 51.91579727698620417, 4.53822209130387488 51.91534416092251547, 4.53823104536948296 51.91491088125293629, 4.5374388741352325 51.9146822461737969, 4.5371853171979204 51.91403627461236425, 4.53833232315100421 51.91189781498536604, 4.53921993900317133 51.91169231260999339, 4.54167697870679721 51.9068523218214537, 4.54213595367171674 51.9062045572193469, 4.54338844536622322 51.90622006502439945, 4.54613340622651041 51.90657791498583151, 4.54768997922404772 51.90716862530131692, 4.5474451490010539 51.90738360307950927, 4.54742538706117294 51.90799344277446181, 4.54796729193840488 51.90857008154727481, 4.54863917470654755 51.91040155407254986, 4.55010096457580016 51.91437807704120644, 4.5539958739331805 51.91661780087395073, 4.55425631937174824 51.91650505037895158)))</t>
  </si>
  <si>
    <t>MultiPolygon (((4.56515497530915937 51.92891434381616023, 4.56623881397113252 51.92590883856839667, 4.56599545525526818 51.92573748445692416, 4.564551264605341 51.92363263985642874, 4.56318542437558339 51.92282398799495269, 4.56145245559461987 51.92217319608329973, 4.5615239281166895 51.92187453788088902, 4.56088563280839576 51.92166282103638508, 4.55691024191818173 51.91991354134019332, 4.55632730145662634 51.92031641060445679, 4.55207889318525183 51.91944962780269179, 4.54516123756990886 51.91929142389513174, 4.53754956432726342 51.91977837850136268, 4.53785159783972691 51.9193172759734054, 4.5358437351087959 51.92055625716950829, 4.53522376489971002 51.91850271473370526, 4.53613855003201305 51.91579727698620417, 4.5344794467201579 51.91569034921943881, 4.53401322169390664 51.91548073837369515, 4.53406560438194006 51.9201644020815607, 4.53629315450294435 51.92559604533573747, 4.5355766128782804 51.92602995303698776, 4.53734419052041549 51.92776908183380158, 4.53800843352021577 51.92787123825709017, 4.56438705352869878 51.93195424371558744, 4.56528819229258964 51.92982578204290434, 4.56470233425620542 51.92954717163243572, 4.56515270860123579 51.92917897415438233, 4.56515497530915937 51.92891434381616023)))</t>
  </si>
  <si>
    <t>MultiPolygon (((4.38489613508959142 51.89501575978625425, 4.39095695045829082 51.89423548088018379, 4.39868776116468485 51.89170009569415498, 4.3977459276551869 51.89161663396048141, 4.39623879341690937 51.8886437180335065, 4.39797362620688226 51.88659431541186962, 4.39620183983138979 51.88384794843729964, 4.38919926945257366 51.88068649710514535, 4.38872773457241205 51.87903479112191718, 4.38583466924354415 51.8783439425158619, 4.38058139937693536 51.8863267865604243, 4.37803403827458482 51.89306201257402762, 4.38437591144000294 51.89407090729505967, 4.38489613508959142 51.89501575978625425)))</t>
  </si>
  <si>
    <t>MultiPolygon (((4.56230067714525145 51.89910457894544038, 4.56957326140194819 51.89890689860713735, 4.57540753583840409 51.89808271240730164, 4.56911128089170315 51.87814817774690113, 4.5653974748961117 51.88305857538156829, 4.56048184822780289 51.89406359085205622, 4.55860563747749659 51.89573122273666428, 4.55595373667147197 51.89659943235210449, 4.5564061314945512 51.90040203152702958, 4.56230067714525145 51.89910457894544038)))</t>
  </si>
  <si>
    <t>MultiPolygon (((4.55595373667147197 51.89659943235210449, 4.55860563747749659 51.89573122273666428, 4.56048184822780289 51.89406359085205622, 4.5653974748961117 51.88305857538156829, 4.56911128089170315 51.87814817774690113, 4.56773737374019362 51.87817699104318336, 4.5615256152259489 51.87821861570012771, 4.5548726293243158 51.87555990368141323, 4.5493831369692419 51.87402723074368538, 4.54398475861896234 51.87185587005666321, 4.5426335713272481 51.87084497313859544, 4.53997159300766739 51.87017864956082747, 4.52576637738362031 51.88681223215708371, 4.52187005499660177 51.89182289454584662, 4.53184924771819109 51.89501476491534504, 4.55085693003964487 51.89740406679850082, 4.55595373667147197 51.89659943235210449)))</t>
  </si>
  <si>
    <t>MultiPolygon (((4.53997159300766739 51.87017864956082747, 4.53529540482864046 51.86933889648141616, 4.53202663334448008 51.86877671297963133, 4.5267260273838108 51.86945539891707568, 4.51523946445164093 51.86903662225016376, 4.51439179144179548 51.87183884710641024, 4.51104948784722826 51.8752154971777415, 4.50597927300426626 51.87753728817938992, 4.51607187876987037 51.88236944134033735, 4.52150691329146515 51.88289670133813303, 4.52251107955744658 51.8855902812577483, 4.52394921763937496 51.88659735197408907, 4.52576637738362031 51.88681223215708371, 4.53997159300766739 51.87017864956082747)))</t>
  </si>
  <si>
    <t>MultiPolygon (((4.55508755929904652 51.9056464588258919, 4.56946297532823387 51.90435092628803915, 4.57632845404585442 51.90303172041799229, 4.5759056109716969 51.90125266063985521, 4.57609552997988711 51.8993738492010408, 4.57559941629326161 51.89805760222573383, 4.57540753583840409 51.89808271240730164, 4.56957326140194819 51.89890689860713735, 4.56230067714525145 51.89910457894544038, 4.5564061314945512 51.90040203152702958, 4.55595373667147197 51.89659943235210449, 4.55085693003964487 51.89740406679850082, 4.53184924771819109 51.89501476491534504, 4.52187005499660177 51.89182289454584662, 4.52156588560296591 51.89218769952850607, 4.5129650489098303 51.9017187203025685, 4.5171961124864568 51.90324265416932548, 4.52120847523638325 51.90089028237283486, 4.52684941696833132 51.89996992720582369, 4.54246594327591779 51.90377557009173159, 4.54923843529418992 51.90488212562515713, 4.55508755929904652 51.9056464588258919)))</t>
  </si>
  <si>
    <t>MultiPolygon (((4.50754312845014038 51.91682465484264242, 4.5060732765211684 51.91552691063331082, 4.50421799962741076 51.91543002134700657, 4.50020056406499602 51.91321033405743179, 4.49387010404634246 51.90954555465106068, 4.49409366834074575 51.90894366034974894, 4.49109863400029852 51.91016402136452257, 4.48905157132873711 51.90944244616524372, 4.48606126052012666 51.91062304838425234, 4.49410884568796742 51.91625592792649257, 4.50029332417015393 51.9181184797294506, 4.50754312845014038 51.91682465484264242, 4.50754312845014038 51.91682465484264242)))</t>
  </si>
  <si>
    <t>MultiPolygon (((4.51249765097223321 51.9146953526710746, 4.51650685631603199 51.91032065557315889, 4.51635453033401557 51.90542966728434493, 4.5171961124864568 51.90324265416932548, 4.5129650489098303 51.9017187203025685, 4.51193253301433916 51.90293607122548991, 4.50788059955321074 51.90711756849604797, 4.50020056406499602 51.91321033405743179, 4.50421799962741076 51.91543002134700657, 4.5060732765211684 51.91552691063331082, 4.50754312845014038 51.91682465484264242, 4.51249765097223321 51.9146953526710746, 4.51249765097223321 51.9146953526710746)))</t>
  </si>
  <si>
    <t>MultiPolygon (((4.51127158803379924 51.90092530339337173, 4.50823364119167724 51.89894810870711694, 4.50245578979406424 51.89845653138380754, 4.49548278370008081 51.89766565515738961, 4.49503739591508289 51.89808301046985406, 4.49651274374140808 51.90429930210849818, 4.49824713868933213 51.90633570052680312, 4.51127158803379924 51.90092530339337173)))</t>
  </si>
  <si>
    <t>MultiPolygon (((4.49651274374140808 51.90429930210849818, 4.49503739591508289 51.89808301046985406, 4.49244961063259662 51.89916884144273013, 4.47661541322556467 51.89579812074454424, 4.46878053061778324 51.89881006898995963, 4.4677613657946349 51.90034939901238431, 4.47395854876431098 51.90214154765586585, 4.47971927571437423 51.90470302952294901, 4.48032199426030431 51.90346988595979383, 4.4862120299688657 51.90292351015979477, 4.49409227643360687 51.90490968441153541, 4.49651274374140808 51.90429930210849818)))</t>
  </si>
  <si>
    <t>MultiPolygon (((4.5129650489098303 51.9017187203025685, 4.52156588560296591 51.89218769952850607, 4.51767090992022169 51.89094590874776713, 4.50763132061075478 51.88987648233472783, 4.50924031293265237 51.89351709133276103, 4.50186484810818932 51.89747638860574597, 4.50245578979406424 51.89845653138380754, 4.50823364119167724 51.89894810870711694, 4.51127158803379924 51.90092530339337173, 4.51193253301433916 51.90293607122548991, 4.5129650489098303 51.9017187203025685, 4.5129650489098303 51.9017187203025685)))</t>
  </si>
  <si>
    <t>MultiPolygon (((4.50245578979406424 51.89845653138380754, 4.50186484810818932 51.89747638860574597, 4.50924031293265237 51.89351709133276103, 4.50763132061075478 51.88987648233472783, 4.49406540400371846 51.88962409572696544, 4.49405124857227634 51.88989436992654447, 4.49383120359156063 51.89431450795318312, 4.49548278370008081 51.89766565515738961, 4.50245578979406424 51.89845653138380754, 4.50245578979406424 51.89845653138380754)))</t>
  </si>
  <si>
    <t>MultiPolygon (((4.52187005499660177 51.89182289454584662, 4.52576637738362031 51.88681223215708371, 4.52394921763937496 51.88659735197408907, 4.52251107955744658 51.8855902812577483, 4.52150691329146515 51.88289670133813303, 4.51607187876987037 51.88236944134033735, 4.50597927300426626 51.87753728817938992, 4.49808185147385498 51.88280173555468622, 4.49239784161723765 51.88476315638097702, 4.49258698055567596 51.88840417369148383, 4.49406540400371846 51.88962409572696544, 4.50763132061075478 51.88987648233472783, 4.51767090992022169 51.89094590874776713, 4.52156588560296591 51.89218769952850607, 4.52187005499660177 51.89182289454584662, 4.52187005499660177 51.89182289454584662)))</t>
  </si>
  <si>
    <t>MultiPolygon (((4.50788059955321074 51.90711756849604797, 4.51193253301433916 51.90293607122548991, 4.51127158803379924 51.90092530339337173, 4.49824713868933213 51.90633570052680312, 4.49851707031675385 51.90682277414892098, 4.49409366834074575 51.90894366034974894, 4.49387010404634246 51.90954555465106068, 4.50020056406499602 51.91321033405743179, 4.50788059955321074 51.90711756849604797)))</t>
  </si>
  <si>
    <t>MultiPolygon (((4.48905157132873711 51.90944244616524372, 4.49109863400029852 51.91016402136452257, 4.49409366834074575 51.90894366034974894, 4.49851707031675385 51.90682277414892098, 4.49824713868933213 51.90633570052680312, 4.49651274374140808 51.90429930210849818, 4.49409227643360687 51.90490968441153541, 4.4862120299688657 51.90292351015979477, 4.48032199426030431 51.90346988595979383, 4.47971927571437423 51.90470302952294901, 4.48551001831270746 51.90976031450771444, 4.48606126052012666 51.91062304838425234, 4.48905157132873711 51.90944244616524372)))</t>
  </si>
  <si>
    <t>MultiPolygon (((4.50938846536292903 51.92107312082764992, 4.5149909531015604 51.91955124252043419, 4.51756536342503523 51.91742577605600673, 4.51815447046156748 51.91596987399513807, 4.51345277439315851 51.91627925600563742, 4.51249765097223321 51.9146953526710746, 4.50754312845014038 51.91682465484264242, 4.50029332417015393 51.9181184797294506, 4.49773931362503632 51.9228611955059165, 4.49845592972841768 51.92338268489483255, 4.50938846536292903 51.92107312082764992)))</t>
  </si>
  <si>
    <t>MultiPolygon (((4.51815447046156748 51.91596987399513807, 4.52167651883806698 51.91591978292053966, 4.53125515618767771 51.91400137933256786, 4.53347540090782264 51.91441706688321034, 4.53401322169390664 51.91548073837369515, 4.5344794467201579 51.91569034921943881, 4.53576563692489021 51.91232697678063346, 4.54246594327591779 51.90377557009173159, 4.52684941696833132 51.89996992720582369, 4.52120847523638325 51.90089028237283486, 4.5171961124864568 51.90324265416932548, 4.51635453033401557 51.90542966728434493, 4.51650685631603199 51.91032065557315889, 4.51249765097223321 51.9146953526710746, 4.51345277439315851 51.91627925600563742, 4.51815447046156748 51.91596987399513807)))</t>
  </si>
  <si>
    <t>MultiPolygon (((4.52872031265985164 51.94884123068947446, 4.53494810923684444 51.93744988349606473, 4.53800843352021577 51.92787123825709017, 4.53734419052041549 51.92776908183380158, 4.52633307766458959 51.9262557446597981, 4.51902048249572985 51.92728788863948353, 4.51224229643185648 51.93045738336363115, 4.50284259012345167 51.93373843973928672, 4.49940961646147386 51.93707627126214277, 4.49641021827612342 51.9395057008573886, 4.50306570589591804 51.94291192519248312, 4.51312019224032657 51.94609788796375227, 4.52613918259708736 51.94844296615051604, 4.52854339897703984 51.94892360538522524, 4.52872031265985164 51.94884123068947446, 4.52872031265985164 51.94884123068947446)))</t>
  </si>
  <si>
    <t>MultiPolygon (((4.51902048249572985 51.92728788863948353, 4.52633307766458959 51.9262557446597981, 4.53734419052041549 51.92776908183380158, 4.5355766128782804 51.92602995303698776, 4.53629315450294435 51.92559604533573747, 4.53406560438194006 51.9201644020815607, 4.53401322169390664 51.91548073837369515, 4.53347540090782264 51.91441706688321034, 4.53125515618767771 51.91400137933256786, 4.52167651883806698 51.91591978292053966, 4.51815447046156748 51.91596987399513807, 4.51756536342503523 51.91742577605600673, 4.5149909531015604 51.91955124252043419, 4.50938846536292903 51.92107312082764992, 4.51274031815909193 51.92597397880835786, 4.5105302002497405 51.92714346863198926, 4.51224229643185648 51.93045738336363115, 4.51902048249572985 51.92728788863948353)))</t>
  </si>
  <si>
    <t>MultiPolygon (((4.51224229643185648 51.93045738336363115, 4.5105302002497405 51.92714346863198926, 4.51274031815909193 51.92597397880835786, 4.50938846536292903 51.92107312082764992, 4.49845592972841768 51.92338268489483255, 4.49773931362503632 51.9228611955059165, 4.49706455639369551 51.92376334561649998, 4.49769883669897119 51.928656036810807, 4.50284259012345167 51.93373843973928672, 4.51224229643185648 51.93045738336363115, 4.51224229643185648 51.93045738336363115)))</t>
  </si>
  <si>
    <t>MultiPolygon (((4.50284259012345167 51.93373843973928672, 4.49769883669897119 51.928656036810807, 4.49684290185766411 51.93032536946878253, 4.4895015270190699 51.92982669817045149, 4.48596887062987815 51.93012048527881319, 4.48736884349787868 51.93286200794048568, 4.4899025935037562 51.93476504783043879, 4.49618409273818109 51.93389409548031921, 4.49940961646147386 51.93707627126214277, 4.50284259012345167 51.93373843973928672, 4.50284259012345167 51.93373843973928672)))</t>
  </si>
  <si>
    <t>MultiPolygon (((4.52613918259708736 51.94844296615051604, 4.51312019224032657 51.94609788796375227, 4.50306570589591804 51.94291192519248312, 4.49641021827612342 51.9395057008573886, 4.49940961646147386 51.93707627126214277, 4.49618409273818109 51.93389409548031921, 4.4899025935037562 51.93476504783043879, 4.48578589938934247 51.93862378903089905, 4.48702714531543201 51.94137620205088268, 4.48593645878962377 51.9429478810537546, 4.48583217576944371 51.9430703886971088, 4.52613918259708736 51.94844296615051604)))</t>
  </si>
  <si>
    <t>MultiPolygon (((4.49684290185766411 51.93032536946878253, 4.49769883669897119 51.928656036810807, 4.49706455639369551 51.92376334561649998, 4.48516870952811164 51.9250606462826525, 4.48450910405564596 51.92723440464109075, 4.48596887062987815 51.93012048527881319, 4.4895015270190699 51.92982669817045149, 4.49684290185766411 51.93032536946878253, 4.49684290185766411 51.93032536946878253)))</t>
  </si>
  <si>
    <t>MultiPolygon (((4.4968571831896389 51.9713058387317588, 4.5065844790667402 51.96637576503432854, 4.50584416598653092 51.96565202695776264, 4.50927386842647149 51.96389492956429024, 4.51224684566804424 51.96242040924113326, 4.51310327578120596 51.96292169203073996, 4.51390070019570278 51.96265375828110678, 4.51858647686875337 51.96028628542908478, 4.5171467702188286 51.95725662174853454, 4.51874722376293736 51.95563999926862664, 4.5175923709297976 51.95376272445127341, 4.51199522748306237 51.95131799460101973, 4.50800220662727558 51.95084220966884203, 4.50835647591999056 51.95175425931648761, 4.4949269077752394 51.95869509372297301, 4.49523407310526402 51.96741499187484692, 4.49579968756250459 51.97184448688553005, 4.4968571831896389 51.9713058387317588)))</t>
  </si>
  <si>
    <t>MultiPolygon (((4.52868138620833793 51.95209907087225076, 4.52713818938090373 51.95069903072850792, 4.52854339897703984 51.94892360538522524, 4.52613918259708736 51.94844296615051604, 4.48583217576944371 51.9430703886971088, 4.49058773935326538 51.94555946632230103, 4.49307942517403713 51.94604324448022226, 4.49784132208178722 51.94587036980650652, 4.49903379294370254 51.94684557649578949, 4.50030394465364125 51.9502460528819725, 4.50403625630772275 51.9510917520688551, 4.50800220662727558 51.95084220966884203, 4.51199522748306237 51.95131799460101973, 4.5175923709297976 51.95376272445127341, 4.51874722376293736 51.95563999926862664, 4.5171467702188286 51.95725662174853454, 4.51858647686875337 51.96028628542908478, 4.52094659590087566 51.96340793725031659, 4.52365375103959089 51.96392492612071123, 4.52868138620833793 51.95209907087225076)))</t>
  </si>
  <si>
    <t>MultiPolygon (((4.49523407310526402 51.96741499187484692, 4.4949269077752394 51.95869509372297301, 4.50835647591999056 51.95175425931648761, 4.50800220662727558 51.95084220966884203, 4.50403625630772275 51.9510917520688551, 4.50030394465364125 51.9502460528819725, 4.49903379294370254 51.94684557649578949, 4.49784132208178722 51.94587036980650652, 4.49307942517403713 51.94604324448022226, 4.49058773935326538 51.94555946632230103, 4.48594490055338202 51.94798966212011493, 4.48354435491170644 51.94602696536223618, 4.47553043298918229 51.95034909560194336, 4.47768433245844832 51.95547201124556125, 4.48463675249319138 51.96591610267800121, 4.49100686962395468 51.96954967134534797, 4.49523407310526402 51.96741499187484692, 4.49523407310526402 51.96741499187484692)))</t>
  </si>
  <si>
    <t>MultiPolygon (((4.48354435491170644 51.94602696536223618, 4.48594490055338202 51.94798966212011493, 4.49058773935326538 51.94555946632230103, 4.48583217576944371 51.9430703886971088, 4.48593645878962377 51.9429478810537546, 4.48043505285951937 51.94215543145917025, 4.46747173484731519 51.94041153434658753, 4.46084733651885745 51.93949818379103078, 4.46046695969738227 51.93959334321967702, 4.45979688341474301 51.94692665670681464, 4.47379851598569189 51.94642278126182333, 4.47553043298918229 51.95034909560194336, 4.48354435491170644 51.94602696536223618)))</t>
  </si>
  <si>
    <t>MultiPolygon (((4.46951581857315716 51.98030065206523886, 4.47055812187477208 51.97977956586530013, 4.48325176532656133 51.97336232898690156, 4.49100686962395468 51.96954967134534797, 4.48463675249319138 51.96591610267800121, 4.47768433245844832 51.95547201124556125, 4.47553043298918229 51.95034909560194336, 4.47379851598569189 51.94642278126182333, 4.45979688341474301 51.94692665670681464, 4.45985703112895493 51.95167733835712198, 4.4615867788987531 51.95706232510030986, 4.46164356158177799 51.96248106603651706, 4.46052969744528216 51.96443187794500318, 4.45682451767917964 51.96731098688332651, 4.46037467139088761 51.96910142778070707, 4.46016133956618877 51.97160876137962049, 4.46222053627933057 51.97268141220737903, 4.46134648051550542 51.9748372150635376, 4.46167633292173083 51.97512195206621755, 4.46402313180853927 51.97714766845315637, 4.46324098403400171 51.97752651349659914, 4.46412460088470464 51.97830701590299896, 4.46580268359910093 51.97892971261736506, 4.46668022235373652 51.97849831752758831, 4.46945116815618526 51.98018749991688736, 4.46887487410345319 51.98047973441601499, 4.46897162912086099 51.98052867428433643, 4.46901214987908979 51.98054916021434479, 4.46951581857315716 51.98030065206523886)))</t>
  </si>
  <si>
    <t>MultiPolygon (((4.44970059105411053 51.93356896025661484, 4.44787797064944534 51.92535858620225042, 4.44574495818247417 51.92344864918952396, 4.44128605988592806 51.92236659426164636, 4.4375322662618748 51.92205879734937213, 4.43724683764658678 51.92202775377716506, 4.43234164972421851 51.92608048496099116, 4.44591717649477047 51.93364840065299148, 4.44970059105411053 51.93356896025661484, 4.44970059105411053 51.93356896025661484)))</t>
  </si>
  <si>
    <t>MultiPolygon (((4.48702714531543201 51.94137620205088268, 4.48578589938934247 51.93862378903089905, 4.4899025935037562 51.93476504783043879, 4.48736884349787868 51.93286200794048568, 4.48596887062987815 51.93012048527881319, 4.48450910405564596 51.92723440464109075, 4.48516870952811164 51.9250606462826525, 4.48029399394086525 51.9258572564299854, 4.48294175361956171 51.92922972917570235, 4.47260430802330511 51.93317581033126373, 4.47946033867292925 51.93818562314103104, 4.47890689568927147 51.94031533258083044, 4.48043505285951937 51.94215543145917025, 4.48593645878962377 51.9429478810537546, 4.48702714531543201 51.94137620205088268)))</t>
  </si>
  <si>
    <t>MultiPolygon (((4.48043505285951937 51.94215543145917025, 4.47890689568927147 51.94031533258083044, 4.47946033867292925 51.93818562314103104, 4.47260430802330511 51.93317581033126373, 4.47076877547859475 51.93223460735730157, 4.46911042500075162 51.93366408120213862, 4.46747173484731519 51.94041153434658753, 4.48043505285951937 51.94215543145917025, 4.48043505285951937 51.94215543145917025)))</t>
  </si>
  <si>
    <t>MultiPolygon (((4.46084733651885745 51.93949818379103078, 4.46221316762557851 51.93877178905295011, 4.46276131770383344 51.93710995761986737, 4.45968214340910052 51.93594629369536619, 4.46338351666377964 51.93154848291836601, 4.46731394773679824 51.93184851611110986, 4.46975633529245808 51.93115839075593954, 4.46931335243952255 51.93078513630876358, 4.46350337632023653 51.92680085149054037, 4.46287333275056231 51.92468451403986052, 4.45490722444149956 51.92409687533395157, 4.45491123998583483 51.92303863357353322, 4.44128605988592806 51.92236659426164636, 4.44574495818247417 51.92344864918952396, 4.44787797064944534 51.92535858620225042, 4.44970059105411053 51.93356896025661484, 4.44591717649477047 51.93364840065299148, 4.44564429753950652 51.93386401309416556, 4.4508698302295393 51.93540704874703096, 4.45456818964998913 51.93834524755649085, 4.46046695969738227 51.93959334321967702, 4.46084733651885745 51.93949818379103078, 4.46084733651885745 51.93949818379103078)))</t>
  </si>
  <si>
    <t>MultiPolygon (((4.46911042500075162 51.93366408120213862, 4.47076877547859475 51.93223460735730157, 4.46975633529245808 51.93115839075593954, 4.46731394773679824 51.93184851611110986, 4.46338351666377964 51.93154848291836601, 4.45968214340910052 51.93594629369536619, 4.46276131770383344 51.93710995761986737, 4.46221316762557851 51.93877178905295011, 4.46084733651885745 51.93949818379103078, 4.46747173484731519 51.94041153434658753, 4.46911042500075162 51.93366408120213862)))</t>
  </si>
  <si>
    <t>MultiPolygon (((4.4760285983668906 51.92624844964326769, 4.46986200761457741 51.92604714089856799, 4.46287333275056231 51.92468451403986052, 4.46350337632023653 51.92680085149054037, 4.46931335243952255 51.93078513630876358, 4.4760285983668906 51.92624844964326769)))</t>
  </si>
  <si>
    <t>MultiPolygon (((4.48294175361956171 51.92922972917570235, 4.48029399394086525 51.9258572564299854, 4.47636988240054556 51.92626858661284928, 4.4760285983668906 51.92624844964326769, 4.46931335243952255 51.93078513630876358, 4.46975633529245808 51.93115839075593954, 4.47076877547859475 51.93223460735730157, 4.47260430802330511 51.93317581033126373, 4.48294175361956171 51.92922972917570235)))</t>
  </si>
  <si>
    <t>MultiPolygon (((4.43229387344924053 51.94550536776102945, 4.42876866610411035 51.9434967317798737, 4.42611162172197314 51.94549579903898717, 4.42832122278615969 51.94610071495184656, 4.43229387344924053 51.94550536776102945, 4.43229387344924053 51.94550536776102945)))</t>
  </si>
  <si>
    <t>MultiPolygon (((4.42832122278615969 51.94610071495184656, 4.42611162172197314 51.94549579903898717, 4.42876866610411035 51.9434967317798737, 4.43197232038845002 51.94205026299027139, 4.43545957998158524 51.93924852109747548, 4.44432274831958907 51.93838518371907753, 4.44540133117387981 51.93626636143341813, 4.44434995078144368 51.93455772911281798, 4.43975393932020257 51.93819664297657823, 4.43347929319285416 51.9388282495054554, 4.42832864147133698 51.93732055674256998, 4.42166250715585196 51.93410889716339085, 4.41777652066146587 51.93740400007831681, 4.4147623172014665 51.93737417189997529, 4.41771292699424745 51.93847659266356231, 4.415492169550566 51.94075854325196673, 4.41484299216741238 51.94543156704305886, 4.41210654052808859 51.94834714935437603, 4.41260862165641754 51.94854922661641439, 4.422175948058781 51.95215761492047335, 4.42832122278615969 51.94610071495184656)))</t>
  </si>
  <si>
    <t>MultiPolygon (((4.46052969744528216 51.96443187794500318, 4.46164356158177799 51.96248106603651706, 4.4615867788987531 51.95706232510030986, 4.45985703112895493 51.95167733835712198, 4.45979688341474301 51.94692665670681464, 4.46046695969738227 51.93959334321967702, 4.45456818964998913 51.93834524755649085, 4.4508698302295393 51.93540704874703096, 4.44564429753950652 51.93386401309416556, 4.44434995078144368 51.93455772911281798, 4.44540133117387981 51.93626636143341813, 4.44432274831958907 51.93838518371907753, 4.43545957998158524 51.93924852109747548, 4.43197232038845002 51.94205026299027139, 4.42876866610411035 51.9434967317798737, 4.43229387344924053 51.94550536776102945, 4.42832122278615969 51.94610071495184656, 4.422175948058781 51.95215761492047335, 4.4212685950345918 51.95253452493297175, 4.42467745471940699 51.95359940958955747, 4.44130882696271811 51.96024323381859489, 4.4466820755581038 51.96278595393324906, 4.45064712303591037 51.96583893385202657, 4.45682451767917964 51.96731098688332651, 4.46052969744528216 51.96443187794500318)))</t>
  </si>
  <si>
    <t>MultiPolygon (((4.42896837316179859 51.97587611219254455, 4.4466820755581038 51.96278595393324906, 4.44130882696271811 51.96024323381859489, 4.4348525508285519 51.96624943033968691, 4.42833336786559428 51.96554750640907372, 4.41494277610674057 51.96008826501076072, 4.41554549662615514 51.95788940870784955, 4.4212685950345918 51.95253452493297175, 4.422175948058781 51.95215761492047335, 4.41260862165641754 51.94854922661641439, 4.39857382301047473 51.95706539329995621, 4.39398750080140399 51.96263150381586371, 4.40293341254718396 51.96631631444287081, 4.40791087630139522 51.96819860579090289, 4.42789835738203141 51.97646646310631979, 4.42896837316179859 51.97587611219254455, 4.42896837316179859 51.97587611219254455)))</t>
  </si>
  <si>
    <t>MultiPolygon (((4.39175195663290729 51.96492104479843732, 4.39398750080140399 51.96263150381586371, 4.39857382301047473 51.95706539329995621, 4.41260862165641754 51.94854922661641439, 4.41210654052808859 51.94834714935437603, 4.40819409148964336 51.94681954544306279, 4.40455687718047972 51.94618488997426198, 4.39492064343677669 51.94645753151804257, 4.39518781494050792 51.94692704158959629, 4.39435193742192354 51.94710966839825517, 4.38914131835146648 51.94558212575618228, 4.37930946535638999 51.96340662685282297, 4.38977941319867249 51.96512640182558584, 4.3899474143579118 51.96460171291277419, 4.39175195663290729 51.96492104479843732)))</t>
  </si>
  <si>
    <t>MultiPolygon (((4.43975393932020257 51.93819664297657823, 4.44434995078144368 51.93455772911281798, 4.44564429753950652 51.93386401309416556, 4.44591717649477047 51.93364840065299148, 4.43234164972421851 51.92608048496099116, 4.42166250715585196 51.93410889716339085, 4.42832864147133698 51.93732055674256998, 4.43347929319285416 51.9388282495054554, 4.43975393932020257 51.93819664297657823)))</t>
  </si>
  <si>
    <t>MultiPolygon (((4.43452100469782984 51.91179949655975179, 4.44511881580232693 51.90454649886782335, 4.44757656511916544 51.90393252120855294, 4.45283963173981956 51.90342927297773201, 4.46400860736321281 51.90664090682285092, 4.4677613657946349 51.90034939901238431, 4.45966200633372445 51.89922506758021115, 4.4505340355879941 51.89961414234959847, 4.4355130557179514 51.9019623074342249, 4.43615026692385506 51.90375426119091884, 4.44083803809345934 51.9057830187494389, 4.43026267623502523 51.9130253634811325, 4.4303342124507834 51.91308970349111007, 4.43452100469782984 51.91179949655975179, 4.43452100469782984 51.91179949655975179)))</t>
  </si>
  <si>
    <t>MultiPolygon (((4.42900872227790376 51.91398015721484427, 4.42419584866679294 51.91415557995528474, 4.42582246461442352 51.91619901796532588, 4.42900872227790376 51.91398015721484427)))</t>
  </si>
  <si>
    <t>MultiPolygon (((4.43180164031372836 51.91982784467844425, 4.43046671312600626 51.91861047818866126, 4.42988167278681733 51.91651977485896197, 4.43112929833150648 51.91440057461584701, 4.4303342124507834 51.91308970349111007, 4.43026267623502523 51.9130253634811325, 4.41350628602025896 51.91395267216644527, 4.41360116279141668 51.91458513830380639, 4.41525184592169406 51.9144839329478458, 4.41591921897743145 51.91617452459066584, 4.4163829400414869 51.9176909992634279, 4.41706433102044382 51.92042370205669499, 4.43651343613216387 51.92194167128967308, 4.43180164031372836 51.91982784467844425),(4.42419584866679294 51.91415557995528474, 4.42900872227790376 51.91398015721484427, 4.42582246461442352 51.91619901796532588, 4.42419584866679294 51.91415557995528474)))</t>
  </si>
  <si>
    <t>MultiPolygon (((4.46282932365075702 51.92241173987823544, 4.46353134016935549 51.91189591772303658, 4.45785011096338479 51.909627909518683, 4.45625987597182238 51.91313022979209535, 4.45496253407131793 51.92274479333226367, 4.46219337265946248 51.9232776931497142, 4.46282932365075702 51.92241173987823544, 4.46282932365075702 51.92241173987823544)))</t>
  </si>
  <si>
    <t>MultiPolygon (((4.45491123998583483 51.92303863357353322, 4.45496253407131793 51.92274479333226367, 4.45625987597182238 51.91313022979209535, 4.45785011096338479 51.909627909518683, 4.45821012756928425 51.90868024718272977, 4.45589893379885993 51.90849536528332919, 4.4497887390197608 51.90967977571564518, 4.44436431656734587 51.91651527319431381, 4.44351693344589993 51.91808568866974127, 4.4375322662618748 51.92205879734937213, 4.44128605988592806 51.92236659426164636, 4.45491123998583483 51.92303863357353322, 4.45491123998583483 51.92303863357353322)))</t>
  </si>
  <si>
    <t>MultiPolygon (((4.44351693344589993 51.91808568866974127, 4.44436431656734587 51.91651527319431381, 4.43734572113345749 51.9141849117244476, 4.43500377394129863 51.91233539292512233, 4.43452100469782984 51.91179949655975179, 4.4303342124507834 51.91308970349111007, 4.43112929833150648 51.91440057461584701, 4.42988167278681733 51.91651977485896197, 4.43046671312600626 51.91861047818866126, 4.43180164031372836 51.91982784467844425, 4.43651343613216387 51.92194167128967308, 4.43724683764658678 51.92202775377716506, 4.4375322662618748 51.92205879734937213, 4.44351693344589993 51.91808568866974127)))</t>
  </si>
  <si>
    <t>MultiPolygon (((4.4497887390197608 51.90967977571564518, 4.44818041490528948 51.90964769069955054, 4.44253203394013774 51.9104184786847398, 4.43500377394129863 51.91233539292512233, 4.43734572113345749 51.9141849117244476, 4.44436431656734587 51.91651527319431381, 4.4497887390197608 51.90967977571564518)))</t>
  </si>
  <si>
    <t>MultiPolygon (((4.44253203394013774 51.9104184786847398, 4.44818041490528948 51.90964769069955054, 4.44757656511916544 51.90393252120855294, 4.44511881580232693 51.90454649886782335, 4.43452100469782984 51.91179949655975179, 4.43500377394129863 51.91233539292512233, 4.44253203394013774 51.9104184786847398)))</t>
  </si>
  <si>
    <t>MultiPolygon (((4.45589893379885993 51.90849536528332919, 4.45821012756928425 51.90868024718272977, 4.46298477293077855 51.90814467134710952, 4.46400860736321281 51.90664090682285092, 4.45283963173981956 51.90342927297773201, 4.44757656511916544 51.90393252120855294, 4.44818041490528948 51.90964769069955054, 4.4497887390197608 51.90967977571564518, 4.45589893379885993 51.90849536528332919)))</t>
  </si>
  <si>
    <t>MultiPolygon (((4.47691474225136066 51.91159173921665371, 4.46298477293077855 51.90814467134710952, 4.45821012756928425 51.90868024718272977, 4.45785011096338479 51.909627909518683, 4.46353134016935549 51.91189591772303658, 4.4670758690671688 51.91300749681015958, 4.47292822508532062 51.91633217588891114, 4.47691474225136066 51.91159173921665371, 4.47691474225136066 51.91159173921665371)))</t>
  </si>
  <si>
    <t>MultiPolygon (((4.47703339255636124 51.9115762536969001, 4.47880313186605772 51.90992522987644264, 4.48083639736464523 51.91059467129066718, 4.48362384200597397 51.91050955618313623, 4.48551001831270746 51.90976031450771444, 4.47971927571437423 51.90470302952294901, 4.47395854876431098 51.90214154765586585, 4.4677613657946349 51.90034939901238431, 4.46400860736321281 51.90664090682285092, 4.46298477293077855 51.90814467134710952, 4.47691474225136066 51.91159173921665371, 4.47703339255636124 51.9115762536969001, 4.47703339255636124 51.9115762536969001)))</t>
  </si>
  <si>
    <t>MultiPolygon (((4.47703395660060455 51.92400780538089577, 4.47028435199881446 51.92239965855010553, 4.46282932365075702 51.92241173987823544, 4.46219337265946248 51.9232776931497142, 4.45496253407131793 51.92274479333226367, 4.45491123998583483 51.92303863357353322, 4.45490722444149956 51.92409687533395157, 4.46287333275056231 51.92468451403986052, 4.46986200761457741 51.92604714089856799, 4.4760285983668906 51.92624844964326769, 4.47636988240054556 51.92626858661284928, 4.47703395660060455 51.92400780538089577, 4.47703395660060455 51.92400780538089577)))</t>
  </si>
  <si>
    <t>MultiPolygon (((4.4793595262604553 51.92088602533471686, 4.48028189205852723 51.91731283190831192, 4.47978239952818402 51.91295159389612479, 4.47703339255636124 51.9115762536969001, 4.47691474225136066 51.91159173921665371, 4.47292822508532062 51.91633217588891114, 4.47028435199881446 51.92239965855010553, 4.47703395660060455 51.92400780538089577, 4.4793595262604553 51.92088602533471686)))</t>
  </si>
  <si>
    <t>MultiPolygon (((4.47028435199881446 51.92239965855010553, 4.47292822508532062 51.91633217588891114, 4.4670758690671688 51.91300749681015958, 4.46353134016935549 51.91189591772303658, 4.46282932365075702 51.92241173987823544, 4.47028435199881446 51.92239965855010553, 4.47028435199881446 51.92239965855010553)))</t>
  </si>
  <si>
    <t>MultiPolygon (((4.48029399394086525 51.9258572564299854, 4.48516870952811164 51.9250606462826525, 4.49706455639369551 51.92376334561649998, 4.49773931362503632 51.9228611955059165, 4.50029332417015393 51.9181184797294506, 4.49410884568796742 51.91625592792649257, 4.48606126052012666 51.91062304838425234, 4.48551001831270746 51.90976031450771444, 4.48362384200597397 51.91050955618313623, 4.48083639736464523 51.91059467129066718, 4.47880313186605772 51.90992522987644264, 4.47703339255636124 51.9115762536969001, 4.47978239952818402 51.91295159389612479, 4.48028189205852723 51.91731283190831192, 4.4793595262604553 51.92088602533471686, 4.47703395660060455 51.92400780538089577, 4.47636988240054556 51.92626858661284928, 4.48029399394086525 51.9258572564299854, 4.48029399394086525 51.9258572564299854)))</t>
  </si>
  <si>
    <t>MultiPolygon (((4.85523150957378835 52.06881354621658886, 4.87320041181484154 52.06874539314767247, 4.86822503875628687 52.06344633272144051, 4.85630507640220799 52.05915178728734105, 4.84804850001504484 52.05816468475322978, 4.83909345950869696 52.05416740028996259, 4.82949028366674948 52.04981340023965686, 4.82936081562103947 52.04927951337111836, 4.82350769126272194 52.057311038204368, 4.82692949895942736 52.05921888102130879, 4.82429482063796744 52.06270763970942284, 4.82470034459295594 52.06549675696621904, 4.82980790319116515 52.06682340284293531, 4.84037643987453681 52.06888006827186643, 4.85523150957378835 52.06881354621658886)))</t>
  </si>
  <si>
    <t>MultiPolygon (((4.82429482063796744 52.06270763970942284, 4.82692949895942736 52.05921888102130879, 4.82350769126272194 52.057311038204368, 4.82093629404925217 52.05585548023888265, 4.8149920027427946 52.06013578630364691, 4.81551020314237821 52.0638974521601483, 4.82470034459295594 52.06549675696621904, 4.82429482063796744 52.06270763970942284, 4.82429482063796744 52.06270763970942284)))</t>
  </si>
  <si>
    <t>MultiPolygon (((4.8149920027427946 52.06013578630364691, 4.82093629404925217 52.05585548023888265, 4.82350769126272194 52.057311038204368, 4.82936081562103947 52.04927951337111836, 4.81719293019652373 52.03693109671078076, 4.81182222805136295 52.03382451107384554, 4.80670437012654084 52.03316730157614955, 4.80318216063247405 52.04001385725766227, 4.80977363487232967 52.04195885950889533, 4.80599223979038559 52.04744690825967268, 4.79938881086340885 52.04766300061717033, 4.79888488487116582 52.04900106824000972, 4.80530969721813239 52.06357799374551831, 4.81551020314237821 52.0638974521601483, 4.8149920027427946 52.06013578630364691, 4.8149920027427946 52.06013578630364691)))</t>
  </si>
  <si>
    <t>MultiPolygon (((4.80965985136418706 52.02750592559740994, 4.80993341960472076 52.02676451715632311, 4.79870020804844266 52.02227172806324518, 4.79702076186901039 52.02517013672059676, 4.79322931227723714 52.02489439077059075, 4.79204494894701494 52.02680979315143617, 4.79917127884884209 52.02803177913005328, 4.80349087563622046 52.02802298096379019, 4.80867054196574362 52.02965390398752277, 4.80965985136418706 52.02750592559740994, 4.80965985136418706 52.02750592559740994)))</t>
  </si>
  <si>
    <t>MultiPolygon (((4.79676196688658774 52.03888916992784175, 4.80318216063247405 52.04001385725766227, 4.80670437012654084 52.03316730157614955, 4.80867054196574362 52.02965390398752277, 4.80349087563622046 52.02802298096379019, 4.79917127884884209 52.02803177913005328, 4.79204494894701494 52.02680979315143617, 4.7861605978406585 52.03733251458860565, 4.78278364895672592 52.04161175115926596, 4.79568895563714737 52.04346850927807822, 4.79676196688658774 52.03888916992784175)))</t>
  </si>
  <si>
    <t>MultiPolygon (((4.80599223979038559 52.04744690825967268, 4.80977363487232967 52.04195885950889533, 4.80318216063247405 52.04001385725766227, 4.79676196688658774 52.03888916992784175, 4.79568895563714737 52.04346850927807822, 4.79511003857538398 52.04723752690335203, 4.79938881086340885 52.04766300061717033, 4.80599223979038559 52.04744690825967268, 4.80599223979038559 52.04744690825967268)))</t>
  </si>
  <si>
    <t>MultiPolygon (((4.80530969721813239 52.06357799374551831, 4.79888488487116582 52.04900106824000972, 4.79938881086340885 52.04766300061717033, 4.79511003857538398 52.04723752690335203, 4.79568895563714737 52.04346850927807822, 4.78278364895672592 52.04161175115926596, 4.7790480328312146 52.04617674394575744, 4.77819887983461467 52.04795484168156605, 4.77916105019775017 52.05107649584914498, 4.78380909231884832 52.06467387759313681, 4.78394272334291593 52.0649679032566155, 4.80530969721813239 52.06357799374551831)))</t>
  </si>
  <si>
    <t>MultiPolygon (((4.77501885816996996 52.02776975843662655, 4.77737323094513933 52.02850625030156095, 4.78412690577565147 52.02139000131159463, 4.79322931227723714 52.02489439077059075, 4.79702076186901039 52.02517013672059676, 4.79870020804844266 52.02227172806324518, 4.78507763265782238 52.0164541358081749, 4.77594424583131349 52.01406416670018018, 4.76620600418450735 52.01324200006135356, 4.75087977144436291 52.01408835861090552, 4.74553108894703435 52.02116052485354913, 4.74994173383166007 52.02476295240914794, 4.75878985869091053 52.02811079774075864, 4.77101930515277761 52.03273610708116337, 4.77501885816996996 52.02776975843662655)))</t>
  </si>
  <si>
    <t>MultiPolygon (((4.78278364895672592 52.04161175115926596, 4.7861605978406585 52.03733251458860565, 4.79204494894701494 52.02680979315143617, 4.79322931227723714 52.02489439077059075, 4.78412690577565147 52.02139000131159463, 4.77737323094513933 52.02850625030156095, 4.77501885816996996 52.02776975843662655, 4.77101930515277761 52.03273610708116337, 4.77278458461741906 52.03340357105410874, 4.77188316484128006 52.03429918124584219, 4.7711940686130454 52.03818679620161447, 4.77410044852543436 52.04144603763464971, 4.77515765150402416 52.04404658358008362, 4.7790480328312146 52.04617674394575744, 4.78278364895672592 52.04161175115926596, 4.78278364895672592 52.04161175115926596)))</t>
  </si>
  <si>
    <t>MultiPolygon (((4.77422665961607429 52.05067389504403508, 4.77748941232722402 52.05043895378543084, 4.77916105019775017 52.05107649584914498, 4.77819887983461467 52.04795484168156605, 4.7790480328312146 52.04617674394575744, 4.77515765150402416 52.04404658358008362, 4.77410044852543436 52.04144603763464971, 4.7711940686130454 52.03818679620161447, 4.77188316484128006 52.03429918124584219, 4.77278458461741906 52.03340357105410874, 4.77101930515277761 52.03273610708116337, 4.75878985869091053 52.02811079774075864, 4.75584164143097698 52.03166795513227783, 4.74884443881920681 52.03268625733399944, 4.752534425548256 52.0410674040549921, 4.75807436040405385 52.03982828084270551, 4.76082062099360037 52.04579749177160153, 4.76391385063594619 52.05251888728201948, 4.77422665961607429 52.05067389504403508)))</t>
  </si>
  <si>
    <t>MultiPolygon (((4.72908918371452103 52.03008136009155038, 4.7389332137025395 52.02829740496313349, 4.74994173383166007 52.02476295240914794, 4.74553108894703435 52.02116052485354913, 4.75087977144436291 52.01408835861090552, 4.75099127717026626 52.01389879432046826, 4.75004885495339657 52.01450353236565149, 4.74962941165661245 52.0152828766693105, 4.74914848242317689 52.01617645107005927, 4.74601665346990043 52.01697638889941544, 4.74369743629501084 52.02260807044820723, 4.73678265047653912 52.02274822452175584, 4.736296381869602 52.02421783202507299, 4.73461860160113091 52.02427892394021569, 4.73440003078489635 52.0250201515436359, 4.73015487451639327 52.02488346524064866, 4.72996381610119965 52.02562819102138292, 4.72760743652175197 52.02531459611623887, 4.72741984474407051 52.0259881224413121, 4.7263427228622481 52.02592599449401689, 4.72121107810617691 52.02610764256392883, 4.72118047382017902 52.02647265820078104, 4.71985228374737442 52.02648424094458335, 4.71993392014530944 52.02846887676686549, 4.71990339800162229 52.03027306938933805, 4.72908918371452103 52.03008136009155038)))</t>
  </si>
  <si>
    <t>MultiPolygon (((4.74724880930449533 52.05032575856100863, 4.75349158036682518 52.04717422556269923, 4.76082062099360037 52.04579749177160153, 4.75807436040405385 52.03982828084270551, 4.752534425548256 52.0410674040549921, 4.74884443881920681 52.03268625733399944, 4.75584164143097698 52.03166795513227783, 4.75878985869091053 52.02811079774075864, 4.74994173383166007 52.02476295240914794, 4.7389332137025395 52.02829740496313349, 4.72908918371452103 52.03008136009155038, 4.71990339800162229 52.03027306938933805, 4.71987122724111252 52.03520081863275237, 4.71979757019367607 52.03682850947915028, 4.72116835736776608 52.03742512368683748, 4.72284092885792273 52.04159628826968742, 4.73084097352484179 52.04177112926072368, 4.73194778622842183 52.04447585594483883, 4.73355407286256202 52.04840055040241964, 4.73513953875905447 52.05227368111194153, 4.74724880930449533 52.05032575856100863)))</t>
  </si>
  <si>
    <t>MultiPolygon (((4.76746245153781523 52.06596985878228878, 4.78380909231884832 52.06467387759313681, 4.77916105019775017 52.05107649584914498, 4.77748941232722402 52.05043895378543084, 4.77422665961607429 52.05067389504403508, 4.76391385063594619 52.05251888728201948, 4.7643127485785719 52.05338551328629393, 4.75772054256396615 52.05506395745572235, 4.75106477165807917 52.05802306617150066, 4.74637970148112043 52.05879934738467796, 4.74732968375707998 52.0616819277770233, 4.74928544506013672 52.06222103802660683, 4.75026594753433251 52.06431687215350479, 4.75323343231083495 52.06478234791848791, 4.75384476163483694 52.06602349872761692, 4.75733915133269303 52.06650333062941627, 4.76746245153781523 52.06596985878228878)))</t>
  </si>
  <si>
    <t>MultiPolygon (((4.75323343231083495 52.06478234791848791, 4.75026594753433251 52.06431687215350479, 4.74928544506013672 52.06222103802660683, 4.74732968375707998 52.0616819277770233, 4.74637970148112043 52.05879934738467796, 4.75106477165807917 52.05802306617150066, 4.75772054256396615 52.05506395745572235, 4.7643127485785719 52.05338551328629393, 4.76391385063594619 52.05251888728201948, 4.76082062099360037 52.04579749177160153, 4.75349158036682518 52.04717422556269923, 4.74724880930449533 52.05032575856100863, 4.73513953875905447 52.05227368111194153, 4.72617552579710942 52.05401039171261601, 4.7251406463124761 52.05426866708447875, 4.72900600293653106 52.05622789127377104, 4.72696358255352322 52.05735980270284102, 4.73713136395877576 52.06376771440456963, 4.74859160774242639 52.06585894234669354, 4.75384476163483694 52.06602349872761692, 4.75323343231083495 52.06478234791848791, 4.75323343231083495 52.06478234791848791)))</t>
  </si>
  <si>
    <t>MultiPolygon (((4.73194778622842183 52.04447585594483883, 4.73084097352484179 52.04177112926072368, 4.72284092885792273 52.04159628826968742, 4.72116835736776608 52.03742512368683748, 4.71979757019367607 52.03682850947915028, 4.72161356396597842 52.04249696916764378, 4.72291425248201424 52.04571731268040224, 4.73194778622842183 52.04447585594483883, 4.73194778622842183 52.04447585594483883)))</t>
  </si>
  <si>
    <t>MultiPolygon (((4.73355407286256202 52.04840055040241964, 4.73194778622842183 52.04447585594483883, 4.72291425248201424 52.04571731268040224, 4.724213234409679 52.04902086914648862, 4.72472051704843832 52.05031084580185308, 4.73355407286256202 52.04840055040241964)))</t>
  </si>
  <si>
    <t>MultiPolygon (((4.73513953875905447 52.05227368111194153, 4.73355407286256202 52.04840055040241964, 4.72472051704843832 52.05031084580185308, 4.72617552579710942 52.05401039171261601, 4.73513953875905447 52.05227368111194153)))</t>
  </si>
  <si>
    <t>MultiPolygon (((4.72161356396597842 52.04249696916764378, 4.71979757019367607 52.03682850947915028, 4.71987122724111252 52.03520081863275237, 4.71758140391485714 52.03530673753341063, 4.71626076340675837 52.03822268589870248, 4.712393194083913 52.03896307145320321, 4.70922959806033514 52.0395495493360869, 4.70603928939861049 52.04011969881705113, 4.7051059533902917 52.0402827084050088, 4.71206403022379572 52.04510289327389216, 4.72161356396597842 52.04249696916764378)))</t>
  </si>
  <si>
    <t>MultiPolygon (((4.71923010864736803 52.0463359142148505, 4.72291425248201424 52.04571731268040224, 4.72161356396597842 52.04249696916764378, 4.71206403022379572 52.04510289327389216, 4.71583775269700922 52.04824772733666549, 4.71923010864736803 52.0463359142148505, 4.71923010864736803 52.0463359142148505)))</t>
  </si>
  <si>
    <t>MultiPolygon (((4.71890552274314512 52.04955645349757987, 4.724213234409679 52.04902086914648862, 4.72291425248201424 52.04571731268040224, 4.71923010864736803 52.0463359142148505, 4.71583775269700922 52.04824772733666549, 4.71790316772416229 52.04996870326468894, 4.71890552274314512 52.04955645349757987, 4.71890552274314512 52.04955645349757987)))</t>
  </si>
  <si>
    <t>MultiPolygon (((4.72617552579710942 52.05401039171261601, 4.72472051704843832 52.05031084580185308, 4.724213234409679 52.04902086914648862, 4.71890552274314512 52.04955645349757987, 4.7240729514955504 52.05413327169371485, 4.7251406463124761 52.05426866708447875, 4.72617552579710942 52.05401039171261601, 4.72617552579710942 52.05401039171261601)))</t>
  </si>
  <si>
    <t>MultiPolygon (((4.72900600293653106 52.05622789127377104, 4.7251406463124761 52.05426866708447875, 4.7240729514955504 52.05413327169371485, 4.71890552274314512 52.04955645349757987, 4.71790316772416229 52.04996870326468894, 4.72696358255352322 52.05735980270284102, 4.72900600293653106 52.05622789127377104, 4.72900600293653106 52.05622789127377104)))</t>
  </si>
  <si>
    <t>MultiPolygon (((4.73778747923906174 52.06787080257187483, 4.7357107732304744 52.0647902975854322, 4.73713136395877576 52.06376771440456963, 4.72696358255352322 52.05735980270284102, 4.71790316772416229 52.04996870326468894, 4.71583775269700922 52.04824772733666549, 4.71206403022379572 52.04510289327389216, 4.7051059533902917 52.0402827084050088, 4.68739970064870004 52.04308516196827128, 4.68705942199321068 52.04383607827315217, 4.67731148488580839 52.04397106693791386, 4.67954318024715032 52.0512462876657338, 4.6839554506268124 52.05127803766715289, 4.68459024549122383 52.05310964341872904, 4.69477034303523677 52.05218077743926131, 4.70264480895674986 52.05768818707382906, 4.71975281152148973 52.06459930805289815, 4.73376186826489764 52.07038976497378968, 4.73778747923906174 52.06787080257187483)))</t>
  </si>
  <si>
    <t>MultiPolygon (((4.70264480895674986 52.05768818707382906, 4.69477034303523677 52.05218077743926131, 4.68459024549122383 52.05310964341872904, 4.68665228465407235 52.05905826357298594, 4.69060156330942135 52.05822020507887515, 4.70217699857340143 52.05980112147371131, 4.70264480895674986 52.05768818707382906, 4.70264480895674986 52.05768818707382906)))</t>
  </si>
  <si>
    <t>MultiPolygon (((4.71302760589840819 52.07692938421953244, 4.71297205669544272 52.07629586130025245, 4.71779218539871881 52.0764239928367445, 4.71975281152148973 52.06459930805289815, 4.70264480895674986 52.05768818707382906, 4.70217699857340143 52.05980112147371131, 4.69060156330942135 52.05822020507887515, 4.68665228465407235 52.05905826357298594, 4.68791943513580112 52.06229785935548904, 4.68312121384726154 52.06260747984155302, 4.68534698453933718 52.06938437971505351, 4.68614899672988994 52.0692143490635857, 4.68625989369836837 52.06952579886657873, 4.69441120306891602 52.06776738890261669, 4.69683478248564956 52.07400575759161399, 4.70490502901466012 52.07683641064058122, 4.71302760589840819 52.07692938421953244)))</t>
  </si>
  <si>
    <t>MultiPolygon (((4.68791943513580112 52.06229785935548904, 4.68665228465407235 52.05905826357298594, 4.68459024549122383 52.05310964341872904, 4.6839554506268124 52.05127803766715289, 4.67954318024715032 52.0512462876657338, 4.67980404357239621 52.05207246972276636, 4.66900140668106012 52.05234154784611889, 4.66969991046361521 52.05550463632017255, 4.67606620823437069 52.05786686102815963, 4.67621720490841319 52.05930311159237078, 4.67456942464279113 52.05937975371983839, 4.67552403632380376 52.06028820832556647, 4.67899753778204808 52.06019702165639984, 4.67929839593694741 52.05921589649283732, 4.68197352651207677 52.05910406381421041, 4.68312121384726154 52.06260747984155302, 4.68791943513580112 52.06229785935548904, 4.68791943513580112 52.06229785935548904)))</t>
  </si>
  <si>
    <t>MultiPolygon (((4.67724698410764539 52.0655205278576787, 4.67899753778204808 52.06019702165639984, 4.67552403632380376 52.06028820832556647, 4.67456942464279113 52.05937975371983839, 4.67621720490841319 52.05930311159237078, 4.67606620823437069 52.05786686102815963, 4.66969991046361521 52.05550463632017255, 4.66696465702686059 52.05762737629251546, 4.66402409032771903 52.0577050422953036, 4.65996773022989519 52.06410430816854529, 4.66591058206845144 52.06395160995736404, 4.66566002183361217 52.06572393931332954, 4.67724698410764539 52.0655205278576787)))</t>
  </si>
  <si>
    <t>MultiPolygon (((4.81021879696081989 52.0793337453912315, 4.81471664078958561 52.07862728572592914, 4.81974683747842558 52.07881960580701275, 4.82563534598578059 52.08008147421783463, 4.825629565962676 52.07979233229905702, 4.82649261121799888 52.07952717593586556, 4.82627568767134374 52.07464357557839918, 4.82584346969439348 52.07333873580564187, 4.80952185333051574 52.0743893682275214, 4.81068025086749884 52.07819572173406186, 4.80410487108895445 52.08100374678286926, 4.80464519941366497 52.08158267823925058, 4.81021879696081989 52.0793337453912315)))</t>
  </si>
  <si>
    <t>MultiPolygon (((4.82339470379058533 52.09280121655861961, 4.82563534598578059 52.08008147421783463, 4.81974683747842558 52.07881960580701275, 4.81471664078958561 52.07862728572592914, 4.81021879696081989 52.0793337453912315, 4.80464519941366497 52.08158267823925058, 4.80410487108895445 52.08100374678286926, 4.81068025086749884 52.07819572173406186, 4.80952185333051574 52.0743893682275214, 4.82584346969439348 52.07333873580564187, 4.82627568767134374 52.07464357557839918, 4.83304525956826669 52.07482692983459316, 4.83278923737824151 52.07295104333829272, 4.83403538854582049 52.07273585029403762, 4.82980790319116515 52.06682340284293531, 4.82470034459295594 52.06549675696621904, 4.81551020314237821 52.0638974521601483, 4.80530969721813239 52.06357799374551831, 4.78394272334291593 52.0649679032566155, 4.78670309045685016 52.07300750139805245, 4.78560337517196288 52.08407182315730211, 4.78707291273415425 52.08444266506634079, 4.78547932243864604 52.09192472578297384, 4.78574780578075831 52.10211289908622945, 4.79272343674266477 52.10356304310064246, 4.79811114673944417 52.10374702968239546, 4.81445669267986975 52.10271267465996914, 4.81880333888569812 52.10508637147811584, 4.82305588614056902 52.10519280467351422, 4.82339470379058533 52.09280121655861961)))</t>
  </si>
  <si>
    <t>MultiPolygon (((4.75345673110589839 52.08334528994705437, 4.75701024578546505 52.08190639533082589, 4.75712308916909699 52.08186018237731219, 4.75218277197163363 52.08028867018062158, 4.74912381888420221 52.08089755821466582, 4.75172633648889153 52.0838551088421724, 4.75345673110589839 52.08334528994705437, 4.75345673110589839 52.08334528994705437)))</t>
  </si>
  <si>
    <t>MultiPolygon (((4.75712308916909699 52.08186018237731219, 4.76156730253006089 52.08046031042552215, 4.76085031169242345 52.07858148448951141, 4.76084370784628685 52.07856418021967215, 4.75739273724987122 52.07925140306858225, 4.75218277197163363 52.08028867018062158, 4.75712308916909699 52.08186018237731219, 4.75712308916909699 52.08186018237731219)))</t>
  </si>
  <si>
    <t>MultiPolygon (((4.78670309045685016 52.07300750139805245, 4.78394272334291593 52.0649679032566155, 4.78380909231884832 52.06467387759313681, 4.76746245153781523 52.06596985878228878, 4.76850824780533156 52.07142135315748988, 4.7695336565097648 52.07697110510024885, 4.76085031169242345 52.07858148448951141, 4.76156730253006089 52.08046031042552215, 4.76520011298924917 52.08020596161190241, 4.7746193554872125 52.08145409973418083, 4.78560337517196288 52.08407182315730211, 4.78670309045685016 52.07300750139805245)))</t>
  </si>
  <si>
    <t>MultiPolygon (((4.7695336565097648 52.07697110510024885, 4.76850824780533156 52.07142135315748988, 4.75911295061704731 52.07285268737799555, 4.75994950625331548 52.07500633937920753, 4.76084370784628685 52.07856418021967215, 4.76085031169242345 52.07858148448951141, 4.7695336565097648 52.07697110510024885)))</t>
  </si>
  <si>
    <t>MultiPolygon (((4.75246013438470083 52.07115805987977097, 4.75702344048015835 52.07030807396217398, 4.75911295061704731 52.07285268737799555, 4.76850824780533156 52.07142135315748988, 4.76746245153781523 52.06596985878228878, 4.75733915133269303 52.06650333062941627, 4.75384476163483694 52.06602349872761692, 4.74859160774242639 52.06585894234669354, 4.74108062239024619 52.07057026793117416, 4.74436151328025346 52.07328640770055728, 4.75246013438470083 52.07115805987977097)))</t>
  </si>
  <si>
    <t>MultiPolygon (((4.75994950625331548 52.07500633937920753, 4.75911295061704731 52.07285268737799555, 4.75702344048015835 52.07030807396217398, 4.75246013438470083 52.07115805987977097, 4.75350414282912226 52.07311397144809462, 4.75146261114710011 52.07599241484766139, 4.75994950625331548 52.07500633937920753, 4.75994950625331548 52.07500633937920753)))</t>
  </si>
  <si>
    <t>MultiPolygon (((4.76084370784628685 52.07856418021967215, 4.75994950625331548 52.07500633937920753, 4.75146261114710011 52.07599241484766139, 4.75117827039413854 52.07650314349078968, 4.75267700478323274 52.07692106808176646, 4.75574985812743556 52.07636536113399472, 4.75739273724987122 52.07925140306858225, 4.76084370784628685 52.07856418021967215, 4.76084370784628685 52.07856418021967215)))</t>
  </si>
  <si>
    <t>MultiPolygon (((4.75117827039413854 52.07650314349078968, 4.75146261114710011 52.07599241484766139, 4.75350414282912226 52.07311397144809462, 4.75246013438470083 52.07115805987977097, 4.74436151328025346 52.07328640770055728, 4.74373219670697033 52.07394547027108445, 4.74627661096517617 52.07722659899408768, 4.75117827039413854 52.07650314349078968, 4.75117827039413854 52.07650314349078968)))</t>
  </si>
  <si>
    <t>MultiPolygon (((4.75218277197163363 52.08028867018062158, 4.75739273724987122 52.07925140306858225, 4.75574985812743556 52.07636536113399472, 4.75267700478323274 52.07692106808176646, 4.75117827039413854 52.07650314349078968, 4.74627661096517617 52.07722659899408768, 4.74912381888420221 52.08089755821466582, 4.75218277197163363 52.08028867018062158, 4.75218277197163363 52.08028867018062158)))</t>
  </si>
  <si>
    <t>MultiPolygon (((4.74373219670697033 52.07394547027108445, 4.74436151328025346 52.07328640770055728, 4.74108062239024619 52.07057026793117416, 4.73895442936106104 52.07283419173285921, 4.73882825969579624 52.07527771202990152, 4.74373219670697033 52.07394547027108445, 4.74373219670697033 52.07394547027108445)))</t>
  </si>
  <si>
    <t>MultiPolygon (((4.741417191891097 52.07952323969887942, 4.74627661096517617 52.07722659899408768, 4.74373219670697033 52.07394547027108445, 4.73882825969579624 52.07527771202990152, 4.73856393071971294 52.08011353840607427, 4.741417191891097 52.07952323969887942, 4.741417191891097 52.07952323969887942)))</t>
  </si>
  <si>
    <t>MultiPolygon (((4.74912381888420221 52.08089755821466582, 4.74627661096517617 52.07722659899408768, 4.741417191891097 52.07952323969887942, 4.74338638655270373 52.08208531515624173, 4.74912381888420221 52.08089755821466582, 4.74912381888420221 52.08089755821466582)))</t>
  </si>
  <si>
    <t>MultiPolygon (((4.74338638655270373 52.08208531515624173, 4.741417191891097 52.07952323969887942, 4.73856393071971294 52.08011353840607427, 4.73846806049662383 52.08230111113582694, 4.73755731504228716 52.08513852217881634, 4.74338638655270373 52.08208531515624173)))</t>
  </si>
  <si>
    <t>MultiPolygon (((4.75095883413170128 52.08405677334202721, 4.75172633648889153 52.0838551088421724, 4.74912381888420221 52.08089755821466582, 4.74338638655270373 52.08208531515624173, 4.74326713862214255 52.08294187962558652, 4.74555759780260722 52.0850770995168233, 4.75095883413170128 52.08405677334202721, 4.75095883413170128 52.08405677334202721)))</t>
  </si>
  <si>
    <t>MultiPolygon (((4.74330426329439536 52.085621094655977, 4.74555759780260722 52.0850770995168233, 4.74326713862214255 52.08294187962558652, 4.74338638655270373 52.08208531515624173, 4.73755731504228716 52.08513852217881634, 4.73955461042590009 52.08628903259505449, 4.73798652658809605 52.08806316030028682, 4.74009513324301057 52.08842015049098961, 4.74330426329439536 52.085621094655977)))</t>
  </si>
  <si>
    <t>MultiPolygon (((4.73307752544788229 52.08062909454348954, 4.73729586511377754 52.08055078835298701, 4.73846806049662383 52.08230111113582694, 4.73856393071971294 52.08011353840607427, 4.73882825969579624 52.07527771202990152, 4.73895442936106104 52.07283419173285921, 4.74108062239024619 52.07057026793117416, 4.74859160774242639 52.06585894234669354, 4.73713136395877576 52.06376771440456963, 4.7357107732304744 52.0647902975854322, 4.73778747923906174 52.06787080257187483, 4.73376186826489764 52.07038976497378968, 4.71975281152148973 52.06459930805289815, 4.71779218539871881 52.0764239928367445, 4.71297205669544272 52.07629586130025245, 4.71302760589840819 52.07692938421953244, 4.71550585300666025 52.08118841227141615, 4.71879778523769033 52.0826087595838203, 4.73307752544788229 52.08062909454348954)))</t>
  </si>
  <si>
    <t>MultiPolygon (((4.73069792080319207 52.09271108823656249, 4.73755731504228716 52.08513852217881634, 4.73846806049662383 52.08230111113582694, 4.73729586511377754 52.08055078835298701, 4.73307752544788229 52.08062909454348954, 4.71879778523769033 52.0826087595838203, 4.71550585300666025 52.08118841227141615, 4.71310199569551624 52.08433839889644901, 4.70875813396665066 52.09364389344852952, 4.70700542128764177 52.09329654049172831, 4.70506793038397397 52.0946387320275619, 4.70473180080835984 52.09524086170517876, 4.72444058679523682 52.09958187185650758, 4.73069792080319207 52.09271108823656249, 4.73069792080319207 52.09271108823656249)))</t>
  </si>
  <si>
    <t>MultiPolygon (((4.73682571981457556 52.09167231959018807, 4.73543134883282058 52.09115449332200143, 4.73734331872222292 52.08874938137288524, 4.73968330543667449 52.08915673298663762, 4.74009513324301057 52.08842015049098961, 4.73798652658809605 52.08806316030028682, 4.73955461042590009 52.08628903259505449, 4.73755731504228716 52.08513852217881634, 4.73069792080319207 52.09271108823656249, 4.73468287200046234 52.09405042390120855, 4.73682571981457556 52.09167231959018807, 4.73682571981457556 52.09167231959018807)))</t>
  </si>
  <si>
    <t>MultiPolygon (((4.73797794707290088 52.09842218581714945, 4.73968330543667449 52.08915673298663762, 4.73734331872222292 52.08874938137288524, 4.73543134883282058 52.09115449332200143, 4.73682571981457556 52.09167231959018807, 4.73468287200046234 52.09405042390120855, 4.73069792080319207 52.09271108823656249, 4.72444058679523682 52.09958187185650758, 4.72451758262393362 52.09959944265636267, 4.73307314452687766 52.10147549445948556, 4.73480971355552605 52.10187638281555422, 4.73451802245126085 52.10261461524147819, 4.73797794707290088 52.09842218581714945)))</t>
  </si>
  <si>
    <t>MultiPolygon (((4.76014153376611837 52.08654724697598937, 4.75701024578546505 52.08190639533082589, 4.75345673110589839 52.08334528994705437, 4.75664255481749176 52.08789477734759998, 4.76014153376611837 52.08654724697598937, 4.76014153376611837 52.08654724697598937)))</t>
  </si>
  <si>
    <t>MultiPolygon (((4.75664255481749176 52.08789477734759998, 4.75345673110589839 52.08334528994705437, 4.75172633648889153 52.0838551088421724, 4.75095883413170128 52.08405677334202721, 4.74884154299191152 52.0861666599311306, 4.7524984167543991 52.08933899418067881, 4.75664255481749176 52.08789477734759998, 4.75664255481749176 52.08789477734759998)))</t>
  </si>
  <si>
    <t>MultiPolygon (((4.74884154299191152 52.0861666599311306, 4.75095883413170128 52.08405677334202721, 4.74555759780260722 52.0850770995168233, 4.74330426329439536 52.085621094655977, 4.74529104448161743 52.08694499793774213, 4.74692484629815148 52.08710242240689325, 4.74884154299191152 52.0861666599311306)))</t>
  </si>
  <si>
    <t>MultiPolygon (((4.7524984167543991 52.08933899418067881, 4.74884154299191152 52.0861666599311306, 4.74692484629815148 52.08710242240689325, 4.74529104448161743 52.08694499793774213, 4.74330426329439536 52.085621094655977, 4.74009513324301057 52.08842015049098961, 4.73968330543667449 52.08915673298663762, 4.74777220044877701 52.09231820349879172, 4.7524984167543991 52.08933899418067881)))</t>
  </si>
  <si>
    <t>MultiPolygon (((4.74731459614602436 52.09953349161823155, 4.75187359734270309 52.09953294723939621, 4.75927238419081977 52.10188388106173107, 4.76422567985270451 52.1015040180103739, 4.77654601459948847 52.09662630069679778, 4.781543635415896 52.10082102440566842, 4.78574780578075831 52.10211289908622945, 4.78547932243864604 52.09192472578297384, 4.78707291273415425 52.08444266506634079, 4.78560337517196288 52.08407182315730211, 4.7746193554872125 52.08145409973418083, 4.76520011298924917 52.08020596161190241, 4.76156730253006089 52.08046031042552215, 4.75712308916909699 52.08186018237731219, 4.75701024578546505 52.08190639533082589, 4.76014153376611837 52.08654724697598937, 4.75664255481749176 52.08789477734759998, 4.7524984167543991 52.08933899418067881, 4.74777220044877701 52.09231820349879172, 4.73968330543667449 52.08915673298663762, 4.73797794707290088 52.09842218581714945, 4.73451802245126085 52.10261461524147819, 4.74022286285753758 52.10464809175418566, 4.74731459614602436 52.09953349161823155, 4.74731459614602436 52.09953349161823155)))</t>
  </si>
  <si>
    <t>MultiPolygon (((4.79208017962994326 52.12228737938064427, 4.82531474110142877 52.10715108938180151, 4.82438949402094064 52.10540307553848294, 4.82305588614056902 52.10519280467351422, 4.81880333888569812 52.10508637147811584, 4.81445669267986975 52.10271267465996914, 4.79811114673944417 52.10374702968239546, 4.79272343674266477 52.10356304310064246, 4.78574780578075831 52.10211289908622945, 4.781543635415896 52.10082102440566842, 4.77654601459948847 52.09662630069679778, 4.76422567985270451 52.1015040180103739, 4.75927238419081977 52.10188388106173107, 4.75187359734270309 52.09953294723939621, 4.74731459614602436 52.09953349161823155, 4.74022286285753758 52.10464809175418566, 4.73885669986172253 52.10650743734160528, 4.75507862282358396 52.10899275552598198, 4.75719633152983068 52.10967498381214824, 4.75932866072959548 52.11034461773923709, 4.76023945852921315 52.1118449337928098, 4.76104963297694539 52.11284613114201392, 4.76253257169966826 52.11371160993449081, 4.76370207080869079 52.11355171018553989, 4.76667564262386989 52.11314509056956013, 4.76921948635525883 52.11331151998232514, 4.7708610867814274 52.11513753837303398, 4.774928512232262 52.11484271230079202, 4.77594874327242547 52.11577988506904546, 4.77650773866403178 52.11600402622276107, 4.7782591551115825 52.11584117547196371, 4.77954247787299202 52.11765334550609197, 4.7804502108373601 52.11796114326302387, 4.78315125781082262 52.11731999982016106, 4.78396921879146486 52.11743723166929243, 4.78443858149547285 52.11803600786971913, 4.78301929702288398 52.11976282872233668, 4.78330602169610941 52.12037340955324538, 4.78406936553955298 52.12075605180391591, 4.78537245898125896 52.12066199659991383, 4.78750806012135399 52.11999328794009045, 4.79189308075862375 52.12046046646995734, 4.79208017962994326 52.12228737938064427)))</t>
  </si>
  <si>
    <t>MultiPolygon (((5.13386803471061892 51.99668725222335297, 5.13967676084925351 51.99394323430097131, 5.14188050806823505 51.99073009106707133, 5.14359587390420447 51.98421823151058874, 5.14185584957777397 51.98597400671383895, 5.13613015202712653 51.9917254376140292, 5.12821678686460292 51.99775300103990361, 5.13386803471061892 51.99668725222335297)))</t>
  </si>
  <si>
    <t>MultiPolygon (((5.16095343949703622 51.97047005498546213, 5.17272194954825348 51.96961731859572353, 5.18022665608033872 51.96744832552887772, 5.1686515386955163 51.95415505265195577, 5.16342867284772566 51.94685746224977407, 5.1546631806462111 51.937934992248735, 5.12265890197378848 51.95735073337655763, 5.12239156192651546 51.95761143828524098, 5.13172763763977624 51.96805734399785592, 5.1349427318179508 51.96403133222892023, 5.13799239117934547 51.96207543605334678, 5.15190262670928423 51.96837525723972817, 5.15460357852895612 51.97176615573452807, 5.16095343949703622 51.97047005498546213),(5.15486273704684805 51.9672759964007227, 5.15104829377266871 51.9619896670867476, 5.15249900486477586 51.96168554567314146, 5.15898896774922022 51.96248946451840567, 5.16027516728961722 51.96576098901712726, 5.15486273704684805 51.9672759964007227, 5.15486273704684805 51.9672759964007227)))</t>
  </si>
  <si>
    <t>MultiPolygon (((5.16027516728961722 51.96576098901712726, 5.15898896774922022 51.96248946451840567, 5.15249900486477586 51.96168554567314146, 5.15104829377266871 51.9619896670867476, 5.15486273704684805 51.9672759964007227, 5.16027516728961722 51.96576098901712726)))</t>
  </si>
  <si>
    <t>MultiPolygon (((5.12365553813106267 51.99387904067607735, 5.12618434831192271 51.99076411263092723, 5.12246724494022487 51.98821000641243018, 5.11683577333443562 51.99240413860427168, 5.11975993261197182 51.99440328575174419, 5.12365553813106267 51.99387904067607735, 5.12365553813106267 51.99387904067607735)))</t>
  </si>
  <si>
    <t>MultiPolygon (((5.12904466331251641 51.99085353876248661, 5.12455289764946542 51.98692242041008882, 5.11477135813390227 51.98366454531627312, 5.11394919961323513 51.98499804638187527, 5.12246724494022487 51.98821000641243018, 5.12618434831192271 51.99076411263092723, 5.12823838931142983 51.99163935901683686, 5.12904466331251641 51.99085353876248661)))</t>
  </si>
  <si>
    <t>MultiPolygon (((5.12246724494022487 51.98821000641243018, 5.11394919961323513 51.98499804638187527, 5.11277747880588684 51.98927498762683541, 5.11683577333443562 51.99240413860427168, 5.12246724494022487 51.98821000641243018)))</t>
  </si>
  <si>
    <t>MultiPolygon (((5.12400706345327261 51.97687927195801194, 5.12618149757347652 51.97617071372909692, 5.1272797078062613 51.97651169520545267, 5.1292821076515418 51.97393384188196563, 5.13172763763977624 51.96805734399785592, 5.12239156192651546 51.95761143828524098, 5.10894768087124973 51.97109210376886068, 5.10665104768881761 51.97659319111046727, 5.10777161205871533 51.97740406001378943, 5.11108850247297752 51.97716471174033614, 5.11473253220039847 51.97815487946539292, 5.12153255889575032 51.97960141868286854, 5.12400706345327261 51.97687927195801194)))</t>
  </si>
  <si>
    <t>MultiPolygon (((5.14359587390420447 51.98421823151058874, 5.14361058193994758 51.98414935028085893, 5.14688318417958612 51.97681740212748025, 5.14971369198154516 51.97427134804362936, 5.15460357852895612 51.97176615573452807, 5.15190262670928423 51.96837525723972817, 5.13799239117934547 51.96207543605334678, 5.1349427318179508 51.96403133222892023, 5.13172763763977624 51.96805734399785592, 5.1292821076515418 51.97393384188196563, 5.1272797078062613 51.97651169520545267, 5.12853956234189567 51.9772354011942852, 5.13236156579650782 51.97777181384535794, 5.13229494749982695 51.97841529774135694, 5.13107616704564862 51.97896891471726377, 5.12700331886144944 51.97826492318888825, 5.12467096042903059 51.98219921152944067, 5.12794597196809043 51.98166321806628787, 5.13140822845569478 51.98230225031870333, 5.13549853012153612 51.98442258528827153, 5.14185584957777397 51.98597400671383895, 5.14359587390420447 51.98421823151058874, 5.14359587390420447 51.98421823151058874)))</t>
  </si>
  <si>
    <t>MultiPolygon (((5.11956321000710179 51.99992413394930679, 5.12821678686460292 51.99775300103990361, 5.13613015202712653 51.9917254376140292, 5.14185584957777397 51.98597400671383895, 5.13549853012153612 51.98442258528827153, 5.13140822845569478 51.98230225031870333, 5.12794597196809043 51.98166321806628787, 5.12467096042903059 51.98219921152944067, 5.12260471680160112 51.98436082058023544, 5.12518530606127243 51.98655509120054319, 5.12455289764946542 51.98692242041008882, 5.12904466331251641 51.99085353876248661, 5.12823838931142983 51.99163935901683686, 5.12618434831192271 51.99076411263092723, 5.12365553813106267 51.99387904067607735, 5.11975993261197182 51.99440328575174419, 5.11683577333443562 51.99240413860427168, 5.11277747880588684 51.98927498762683541, 5.11058955728427033 51.98952331647650027, 5.10846836523004555 51.98988380069692994, 5.10839116725260833 51.99411779055165539, 5.11036408899195305 51.99704092377369591, 5.112435805589854 51.99770751485357323, 5.11391752769084462 52.00167166560377296, 5.11956321000710179 51.99992413394930679, 5.11956321000710179 51.99992413394930679)))</t>
  </si>
  <si>
    <t>MultiPolygon (((5.12455289764946542 51.98692242041008882, 5.12518530606127243 51.98655509120054319, 5.12260471680160112 51.98436082058023544, 5.12467096042903059 51.98219921152944067, 5.12700331886144944 51.97826492318888825, 5.13107616704564862 51.97896891471726377, 5.13229494749982695 51.97841529774135694, 5.13236156579650782 51.97777181384535794, 5.12853956234189567 51.9772354011942852, 5.1272797078062613 51.97651169520545267, 5.12618149757347652 51.97617071372909692, 5.12400706345327261 51.97687927195801194, 5.12153255889575032 51.97960141868286854, 5.11473253220039847 51.97815487946539292, 5.11372545714812965 51.98128724829742708, 5.11396824072852585 51.98339295114848824, 5.11477135813390227 51.98366454531627312, 5.12455289764946542 51.98692242041008882, 5.12455289764946542 51.98692242041008882)))</t>
  </si>
  <si>
    <t>MultiPolygon (((5.12163109041156073 51.95618864673803472, 5.12265890197378848 51.95735073337655763, 5.1546631806462111 51.937934992248735, 5.15146713414999091 51.93361525348090879, 5.14943744171207385 51.93352697535103601, 5.14857279182300775 51.93427205954744608, 5.13400251255645923 51.93753962676132829, 5.14459159511084696 51.94262732386203396, 5.1390540317654807 51.9459435787449948, 5.13674863124414838 51.94354380498780444, 5.13755976939530257 51.94323520041339037, 5.13352244272816272 51.93770228856197946, 5.13013804455381983 51.93491165190066283, 5.10144586509624531 51.94612609731424158, 5.1130045949341083 51.95921918283745811, 5.12163109041156073 51.95618864673803472)))</t>
  </si>
  <si>
    <t>MultiPolygon (((5.14459159511084696 51.94262732386203396, 5.13400251255645923 51.93753962676132829, 5.13365255486205729 51.93761868159057116, 5.13352244272816272 51.93770228856197946, 5.13755976939530257 51.94323520041339037, 5.13674863124414838 51.94354380498780444, 5.1390540317654807 51.9459435787449948, 5.14459159511084696 51.94262732386203396)))</t>
  </si>
  <si>
    <t>MultiPolygon (((5.13013804455381983 51.93491165190066283, 5.13352244272816272 51.93770228856197946, 5.13365255486205729 51.93761868159057116, 5.13400251255645923 51.93753962676132829, 5.14857279182300775 51.93427205954744608, 5.14943744171207385 51.93352697535103601, 5.14796322990677702 51.93215495624836109, 5.1490070363444751 51.93054026463368444, 5.14845984774861343 51.92948519058408152, 5.14243287512570024 51.92493658162864989, 5.13567474540395175 51.91822274241588531, 5.13657176677726923 51.91469331973733148, 5.12114699994975098 51.91820173370057745, 5.12290383865120269 51.92178217420106279, 5.11339413568920964 51.92311064286917599, 5.11138047063070733 51.92066656588117723, 5.0870151193335742 51.92726642036237905, 5.09881004100243374 51.94023223107839016, 5.09731450924367202 51.94085549608301733, 5.10144586509624531 51.94612609731424158, 5.13013804455381983 51.93491165190066283)))</t>
  </si>
  <si>
    <t>MultiPolygon (((5.12290383865120269 51.92178217420106279, 5.12114699994975098 51.91820173370057745, 5.11556804220035399 51.91854132375225817, 5.11138047063070733 51.92066656588117723, 5.11339413568920964 51.92311064286917599, 5.12290383865120269 51.92178217420106279)))</t>
  </si>
  <si>
    <t>MultiPolygon (((5.0870151193335742 51.92726642036237905, 5.11138047063070733 51.92066656588117723, 5.11556804220035399 51.91854132375225817, 5.12114699994975098 51.91820173370057745, 5.13657176677726923 51.91469331973733148, 5.13572081601195141 51.91419536713198113, 5.13237693720062715 51.9148604028881806, 5.12082016481651969 51.90030932736674174, 5.11967275062591387 51.89824519920529866, 5.11684517360417246 51.89773705450113539, 5.11842632765850158 51.89600273458652424, 5.11758219887839605 51.89236634587537367, 5.11539350382339819 51.89043769521276772, 5.10871951003983682 51.89173464994321705, 5.11081911811071343 51.89545095213075854, 5.10876394954989443 51.89535339645917844, 5.10913020233838733 51.89656997563908902, 5.10738532805897716 51.89680861155154901, 5.10962325840402798 51.90228558496361444, 5.09926576430042733 51.90274784000379782, 5.09138088055298965 51.90180408300045656, 5.0812935368259895 51.90048275409745315, 5.07980884759676066 51.89934134232782981, 5.07456985278062689 51.89812145659759324, 5.07996345315537567 51.89402280756964814, 5.07842976200881502 51.89394929080946639, 5.06533571801147176 51.8924625811123974, 5.07017639697161471 51.88842984009961157, 5.07657766018413792 51.88376305563635782, 5.07776955154949583 51.88469958064758458, 5.07684759432508503 51.88553560064825376, 5.07827858196939363 51.88615183231319605, 5.07890872547755734 51.88568918047690204, 5.0833916035811173 51.88138779140113144, 5.08511267747631734 51.88072613750696149, 5.08658588249333121 51.88112454878525881, 5.08593341039249314 51.88029904350349852, 5.08365973936870841 51.87836083527275122, 5.08222244753262942 51.87838399801739797, 5.07873600083175347 51.87995018787453461, 5.0641755495838856 51.89195485911736228, 5.06372692567535054 51.89232830892067483, 5.06139077190655851 51.89440553414578261, 5.05874512836986501 51.8986902179595404, 5.05549833589729758 51.90382281867881886, 5.05586230828400485 51.90590751150010362, 5.06169196895564699 51.90989182982723804, 5.05735954023670864 51.91134078885087177, 5.06013033618496788 51.91324116491903595, 5.06630889094960501 51.9174963255726567, 5.07397203795724749 51.9249898674289696, 5.07866113250813012 51.92984837616297966, 5.0870151193335742 51.92726642036237905)))</t>
  </si>
  <si>
    <t>MultiPolygon (((5.10962325840402798 51.90228558496361444, 5.10738532805897716 51.89680861155154901, 5.10913020233838733 51.89656997563908902, 5.10876394954989443 51.89535339645917844, 5.09646254704863644 51.89478021026398835, 5.0972169446076423 51.89808057705291588, 5.09926576430042733 51.90274784000379782, 5.10962325840402798 51.90228558496361444)))</t>
  </si>
  <si>
    <t>MultiPolygon (((5.10871951003983682 51.89173464994321705, 5.09616976523353582 51.893589526906716, 5.09646254704863644 51.89478021026398835, 5.10876394954989443 51.89535339645917844, 5.11081911811071343 51.89545095213075854, 5.10871951003983682 51.89173464994321705)))</t>
  </si>
  <si>
    <t>MultiPolygon (((5.10871951003983682 51.89173464994321705, 5.11539350382339819 51.89043769521276772, 5.11427458538586244 51.88926575669504615, 5.11326343988494969 51.88825512040098431, 5.10514605998297455 51.8900667035681451, 5.09624851308023441 51.89079943317614152, 5.09616976523353582 51.893589526906716, 5.10871951003983682 51.89173464994321705)))</t>
  </si>
  <si>
    <t>MultiPolygon (((5.10514605998297455 51.8900667035681451, 5.11326343988494969 51.88825512040098431, 5.11273680628349503 51.88777617992664659, 5.10575933517483271 51.88881093683973944, 5.09799519543904545 51.88783689831370083, 5.09482539834478221 51.88874353829316988, 5.09624851308023441 51.89079943317614152, 5.10514605998297455 51.8900667035681451)))</t>
  </si>
  <si>
    <t>MultiPolygon (((5.09616976523353582 51.893589526906716, 5.08914056276618876 51.89213665253024033, 5.08715197403904273 51.89436073325107657, 5.09646254704863644 51.89478021026398835, 5.09616976523353582 51.893589526906716, 5.09616976523353582 51.893589526906716)))</t>
  </si>
  <si>
    <t>MultiPolygon (((5.09624851308023441 51.89079943317614152, 5.09482539834478221 51.88874353829316988, 5.09036459544841868 51.88865449001755792, 5.08938254270935975 51.89144830546582909, 5.08914056276618876 51.89213665253024033, 5.09616976523353582 51.893589526906716, 5.09624851308023441 51.89079943317614152, 5.09624851308023441 51.89079943317614152)))</t>
  </si>
  <si>
    <t>MultiPolygon (((5.0972169446076423 51.89808057705291588, 5.09537396412821053 51.89804112619505361, 5.09507476468595222 51.89945172814277186, 5.09178068335327261 51.89928261211574068, 5.09138088055298965 51.90180408300045656, 5.09926576430042733 51.90274784000379782, 5.0972169446076423 51.89808057705291588)))</t>
  </si>
  <si>
    <t>MultiPolygon (((5.09537396412821053 51.89804112619505361, 5.09540421476128635 51.89706560377830868, 5.089260949915837 51.8967694303483853, 5.08897758170979753 51.89717500585319243, 5.08844089937509381 51.89881553659398605, 5.09178068335327261 51.89928261211574068, 5.09507476468595222 51.89945172814277186, 5.09537396412821053 51.89804112619505361)))</t>
  </si>
  <si>
    <t>MultiPolygon (((5.0972169446076423 51.89808057705291588, 5.09646254704863644 51.89478021026398835, 5.08715197403904273 51.89436073325107657, 5.08417427812781408 51.89624341551474629, 5.08897758170979753 51.89717500585319243, 5.089260949915837 51.8967694303483853, 5.09540421476128635 51.89706560377830868, 5.09537396412821053 51.89804112619505361, 5.0972169446076423 51.89808057705291588, 5.0972169446076423 51.89808057705291588)))</t>
  </si>
  <si>
    <t>MultiPolygon (((5.09178068335327261 51.89928261211574068, 5.08844089937509381 51.89881553659398605, 5.08897758170979753 51.89717500585319243, 5.08417427812781408 51.89624341551474629, 5.07980884759676066 51.89934134232782981, 5.0812935368259895 51.90048275409745315, 5.09138088055298965 51.90180408300045656, 5.09178068335327261 51.89928261211574068, 5.09178068335327261 51.89928261211574068)))</t>
  </si>
  <si>
    <t>MultiPolygon (((5.08417427812781408 51.89624341551474629, 5.08715197403904273 51.89436073325107657, 5.08323201342463804 51.89417651506293083, 5.07996345315537567 51.89402280756964814, 5.07456985278062689 51.89812145659759324, 5.07980884759676066 51.89934134232782981, 5.08417427812781408 51.89624341551474629, 5.08417427812781408 51.89624341551474629)))</t>
  </si>
  <si>
    <t>MultiPolygon (((5.08938254270935975 51.89144830546582909, 5.09036459544841868 51.88865449001755792, 5.08844594911386494 51.88755071503592831, 5.08749225003653738 51.8843014275993184, 5.08495712923874699 51.88590819034658352, 5.08311715286757071 51.88890192748176133, 5.08938254270935975 51.89144830546582909, 5.08938254270935975 51.89144830546582909)))</t>
  </si>
  <si>
    <t>MultiPolygon (((5.07625933547110009 51.8881238139317702, 5.07827858196939363 51.88615183231319605, 5.07684759432508503 51.88553560064825376, 5.07776955154949583 51.88469958064758458, 5.07657766018413792 51.88376305563635782, 5.07017639697161471 51.88842984009961157, 5.07346630344058269 51.88975444972268036, 5.07625933547110009 51.8881238139317702, 5.07625933547110009 51.8881238139317702)))</t>
  </si>
  <si>
    <t>MultiPolygon (((5.07962534844290037 51.89238546608978453, 5.07816337388314842 51.89160753113867486, 5.07346630344058269 51.88975444972268036, 5.07017639697161471 51.88842984009961157, 5.06533571801147176 51.8924625811123974, 5.07842976200881502 51.89394929080946639, 5.07962534844290037 51.89238546608978453, 5.07962534844290037 51.89238546608978453)))</t>
  </si>
  <si>
    <t>MultiPolygon (((5.08495712923874699 51.88590819034658352, 5.08749225003653738 51.8843014275993184, 5.08658588249333121 51.88112454878525881, 5.08511267747631734 51.88072613750696149, 5.0833916035811173 51.88138779140113144, 5.07890872547755734 51.88568918047690204, 5.08280232072354465 51.88867060737886305, 5.08311715286757071 51.88890192748176133, 5.08495712923874699 51.88590819034658352)))</t>
  </si>
  <si>
    <t>MultiPolygon (((5.08280232072354465 51.88867060737886305, 5.07890872547755734 51.88568918047690204, 5.07827858196939363 51.88615183231319605, 5.07625933547110009 51.8881238139317702, 5.08024837976375387 51.88981532221545478, 5.08280232072354465 51.88867060737886305, 5.08280232072354465 51.88867060737886305)))</t>
  </si>
  <si>
    <t>MultiPolygon (((5.08024837976375387 51.88981532221545478, 5.07625933547110009 51.8881238139317702, 5.07346630344058269 51.88975444972268036, 5.07816337388314842 51.89160753113867486, 5.08024837976375387 51.88981532221545478, 5.08024837976375387 51.88981532221545478)))</t>
  </si>
  <si>
    <t>MultiPolygon (((5.07962534844290037 51.89238546608978453, 5.07842976200881502 51.89394929080946639, 5.07996345315537567 51.89402280756964814, 5.08323201342463804 51.89417651506293083, 5.07962534844290037 51.89238546608978453, 5.07962534844290037 51.89238546608978453)))</t>
  </si>
  <si>
    <t>MultiPolygon (((5.08914056276618876 51.89213665253024033, 5.08938254270935975 51.89144830546582909, 5.08311715286757071 51.88890192748176133, 5.08280232072354465 51.88867060737886305, 5.08024837976375387 51.88981532221545478, 5.07816337388314842 51.89160753113867486, 5.07962534844290037 51.89238546608978453, 5.08323201342463804 51.89417651506293083, 5.08715197403904273 51.89436073325107657, 5.08914056276618876 51.89213665253024033, 5.08914056276618876 51.89213665253024033)))</t>
  </si>
  <si>
    <t>MultiPolygon (((5.10665104768881761 51.97659319111046727, 5.10894768087124973 51.97109210376886068, 5.12239156192651546 51.95761143828524098, 5.12265890197378848 51.95735073337655763, 5.12163109041156073 51.95618864673803472, 5.1130045949341083 51.95921918283745811, 5.10144586509624531 51.94612609731424158, 5.08761671350730627 51.95030337886031901, 5.05474702627052253 51.95476114381272481, 5.05499613111256085 51.95556815029001285, 5.05783223696600182 51.95969668694434063, 5.06464236972817616 51.96459101068511899, 5.07550754949089722 51.97057302245175237, 5.07931098951369009 51.97191460622892123, 5.08252161082022447 51.97414917912013976, 5.09495278520937411 51.96913771872999632, 5.10257253437025771 51.97614592811412848, 5.10391548418043683 51.97756437248508377, 5.10665104768881761 51.97659319111046727, 5.10665104768881761 51.97659319111046727)))</t>
  </si>
  <si>
    <t>MultiPolygon (((5.10139914436180408 52.00303312768345876, 5.10693743732315575 52.00288945271586982, 5.11391752769084462 52.00167166560377296, 5.112435805589854 51.99770751485357323, 5.11036408899195305 51.99704092377369591, 5.10272618850315318 51.99769130743231926, 5.09830739947672118 51.99671473303396141, 5.09817509661414814 51.99534745269566116, 5.09744661401915167 51.99532508172788425, 5.09516500978474429 51.99690735243969186, 5.09294405474522627 51.99674840180934865, 5.09128041222647809 51.99825115014112953, 5.08910456261736144 51.99752151743013684, 5.08689684347433779 51.99573834334551492, 5.08698830601875951 51.99463896909983163, 5.08100798989040836 51.99200418756313269, 5.08255415551557022 51.98969710770029451, 5.08298353801610592 51.98908997380208064, 5.07721034932026427 51.98710383301757787, 5.07668087117609623 51.98691356791496787, 5.07678427947973443 51.98810928947133192, 5.07563889494703346 51.98923979581553567, 5.07319276626628302 51.98969744054981845, 5.07005946925818218 51.98814676134464463, 5.06764003455610901 51.98605575302463677, 5.06690056180980974 51.98399947618739247, 5.06818120594166643 51.98274081158434967, 5.07043867766320133 51.98239403073689147, 5.07314697931337388 51.98043291691619316, 5.08252161082022447 51.97414917912013976, 5.07931098951369009 51.97191460622892123, 5.07550754949089722 51.97057302245175237, 5.06464236972817616 51.96459101068511899, 5.05438380348714755 51.97658548732322004, 5.05070996793393245 51.97518295859902082, 5.04497000601711854 51.97730149289122892, 5.04040220434941411 51.9774436267203086, 5.04499531809208168 51.98195895122790944, 5.06263811544404252 51.99123307748735101, 5.06628618510730888 51.99407340669866784, 5.07009670970025272 51.99556842407466917, 5.07753524167988957 51.99745183199728871, 5.0902227343933486 52.00158365776339053, 5.10139914436180408 52.00303312768345876)))</t>
  </si>
  <si>
    <t>MultiPolygon (((5.10056015819172437 51.99536576125970555, 5.0999665828427112 51.99283393077175219, 5.09758138751019718 51.99287775767321307, 5.09744661401915167 51.99532508172788425, 5.09817509661414814 51.99534745269566116, 5.10056015819172437 51.99536576125970555, 5.10056015819172437 51.99536576125970555)))</t>
  </si>
  <si>
    <t>MultiPolygon (((5.11036408899195305 51.99704092377369591, 5.10839116725260833 51.99411779055165539, 5.10490055243275975 51.99467875627333058, 5.10056015819172437 51.99536576125970555, 5.09817509661414814 51.99534745269566116, 5.09830739947672118 51.99671473303396141, 5.10272618850315318 51.99769130743231926, 5.11036408899195305 51.99704092377369591)))</t>
  </si>
  <si>
    <t>MultiPolygon (((5.10839116725260833 51.99411779055165539, 5.10846836523004555 51.98988380069692994, 5.10300864667384424 51.99027219004909028, 5.10386522083052618 51.99219703643911572, 5.10490055243275975 51.99467875627333058, 5.10839116725260833 51.99411779055165539, 5.10839116725260833 51.99411779055165539)))</t>
  </si>
  <si>
    <t>MultiPolygon (((5.0999665828427112 51.99283393077175219, 5.10386522083052618 51.99219703643911572, 5.10300864667384424 51.99027219004909028, 5.09768558374594338 51.99098550345195946, 5.09758138751019718 51.99287775767321307, 5.0999665828427112 51.99283393077175219, 5.0999665828427112 51.99283393077175219)))</t>
  </si>
  <si>
    <t>MultiPolygon (((5.10490055243275975 51.99467875627333058, 5.10386522083052618 51.99219703643911572, 5.0999665828427112 51.99283393077175219, 5.10056015819172437 51.99536576125970555, 5.10490055243275975 51.99467875627333058, 5.10490055243275975 51.99467875627333058)))</t>
  </si>
  <si>
    <t>MultiPolygon (((5.09744661401915167 51.99532508172788425, 5.09758138751019718 51.99287775767321307, 5.09768558374594338 51.99098550345195946, 5.0969378510012513 51.98872543866038143, 5.09612198672839156 51.99191287386526739, 5.09516500978474429 51.99690735243969186, 5.09744661401915167 51.99532508172788425, 5.09744661401915167 51.99532508172788425)))</t>
  </si>
  <si>
    <t>MultiPolygon (((5.0969378510012513 51.98872543866038143, 5.09594754019108542 51.98390131766987565, 5.09395836073814579 51.98550620495863228, 5.09392182026302187 51.98898181759570747, 5.09612198672839156 51.99191287386526739, 5.0969378510012513 51.98872543866038143)))</t>
  </si>
  <si>
    <t>MultiPolygon (((5.09392182026302187 51.98898181759570747, 5.09395836073814579 51.98550620495863228, 5.09594754019108542 51.98390131766987565, 5.09389740924452106 51.98211809700109853, 5.08934144915354558 51.98454045997605277, 5.08748623518110321 51.9855287730232547, 5.09140009100473012 51.98876733280699369, 5.09392182026302187 51.98898181759570747, 5.09392182026302187 51.98898181759570747)))</t>
  </si>
  <si>
    <t>MultiPolygon (((5.09612198672839156 51.99191287386526739, 5.09392182026302187 51.98898181759570747, 5.09140009100473012 51.98876733280699369, 5.08748623518110321 51.9855287730232547, 5.08298353801610592 51.98908997380208064, 5.08255415551557022 51.98969710770029451, 5.0896279661083792 51.99032691554019436, 5.091577608223818 51.99001016926818863, 5.09311150271338153 51.99196152217194111, 5.09612198672839156 51.99191287386526739, 5.09612198672839156 51.99191287386526739)))</t>
  </si>
  <si>
    <t>MultiPolygon (((5.08887480777206136 51.99205331946504316, 5.09311150271338153 51.99196152217194111, 5.091577608223818 51.99001016926818863, 5.0896279661083792 51.99032691554019436, 5.08255415551557022 51.98969710770029451, 5.08100798989040836 51.99200418756313269, 5.08698830601875951 51.99463896909983163, 5.08758346671564698 51.99476579981784141, 5.08887480777206136 51.99205331946504316)))</t>
  </si>
  <si>
    <t>MultiPolygon (((5.09294405474522627 51.99674840180934865, 5.09516500978474429 51.99690735243969186, 5.09612198672839156 51.99191287386526739, 5.09311150271338153 51.99196152217194111, 5.08887480777206136 51.99205331946504316, 5.08758346671564698 51.99476579981784141, 5.08698830601875951 51.99463896909983163, 5.08689684347433779 51.99573834334551492, 5.08910456261736144 51.99752151743013684, 5.09128041222647809 51.99825115014112953, 5.09294405474522627 51.99674840180934865)))</t>
  </si>
  <si>
    <t>MultiPolygon (((5.11277747880588684 51.98927498762683541, 5.11394919961323513 51.98499804638187527, 5.11477135813390227 51.98366454531627312, 5.11396824072852585 51.98339295114848824, 5.11372545714812965 51.98128724829742708, 5.11473253220039847 51.97815487946539292, 5.11108850247297752 51.97716471174033614, 5.10777161205871533 51.97740406001378943, 5.10665104768881761 51.97659319111046727, 5.10391548418043683 51.97756437248508377, 5.1082144632151838 51.9835683816581593, 5.11058955728427033 51.98952331647650027, 5.11277747880588684 51.98927498762683541, 5.11277747880588684 51.98927498762683541)))</t>
  </si>
  <si>
    <t>MultiPolygon (((5.10257253437025771 51.97614592811412848, 5.09495278520937411 51.96913771872999632, 5.08252161082022447 51.97414917912013976, 5.08315030879760865 51.9745576728855454, 5.09389740924452106 51.98211809700109853, 5.10257253437025771 51.97614592811412848)))</t>
  </si>
  <si>
    <t>MultiPolygon (((5.10300864667384424 51.99027219004909028, 5.10846836523004555 51.98988380069692994, 5.11058955728427033 51.98952331647650027, 5.1082144632151838 51.9835683816581593, 5.10391548418043683 51.97756437248508377, 5.10257253437025771 51.97614592811412848, 5.09389740924452106 51.98211809700109853, 5.09594754019108542 51.98390131766987565, 5.0969378510012513 51.98872543866038143, 5.09768558374594338 51.99098550345195946, 5.10300864667384424 51.99027219004909028, 5.10300864667384424 51.99027219004909028)))</t>
  </si>
  <si>
    <t>MultiPolygon (((5.09389740924452106 51.98211809700109853, 5.08315030879760865 51.9745576728855454, 5.08237663402609563 51.97654720564580089, 5.08934144915354558 51.98454045997605277, 5.09389740924452106 51.98211809700109853, 5.09389740924452106 51.98211809700109853)))</t>
  </si>
  <si>
    <t>MultiPolygon (((5.08748623518110321 51.9855287730232547, 5.08167538250355033 51.98448090710064662, 5.07898482570189458 51.98429554907889383, 5.07721034932026427 51.98710383301757787, 5.08298353801610592 51.98908997380208064, 5.08748623518110321 51.9855287730232547)))</t>
  </si>
  <si>
    <t>MultiPolygon (((5.07821796314688267 51.97954370363815002, 5.08237663402609563 51.97654720564580089, 5.08315030879760865 51.9745576728855454, 5.08252161082022447 51.97414917912013976, 5.07314697931337388 51.98043291691619316, 5.07622188961342946 51.9832085512061326, 5.07898482570189458 51.98429554907889383, 5.08167538250355033 51.98448090710064662, 5.07821796314688267 51.97954370363815002)))</t>
  </si>
  <si>
    <t>MultiPolygon (((5.07898482570189458 51.98429554907889383, 5.07622188961342946 51.9832085512061326, 5.07314697931337388 51.98043291691619316, 5.07043867766320133 51.98239403073689147, 5.07257384903352992 51.98453416541861571, 5.07668087117609623 51.98691356791496787, 5.07721034932026427 51.98710383301757787, 5.07898482570189458 51.98429554907889383, 5.07898482570189458 51.98429554907889383)))</t>
  </si>
  <si>
    <t>MultiPolygon (((5.08934144915354558 51.98454045997605277, 5.08237663402609563 51.97654720564580089, 5.07821796314688267 51.97954370363815002, 5.08167538250355033 51.98448090710064662, 5.08748623518110321 51.9855287730232547, 5.08934144915354558 51.98454045997605277, 5.08934144915354558 51.98454045997605277)))</t>
  </si>
  <si>
    <t>MultiPolygon (((5.07563889494703346 51.98923979581553567, 5.07678427947973443 51.98810928947133192, 5.07668087117609623 51.98691356791496787, 5.07257384903352992 51.98453416541861571, 5.07043867766320133 51.98239403073689147, 5.06818120594166643 51.98274081158434967, 5.06690056180980974 51.98399947618739247, 5.06764003455610901 51.98605575302463677, 5.07005946925818218 51.98814676134464463, 5.07319276626628302 51.98969744054981845, 5.07563889494703346 51.98923979581553567, 5.07563889494703346 51.98923979581553567)))</t>
  </si>
  <si>
    <t>MultiPolygon (((5.07873600083175347 51.87995018787453461, 5.08222244753262942 51.87838399801739797, 5.08365973936870841 51.87836083527275122, 5.08127724551145654 51.87600526793150379, 5.07304126717688586 51.87404801130328025, 5.07173914169798845 51.87410396268511192, 5.06338769092334218 51.87440977166787093, 5.05536225489518021 51.8730409318055905, 5.05327308241774364 51.87368839553785449, 5.05537211104560047 51.87550789837997911, 5.07629601032099664 51.88174683939076459, 5.07382919439730085 51.88379063816870485, 5.0683059789783016 51.88516520885004013, 5.06083287638358037 51.89104840332559831, 5.0641755495838856 51.89195485911736228, 5.07873600083175347 51.87995018787453461)))</t>
  </si>
  <si>
    <t>MultiPolygon (((5.08761671350730627 51.95030337886031901, 5.10144586509624531 51.94612609731424158, 5.09731450924367202 51.94085549608301733, 5.09881004100243374 51.94023223107839016, 5.0870151193335742 51.92726642036237905, 5.07866113250813012 51.92984837616297966, 5.07397203795724749 51.9249898674289696, 5.05178258180710849 51.93082053951734167, 5.04513103270830143 51.9316963186491023, 5.04817236059322827 51.93696648115478354, 5.0418782717784687 51.93833824570736368, 5.04501193248435964 51.94043102629024133, 5.05474702627052253 51.95476114381272481, 5.08761671350730627 51.95030337886031901),(5.06934868501157698 51.94618572146200819, 5.07775868056224233 51.9437049093007559, 5.08245964025380115 51.94106767496197818, 5.08825571487104433 51.94241173546159729, 5.08895237317381888 51.94320860664696227, 5.08702280356504222 51.94436332156090685, 5.07271896930536315 51.94729370351873854, 5.07286310602182855 51.9483626947756818, 5.0718445721747889 51.94864314072273714, 5.06934868501157698 51.94618572146200819)))</t>
  </si>
  <si>
    <t>MultiPolygon (((5.07286310602182855 51.9483626947756818, 5.07271896930536315 51.94729370351873854, 5.08702280356504222 51.94436332156090685, 5.08895237317381888 51.94320860664696227, 5.08825571487104433 51.94241173546159729, 5.08245964025380115 51.94106767496197818, 5.07775868056224233 51.9437049093007559, 5.06934868501157698 51.94618572146200819, 5.0718445721747889 51.94864314072273714, 5.07286310602182855 51.9483626947756818, 5.07286310602182855 51.9483626947756818)))</t>
  </si>
  <si>
    <t>MultiPolygon (((5.0641755495838856 51.89195485911736228, 5.06083287638358037 51.89104840332559831, 5.0683059789783016 51.88516520885004013, 5.07382919439730085 51.88379063816870485, 5.07629601032099664 51.88174683939076459, 5.05537211104560047 51.87550789837997911, 5.05327308241774364 51.87368839553785449, 5.05536225489518021 51.8730409318055905, 5.05231058120327869 51.86998448688739671, 5.05219883988944307 51.8666430088448962, 5.05419974096945257 51.86509908278700465, 5.06278164889242532 51.86202753302016788, 5.06362406134181953 51.86059883427392947, 5.06235815245346288 51.85936205362709472, 5.05918548386211597 51.85815448355402424, 5.05299941372421646 51.85736068393062936, 5.05349335598110372 51.86141251674143149, 5.05288685757577571 51.86213401118166644, 5.04674451680542102 51.86331830741238491, 5.04660503631101953 51.85886920233432562, 5.04373465570372215 51.85922991703329643, 5.02690796057880451 51.85860771503384825, 5.02738788234003842 51.86373902503760291, 5.02174888687427234 51.86881960914220002, 5.0231671796709767 51.87202671835725454, 5.02322749818995096 51.87574083299418959, 5.02546697444191981 51.8806305587416503, 5.02695590845653673 51.88191820509295837, 5.06372692567535054 51.89232830892067483, 5.0641755495838856 51.89195485911736228)))</t>
  </si>
  <si>
    <t>MultiPolygon (((5.05288685757577571 51.86213401118166644, 5.05349335598110372 51.86141251674143149, 5.05299941372421646 51.85736068393062936, 5.04660503631101953 51.85886920233432562, 5.04674451680542102 51.86331830741238491, 5.05288685757577571 51.86213401118166644)))</t>
  </si>
  <si>
    <t>MultiPolygon (((5.04817236059322827 51.93696648115478354, 5.04513103270830143 51.9316963186491023, 5.05178258180710849 51.93082053951734167, 5.07397203795724749 51.9249898674289696, 5.06630889094960501 51.9174963255726567, 5.06013033618496788 51.91324116491903595, 5.03501766501514592 51.91755413133476083, 5.01662791427201959 51.92199794116171319, 5.02298364305508827 51.92491978066999536, 5.02837875999183037 51.92505885178633207, 5.03393868973872216 51.93029474233575371, 5.03709765317341418 51.93622649441850569, 5.0418782717784687 51.93833824570736368, 5.04817236059322827 51.93696648115478354)))</t>
  </si>
  <si>
    <t>MultiPolygon (((5.03501766501514592 51.91755413133476083, 5.02409235733473913 51.90994808769404045, 5.01522313945945886 51.91104458067441385, 5.00808368503079304 51.91926433344897163, 5.00796136366469202 51.92083079447374416, 5.01234300663175603 51.92063621748356184, 5.01662791427201959 51.92199794116171319, 5.03501766501514592 51.91755413133476083)))</t>
  </si>
  <si>
    <t>MultiPolygon (((5.06013033618496788 51.91324116491903595, 5.05735954023670864 51.91134078885087177, 5.06169196895564699 51.90989182982723804, 5.05586230828400485 51.90590751150010362, 5.05549833589729758 51.90382281867881886, 5.04268985105801626 51.90292568639545578, 5.02803191396921978 51.90097978845356153, 5.02358621715829745 51.90201577943226141, 5.01897768417703105 51.90207414864250524, 5.01526522746411807 51.90405664288478249, 5.02409235733473913 51.90994808769404045, 5.03501766501514592 51.91755413133476083, 5.06013033618496788 51.91324116491903595),(5.03841870327574259 51.91231539981637155, 5.03751798294683528 51.91115016792257109, 5.03965617461471727 51.91040240525266114, 5.04080564041614299 51.91146420976772191, 5.04218320215330795 51.91161583998383122, 5.04530978126287266 51.91018646726796248, 5.04841260993266072 51.90767444318468193, 5.05432993142019615 51.90555531149814783, 5.05668806445675667 51.90738504666810371, 5.05623839313158996 51.91065593109224352, 5.05498164563949448 51.91133302384699988, 5.05286634766977194 51.91138561600723023, 5.05044713006806401 51.90973188600777632, 5.04134967296072922 51.91366718279900994, 5.03841870327574259 51.91231539981637155, 5.03841870327574259 51.91231539981637155)))</t>
  </si>
  <si>
    <t>MultiPolygon (((5.05044713006806401 51.90973188600777632, 5.05286634766977194 51.91138561600723023, 5.05498164563949448 51.91133302384699988, 5.05623839313158996 51.91065593109224352, 5.05668806445675667 51.90738504666810371, 5.05432993142019615 51.90555531149814783, 5.04841260993266072 51.90767444318468193, 5.04530978126287266 51.91018646726796248, 5.04218320215330795 51.91161583998383122, 5.04080564041614299 51.91146420976772191, 5.03965617461471727 51.91040240525266114, 5.03751798294683528 51.91115016792257109, 5.03841870327574259 51.91231539981637155, 5.04134967296072922 51.91366718279900994, 5.05044713006806401 51.90973188600777632)))</t>
  </si>
  <si>
    <t>MultiPolygon (((5.06139077190655851 51.89440553414578261, 5.06372692567535054 51.89232830892067483, 5.02695590845653673 51.88191820509295837, 5.02374739420097161 51.88105661089408471, 5.03510771309371474 51.89322442078818653, 5.03775250711752687 51.89545288225240682, 5.05874512836986501 51.8986902179595404, 5.06139077190655851 51.89440553414578261)))</t>
  </si>
  <si>
    <t>MultiPolygon (((5.05874512836986501 51.8986902179595404, 5.03775250711752687 51.89545288225240682, 5.03510771309371474 51.89322442078818653, 5.01754095882617435 51.90108472237486126, 5.01897768417703105 51.90207414864250524, 5.02358621715829745 51.90201577943226141, 5.02803191396921978 51.90097978845356153, 5.04268985105801626 51.90292568639545578, 5.05549833589729758 51.90382281867881886, 5.05874512836986501 51.8986902179595404, 5.05874512836986501 51.8986902179595404)))</t>
  </si>
  <si>
    <t>MultiPolygon (((5.01147306984162455 51.90255902813574806, 5.00715387609007045 51.90220405498330081, 5.00765623183827291 51.9011631860568059, 5.01754095882617435 51.90108472237486126, 5.03510771309371474 51.89322442078818653, 5.02374739420097161 51.88105661089408471, 5.00124245713345239 51.87472591924757381, 5.00126680641587384 51.8749922263896508, 4.99623812500091002 51.87311919156872619, 4.9949524527654372 51.87695629405519782, 4.99945227345915555 51.88428350641715525, 4.99596168414001074 51.89196297711617234, 4.99630186947854238 51.89668923273558931, 4.99496805571006064 51.90229233350237337, 5.01160174402776182 51.9037324329812364, 5.01147306984162455 51.90255902813574806)))</t>
  </si>
  <si>
    <t>MultiPolygon (((5.01526522746411807 51.90405664288478249, 5.01897768417703105 51.90207414864250524, 5.01754095882617435 51.90108472237486126, 5.00765623183827291 51.9011631860568059, 5.00715387609007045 51.90220405498330081, 5.01147306984162455 51.90255902813574806, 5.01160174402776182 51.9037324329812364, 5.01526522746411807 51.90405664288478249, 5.01526522746411807 51.90405664288478249)))</t>
  </si>
  <si>
    <t>MultiPolygon (((5.05499613111256085 51.95556815029001285, 5.05474702627052253 51.95476114381272481, 5.04501193248435964 51.94043102629024133, 5.0418782717784687 51.93833824570736368, 5.03709765317341418 51.93622649441850569, 5.03393868973872216 51.93029474233575371, 5.02837875999183037 51.92505885178633207, 5.02298364305508827 51.92491978066999536, 5.01662791427201959 51.92199794116171319, 5.01234300663175603 51.92063621748356184, 5.00796136366469202 51.92083079447374416, 5.00220222675785298 51.9218490167930895, 5.00029034370627024 51.92296988178508599, 4.99974916574214934 51.93537212461886554, 5.01377930698396401 51.94932287979500529, 5.01958609913666098 51.95283565991878305, 5.02573588824488215 51.95461981240261906, 5.03224091059632617 51.9554182980202981, 5.05499613111256085 51.95556815029001285, 5.05499613111256085 51.95556815029001285)))</t>
  </si>
  <si>
    <t>MultiPolygon (((5.01007749446494 51.97554415549571871, 5.01610326702513287 51.97214018562540616, 5.02237566421381576 51.96972665806297442, 5.02967287861039836 51.96920336088246728, 5.02997699658355479 51.96586635703668122, 5.03089767147057376 51.96519512824757214, 5.03031518083017559 51.96392497061128779, 5.02369125762760405 51.95953321707079198, 5.01350807547847843 51.96113914841689052, 5.01005009565045789 51.96061902220050399, 5.0078391531124069 51.95939150595388156, 5.00088704266077055 51.95223685053725404, 4.99884789661246032 51.94389935129924396, 4.99062705961484099 51.94933420334692187, 4.98183918589822383 51.95551396264718136, 4.97783856581221151 51.95726968129346091, 4.97653948500002841 51.95862298319864436, 4.9768312831749677 51.95946058487334795, 4.97540023997543912 51.96053354223485599, 4.97614322873143067 51.96344516723603846, 4.97888803749547204 51.96595788305563701, 4.98390808046573053 51.9705937087464207, 4.98700296681783239 51.97330747747380286, 4.99186225749342416 51.97585292535098489, 4.99807352329135934 51.97787150487801, 5.00218238442253327 51.97821553619927926, 5.01007749446494 51.97554415549571871)))</t>
  </si>
  <si>
    <t>MultiPolygon (((5.04497000601711854 51.97730149289122892, 5.05070996793393245 51.97518295859902082, 5.05438380348714755 51.97658548732322004, 5.06464236972817616 51.96459101068511899, 5.05783223696600182 51.95969668694434063, 5.05499613111256085 51.95556815029001285, 5.03224091059632617 51.9554182980202981, 5.02573588824488215 51.95461981240261906, 5.01958609913666098 51.95283565991878305, 5.01377930698396401 51.94932287979500529, 4.99974916574214934 51.93537212461886554, 4.99884789661246032 51.94389935129924396, 5.00088704266077055 51.95223685053725404, 5.0078391531124069 51.95939150595388156, 5.01005009565045789 51.96061902220050399, 5.01350807547847843 51.96113914841689052, 5.02369125762760405 51.95953321707079198, 5.03031518083017559 51.96392497061128779, 5.0317383289175055 51.96305777960025551, 5.03230417462902047 51.9612921696526584, 5.03125019962586695 51.96119060093706565, 5.0311990033995313 51.95960573229604762, 5.03610525352219529 51.95952423029402212, 5.04385979689265973 51.96566194950716522, 5.04831592813706642 51.96807591070995613, 5.04553482500749961 51.97026720331103888, 5.03952760800075694 51.96457512810174251, 5.03209887012003776 51.96595387925756881, 5.02997699658355479 51.96586635703668122, 5.02967287861039836 51.96920336088246728, 5.03284889682882497 51.96974622376394137, 5.03612748975709312 51.97132854729526485, 5.03883028718369363 51.97413619692336084, 5.04040220434941411 51.9774436267203086, 5.04497000601711854 51.97730149289122892, 5.04497000601711854 51.97730149289122892)))</t>
  </si>
  <si>
    <t>MultiPolygon (((5.04831592813706642 51.96807591070995613, 5.04385979689265973 51.96566194950716522, 5.03610525352219529 51.95952423029402212, 5.0311990033995313 51.95960573229604762, 5.03125019962586695 51.96119060093706565, 5.03230417462902047 51.9612921696526584, 5.0317383289175055 51.96305777960025551, 5.03031518083017559 51.96392497061128779, 5.03089767147057376 51.96519512824757214, 5.02997699658355479 51.96586635703668122, 5.03209887012003776 51.96595387925756881, 5.03952760800075694 51.96457512810174251, 5.04553482500749961 51.97026720331103888, 5.04831592813706642 51.96807591070995613)))</t>
  </si>
  <si>
    <t>MultiPolygon (((4.99884789661246032 51.94389935129924396, 4.99974916574214934 51.93537212461886554, 4.99555156150460977 51.93073348452691107, 4.99145796758906268 51.92393856703348831, 4.98876409217315597 51.91940176294215803, 4.9840743894681534 51.91135949944388273, 4.98156340252083485 51.90518643969930679, 4.97883805650856281 51.89830556120149652, 4.97435497505571345 51.89709310754869165, 4.97341069944198644 51.89725004955719356, 4.97374062497170399 51.90766741243567139, 4.96760708298594711 51.91013912335734659, 4.96412818278188972 51.91063800234268655, 4.96416015781442255 51.9122674564867026, 4.96329319479197473 51.9127852001554615, 4.96478522373942877 51.91351896096521301, 4.96412154526825855 51.91375371340881628, 4.95615745271601593 51.91559106386883116, 4.94959548872090416 51.93156606332526337, 4.96647550016161343 51.93947798327997134, 4.96726831306228966 51.94135136003955466, 4.98776445948388325 51.94632854103623032, 4.98981237830086677 51.94718615134698325, 4.99062705961484099 51.94933420334692187, 4.99884789661246032 51.94389935129924396)))</t>
  </si>
  <si>
    <t>MultiPolygon (((5.00808368503079304 51.91926433344897163, 5.01522313945945886 51.91104458067441385, 5.02409235733473913 51.90994808769404045, 5.01526522746411807 51.90405664288478249, 5.01160174402776182 51.9037324329812364, 4.99496805571006064 51.90229233350237337, 4.97883805650856281 51.89830556120149652, 4.98156340252083485 51.90518643969930679, 4.982726866679835 51.90504203400047345, 4.98962777999705587 51.90695554303866999, 4.99020262669316406 51.90918691040173627, 4.99342298367289672 51.91052430170437049, 4.99722120824388227 51.91117300415928781, 4.99946841783180052 51.91479694479924234, 4.99929971247405991 51.91912230943292883, 5.00220222675785298 51.9218490167930895, 5.00796136366469202 51.92083079447374416, 5.00808368503079304 51.91926433344897163)),((5.00029034370627024 51.92296988178508599, 5.00038070274493318 51.92184391549633204, 4.99871157042326963 51.92188412341153025, 4.9979805931900172 51.92607370965373548, 4.99908673517373447 51.92690311759855604, 4.99844414172624507 51.92689315972305053, 4.99585579710946348 51.92593077777375044, 4.99569074960612003 51.9220393701972327, 4.99145796758906268 51.92393856703348831, 4.99555156150460977 51.93073348452691107, 4.99974916574214934 51.93537212461886554, 5.00029034370627024 51.92296988178508599)))</t>
  </si>
  <si>
    <t>MultiPolygon (((4.99230880711509162 51.91816783527623613, 4.99151804754068529 51.9145832224460122, 4.99020262669316406 51.90918691040173627, 4.98962777999705587 51.90695554303866999, 4.982726866679835 51.90504203400047345, 4.98156340252083485 51.90518643969930679, 4.9840743894681534 51.91135949944388273, 4.98876409217315597 51.91940176294215803, 4.99230880711509162 51.91816783527623613, 4.99230880711509162 51.91816783527623613)))</t>
  </si>
  <si>
    <t>MultiPolygon (((4.99736057186761684 51.91686393938793742, 4.99778285928562926 51.91580507652964371, 4.99672365779948269 51.91301983449369573, 4.99342298367289672 51.91052430170437049, 4.99020262669316406 51.90918691040173627, 4.99151804754068529 51.9145832224460122, 4.99736057186761684 51.91686393938793742, 4.99736057186761684 51.91686393938793742)))</t>
  </si>
  <si>
    <t>MultiPolygon (((4.99569074960612003 51.9220393701972327, 4.99622871079623909 51.92041644165242076, 4.99230880711509162 51.91816783527623613, 4.98876409217315597 51.91940176294215803, 4.99145796758906268 51.92393856703348831, 4.99569074960612003 51.9220393701972327, 4.99569074960612003 51.9220393701972327)))</t>
  </si>
  <si>
    <t>MultiPolygon (((4.9979805931900172 51.92607370965373548, 4.99871157042326963 51.92188412341153025, 5.00038070274493318 51.92184391549633204, 5.00029034370627024 51.92296988178508599, 5.00220222675785298 51.9218490167930895, 4.99929971247405991 51.91912230943292883, 4.99946841783180052 51.91479694479924234, 4.99722120824388227 51.91117300415928781, 4.99342298367289672 51.91052430170437049, 4.99672365779948269 51.91301983449369573, 4.99778285928562926 51.91580507652964371, 4.99736057186761684 51.91686393938793742, 4.99151804754068529 51.9145832224460122, 4.99230880711509162 51.91816783527623613, 4.99622871079623909 51.92041644165242076, 4.99569074960612003 51.9220393701972327, 4.99585579710946348 51.92593077777375044, 4.99844414172624507 51.92689315972305053, 4.99908673517373447 51.92690311759855604, 4.9979805931900172 51.92607370965373548)))</t>
  </si>
  <si>
    <t>MultiPolygon (((4.97540023997543912 51.96053354223485599, 4.9768312831749677 51.95946058487334795, 4.97653948500002841 51.95862298319864436, 4.97453336564320914 51.95692411270327682, 4.96373127994261942 51.9578452435903273, 4.95860641446318873 51.95871534814805415, 4.95733354983613772 51.96098403437495961, 4.96385134787305482 51.95943421268427187, 4.96810177024312694 51.95933648453701892, 4.97614322873143067 51.96344516723603846, 4.97540023997543912 51.96053354223485599)))</t>
  </si>
  <si>
    <t>MultiPolygon (((4.98183918589822383 51.95551396264718136, 4.99062705961484099 51.94933420334692187, 4.98981237830086677 51.94718615134698325, 4.98776445948388325 51.94632854103623032, 4.96726831306228966 51.94135136003955466, 4.96647550016161343 51.93947798327997134, 4.94959548872090416 51.93156606332526337, 4.94763962085375564 51.93371043518606456, 4.94551149195972517 51.94685739147476511, 4.95286129314564416 51.95133243785359412, 4.95497191502410228 51.9525559997643569, 4.96098234869413179 51.94947549832763656, 4.96764028007429737 51.95186392887548266, 4.96688857629447522 51.95294125236478777, 4.96995792496247724 51.9537751404276591, 4.96885732326271512 51.95510667510270508, 4.97504546243313506 51.95606232510429123, 4.97801654251095904 51.95398824162840867, 4.97935134083919717 51.95445991577998512, 4.97783856581221151 51.95726968129346091, 4.98183918589822383 51.95551396264718136, 4.98183918589822383 51.95551396264718136)))</t>
  </si>
  <si>
    <t>MultiPolygon (((4.97783856581221151 51.95726968129346091, 4.97935134083919717 51.95445991577998512, 4.97801654251095904 51.95398824162840867, 4.97504546243313506 51.95606232510429123, 4.97453336564320914 51.95692411270327682, 4.97653948500002841 51.95862298319864436, 4.97783856581221151 51.95726968129346091, 4.97783856581221151 51.95726968129346091)))</t>
  </si>
  <si>
    <t>MultiPolygon (((4.96995792496247724 51.9537751404276591, 4.96688857629447522 51.95294125236478777, 4.96591221117018744 51.95448656820676803, 4.96885732326271512 51.95510667510270508, 4.96995792496247724 51.9537751404276591, 4.96995792496247724 51.9537751404276591)))</t>
  </si>
  <si>
    <t>MultiPolygon (((4.97453336564320914 51.95692411270327682, 4.97504546243313506 51.95606232510429123, 4.96885732326271512 51.95510667510270508, 4.96591221117018744 51.95448656820676803, 4.96688857629447522 51.95294125236478777, 4.96764028007429737 51.95186392887548266, 4.96098234869413179 51.94947549832763656, 4.95497191502410228 51.9525559997643569, 4.96047427125231355 51.95573513914371944, 4.96284542467753464 51.95447205920206102, 4.9641684993759263 51.95700191466904272, 4.96373127994261942 51.9578452435903273, 4.97453336564320914 51.95692411270327682, 4.97453336564320914 51.95692411270327682)))</t>
  </si>
  <si>
    <t>MultiPolygon (((4.96373127994261942 51.9578452435903273, 4.9641684993759263 51.95700191466904272, 4.96284542467753464 51.95447205920206102, 4.96047427125231355 51.95573513914371944, 4.95860641446318873 51.95871534814805415, 4.96373127994261942 51.9578452435903273, 4.96373127994261942 51.9578452435903273)))</t>
  </si>
  <si>
    <t>MultiPolygon (((4.95860641446318873 51.95871534814805415, 4.96047427125231355 51.95573513914371944, 4.95497191502410228 51.9525559997643569, 4.95286129314564416 51.95133243785359412, 4.95101119909303655 51.9549243349929597, 4.95553430389264449 51.95544556303021722, 4.95592305343897088 51.95920279538059816, 4.95860641446318873 51.95871534814805415, 4.95860641446318873 51.95871534814805415)))</t>
  </si>
  <si>
    <t>MultiPolygon (((4.94869120862990375 51.96347175033817223, 4.95733354983613772 51.96098403437495961, 4.95860641446318873 51.95871534814805415, 4.95592305343897088 51.95920279538059816, 4.95553430389264449 51.95544556303021722, 4.95101119909303655 51.9549243349929597, 4.95286129314564416 51.95133243785359412, 4.94551149195972517 51.94685739147476511, 4.94763962085375564 51.93371043518606456, 4.94594422703891201 51.93328950699514479, 4.94229315020806137 51.93016667866049829, 4.93923505752584369 51.92893807144500329, 4.93212638146111271 51.94755180289925534, 4.92947547403944597 51.95019144918199316, 4.92630129121220506 51.95092794425965366, 4.93358353518843451 51.95970727213286722, 4.93640825613203393 51.96186501744863051, 4.93982050789963978 51.96343996075326288, 4.94330536741956639 51.96394279947814709, 4.94869120862990375 51.96347175033817223),(4.94443899934846609 51.96070131854795449, 4.94520352787619277 51.95967378734619047, 4.94909636365848815 51.9612120272628033, 4.94936248966500614 51.96216302682457666, 4.94829510027187425 51.9625389773220121, 4.94443899934846609 51.96070131854795449)))</t>
  </si>
  <si>
    <t>MultiPolygon (((4.94829510027187425 51.9625389773220121, 4.94936248966500614 51.96216302682457666, 4.94909636365848815 51.9612120272628033, 4.94520352787619277 51.95967378734619047, 4.94443899934846609 51.96070131854795449, 4.94829510027187425 51.9625389773220121, 4.94829510027187425 51.9625389773220121)))</t>
  </si>
  <si>
    <t>MultiPolygon (((5.10200238115723614 52.04059979637818856, 5.1046359248831541 52.04042886446993066, 5.10426791394062818 52.03680896797840205, 5.10235555531959584 52.03009721203786597, 5.09726786976553292 52.02718724122964744, 5.09068523549299545 52.03254672701049799, 5.09526137159739889 52.0377698380194289, 5.09885243581909009 52.04206720448433998, 5.10200238115723614 52.04059979637818856)))</t>
  </si>
  <si>
    <t>MultiPolygon (((5.08005902305490764 52.03055901577943132, 5.08606366149947142 52.02907517934558967, 5.08773178754975675 52.0285980909190684, 5.08559007528995011 52.02603224835481655, 5.08035548020872518 52.02718724978833365, 5.0747668492391238 52.02842004663047248, 5.07621085092014646 52.0312617888882798, 5.07625454945610688 52.03134777986657156, 5.08005902305490764 52.03055901577943132, 5.08005902305490764 52.03055901577943132)))</t>
  </si>
  <si>
    <t>MultiPolygon (((5.06849894042198823 52.01847200074719524, 5.07558037023904074 52.01582834621839879, 5.07846985627748815 52.01419844434150974, 5.08032358503310988 52.01144564277129234, 5.07560447780301605 52.00692985375364685, 5.07360155728871298 52.00590937592207297, 5.07142639251167004 52.0098626961665218, 5.06893299536924058 52.01416909143340916, 5.06799844498009744 52.01440384111753445, 5.06592851237007924 52.01881456702226103, 5.06849894042198823 52.01847200074719524)))</t>
  </si>
  <si>
    <t>MultiPolygon (((5.11239618767347626 52.02155141147195394, 5.1086637039607341 52.01302701187245958, 5.10687202010291674 52.01110070765231086, 5.10161363934282708 52.01174457482978397, 5.1006226839769635 52.013191791111133, 5.09857689956733662 52.01333709613883372, 5.09691322895437882 52.01194230150404962, 5.0977877395911575 52.01594558621312814, 5.09788316910533812 52.02186139213311833, 5.09895791504111173 52.02478611173075507, 5.09726786976553292 52.02718724122964744, 5.11239618767347626 52.02155141147195394)))</t>
  </si>
  <si>
    <t>MultiPolygon (((5.1044491203338147 52.04994694736891603, 5.10805957805871369 52.04252598626258219, 5.11211088043153783 52.0341437364324122, 5.11399498331323965 52.02693920973996455, 5.11239618767347626 52.02155141147195394, 5.09726786976553292 52.02718724122964744, 5.10235555531959584 52.03009721203786597, 5.10426791394062818 52.03680896797840205, 5.1046359248831541 52.04042886446993066, 5.10200238115723614 52.04059979637818856, 5.09885243581909009 52.04206720448433998, 5.10427033258250695 52.04859490399045541, 5.10403372720069992 52.05071977014578977, 5.1044491203338147 52.04994694736891603, 5.1044491203338147 52.04994694736891603)))</t>
  </si>
  <si>
    <t>MultiPolygon (((5.12471797209927171 52.04991543985372004, 5.12967243766690295 52.04985284889343689, 5.1217741612125014 52.0304328039100028, 5.12158215504500092 52.02995688002000918, 5.11428603569944951 52.03451114556145285, 5.11211088043153783 52.0341437364324122, 5.10805957805871369 52.04252598626258219, 5.11640651625100951 52.04489426586784617, 5.11941930986731286 52.05027528731456954, 5.12471797209927171 52.04991543985372004)))</t>
  </si>
  <si>
    <t>MultiPolygon (((5.11775166239736023 52.05663906217782966, 5.12124920742621903 52.054385678210366, 5.12407986838506702 52.05521602688162375, 5.12683195656895219 52.05491822431142168, 5.12471797209927171 52.04991543985372004, 5.11941930986731286 52.05027528731456954, 5.11640651625100951 52.04489426586784617, 5.10805957805871369 52.04252598626258219, 5.1044491203338147 52.04994694736891603, 5.10734436234266731 52.05002560517949917, 5.11125691382167702 52.05831797591496723, 5.11775166239736023 52.05663906217782966)))</t>
  </si>
  <si>
    <t>MultiPolygon (((5.12158215504500092 52.02995688002000918, 5.1217741612125014 52.0304328039100028, 5.13099327762607782 52.02472380866456803, 5.12838627310562245 52.02478110734598005, 5.12556909497863256 52.01668645513393585, 5.12283660412740449 52.0086067915192416, 5.12102233658110251 52.00370128517477752, 5.12082100730550227 52.00332482710949478, 5.11956321000710179 51.99992413394930679, 5.11391752769084462 52.00167166560377296, 5.10693743732315575 52.00288945271586982, 5.10139914436180408 52.00303312768345876, 5.10419056148599548 52.0060128938056323, 5.10687202010291674 52.01110070765231086, 5.1086637039607341 52.01302701187245958, 5.11239618767347626 52.02155141147195394, 5.11399498331323965 52.02693920973996455, 5.11211088043153783 52.0341437364324122, 5.11428603569944951 52.03451114556145285, 5.12158215504500092 52.02995688002000918, 5.12158215504500092 52.02995688002000918)))</t>
  </si>
  <si>
    <t>MultiPolygon (((5.09691322895437882 52.01194230150404962, 5.09503465783016374 52.01062438670348342, 5.09344039515172042 52.00888425864276599, 5.09254343903322404 52.00542233721026975, 5.08614004295697519 52.00526460162240738, 5.08887439311840595 52.0115061205166711, 5.09691322895437882 52.01194230150404962, 5.09691322895437882 52.01194230150404962)))</t>
  </si>
  <si>
    <t>MultiPolygon (((5.09184946339902655 52.02471973141500428, 5.09055810323886249 52.02199393541009442, 5.08852570736040466 52.01766750727803412, 5.08874457761234034 52.01502987235268449, 5.08887439311840595 52.0115061205166711, 5.08313854367946227 52.01061606198698684, 5.08032358503310988 52.01144564277129234, 5.07846985627748815 52.01419844434150974, 5.07558037023904074 52.01582834621839879, 5.07920450820601221 52.0194950699169496, 5.08559007528995011 52.02603224835481655, 5.09184946339902655 52.02471973141500428, 5.09184946339902655 52.02471973141500428)))</t>
  </si>
  <si>
    <t>MultiPolygon (((5.09726786976553292 52.02718724122964744, 5.09184946339902655 52.02471973141500428, 5.08559007528995011 52.02603224835481655, 5.08773178754975675 52.0285980909190684, 5.09068523549299545 52.03254672701049799, 5.09726786976553292 52.02718724122964744)))</t>
  </si>
  <si>
    <t>MultiPolygon (((5.1006226839769635 52.013191791111133, 5.10161363934282708 52.01174457482978397, 5.10120484233217919 52.01038780709859566, 5.09900857929593787 52.0087071169123476, 5.0949108816742017 52.00952831991751424, 5.09503465783016374 52.01062438670348342, 5.09691322895437882 52.01194230150404962, 5.09857689956733662 52.01333709613883372, 5.1006226839769635 52.013191791111133)))</t>
  </si>
  <si>
    <t>MultiPolygon (((5.10687202010291674 52.01110070765231086, 5.10419056148599548 52.0060128938056323, 5.10139914436180408 52.00303312768345876, 5.0902227343933486 52.00158365776339053, 5.09254343903322404 52.00542233721026975, 5.09344039515172042 52.00888425864276599, 5.09503465783016374 52.01062438670348342, 5.0949108816742017 52.00952831991751424, 5.09900857929593787 52.0087071169123476, 5.10120484233217919 52.01038780709859566, 5.10161363934282708 52.01174457482978397, 5.10687202010291674 52.01110070765231086, 5.10687202010291674 52.01110070765231086)))</t>
  </si>
  <si>
    <t>MultiPolygon (((5.09254343903322404 52.00542233721026975, 5.0902227343933486 52.00158365776339053, 5.07753524167988957 51.99745183199728871, 5.07570412689206307 52.00091937044174983, 5.07253526209763717 52.00029962888731916, 5.07486076709005651 52.0035535020018429, 5.0810525184359836 52.00447557728360692, 5.08614004295697519 52.00526460162240738, 5.09254343903322404 52.00542233721026975)))</t>
  </si>
  <si>
    <t>MultiPolygon (((5.08313854367946227 52.01061606198698684, 5.08068153772154396 52.00797267865904416, 5.0810525184359836 52.00447557728360692, 5.07486076709005651 52.0035535020018429, 5.07360155728871298 52.00590937592207297, 5.07560447780301605 52.00692985375364685, 5.08032358503310988 52.01144564277129234, 5.08313854367946227 52.01061606198698684, 5.08313854367946227 52.01061606198698684)))</t>
  </si>
  <si>
    <t>MultiPolygon (((5.08614004295697519 52.00526460162240738, 5.0810525184359836 52.00447557728360692, 5.08068153772154396 52.00797267865904416, 5.08313854367946227 52.01061606198698684, 5.08887439311840595 52.0115061205166711, 5.08614004295697519 52.00526460162240738, 5.08614004295697519 52.00526460162240738)))</t>
  </si>
  <si>
    <t>MultiPolygon (((5.0977877395911575 52.01594558621312814, 5.09691322895437882 52.01194230150404962, 5.08887439311840595 52.0115061205166711, 5.08874457761234034 52.01502987235268449, 5.0977877395911575 52.01594558621312814, 5.0977877395911575 52.01594558621312814)))</t>
  </si>
  <si>
    <t>MultiPolygon (((5.09788316910533812 52.02186139213311833, 5.0977877395911575 52.01594558621312814, 5.08874457761234034 52.01502987235268449, 5.08852570736040466 52.01766750727803412, 5.09055810323886249 52.02199393541009442, 5.09788316910533812 52.02186139213311833, 5.09788316910533812 52.02186139213311833)))</t>
  </si>
  <si>
    <t>MultiPolygon (((5.09895791504111173 52.02478611173075507, 5.09788316910533812 52.02186139213311833, 5.09055810323886249 52.02199393541009442, 5.09184946339902655 52.02471973141500428, 5.09726786976553292 52.02718724122964744, 5.09895791504111173 52.02478611173075507)))</t>
  </si>
  <si>
    <t>MultiPolygon (((5.08998624066581939 52.06072880871653297, 5.0941241532644419 52.05875472118720637, 5.09677445365952586 52.05927933789675421, 5.09712476173474371 52.0567592326689379, 5.09318590514931024 52.05283877906224888, 5.08631934984799017 52.05638942710015726, 5.08176631797623379 52.05713563937861466, 5.06723027409382354 52.05750088097656914, 5.06964144637844516 52.06141581520270023, 5.07322137200238465 52.0622222047367913, 5.08998624066581939 52.06072880871653297)))</t>
  </si>
  <si>
    <t>MultiPolygon (((5.08176631797623379 52.05713563937861466, 5.08094089076679989 52.05227386862335948, 5.065143913164464 52.05498120552279318, 5.06723027409382354 52.05750088097656914, 5.08176631797623379 52.05713563937861466)))</t>
  </si>
  <si>
    <t>MultiPolygon (((5.08631934984799017 52.05638942710015726, 5.09318590514931024 52.05283877906224888, 5.09008729400579618 52.05068086526082993, 5.08094089076679989 52.05227386862335948, 5.08176631797623379 52.05713563937861466, 5.08631934984799017 52.05638942710015726)))</t>
  </si>
  <si>
    <t>MultiPolygon (((5.08094089076679989 52.05227386862335948, 5.09008729400579618 52.05068086526082993, 5.0848065072299482 52.04737336449844065, 5.07805924032934097 52.04877368569081142, 5.06417150579791908 52.05157727047197369, 5.065143913164464 52.05498120552279318, 5.08094089076679989 52.05227386862335948)))</t>
  </si>
  <si>
    <t>MultiPolygon (((5.09593087924035615 52.05171231188460723, 5.09944169597789188 52.05135664546144625, 5.09993211193366847 52.04726343033122049, 5.0986114110400047 52.04559030630138494, 5.09668725666561429 52.04493378936871295, 5.09163735481524959 52.04552098549407191, 5.0848065072299482 52.04737336449844065, 5.09008729400579618 52.05068086526082993, 5.09318590514931024 52.05283877906224888, 5.09593087924035615 52.05171231188460723)))</t>
  </si>
  <si>
    <t>MultiPolygon (((5.10208580678397183 52.0542638429154394, 5.10403372720069992 52.05071977014578977, 5.10427033258250695 52.04859490399045541, 5.09885243581909009 52.04206720448433998, 5.09377546611088672 52.04298128667517886, 5.09163735481524959 52.04552098549407191, 5.09668725666561429 52.04493378936871295, 5.0986114110400047 52.04559030630138494, 5.09993211193366847 52.04726343033122049, 5.09944169597789188 52.05135664546144625, 5.09593087924035615 52.05171231188460723, 5.09318590514931024 52.05283877906224888, 5.09712476173474371 52.0567592326689379, 5.09677445365952586 52.05927933789675421, 5.09735212985702635 52.05948050485629608, 5.10208580678397183 52.0542638429154394)))</t>
  </si>
  <si>
    <t>MultiPolygon (((5.07023696127245493 52.02376817763214234, 5.07125677723739265 52.02168213367039584, 5.07920450820601221 52.0194950699169496, 5.07558037023904074 52.01582834621839879, 5.06849894042198823 52.01847200074719524, 5.06592851237007924 52.01881456702226103, 5.06294176883403502 52.02525724122063622, 5.06904237220744491 52.02776428426223276, 5.07023696127245493 52.02376817763214234, 5.07023696127245493 52.02376817763214234)))</t>
  </si>
  <si>
    <t>MultiPolygon (((5.08559007528995011 52.02603224835481655, 5.07920450820601221 52.0194950699169496, 5.07125677723739265 52.02168213367039584, 5.07023696127245493 52.02376817763214234, 5.07305214503871227 52.02328476547867808, 5.0783038970703398 52.02453210985454035, 5.08035548020872518 52.02718724978833365, 5.08559007528995011 52.02603224835481655, 5.08559007528995011 52.02603224835481655)))</t>
  </si>
  <si>
    <t>MultiPolygon (((5.08035548020872518 52.02718724978833365, 5.0783038970703398 52.02453210985454035, 5.07305214503871227 52.02328476547867808, 5.07023696127245493 52.02376817763214234, 5.06904237220744491 52.02776428426223276, 5.0747668492391238 52.02842004663047248, 5.08035548020872518 52.02718724978833365, 5.08035548020872518 52.02718724978833365)))</t>
  </si>
  <si>
    <t>MultiPolygon (((5.07805924032934097 52.04877368569081142, 5.07636773083681359 52.04657686955082596, 5.0715108544595715 52.04701971145622963, 5.0691811302902865 52.04372075784520035, 5.07040354654238179 52.04178835508703571, 5.07503082361746571 52.04091090636713801, 5.0742511938462318 52.03946103710180893, 5.06703217978716136 52.04004754006493982, 5.06351100784550212 52.04120999118617874, 5.06417150579791908 52.05157727047197369, 5.07805924032934097 52.04877368569081142)))</t>
  </si>
  <si>
    <t>MultiPolygon (((5.07636773083681359 52.04657686955082596, 5.07758537884482575 52.04478720165958805, 5.07503082361746571 52.04091090636713801, 5.07040354654238179 52.04178835508703571, 5.0691811302902865 52.04372075784520035, 5.0715108544595715 52.04701971145622963, 5.07636773083681359 52.04657686955082596, 5.07636773083681359 52.04657686955082596)))</t>
  </si>
  <si>
    <t>MultiPolygon (((5.0848065072299482 52.04737336449844065, 5.08009954803840102 52.0417438037446729, 5.07851909927122769 52.0390937083167131, 5.0742511938462318 52.03946103710180893, 5.07503082361746571 52.04091090636713801, 5.07758537884482575 52.04478720165958805, 5.07636773083681359 52.04657686955082596, 5.07805924032934097 52.04877368569081142, 5.0848065072299482 52.04737336449844065, 5.0848065072299482 52.04737336449844065)))</t>
  </si>
  <si>
    <t>MultiPolygon (((5.06703217978716136 52.04004754006493982, 5.0742511938462318 52.03946103710180893, 5.07269002236619571 52.03188401379407679, 5.06851054386837863 52.03040813046404622, 5.06904237220744491 52.02776428426223276, 5.06294176883403502 52.02525724122063622, 5.06287357640565805 52.0257431807976829, 5.06280103877535126 52.02682319886891094, 5.06351100784550212 52.04120999118617874, 5.06703217978716136 52.04004754006493982)))</t>
  </si>
  <si>
    <t>MultiPolygon (((5.07851909927122769 52.0390937083167131, 5.07625454945610688 52.03134777986657156, 5.07621085092014646 52.0312617888882798, 5.07269002236619571 52.03188401379407679, 5.0742511938462318 52.03946103710180893, 5.07851909927122769 52.0390937083167131, 5.07851909927122769 52.0390937083167131)))</t>
  </si>
  <si>
    <t>MultiPolygon (((5.07621085092014646 52.0312617888882798, 5.0747668492391238 52.02842004663047248, 5.06904237220744491 52.02776428426223276, 5.06851054386837863 52.03040813046404622, 5.07269002236619571 52.03188401379407679, 5.07621085092014646 52.0312617888882798, 5.07621085092014646 52.0312617888882798)))</t>
  </si>
  <si>
    <t>MultiPolygon (((5.09163735481524959 52.04552098549407191, 5.09377546611088672 52.04298128667517886, 5.0889325221401398 52.04127443791732333, 5.08445752085377478 52.04101370119223446, 5.08009954803840102 52.0417438037446729, 5.0848065072299482 52.04737336449844065, 5.09163735481524959 52.04552098549407191, 5.09163735481524959 52.04552098549407191)))</t>
  </si>
  <si>
    <t>MultiPolygon (((5.09885243581909009 52.04206720448433998, 5.09526137159739889 52.0377698380194289, 5.08406534777799113 52.03863232519491788, 5.07851909927122769 52.0390937083167131, 5.08009954803840102 52.0417438037446729, 5.08445752085377478 52.04101370119223446, 5.0889325221401398 52.04127443791732333, 5.09377546611088672 52.04298128667517886, 5.09885243581909009 52.04206720448433998)))</t>
  </si>
  <si>
    <t>MultiPolygon (((5.08406534777799113 52.03863232519491788, 5.08318946197948129 52.03663436297290446, 5.08005902305490764 52.03055901577943132, 5.07625454945610688 52.03134777986657156, 5.07851909927122769 52.0390937083167131, 5.08406534777799113 52.03863232519491788, 5.08406534777799113 52.03863232519491788)))</t>
  </si>
  <si>
    <t>MultiPolygon (((5.08803182846697322 52.03577489300467818, 5.08811847186329036 52.03265850959127903, 5.08606366149947142 52.02907517934558967, 5.08005902305490764 52.03055901577943132, 5.08318946197948129 52.03663436297290446, 5.08803182846697322 52.03577489300467818, 5.08803182846697322 52.03577489300467818)))</t>
  </si>
  <si>
    <t>MultiPolygon (((5.09526137159739889 52.0377698380194289, 5.09068523549299545 52.03254672701049799, 5.08773178754975675 52.0285980909190684, 5.08606366149947142 52.02907517934558967, 5.08811847186329036 52.03265850959127903, 5.08803182846697322 52.03577489300467818, 5.08318946197948129 52.03663436297290446, 5.08406534777799113 52.03863232519491788, 5.09526137159739889 52.0377698380194289, 5.09526137159739889 52.0377698380194289)))</t>
  </si>
  <si>
    <t>MultiPolygon (((5.24192318185677131 51.94551639468300408, 5.24556371434806579 51.94348616928294859, 5.24707544271914816 51.94123184204349286, 5.25480371862016682 51.93672689605614323, 5.255061879929392 51.93548253955921012, 5.24586732718672 51.92927411078177613, 5.24260317413774146 51.92719476669054046, 5.23316423146418863 51.92358487928792243, 5.21180991353342016 51.91964536495582649, 5.20768561849731082 51.92621353812614871, 5.20263033795208152 51.92476747643520696, 5.18738150305139989 51.92392138505588406, 5.17590015690514971 51.92110167111690089, 5.15890521820940595 51.91964490894422823, 5.1667970516224333 51.92602014760824858, 5.16166226072514345 51.92749925001247391, 5.18187639810952749 51.93512384867040765, 5.18882262889570978 51.93938794134837167, 5.19195032436576209 51.94164995316039324, 5.19527392168565427 51.94282273904979519, 5.19585471037341673 51.94102391208826219, 5.20378783358185881 51.9349239337363926, 5.22454006616563671 51.93949486924670822, 5.23098398140015242 51.94247103790745257, 5.24181166523953301 51.94567587448860735, 5.24192318185677131 51.94551639468300408)))</t>
  </si>
  <si>
    <t>MultiPolygon (((5.18972066342238492 51.96291421715979908, 5.19884547501797645 51.96019776986567962, 5.20598881987772533 51.95943248301824724, 5.21343545446068823 51.96065326802143858, 5.21737614517374126 51.95656348061277185, 5.21640264153130317 51.95701232259835933, 5.20936354088094955 51.95615059253097456, 5.2049862771635258 51.95569220029288715, 5.19997721810517177 51.95606076379720406, 5.19852305658365399 51.95042403302569056, 5.19026692638165255 51.95104531747850984, 5.18570770169167083 51.94434676708598175, 5.18882262889570978 51.93938794134837167, 5.18187639810952749 51.93512384867040765, 5.16166226072514345 51.92749925001247391, 5.15798632979942973 51.92848139232633997, 5.15001165913429926 51.92815650180435938, 5.14243287512570024 51.92493658162864989, 5.14845984774861343 51.92948519058408152, 5.1490070363444751 51.93054026463368444, 5.14796322990677702 51.93215495624836109, 5.14943744171207385 51.93352697535103601, 5.15146713414999091 51.93361525348090879, 5.1546631806462111 51.937934992248735, 5.16342867284772566 51.94685746224977407, 5.1686515386955163 51.95415505265195577, 5.18022665608033872 51.96744832552887772, 5.18972066342238492 51.96291421715979908)))</t>
  </si>
  <si>
    <t>MultiPolygon (((5.23098398140015242 51.94247103790745257, 5.22454006616563671 51.93949486924670822, 5.20378783358185881 51.9349239337363926, 5.19585471037341673 51.94102391208826219, 5.19527392168565427 51.94282273904979519, 5.20280093051185677 51.94355648807552228, 5.21551252135704946 51.9444525700662183, 5.21932421525882262 51.94594888405664079, 5.22443721407809925 51.949251892735127, 5.23098398140015242 51.94247103790745257, 5.23098398140015242 51.94247103790745257)))</t>
  </si>
  <si>
    <t>MultiPolygon (((5.19852305658365399 51.95042403302569056, 5.20133510195213145 51.95011716627893605, 5.19527392168565427 51.94282273904979519, 5.19195032436576209 51.94164995316039324, 5.18882262889570978 51.93938794134837167, 5.18570770169167083 51.94434676708598175, 5.19026692638165255 51.95104531747850984, 5.19852305658365399 51.95042403302569056)))</t>
  </si>
  <si>
    <t>MultiPolygon (((5.20832888857719034 51.94978422214767022, 5.20280093051185677 51.94355648807552228, 5.19527392168565427 51.94282273904979519, 5.20133510195213145 51.95011716627893605, 5.20832888857719034 51.94978422214767022, 5.20832888857719034 51.94978422214767022)))</t>
  </si>
  <si>
    <t>MultiPolygon (((5.20878468434426711 51.94977067486869515, 5.21720547958741143 51.94940830053644731, 5.21932421525882262 51.94594888405664079, 5.21551252135704946 51.9444525700662183, 5.20280093051185677 51.94355648807552228, 5.20832888857719034 51.94978422214767022, 5.20878468434426711 51.94977067486869515, 5.20878468434426711 51.94977067486869515)))</t>
  </si>
  <si>
    <t>MultiPolygon (((5.2049862771635258 51.95569220029288715, 5.20936354088094955 51.95615059253097456, 5.20878468434426711 51.94977067486869515, 5.20832888857719034 51.94978422214767022, 5.20133510195213145 51.95011716627893605, 5.19852305658365399 51.95042403302569056, 5.19997721810517177 51.95606076379720406, 5.2049862771635258 51.95569220029288715)))</t>
  </si>
  <si>
    <t>MultiPolygon (((5.21737614517374126 51.95656348061277185, 5.22156147307574958 51.9522325000677796, 5.21720547958741143 51.94940830053644731, 5.20878468434426711 51.94977067486869515, 5.20936354088094955 51.95615059253097456, 5.21640264153130317 51.95701232259835933, 5.21737614517374126 51.95656348061277185)))</t>
  </si>
  <si>
    <t>MultiPolygon (((5.22443721407809925 51.949251892735127, 5.21932421525882262 51.94594888405664079, 5.21720547958741143 51.94940830053644731, 5.22156147307574958 51.9522325000677796, 5.22443721407809925 51.949251892735127, 5.22443721407809925 51.949251892735127)))</t>
  </si>
  <si>
    <t>MultiPolygon (((5.24227038343074803 51.97872971840214973, 5.24652374464525018 51.97749823602176633, 5.25627113766840104 51.97094139916173106, 5.2621042597696599 51.96820597995689184, 5.27037360372899499 51.96542662131199819, 5.25531834912916196 51.95422111086152483, 5.25169837006984519 51.95626809600725693, 5.24761828264988939 51.95857073090130029, 5.24006850273335179 51.96253211378149928, 5.23879263657337901 51.96366801704817817, 5.23355719021632648 51.96589224626223569, 5.22988270088910845 51.96547303456649303, 5.22470925519074836 51.96099937158077609, 5.22279346846427828 51.9609366406007851, 5.22327800050956448 51.96163917363647755, 5.21905841235895984 51.96342762199711984, 5.22395686557219996 51.96781407986483003, 5.22991251974994409 51.97564895890623404, 5.23300666795376923 51.97755042297188055, 5.23686707713955357 51.97875747724224738, 5.24227038343074803 51.97872971840214973)))</t>
  </si>
  <si>
    <t>MultiPolygon (((5.23196121498321443 51.95056973890280005, 5.23602402593960292 51.9498820735184097, 5.23824008020462806 51.94702901970756415, 5.24181166523953301 51.94567587448860735, 5.23098398140015242 51.94247103790745257, 5.22443721407809925 51.949251892735127, 5.22644938262013525 51.95080085002373238, 5.22888271852953412 51.95235285904973921, 5.23196121498321443 51.95056973890280005)))</t>
  </si>
  <si>
    <t>MultiPolygon (((5.22327800050956448 51.96163917363647755, 5.22279346846427828 51.9609366406007851, 5.21940870365277476 51.95864947492591313, 5.22025204121144082 51.95752780817755934, 5.22131347289000036 51.95764068006756986, 5.22321961993669337 51.95618183577571614, 5.22405932603713641 51.95496635599753432, 5.22262116338895677 51.9538182376786466, 5.22644938262013525 51.95080085002373238, 5.22443721407809925 51.949251892735127, 5.22156147307574958 51.9522325000677796, 5.21737614517374126 51.95656348061277185, 5.21343545446068823 51.96065326802143858, 5.2134702286494905 51.96066604396972366, 5.21905841235895984 51.96342762199711984, 5.22327800050956448 51.96163917363647755)))</t>
  </si>
  <si>
    <t>MultiPolygon (((5.25531834912916196 51.95422111086152483, 5.2597654001412657 51.9515952132147234, 5.25772940753403439 51.95099867894921886, 5.25734263556689108 51.95131289464937652, 5.25431144175623732 51.95018590343126874, 5.25490665489523767 51.94985553754570162, 5.25223862934773589 51.94902056530523282, 5.25081838653419997 51.95064380884963384, 5.24783404537201204 51.95083862075735226, 5.24540212655390725 51.95029838696501656, 5.24221754469135082 51.95376801994098059, 5.24442858921661426 51.95451390603817288, 5.24824235214451917 51.95467673400816722, 5.25169837006984519 51.95626809600725693, 5.25531834912916196 51.95422111086152483)))</t>
  </si>
  <si>
    <t>MultiPolygon (((5.25169837006984519 51.95626809600725693, 5.24824235214451917 51.95467673400816722, 5.24442858921661426 51.95451390603817288, 5.24221754469135082 51.95376801994098059, 5.2422072682934715 51.95377986724125208, 5.24020391059471802 51.95596937303596974, 5.24761828264988939 51.95857073090130029, 5.25169837006984519 51.95626809600725693, 5.25169837006984519 51.95626809600725693)))</t>
  </si>
  <si>
    <t>MultiPolygon (((5.24221754469135082 51.95376801994098059, 5.24540212655390725 51.95029838696501656, 5.24783404537201204 51.95083862075735226, 5.25081838653419997 51.95064380884963384, 5.25223862934773589 51.94902056530523282, 5.24192318185677131 51.94551639468300408, 5.24181166523953301 51.94567587448860735, 5.23824008020462806 51.94702901970756415, 5.23602402593960292 51.9498820735184097, 5.2410264979652732 51.95171106195357424, 5.23992527259371332 51.95300855134195217, 5.2422072682934715 51.95377986724125208, 5.24221754469135082 51.95376801994098059, 5.24221754469135082 51.95376801994098059)))</t>
  </si>
  <si>
    <t>MultiPolygon (((5.2422072682934715 51.95377986724125208, 5.23992527259371332 51.95300855134195217, 5.2410264979652732 51.95171106195357424, 5.23602402593960292 51.9498820735184097, 5.23196121498321443 51.95056973890280005, 5.22888271852953412 51.95235285904973921, 5.23021427942274553 51.95312165620082112, 5.24020391059471802 51.95596937303596974, 5.2422072682934715 51.95377986724125208, 5.2422072682934715 51.95377986724125208)))</t>
  </si>
  <si>
    <t>MultiPolygon (((5.24761828264988939 51.95857073090130029, 5.24020391059471802 51.95596937303596974, 5.23638787640426706 51.96062422600954989, 5.24006850273335179 51.96253211378149928, 5.24761828264988939 51.95857073090130029, 5.24761828264988939 51.95857073090130029)))</t>
  </si>
  <si>
    <t>MultiPolygon (((5.24020391059471802 51.95596937303596974, 5.23021427942274553 51.95312165620082112, 5.2286528008724007 51.95715231306850512, 5.23638787640426706 51.96062422600954989, 5.24020391059471802 51.95596937303596974, 5.24020391059471802 51.95596937303596974)))</t>
  </si>
  <si>
    <t>MultiPolygon (((5.23879263657337901 51.96366801704817817, 5.24006850273335179 51.96253211378149928, 5.23638787640426706 51.96062422600954989, 5.2286528008724007 51.95715231306850512, 5.22470925519074836 51.96099937158077609, 5.22988270088910845 51.96547303456649303, 5.23355719021632648 51.96589224626223569, 5.23879263657337901 51.96366801704817817)))</t>
  </si>
  <si>
    <t>MultiPolygon (((5.2286528008724007 51.95715231306850512, 5.23021427942274553 51.95312165620082112, 5.22888271852953412 51.95235285904973921, 5.22644938262013525 51.95080085002373238, 5.22262116338895677 51.9538182376786466, 5.22405932603713641 51.95496635599753432, 5.22321961993669337 51.95618183577571614, 5.22131347289000036 51.95764068006756986, 5.22025204121144082 51.95752780817755934, 5.21940870365277476 51.95864947492591313, 5.22279346846427828 51.9609366406007851, 5.22470925519074836 51.96099937158077609, 5.2286528008724007 51.95715231306850512, 5.2286528008724007 51.95715231306850512)))</t>
  </si>
  <si>
    <t>MultiPolygon (((4.54732226027154418 52.31399659818968928, 4.56370743246943 52.30929800806595154, 4.55537615788144379 52.29914405633213192, 4.55445966525359136 52.2994117428643861, 4.55042932726488392 52.29594966344990326, 4.5451653906649998 52.29073282056501171, 4.54231907153796222 52.28737806893146001, 4.54255029995023563 52.28664415873910087, 4.53870994764069913 52.28177744934513527, 4.53844005099188585 52.28409373577743935, 4.53615564797653814 52.28680966498619398, 4.53419055640259216 52.28542702086016902, 4.53102251764064867 52.28666807874173372, 4.53075920364407025 52.28721262329771235, 4.53346300759027709 52.2895063163179401, 4.52904373083751732 52.29130604327890097, 4.52827787694138539 52.29082207885365818, 4.5267866545273705 52.29131378137547159, 4.52623041888286792 52.29197411811316698, 4.52521260409988013 52.29184052634403201, 4.52094086459326849 52.29340880111606538, 4.51680737994049064 52.29306208831606284, 4.51617279485400491 52.29353629503173551, 4.51690988926119363 52.29471220524490604, 4.52358517467480326 52.3003566721766191, 4.52837572067183647 52.30207592101579905, 4.54337082226607869 52.31498861304971371, 4.54732226027154418 52.31399659818968928),(4.5521708006947863 52.30649675245016539, 4.54899400950775767 52.30394125164453101, 4.54382306151360815 52.30556577564731668, 4.54474970665597588 52.30657089699086981, 4.5436049760931958 52.30738658645006467, 4.5378430298428345 52.30220483148469413, 4.54952993406175832 52.29927297654096208, 4.55059389770353651 52.30059165847900005, 4.54716130881999092 52.30251965782498758, 4.55150927784642878 52.30543336160506129, 4.55734487507556896 52.3105134939982932, 4.5521708006947863 52.30649675245016539)))</t>
  </si>
  <si>
    <t>MultiPolygon (((4.55734487507556896 52.3105134939982932, 4.55150927784642878 52.30543336160506129, 4.54716130881999092 52.30251965782498758, 4.55059389770353651 52.30059165847900005, 4.54952993406175832 52.29927297654096208, 4.5378430298428345 52.30220483148469413, 4.5436049760931958 52.30738658645006467, 4.54474970665597588 52.30657089699086981, 4.54382306151360815 52.30556577564731668, 4.54899400950775767 52.30394125164453101, 4.5521708006947863 52.30649675245016539, 4.55734487507556896 52.3105134939982932, 4.55734487507556896 52.3105134939982932)))</t>
  </si>
  <si>
    <t>MultiPolygon (((4.49533284938090194 52.27937150672006794, 4.49807972208522866 52.27796371409382914, 4.49161368728517552 52.2733040375215765, 4.48660376679307671 52.27409899874620436, 4.48400904694659808 52.27328550382625139, 4.48314232326837292 52.2738472479759011, 4.4848373715171066 52.27513756193985017, 4.48941561113281296 52.27647413298902279, 4.49503404932028872 52.27953025128896059, 4.49533284938090194 52.27937150672006794, 4.49533284938090194 52.27937150672006794)))</t>
  </si>
  <si>
    <t>MultiPolygon (((4.52094086459326849 52.29340880111606538, 4.52521260409988013 52.29184052634403201, 4.52623041888286792 52.29197411811316698, 4.52148803795597409 52.28681986125533143, 4.52462374087757002 52.28614195503660511, 4.52696241696330404 52.28477582759245479, 4.52726779940412349 52.28268971211818439, 4.5318347387980058 52.28526817418199357, 4.52827787694138539 52.29082207885365818, 4.52904373083751732 52.29130604327890097, 4.53346300759027709 52.2895063163179401, 4.53075920364407025 52.28721262329771235, 4.53102251764064867 52.28666807874173372, 4.53419055640259216 52.28542702086016902, 4.53615564797653814 52.28680966498619398, 4.53844005099188585 52.28409373577743935, 4.53870994764069913 52.28177744934513527, 4.53650802285469457 52.27919167463940653, 4.53644329868734619 52.27835927460944987, 4.53599014637849507 52.27815561227631491, 4.53545706450765085 52.27914773252864933, 4.53502580017215262 52.27883249691518586, 4.53017843666502351 52.27414661786405503, 4.53287209702423866 52.2730955457627573, 4.52091721850594475 52.26069826177612754, 4.51349504078469899 52.2549914643436253, 4.50141627877972539 52.24856137503772402, 4.49930920770582521 52.24992148205490849, 4.49589928260085614 52.25020859092872882, 4.4925389221755534 52.25189261732931811, 4.49595018569569671 52.25416653316806759, 4.49982958363330177 52.25691872879841071, 4.50396302081492461 52.25932043099287228, 4.5055890363624691 52.26333395397099224, 4.50438055926079617 52.26505065773496739, 4.50189394808447396 52.26627215184953457, 4.5111506652710629 52.27566946990973662, 4.50426243834947559 52.27020592617165562, 4.50331937344991218 52.27033084305852384, 4.50220540040363648 52.27049122382597801, 4.50081188221355166 52.268355904724487, 4.49491722838814045 52.27069863424856067, 4.49446164366811285 52.26916331922375036, 4.49249165132503503 52.27003973847421037, 4.4847249432769738 52.26804826462811349, 4.48332424718827394 52.26711436094027619, 4.48489340384945301 52.26627484931542256, 4.48240152875596287 52.26449014456709818, 4.4781610836095993 52.26278254958734948, 4.486206873517534 52.25855593551239764, 4.48861761732593134 52.25560192932594816, 4.48603014898793884 52.25353452394871567, 4.48014376141957982 52.24947893096887697, 4.48206406477466679 52.24925911523564537, 4.48520002326973533 52.24998625228032267, 4.48828802708495633 52.24856457232097284, 4.4959281028615159 52.24486401480911013, 4.49491956328406417 52.24417987366554428, 4.47997449870309783 52.2341192372998151, 4.47749215256290078 52.23244970738135606, 4.46573292627431684 52.23878574384303874, 4.46381689355999978 52.24054917186376201, 4.4612612941439922 52.24216534416451196, 4.45615398635316051 52.24376232949131094, 4.45515834260268484 52.24434821461823475, 4.4568195678508582 52.24539223102282648, 4.45268194384811 52.24871923904441218, 4.4612037726074707 52.25348236663364077, 4.45572256135300382 52.25625340785708772, 4.45596295678007515 52.25694557581606858, 4.46010258907825907 52.25957353681720718, 4.47333572460860207 52.26590249122856591, 4.4744816171803512 52.26946040956133288, 4.47829832452018994 52.27194869827938106, 4.48314232326837292 52.2738472479759011, 4.48400904694659808 52.27328550382625139, 4.48660376679307671 52.27409899874620436, 4.49161368728517552 52.2733040375215765, 4.49807972208522866 52.27796371409382914, 4.49533284938090194 52.27937150672006794, 4.50638557402581696 52.28561287861073481, 4.51680737994049064 52.29306208831606284, 4.52094086459326849 52.29340880111606538)))</t>
  </si>
  <si>
    <t>MultiPolygon (((4.5267866545273705 52.29131378137547159, 4.52827787694138539 52.29082207885365818, 4.5318347387980058 52.28526817418199357, 4.52726779940412349 52.28268971211818439, 4.52696241696330404 52.28477582759245479, 4.52462374087757002 52.28614195503660511, 4.52148803795597409 52.28681986125533143, 4.52623041888286792 52.29197411811316698, 4.5267866545273705 52.29131378137547159, 4.5267866545273705 52.29131378137547159)))</t>
  </si>
  <si>
    <t>MultiPolygon (((4.49589928260085614 52.25020859092872882, 4.49930920770582521 52.24992148205490849, 4.50141627877972539 52.24856137503772402, 4.49766277226845723 52.24603322985390719, 4.4959281028615159 52.24486401480911013, 4.48828802708495633 52.24856457232097284, 4.49155679857161161 52.25143177062769695, 4.4925389221755534 52.25189261732931811, 4.49589928260085614 52.25020859092872882)))</t>
  </si>
  <si>
    <t>MultiPolygon (((4.5111506652710629 52.27566946990973662, 4.50189394808447396 52.26627215184953457, 4.50438055926079617 52.26505065773496739, 4.5055890363624691 52.26333395397099224, 4.50396302081492461 52.25932043099287228, 4.49691932635578429 52.26118734216105821, 4.49976500626510578 52.26426536668210332, 4.50331937344991218 52.27033084305852384, 4.50426243834947559 52.27020592617165562, 4.5111506652710629 52.27566946990973662, 4.5111506652710629 52.27566946990973662)))</t>
  </si>
  <si>
    <t>MultiPolygon (((4.50396302081492461 52.25932043099287228, 4.49982958363330177 52.25691872879841071, 4.49456641917020505 52.25954884497695474, 4.49691932635578429 52.26118734216105821, 4.50396302081492461 52.25932043099287228, 4.50396302081492461 52.25932043099287228)))</t>
  </si>
  <si>
    <t>MultiPolygon (((4.49982958363330177 52.25691872879841071, 4.49595018569569671 52.25416653316806759, 4.49032315050055786 52.25671519929374398, 4.49456641917020505 52.25954884497695474, 4.49982958363330177 52.25691872879841071, 4.49982958363330177 52.25691872879841071)))</t>
  </si>
  <si>
    <t>MultiPolygon (((4.49595018569569671 52.25416653316806759, 4.4925389221755534 52.25189261732931811, 4.49155679857161161 52.25143177062769695, 4.48603014898793884 52.25353452394871567, 4.48861761732593134 52.25560192932594816, 4.49032315050055786 52.25671519929374398, 4.49595018569569671 52.25416653316806759, 4.49595018569569671 52.25416653316806759)))</t>
  </si>
  <si>
    <t>MultiPolygon (((4.49155679857161161 52.25143177062769695, 4.48828802708495633 52.24856457232097284, 4.48520002326973533 52.24998625228032267, 4.48206406477466679 52.24925911523564537, 4.48014376141957982 52.24947893096887697, 4.48603014898793884 52.25353452394871567, 4.49155679857161161 52.25143177062769695)))</t>
  </si>
  <si>
    <t>MultiPolygon (((4.49976500626510578 52.26426536668210332, 4.49691932635578429 52.26118734216105821, 4.49456641917020505 52.25954884497695474, 4.48972464534404025 52.26169400952998956, 4.49057153529578823 52.26286107022372818, 4.49352898468248174 52.26371133122334811, 4.49826798378649073 52.26497040342256639, 4.49976500626510578 52.26426536668210332)))</t>
  </si>
  <si>
    <t>MultiPolygon (((4.49456641917020505 52.25954884497695474, 4.49032315050055786 52.25671519929374398, 4.48861761732593134 52.25560192932594816, 4.486206873517534 52.25855593551239764, 4.48972464534404025 52.26169400952998956, 4.49456641917020505 52.25954884497695474, 4.49456641917020505 52.25954884497695474)))</t>
  </si>
  <si>
    <t>MultiPolygon (((4.50081188221355166 52.268355904724487, 4.50220540040363648 52.27049122382597801, 4.50331937344991218 52.27033084305852384, 4.49976500626510578 52.26426536668210332, 4.49826798378649073 52.26497040342256639, 4.49352898468248174 52.26371133122334811, 4.49446164366811285 52.26916331922375036, 4.49491722838814045 52.27069863424856067, 4.50081188221355166 52.268355904724487)))</t>
  </si>
  <si>
    <t>MultiPolygon (((4.49446164366811285 52.26916331922375036, 4.49352898468248174 52.26371133122334811, 4.49057153529578823 52.26286107022372818, 4.48240152875596287 52.26449014456709818, 4.48489340384945301 52.26627484931542256, 4.48332424718827394 52.26711436094027619, 4.4847249432769738 52.26804826462811349, 4.49249165132503503 52.27003973847421037, 4.49446164366811285 52.26916331922375036)))</t>
  </si>
  <si>
    <t>MultiPolygon (((4.49057153529578823 52.26286107022372818, 4.48972464534404025 52.26169400952998956, 4.486206873517534 52.25855593551239764, 4.4781610836095993 52.26278254958734948, 4.48240152875596287 52.26449014456709818, 4.49057153529578823 52.26286107022372818)))</t>
  </si>
  <si>
    <t>MultiPolygon (((4.49503404932028872 52.27953025128896059, 4.48941561113281296 52.27647413298902279, 4.4848373715171066 52.27513756193985017, 4.48314232326837292 52.2738472479759011, 4.48137585125268156 52.27533499970169828, 4.48604158207205117 52.27809305051504651, 4.48898200242575918 52.28090370798334163, 4.49503404932028872 52.27953025128896059, 4.49503404932028872 52.27953025128896059)))</t>
  </si>
  <si>
    <t>MultiPolygon (((4.49492652977943585 52.32794852843058209, 4.54337082226607869 52.31498861304971371, 4.52837572067183647 52.30207592101579905, 4.52358517467480326 52.3003566721766191, 4.51690988926119363 52.29471220524490604, 4.51617279485400491 52.29353629503173551, 4.51680737994049064 52.29306208831606284, 4.50638557402581696 52.28561287861073481, 4.49533284938090194 52.27937150672006794, 4.49503404932028872 52.27953025128896059, 4.48898200242575918 52.28090370798334163, 4.48604158207205117 52.27809305051504651, 4.48137585125268156 52.27533499970169828, 4.48314232326837292 52.2738472479759011, 4.47829832452018994 52.27194869827938106, 4.4744816171803512 52.26946040956133288, 4.47333572460860207 52.26590249122856591, 4.46010258907825907 52.25957353681720718, 4.45596295678007515 52.25694557581606858, 4.45572256135300382 52.25625340785708772, 4.4612037726074707 52.25348236663364077, 4.45268194384811 52.24871923904441218, 4.4568195678508582 52.24539223102282648, 4.45515834260268484 52.24434821461823475, 4.45329714014045486 52.24543307102290868, 4.45165335090131542 52.24812720156955947, 4.44940962506750814 52.24978605447314806, 4.44374477172297588 52.25146631621313276, 4.4396153679593624 52.25173139395484156, 4.4368187690411327 52.25278694628567422, 4.43451656589381038 52.25378554778757234, 4.44726177814796486 52.26724485329437897, 4.49397112847638169 52.32819808293768205, 4.49492652977943585 52.32794852843058209, 4.49492652977943585 52.32794852843058209)))</t>
  </si>
  <si>
    <t>MultiPolygon (((4.4368187690411327 52.25278694628567422, 4.42556061179744198 52.2404100473667512, 4.41942592341202278 52.23345102189270506, 4.42887421329841491 52.23029189284721241, 4.43079843836697052 52.23372845531837783, 4.43261644870007654 52.23547972785982552, 4.43498804143901282 52.23630744809936743, 4.43734439012719761 52.23352967333190122, 4.43427088599039543 52.23057419603323126, 4.43437391023684846 52.22911361480571912, 4.4335123401976313 52.22895296573437207, 4.4370036918614213 52.22629352608231557, 4.43962386549659094 52.22704037380961495, 4.44273206547057598 52.22506050364775376, 4.44451440325611813 52.22743762661764322, 4.45281649858908057 52.22334696697647161, 4.45700674433040778 52.22555953787264116, 4.4560703956872425 52.22871953043273408, 4.45772180057144052 52.22978996035275401, 4.45766423202199302 52.23050448266030088, 4.46075311893091619 52.22914174265570608, 4.46286271263135337 52.23095876971020601, 4.45969737654504073 52.2361252177522104, 4.45741949531253834 52.23732491564727098, 4.46089687662885392 52.23981397048782327, 4.46194252904347977 52.23928097930293291, 4.46381689355999978 52.24054917186376201, 4.46573292627431684 52.23878574384303874, 4.47749215256290078 52.23244970738135606, 4.46849170776803106 52.22661927427964912, 4.46606600370197171 52.22500271466933697, 4.46698533501547601 52.22378583342720049, 4.47070432490935321 52.22176252049044365, 4.47035814511945073 52.21981267458220799, 4.4640820667038712 52.21596433177357, 4.45589651794548658 52.2140379428476038, 4.45130564018400499 52.21169751618453603, 4.44847854883435634 52.21250409847495888, 4.44630864826031225 52.21098178457582861, 4.44305302213957454 52.21175742435471534, 4.43747815020715919 52.20951102850023773, 4.43741048264719051 52.20966702942041593, 4.43713763846670428 52.21119945262773854, 4.43797017215974332 52.21285589543197148, 4.43300967828399717 52.21885588320133564, 4.43412738247237836 52.2193073543126971, 4.42601367380912958 52.22641325231334264, 4.42825083665270824 52.22893879172963238, 4.42765533536225941 52.22905930066428937, 4.42542717957480569 52.22824449873566977, 4.41955798994449989 52.22153529918878689, 4.41482944273285494 52.21614706244442772, 4.40546408042493987 52.21971990318275658, 4.41830192742653427 52.23374006281401449, 4.43451656589381038 52.25378554778757234, 4.4368187690411327 52.25278694628567422)))</t>
  </si>
  <si>
    <t>MultiPolygon (((4.44630864826031225 52.21098178457582861, 4.44445217410469784 52.20950992140229374, 4.44165339787971369 52.20850348540380281, 4.44018805587159715 52.207355583448809, 4.43747815020715919 52.20951102850023773, 4.44305302213957454 52.21175742435471534, 4.44630864826031225 52.21098178457582861)))</t>
  </si>
  <si>
    <t>MultiPolygon (((4.42665778692633882 52.21903450255589263, 4.42782191890544929 52.21702214079708426, 4.43300967828399717 52.21885588320133564, 4.43797017215974332 52.21285589543197148, 4.43713763846670428 52.21119945262773854, 4.4354636229455453 52.21060290332928133, 4.43327732285669995 52.21350405755987367, 4.42928589944799178 52.21241084097282936, 4.42569636256390364 52.21628888708373495, 4.42329040278404673 52.21542804928932924, 4.42232607966269153 52.21449254234841675, 4.42179164740772013 52.21480828941469809, 4.41959144008955196 52.214312269104596, 4.41493334483410926 52.2161074378382537, 4.41482944273285494 52.21614706244442772, 4.41955798994449989 52.22153529918878689, 4.42665778692633882 52.21903450255589263)))</t>
  </si>
  <si>
    <t>MultiPolygon (((4.42765533536225941 52.22905930066428937, 4.42825083665270824 52.22893879172963238, 4.42601367380912958 52.22641325231334264, 4.43412738247237836 52.2193073543126971, 4.43300967828399717 52.21885588320133564, 4.42782191890544929 52.21702214079708426, 4.42665778692633882 52.21903450255589263, 4.41955798994449989 52.22153529918878689, 4.42542717957480569 52.22824449873566977, 4.42765533536225941 52.22905930066428937, 4.42765533536225941 52.22905930066428937)))</t>
  </si>
  <si>
    <t>MultiPolygon (((4.45741949531253834 52.23732491564727098, 4.45969737654504073 52.2361252177522104, 4.46286271263135337 52.23095876971020601, 4.46075311893091619 52.22914174265570608, 4.45766423202199302 52.23050448266030088, 4.45235954127577749 52.23439295199811738, 4.45245725676613002 52.23488068566314269, 4.45597845928555092 52.23787069158478857, 4.45741949531253834 52.23732491564727098, 4.45741949531253834 52.23732491564727098)))</t>
  </si>
  <si>
    <t>MultiPolygon (((4.45766423202199302 52.23050448266030088, 4.45772180057144052 52.22978996035275401, 4.4560703956872425 52.22871953043273408, 4.45700674433040778 52.22555953787264116, 4.45281649858908057 52.22334696697647161, 4.44451440325611813 52.22743762661764322, 4.44457871344543687 52.22779951262764797, 4.44675484119996067 52.23014011911796928, 4.45018852205860149 52.23214410923718276, 4.45235954127577749 52.23439295199811738, 4.45766423202199302 52.23050448266030088, 4.45766423202199302 52.23050448266030088)))</t>
  </si>
  <si>
    <t>MultiPolygon (((4.4612612941439922 52.24216534416451196, 4.46381689355999978 52.24054917186376201, 4.46194252904347977 52.23928097930293291, 4.46089687662885392 52.23981397048782327, 4.45741949531253834 52.23732491564727098, 4.45597845928555092 52.23787069158478857, 4.45352835436573269 52.23906780952097506, 4.45020308202398063 52.23996898142587497, 4.45112766128547399 52.24122863257557725, 4.45308927654753273 52.24152511908101104, 4.45615398635316051 52.24376232949131094, 4.4612612941439922 52.24216534416451196, 4.4612612941439922 52.24216534416451196)))</t>
  </si>
  <si>
    <t>MultiPolygon (((4.45515834260268484 52.24434821461823475, 4.45615398635316051 52.24376232949131094, 4.45308927654753273 52.24152511908101104, 4.45112766128547399 52.24122863257557725, 4.45020308202398063 52.23996898142587497, 4.44619864430662481 52.24108602023157033, 4.44930946558923335 52.24318630783635342, 4.45329714014045486 52.24543307102290868, 4.45515834260268484 52.24434821461823475, 4.45515834260268484 52.24434821461823475)))</t>
  </si>
  <si>
    <t>MultiPolygon (((4.45597845928555092 52.23787069158478857, 4.45245725676613002 52.23488068566314269, 4.4518989273427918 52.23502575268049952, 4.44996293814037891 52.23789267135682479, 4.45352835436573269 52.23906780952097506, 4.45597845928555092 52.23787069158478857, 4.45597845928555092 52.23787069158478857)))</t>
  </si>
  <si>
    <t>MultiPolygon (((4.45020308202398063 52.23996898142587497, 4.45352835436573269 52.23906780952097506, 4.44996293814037891 52.23789267135682479, 4.4518989273427918 52.23502575268049952, 4.44827814591578896 52.23452498131681665, 4.44373747847474387 52.23679810205148044, 4.44373277688753454 52.2368037963574281, 4.44619864430662481 52.24108602023157033, 4.45020308202398063 52.23996898142587497, 4.45020308202398063 52.23996898142587497)))</t>
  </si>
  <si>
    <t>MultiPolygon (((4.44827814591578896 52.23452498131681665, 4.4518989273427918 52.23502575268049952, 4.45245725676613002 52.23488068566314269, 4.45235954127577749 52.23439295199811738, 4.45018852205860149 52.23214410923718276, 4.44675484119996067 52.23014011911796928, 4.44356316675802621 52.2311442899335816, 4.44001727811210678 52.23462604342950044, 4.44373747847474387 52.23679810205148044, 4.44827814591578896 52.23452498131681665)))</t>
  </si>
  <si>
    <t>MultiPolygon (((4.44356316675802621 52.2311442899335816, 4.44675484119996067 52.23014011911796928, 4.44457871344543687 52.22779951262764797, 4.44169556569379509 52.22981678171537823, 4.43769280764825158 52.23351074710251396, 4.44001727811210678 52.23462604342950044, 4.44356316675802621 52.2311442899335816)))</t>
  </si>
  <si>
    <t>MultiPolygon (((4.44457871344543687 52.22779951262764797, 4.44451440325611813 52.22743762661764322, 4.44273206547057598 52.22506050364775376, 4.43962386549659094 52.22704037380961495, 4.4370036918614213 52.22629352608231557, 4.4335123401976313 52.22895296573437207, 4.43437391023684846 52.22911361480571912, 4.44169556569379509 52.22981678171537823, 4.44457871344543687 52.22779951262764797, 4.44457871344543687 52.22779951262764797)))</t>
  </si>
  <si>
    <t>MultiPolygon (((4.43769280764825158 52.23351074710251396, 4.44169556569379509 52.22981678171537823, 4.43437391023684846 52.22911361480571912, 4.43427088599039543 52.23057419603323126, 4.43734439012719761 52.23352967333190122, 4.43769280764825158 52.23351074710251396, 4.43769280764825158 52.23351074710251396)))</t>
  </si>
  <si>
    <t>MultiPolygon (((4.45329714014045486 52.24543307102290868, 4.44930946558923335 52.24318630783635342, 4.4467675738249639 52.24569027769353369, 4.45165335090131542 52.24812720156955947, 4.45329714014045486 52.24543307102290868, 4.45329714014045486 52.24543307102290868)))</t>
  </si>
  <si>
    <t>MultiPolygon (((4.45165335090131542 52.24812720156955947, 4.4467675738249639 52.24569027769353369, 4.44930946558923335 52.24318630783635342, 4.44619864430662481 52.24108602023157033, 4.44133956192361534 52.2441586826444393, 4.44322812388247002 52.24586019204039644, 4.44940962506750814 52.24978605447314806, 4.45165335090131542 52.24812720156955947, 4.45165335090131542 52.24812720156955947)))</t>
  </si>
  <si>
    <t>MultiPolygon (((4.44619864430662481 52.24108602023157033, 4.44373277688753454 52.2368037963574281, 4.43933347435825798 52.24244944138474978, 4.44133956192361534 52.2441586826444393, 4.44619864430662481 52.24108602023157033, 4.44619864430662481 52.24108602023157033)))</t>
  </si>
  <si>
    <t>MultiPolygon (((4.44373277688753454 52.2368037963574281, 4.44373747847474387 52.23679810205148044, 4.44001727811210678 52.23462604342950044, 4.43769280764825158 52.23351074710251396, 4.43734439012719761 52.23352967333190122, 4.43498804143901282 52.23630744809936743, 4.43452800724788698 52.23735024578023456, 4.43750061187087219 52.23863996777140528, 4.43708691377598985 52.24098072519067415, 4.43933347435825798 52.24244944138474978, 4.44373277688753454 52.2368037963574281)))</t>
  </si>
  <si>
    <t>MultiPolygon (((4.44940962506750814 52.24978605447314806, 4.44322812388247002 52.24586019204039644, 4.44011473442291305 52.24797646065110257, 4.44374477172297588 52.25146631621313276, 4.44940962506750814 52.24978605447314806, 4.44940962506750814 52.24978605447314806)))</t>
  </si>
  <si>
    <t>MultiPolygon (((4.44374477172297588 52.25146631621313276, 4.44011473442291305 52.24797646065110257, 4.43699699791616187 52.24952742241956116, 4.4396153679593624 52.25173139395484156, 4.44374477172297588 52.25146631621313276, 4.44374477172297588 52.25146631621313276)))</t>
  </si>
  <si>
    <t>MultiPolygon (((4.44011473442291305 52.24797646065110257, 4.44322812388247002 52.24586019204039644, 4.44133956192361534 52.2441586826444393, 4.43796306155490505 52.24686893496208029, 4.43493657866754365 52.24825787909426822, 4.43699699791616187 52.24952742241956116, 4.44011473442291305 52.24797646065110257, 4.44011473442291305 52.24797646065110257)))</t>
  </si>
  <si>
    <t>MultiPolygon (((4.43796306155490505 52.24686893496208029, 4.44133956192361534 52.2441586826444393, 4.43933347435825798 52.24244944138474978, 4.43663085424555437 52.24299798495349023, 4.43230134527211739 52.2456235983095425, 4.43493657866754365 52.24825787909426822, 4.43796306155490505 52.24686893496208029)))</t>
  </si>
  <si>
    <t>MultiPolygon (((4.43933347435825798 52.24244944138474978, 4.43708691377598985 52.24098072519067415, 4.43750061187087219 52.23863996777140528, 4.43452800724788698 52.23735024578023456, 4.43175700535476835 52.24115500839937454, 4.43663085424555437 52.24299798495349023, 4.43933347435825798 52.24244944138474978, 4.43933347435825798 52.24244944138474978)))</t>
  </si>
  <si>
    <t>MultiPolygon (((4.43663085424555437 52.24299798495349023, 4.43175700535476835 52.24115500839937454, 4.4307670201059004 52.2415950452918878, 4.42937132112530829 52.24320150741028357, 4.43230134527211739 52.2456235983095425, 4.43663085424555437 52.24299798495349023, 4.43663085424555437 52.24299798495349023)))</t>
  </si>
  <si>
    <t>MultiPolygon (((4.4396153679593624 52.25173139395484156, 4.43699699791616187 52.24952742241956116, 4.43493657866754365 52.24825787909426822, 4.43230134527211739 52.2456235983095425, 4.42937132112530829 52.24320150741028357, 4.4307670201059004 52.2415950452918878, 4.42703175586151954 52.24009895851278884, 4.42556061179744198 52.2404100473667512, 4.4368187690411327 52.25278694628567422, 4.4396153679593624 52.25173139395484156, 4.4396153679593624 52.25173139395484156)))</t>
  </si>
  <si>
    <t>MultiPolygon (((4.43175700535476835 52.24115500839937454, 4.43452800724788698 52.23735024578023456, 4.43498804143901282 52.23630744809936743, 4.43261644870007654 52.23547972785982552, 4.43079843836697052 52.23372845531837783, 4.42887421329841491 52.23029189284721241, 4.41942592341202278 52.23345102189270506, 4.42556061179744198 52.2404100473667512, 4.42703175586151954 52.24009895851278884, 4.4307670201059004 52.2415950452918878, 4.43175700535476835 52.24115500839937454, 4.43175700535476835 52.24115500839937454)))</t>
  </si>
  <si>
    <t>MultiPolygon (((5.4058938453170331 52.0752204802800307, 5.40706122671280376 52.07257682196802051, 5.40536528247317793 52.07099967715745947, 5.39953689123843272 52.06921058582241812, 5.4004806629603701 52.06768713238691504, 5.39895634804334446 52.06693826776788114, 5.40052997404667234 52.06474539816898073, 5.40189632950314991 52.06429857206786949, 5.40935420079112284 52.06898446973858796, 5.4223556917633644 52.07301583719088711, 5.42407175696639232 52.07249862320755796, 5.43338116465075416 52.07229467966680403, 5.43546906908124239 52.07285093718020619, 5.43746622027698567 52.07201545083523087, 5.43831344451897891 52.0702732454275079, 5.43645119201792681 52.06160928171863134, 5.43526729694925681 52.0595975508336366, 5.43062296118165744 52.0590476463512033, 5.42871492567140645 52.05734106194243793, 5.4283352675288592 52.05630558097937666, 5.42986857614372553 52.05286660997552417, 5.41882788880273925 52.05483494516723653, 5.41815482618711819 52.05565472493282186, 5.41603650342799625 52.05618724712602585, 5.41282270701357682 52.05699523578370247, 5.40626604943602018 52.06022067805730558, 5.40843023706012627 52.06252742890126939, 5.40611958589137842 52.06350949043080334, 5.40458311730099705 52.06221629129373696, 5.40282462787518192 52.0629617062861243, 5.4008487797525131 52.06098907439996282, 5.39734910079579233 52.06278339467137783, 5.39816184944837119 52.06647909886901004, 5.3952750068504427 52.06786349686483817, 5.38827823186229971 52.07346530034481447, 5.38834129726533284 52.07493217499023075, 5.38982267707648965 52.07566876095880559, 5.39105613964207375 52.07507433692981635, 5.39450735292130457 52.07496476619165549, 5.40350368768208877 52.07567853680220793, 5.4058938453170331 52.0752204802800307)))</t>
  </si>
  <si>
    <t>MultiPolygon (((5.38452721554036184 52.0782684057330485, 5.38834129726533284 52.07493217499023075, 5.38827823186229971 52.07346530034481447, 5.3952750068504427 52.06786349686483817, 5.39816184944837119 52.06647909886901004, 5.39734910079579233 52.06278339467137783, 5.4008487797525131 52.06098907439996282, 5.39681178130596795 52.05942358925027236, 5.39350361605624506 52.05920641840148733, 5.39189937596434188 52.05640586862855912, 5.39580414143457521 52.05626632762320583, 5.39919236537529912 52.05423921609361315, 5.40624861874489149 52.05304988478550854, 5.4148988597593819 52.0537410802102869, 5.41603650342799625 52.05618724712602585, 5.41815482618711819 52.05565472493282186, 5.41882788880273925 52.05483494516723653, 5.42986857614372553 52.05286660997552417, 5.43515057900912524 52.04788530001972902, 5.42592560305841154 52.04110946273026173, 5.42052830924817464 52.04485236688610428, 5.4158524152461327 52.04661246022060794, 5.41086429577392636 52.04103730755647916, 5.41501227902374893 52.03292351918625513, 5.41350751333178426 52.02993555525704039, 5.41314098815648848 52.02920769640396514, 5.39191170211926085 52.03607668233188832, 5.35133154156112312 52.05252244164629616, 5.33954447111688246 52.05851973047644066, 5.33813752420744958 52.07084559840689053, 5.34168327031129753 52.07285142429099523, 5.33453264329090793 52.07476082356178182, 5.33260851859390073 52.07880983036645262, 5.33225088470982733 52.08416337884463587, 5.38452721554036184 52.0782684057330485),(5.37153588886873568 52.06894442055052963, 5.35800778419355694 52.06918060866433251, 5.35173861566088771 52.06788545993508421, 5.35044115941173182 52.0650142214158862, 5.35118127908533747 52.06213939247973599, 5.36020201624707138 52.06014447687315538, 5.38375048114008425 52.05760133650945676, 5.38919817761776621 52.061853561545405, 5.38577032596654437 52.06704867361668931, 5.37969898888071363 52.06796326696479582, 5.37715115355377549 52.07083083158335768, 5.37153588886873568 52.06894442055052963)))</t>
  </si>
  <si>
    <t>MultiPolygon (((5.42052830924817464 52.04485236688610428, 5.42592560305841154 52.04110946273026173, 5.41588593688536335 52.03463777027813819, 5.41501227902374893 52.03292351918625513, 5.41086429577392636 52.04103730755647916, 5.4158524152461327 52.04661246022060794, 5.42052830924817464 52.04485236688610428, 5.42052830924817464 52.04485236688610428)))</t>
  </si>
  <si>
    <t>MultiPolygon (((5.40843023706012627 52.06252742890126939, 5.40626604943602018 52.06022067805730558, 5.41282270701357682 52.05699523578370247, 5.41603650342799625 52.05618724712602585, 5.4148988597593819 52.0537410802102869, 5.40624861874489149 52.05304988478550854, 5.39919236537529912 52.05423921609361315, 5.39580414143457521 52.05626632762320583, 5.39189937596434188 52.05640586862855912, 5.39350361605624506 52.05920641840148733, 5.39681178130596795 52.05942358925027236, 5.4008487797525131 52.06098907439996282, 5.40282462787518192 52.0629617062861243, 5.40458311730099705 52.06221629129373696, 5.40611958589137842 52.06350949043080334, 5.40843023706012627 52.06252742890126939, 5.40843023706012627 52.06252742890126939)))</t>
  </si>
  <si>
    <t>MultiPolygon (((5.37969898888071363 52.06796326696479582, 5.38577032596654437 52.06704867361668931, 5.38919817761776621 52.061853561545405, 5.38375048114008425 52.05760133650945676, 5.36020201624707138 52.06014447687315538, 5.35118127908533747 52.06213939247973599, 5.35044115941173182 52.0650142214158862, 5.35173861566088771 52.06788545993508421, 5.35800778419355694 52.06918060866433251, 5.37153588886873568 52.06894442055052963, 5.37715115355377549 52.07083083158335768, 5.37969898888071363 52.06796326696479582)))</t>
  </si>
  <si>
    <t>MultiPolygon (((5.43597684403774295 51.99535542125507703, 5.4456300295157245 51.99785634266591217, 5.44934362620390811 52.00057602757595987, 5.45572976835732959 51.99687646712551015, 5.45741819942803552 51.99371416527261403, 5.46130489623380377 51.99405079883188563, 5.46021594639906382 51.99689791834232722, 5.46707405227092647 51.99849165979897947, 5.47194884367270973 51.99746612086340747, 5.47551241532623845 51.99548357317528513, 5.47724013495485273 51.99153730045183863, 5.47925917950281249 51.99019954193260418, 5.48055513228408842 51.98874798512675, 5.4778498173872201 51.9876917115157724, 5.47766449953155998 51.9834726714573776, 5.47268660352288894 51.98297761379601667, 5.45701199166075313 51.98368404978992885, 5.44240823386095318 51.9859475278430665, 5.43624393821511109 51.98534843772959135, 5.43039987898470944 51.98326509845804111, 5.42336365529645903 51.97875542342840305, 5.41815557952712545 51.97660570376287836, 5.39933760962480758 51.97310277910690957, 5.3909760679219767 51.97073019670433069, 5.39051700661379574 51.97124810148891072, 5.39200963335089156 51.9734025786586642, 5.3949509304285721 51.97444163125012295, 5.39416474496787846 51.97593426783753756, 5.38759070717838728 51.97630891200780923, 5.3784298950830145 51.98608204581022818, 5.39942228877104125 51.98794812406245569, 5.415276657360379 51.99670192581626793, 5.42742409966158412 52.00319732362997627, 5.43597684403774295 51.99535542125507703)))</t>
  </si>
  <si>
    <t>MultiPolygon (((5.48659593880108165 52.03226765200545856, 5.49033887370172025 52.02687520914827246, 5.49656310801772729 52.02195307953012104, 5.50372877958114159 52.01834644821602893, 5.51102263839283246 52.01642027895870513, 5.50788690004471615 52.01231110931110635, 5.49420167441201279 51.99490106016983759, 5.49287472598980653 51.99609462170214869, 5.49089771851420494 51.99656105323831667, 5.48529383451523245 51.99096502742763448, 5.48608418635246231 51.99085263284744229, 5.48459472380478896 51.9877595745044303, 5.48030068374101109 51.99109403578484745, 5.47925917950281249 51.99019954193260418, 5.47724013495485273 51.99153730045183863, 5.47551241532623845 51.99548357317528513, 5.47194884367270973 51.99746612086340747, 5.46707405227092647 51.99849165979897947, 5.4672009527117984 51.99973193861795551, 5.46878186508445818 51.99937834644090628, 5.47054324118311719 52.00137697355856403, 5.46988007403327359 52.00438959568976571, 5.46537795664807025 52.00752757553369321, 5.45909295227596125 52.00835544981621439, 5.47686752603943638 52.02198977835183769, 5.48480268790716607 52.03555883942724591, 5.48507749818935775 52.03603010449955946, 5.48659593880108165 52.03226765200545856)))</t>
  </si>
  <si>
    <t>MultiPolygon (((5.49787596276079071 52.05701820975252048, 5.51299541583034269 52.05511367104496401, 5.51568124290154049 52.0541911521476095, 5.51643087760204853 52.04776380198996577, 5.5259989004269725 52.04136897639524761, 5.52934788060770455 52.04020242794452855, 5.52526551159682011 52.03498757604674552, 5.52231982348003925 52.03105135654270441, 5.51833903057348341 52.02587830777721933, 5.51259217339545682 52.01851609710708857, 5.51102263839283246 52.01642027895870513, 5.50372877958114159 52.01834644821602893, 5.49656310801772729 52.02195307953012104, 5.49033887370172025 52.02687520914827246, 5.48659593880108165 52.03226765200545856, 5.48507749818935775 52.03603010449955946, 5.4876351820958309 52.04060652354088035, 5.48537963984080701 52.05623467171798069, 5.49142875108077533 52.0573220193898365, 5.49787596276079071 52.05701820975252048)))</t>
  </si>
  <si>
    <t>MultiPolygon (((5.46537795664807025 52.00752757553369321, 5.46988007403327359 52.00438959568976571, 5.47054324118311719 52.00137697355856403, 5.46878186508445818 51.99937834644090628, 5.4672009527117984 51.99973193861795551, 5.46707405227092647 51.99849165979897947, 5.46021594639906382 51.99689791834232722, 5.46130489623380377 51.99405079883188563, 5.45741819942803552 51.99371416527261403, 5.45572976835732959 51.99687646712551015, 5.44934362620390811 52.00057602757595987, 5.45909295227596125 52.00835544981621439, 5.46537795664807025 52.00752757553369321)))</t>
  </si>
  <si>
    <t>MultiPolygon (((5.4876351820958309 52.04060652354088035, 5.48507749818935775 52.03603010449955946, 5.48480268790716607 52.03555883942724591, 5.48174560635059738 52.03680165987379524, 5.47085830895226799 52.03552995127447645, 5.46665115187470274 52.0338872057123254, 5.46277638532663357 52.0297470858468003, 5.46086100571457234 52.03754913690514883, 5.4485011771206846 52.03671500708926345, 5.44861272174264499 52.04323692502941157, 5.4538919299696369 52.04976779140472587, 5.46113808233322384 52.04725905951209342, 5.46209979202553253 52.04898816281630047, 5.46585767089873276 52.05079260926324025, 5.47719475805568656 52.05285491676497145, 5.48537963984080701 52.05623467171798069, 5.4876351820958309 52.04060652354088035)))</t>
  </si>
  <si>
    <t>MultiPolygon (((5.44160191503026258 52.04569308661197624, 5.4457027141767318 52.04525887786716254, 5.44861272174264499 52.04323692502941157, 5.4485011771206846 52.03671500708926345, 5.46086100571457234 52.03754913690514883, 5.46277638532663357 52.0297470858468003, 5.46665115187470274 52.0338872057123254, 5.47085830895226799 52.03552995127447645, 5.48174560635059738 52.03680165987379524, 5.48480268790716607 52.03555883942724591, 5.47686752603943638 52.02198977835183769, 5.45909295227596125 52.00835544981621439, 5.44934362620390811 52.00057602757595987, 5.4456300295157245 51.99785634266591217, 5.43946385590979631 52.00139323865531793, 5.4391091482819931 52.00219783538181417, 5.44210361161752676 52.00387276157321992, 5.4406366018269221 52.00483151936509074, 5.4436323195960874 52.00677436448621904, 5.44625462779187153 52.01578733128515353, 5.44528665139612578 52.01862974793577621, 5.44362797877431159 52.02027903573277001, 5.4376438588476903 52.02222235173179854, 5.43169125366757299 52.02273062333197373, 5.42828773323916458 52.02250547693088123, 5.42141170115590665 52.02071090368605155, 5.42176115356066113 52.02339544018806095, 5.41832961573869376 52.03162052520744396, 5.41588593688536335 52.03463777027813819, 5.42592560305841154 52.04110946273026173, 5.43515057900912524 52.04788530001972902, 5.44160191503026258 52.04569308661197624)))</t>
  </si>
  <si>
    <t>MultiPolygon (((5.39001293356085309 52.02385442361190826, 5.38934265263412815 52.02242645143691391, 5.38986305551622191 52.01892107288742295, 5.39417655316252898 52.0187203428324878, 5.41095504162029162 52.01607730578066224, 5.41247235660868586 52.01536355502054931, 5.40601257590632045 52.01156728831711007, 5.40586658918228569 52.01024240502881923, 5.40747006221162341 52.00957617245171605, 5.41243396703643143 52.01027712369285894, 5.42891461518166007 52.00393745996618833, 5.43480343263418852 52.00503261286486634, 5.4406366018269221 52.00483151936509074, 5.44210361161752676 52.00387276157321992, 5.4391091482819931 52.00219783538181417, 5.43946385590979631 52.00139323865531793, 5.4456300295157245 51.99785634266591217, 5.43597684403774295 51.99535542125507703, 5.42742409966158412 52.00319732362997627, 5.415276657360379 51.99670192581626793, 5.3989055970516322 52.00292280261749767, 5.38164705357753892 52.00213780347215931, 5.36366527725435027 52.01002048204824746, 5.38099479756791688 52.01991555482199914, 5.38488492754846426 52.02535829437188397, 5.39001293356085309 52.02385442361190826)))</t>
  </si>
  <si>
    <t>MultiPolygon (((5.41314098815648848 52.02920769640396514, 5.41350751333178426 52.02993555525704039, 5.41683869569684884 52.02033099814947548, 5.41889626298387572 52.01934710200181655, 5.41247235660868586 52.01536355502054931, 5.41095504162029162 52.01607730578066224, 5.39417655316252898 52.0187203428324878, 5.38986305551622191 52.01892107288742295, 5.38934265263412815 52.02242645143691391, 5.39001293356085309 52.02385442361190826, 5.38488492754846426 52.02535829437188397, 5.38899491281005005 52.0295509535971803, 5.39191170211926085 52.03607668233188832, 5.41314098815648848 52.02920769640396514)))</t>
  </si>
  <si>
    <t>MultiPolygon (((5.41832961573869376 52.03162052520744396, 5.42176115356066113 52.02339544018806095, 5.42141170115590665 52.02071090368605155, 5.41889626298387572 52.01934710200181655, 5.41683869569684884 52.02033099814947548, 5.41350751333178426 52.02993555525704039, 5.41501227902374893 52.03292351918625513, 5.41588593688536335 52.03463777027813819, 5.41832961573869376 52.03162052520744396)))</t>
  </si>
  <si>
    <t>MultiPolygon (((5.4376438588476903 52.02222235173179854, 5.44362797877431159 52.02027903573277001, 5.44528665139612578 52.01862974793577621, 5.44625462779187153 52.01578733128515353, 5.4436323195960874 52.00677436448621904, 5.4406366018269221 52.00483151936509074, 5.43480343263418852 52.00503261286486634, 5.42891461518166007 52.00393745996618833, 5.41243396703643143 52.01027712369285894, 5.40747006221162341 52.00957617245171605, 5.40586658918228569 52.01024240502881923, 5.40601257590632045 52.01156728831711007, 5.41247235660868586 52.01536355502054931, 5.41889626298387572 52.01934710200181655, 5.42141170115590665 52.02071090368605155, 5.42828773323916458 52.02250547693088123, 5.43169125366757299 52.02273062333197373, 5.4376438588476903 52.02222235173179854)))</t>
  </si>
  <si>
    <t>MultiPolygon (((5.30602561055321242 52.05281960231152993, 5.30226599014964872 52.04771885417848409, 5.30090250746691094 52.04465309663336825, 5.3018469750267192 52.04361094916593089, 5.29186090000697718 52.03776751163319858, 5.28919472087339138 52.03761336076797761, 5.28205231016131371 52.03922506740900644, 5.27780812353810536 52.04108230542119173, 5.27960194841980801 52.04197068845065388, 5.2782297997080061 52.04280981569910125, 5.27997242479225104 52.0436164095263436, 5.2819779701414431 52.04217955864901057, 5.29235847581023666 52.0463313125406728, 5.29412733268159386 52.04500360734154185, 5.29764022324240003 52.04640959246845, 5.29601786879062075 52.047403499309425, 5.29595777885659658 52.0488381764665391, 5.29771860181492382 52.05176121462113059, 5.30216793001152809 52.054736189279744, 5.30602561055321242 52.05281960231152993, 5.30602561055321242 52.05281960231152993)))</t>
  </si>
  <si>
    <t>MultiPolygon (((5.30216793001152809 52.054736189279744, 5.29771860181492382 52.05176121462113059, 5.29595777885659658 52.0488381764665391, 5.29601786879062075 52.047403499309425, 5.29764022324240003 52.04640959246845, 5.29412733268159386 52.04500360734154185, 5.29235847581023666 52.0463313125406728, 5.2819779701414431 52.04217955864901057, 5.27997242479225104 52.0436164095263436, 5.2825271217372558 52.04503002525137134, 5.28301423897108346 52.04995301549937636, 5.28519583740070953 52.05100984595475921, 5.28715721105342773 52.05037680513297715, 5.2989243754907509 52.05607057082060152, 5.30216793001152809 52.054736189279744, 5.30216793001152809 52.054736189279744)))</t>
  </si>
  <si>
    <t>MultiPolygon (((5.27651431061440324 52.05530025752114653, 5.28519583740070953 52.05100984595475921, 5.28301423897108346 52.04995301549937636, 5.2825271217372558 52.04503002525137134, 5.27997242479225104 52.0436164095263436, 5.2782297997080061 52.04280981569910125, 5.27960194841980801 52.04197068845065388, 5.27780812353810536 52.04108230542119173, 5.26950866447362998 52.04418279228956834, 5.26418628349062168 52.04868198616477315, 5.26463819026404156 52.04900024329068486, 5.27390419009083811 52.05412539442941267, 5.27651431061440324 52.05530025752114653, 5.27651431061440324 52.05530025752114653)))</t>
  </si>
  <si>
    <t>MultiPolygon (((5.26393693024669762 52.05972677060644571, 5.27390419009083811 52.05412539442941267, 5.26463819026404156 52.04900024329068486, 5.2551586283028584 52.05503026589961735, 5.26350973416381773 52.0599765855423513, 5.26393693024669762 52.05972677060644571, 5.26393693024669762 52.05972677060644571)))</t>
  </si>
  <si>
    <t>MultiPolygon (((5.2989243754907509 52.05607057082060152, 5.28715721105342773 52.05037680513297715, 5.28519583740070953 52.05100984595475921, 5.27651431061440324 52.05530025752114653, 5.28031611243488896 52.05899505507381519, 5.28440255892597754 52.06104352211227138, 5.2989243754907509 52.05607057082060152)))</t>
  </si>
  <si>
    <t>MultiPolygon (((5.27656696837277828 52.06842745827749042, 5.27661743607464562 52.06454069594384038, 5.27792286421869239 52.06474157697739003, 5.27782365555078403 52.06132405192580848, 5.28031611243488896 52.05899505507381519, 5.27651431061440324 52.05530025752114653, 5.27390419009083811 52.05412539442941267, 5.26393693024669762 52.05972677060644571, 5.27428006103870839 52.0644450129216807, 5.27046152554963676 52.06689679873164067, 5.27141201024793915 52.06751129769521214, 5.27479149002506809 52.06969597184050258, 5.27656696837277828 52.06842745827749042, 5.27656696837277828 52.06842745827749042)))</t>
  </si>
  <si>
    <t>MultiPolygon (((5.27141201024793915 52.06751129769521214, 5.27046152554963676 52.06689679873164067, 5.27428006103870839 52.0644450129216807, 5.26393693024669762 52.05972677060644571, 5.26350973416381773 52.0599765855423513, 5.26170709505918399 52.06168522422586165, 5.25841439572690383 52.05966469374752847, 5.2551790799330993 52.06092478408759661, 5.25600102949635772 52.06289313066708502, 5.25752331150944663 52.06549009647643089, 5.25935329114415229 52.06676610354876544, 5.26536271752694418 52.0702068537017837, 5.26615863860806588 52.07071465636385454, 5.27141201024793915 52.06751129769521214, 5.27141201024793915 52.06751129769521214)))</t>
  </si>
  <si>
    <t>MultiPolygon (((5.30994508299360302 52.06281760109393275, 5.3116119544730962 52.06245999979218197, 5.31002924968508871 52.05693945794229904, 5.31211242397501149 52.05541119021853547, 5.30729372854677184 52.05255407277321211, 5.30602561055321242 52.05281960231152993, 5.30216793001152809 52.054736189279744, 5.2989243754907509 52.05607057082060152, 5.28440255892597754 52.06104352211227138, 5.28031611243488896 52.05899505507381519, 5.27782365555078403 52.06132405192580848, 5.27792286421869239 52.06474157697739003, 5.28692583569882668 52.06556074565493475, 5.3128239462337028 52.0658548874829421, 5.30994508299360302 52.06281760109393275, 5.30994508299360302 52.06281760109393275)))</t>
  </si>
  <si>
    <t>MultiPolygon (((5.2551790799330993 52.06092478408759661, 5.25841439572690383 52.05966469374752847, 5.26170709505918399 52.06168522422586165, 5.26350973416381773 52.0599765855423513, 5.2551586283028584 52.05503026589961735, 5.26463819026404156 52.04900024329068486, 5.26418628349062168 52.04868198616477315, 5.26950866447362998 52.04418279228956834, 5.27780812353810536 52.04108230542119173, 5.28205231016131371 52.03922506740900644, 5.28919472087339138 52.03761336076797761, 5.29186090000697718 52.03776751163319858, 5.2958929647635502 52.03335711597469526, 5.30009962399997736 52.03092020536432472, 5.303422709216564 52.02996785293689186, 5.31114014872673312 52.02858401066593075, 5.3146481635063294 52.02700065731369961, 5.29121998939895199 52.00835381338529828, 5.28799586238051766 52.00992160638269723, 5.27990990994340326 52.01072158712195659, 5.27169312120872657 52.0146091908927346, 5.26988436905691593 52.01832579580497651, 5.26323940120850509 52.02438010343919217, 5.27086679287657756 52.02740333875779299, 5.26929825429482968 52.02917030969347678, 5.26445293031478911 52.03112578928492837, 5.25749885848793852 52.03267743957085401, 5.25747002663235019 52.03610526717563545, 5.25858198152876888 52.03726072058626784, 5.25753997075378443 52.03831611322181061, 5.25588792456784049 52.03812811398319127, 5.25108339721631268 52.03922500179290012, 5.24949439812264007 52.04098601149070902, 5.24895336528931811 52.04211461666707095, 5.24989383450016156 52.04637767509071722, 5.24800594976520163 52.04741282245220901, 5.25150675605916994 52.05331950900007598, 5.25073855184367222 52.0556454490787317, 5.24742309567079879 52.05864655111071926, 5.25212161684869372 52.06202598037543794, 5.25600102949635772 52.06289313066708502, 5.2551790799330993 52.06092478408759661)))</t>
  </si>
  <si>
    <t>MultiPolygon (((5.29115296208277197 52.08635309415999615, 5.32042276233030353 52.07032690379078588, 5.33260851859390073 52.07880983036645262, 5.33453264329090793 52.07476082356178182, 5.34168327031129753 52.07285142429099523, 5.33813752420744958 52.07084559840689053, 5.31211242397501149 52.05541119021853547, 5.31002924968508871 52.05693945794229904, 5.3116119544730962 52.06245999979218197, 5.30994508299360302 52.06281760109393275, 5.3128239462337028 52.0658548874829421, 5.28692583569882668 52.06556074565493475, 5.27792286421869239 52.06474157697739003, 5.27661743607464562 52.06454069594384038, 5.27656696837277828 52.06842745827749042, 5.27479149002506809 52.06969597184050258, 5.27141201024793915 52.06751129769521214, 5.26615863860806588 52.07071465636385454, 5.29115296208277197 52.08635309415999615, 5.29115296208277197 52.08635309415999615)))</t>
  </si>
  <si>
    <t>MultiPolygon (((5.31822835167855068 52.03718085203444588, 5.31867616685162137 52.03605956582401859, 5.31627829988073763 52.03377685583112822, 5.32175207349365209 52.03187987682410665, 5.33157753350496666 52.03017801689978228, 5.33873142641559628 52.02801419273929895, 5.34075203045174796 52.02646736375060499, 5.35049407007409883 52.0242184250502504, 5.35358449948626269 52.03027817500238683, 5.3539932107019137 52.03303230208447161, 5.35971707716025669 52.0323225856820244, 5.38488492754846426 52.02535829437188397, 5.38099479756791688 52.01991555482199914, 5.36366527725435027 52.01002048204824746, 5.35025996990932917 52.01603745734409046, 5.34429157196453808 52.0201936895190471, 5.32398548586675613 52.02282544489181504, 5.3146481635063294 52.02700065731369961, 5.31114014872673312 52.02858401066593075, 5.303422709216564 52.02996785293689186, 5.31576438655100691 52.03777625191566614, 5.31822835167855068 52.03718085203444588, 5.31822835167855068 52.03718085203444588)))</t>
  </si>
  <si>
    <t>MultiPolygon (((5.33954447111688246 52.05851973047644066, 5.35133154156112312 52.05252244164629616, 5.3493539172481297 52.04783598621478546, 5.33720597824345333 52.05219602927152778, 5.32551913459063453 52.0450604244557411, 5.31879398914060531 52.03704383136924605, 5.31822835167855068 52.03718085203444588, 5.31576438655100691 52.03777625191566614, 5.31262275504543258 52.03830460619412435, 5.3018469750267192 52.04361094916593089, 5.30090250746691094 52.04465309663336825, 5.30226599014964872 52.04771885417848409, 5.30602561055321242 52.05281960231152993, 5.30729372854677184 52.05255407277321211, 5.31211242397501149 52.05541119021853547, 5.33813752420744958 52.07084559840689053, 5.33954447111688246 52.05851973047644066)))</t>
  </si>
  <si>
    <t>MultiPolygon (((5.39191170211926085 52.03607668233188832, 5.38899491281005005 52.0295509535971803, 5.38488492754846426 52.02535829437188397, 5.35971707716025669 52.0323225856820244, 5.3539932107019137 52.03303230208447161, 5.3529095912119935 52.03422909607199642, 5.35378958114788261 52.03465459749508426, 5.34993442793930019 52.04408982340203949, 5.3493539172481297 52.04783598621478546, 5.35133154156112312 52.05252244164629616, 5.39191170211926085 52.03607668233188832)))</t>
  </si>
  <si>
    <t>MultiPolygon (((5.34713998655421019 52.03016297288586856, 5.35358449948626269 52.03027817500238683, 5.35049407007409883 52.0242184250502504, 5.34075203045174796 52.02646736375060499, 5.34503982181162662 52.03065658839233976, 5.34713998655421019 52.03016297288586856, 5.34713998655421019 52.03016297288586856)))</t>
  </si>
  <si>
    <t>MultiPolygon (((5.31879398914060531 52.03704383136924605, 5.3273688299202 52.03578903146685519, 5.33405781167016357 52.03547062632168263, 5.34578637999689565 52.03340356201901784, 5.3529095912119935 52.03422909607199642, 5.3539932107019137 52.03303230208447161, 5.35358449948626269 52.03027817500238683, 5.34713998655421019 52.03016297288586856, 5.34503982181162662 52.03065658839233976, 5.34075203045174796 52.02646736375060499, 5.33873142641559628 52.02801419273929895, 5.33157753350496666 52.03017801689978228, 5.32175207349365209 52.03187987682410665, 5.31627829988073763 52.03377685583112822, 5.31867616685162137 52.03605956582401859, 5.31822835167855068 52.03718085203444588, 5.31879398914060531 52.03704383136924605, 5.31879398914060531 52.03704383136924605)))</t>
  </si>
  <si>
    <t>MultiPolygon (((5.3493539172481297 52.04783598621478546, 5.34993442793930019 52.04408982340203949, 5.34542525020870674 52.04491887233717051, 5.34402324962833308 52.04601575749996556, 5.33405781167016357 52.03547062632168263, 5.3273688299202 52.03578903146685519, 5.31879398914060531 52.03704383136924605, 5.32551913459063453 52.0450604244557411, 5.33720597824345333 52.05219602927152778, 5.3493539172481297 52.04783598621478546, 5.3493539172481297 52.04783598621478546)))</t>
  </si>
  <si>
    <t>MultiPolygon (((5.31262275504543258 52.03830460619412435, 5.31576438655100691 52.03777625191566614, 5.303422709216564 52.02996785293689186, 5.30009962399997736 52.03092020536432472, 5.2958929647635502 52.03335711597469526, 5.29186090000697718 52.03776751163319858, 5.3018469750267192 52.04361094916593089, 5.31262275504543258 52.03830460619412435)))</t>
  </si>
  <si>
    <t>MultiPolygon (((5.34542525020870674 52.04491887233717051, 5.34993442793930019 52.04408982340203949, 5.35378958114788261 52.03465459749508426, 5.3529095912119935 52.03422909607199642, 5.34578637999689565 52.03340356201901784, 5.33405781167016357 52.03547062632168263, 5.34402324962833308 52.04601575749996556, 5.34542525020870674 52.04491887233717051)))</t>
  </si>
  <si>
    <t>MultiPolygon (((5.51963930610300491 52.02494147052283324, 5.51864597376129051 52.02371105013903474, 5.52494193169766223 52.02194484794731721, 5.52477737237243893 52.02129527963573707, 5.5268313913162066 52.02073689731579265, 5.52825865150107454 52.01954139873488714, 5.53078108238298771 52.01880867962123745, 5.53484378137839883 52.01929550596990737, 5.53728391290902877 52.01888431027889226, 5.53623940953584626 52.01449701792024172, 5.53669047688061866 52.00831980517260433, 5.53236600891124741 52.01090012610956137, 5.53345534352239721 52.01237358688602086, 5.5246470286378786 52.01448980422270552, 5.51259217339545682 52.01851609710708857, 5.51833903057348341 52.02587830777721933, 5.51963930610300491 52.02494147052283324)))</t>
  </si>
  <si>
    <t>MultiPolygon (((5.55452365125672376 52.04920867301598975, 5.5578176233049108 52.04865268137309187, 5.55528652040615079 52.04240176660120909, 5.54086246905683044 52.04281485645386596, 5.54463954206642384 52.04937330660506944, 5.55452365125672376 52.04920867301598975, 5.55452365125672376 52.04920867301598975)))</t>
  </si>
  <si>
    <t>MultiPolygon (((5.55528652040615079 52.04240176660120909, 5.5535847975128485 52.0392317155046058, 5.54916844988667801 52.03876287572853698, 5.54693462564036111 52.03716989329316789, 5.54095426863375096 52.03767070808912365, 5.53807513535814522 52.03679613623446443, 5.53142014470314347 52.03946881250773515, 5.53164156349294078 52.03985634168350316, 5.53540983974572853 52.04147781784970306, 5.53881868769594554 52.0412648052610507, 5.54086246905683044 52.04281485645386596, 5.55528652040615079 52.04240176660120909)))</t>
  </si>
  <si>
    <t>MultiPolygon (((5.53325349850206472 52.02767125644059831, 5.5268313913162066 52.02073689731579265, 5.52477737237243893 52.02129527963573707, 5.52494193169766223 52.02194484794731721, 5.51864597376129051 52.02371105013903474, 5.51963930610300491 52.02494147052283324, 5.51833903057348341 52.02587830777721933, 5.52231982348003925 52.03105135654270441, 5.53325349850206472 52.02767125644059831, 5.53325349850206472 52.02767125644059831)))</t>
  </si>
  <si>
    <t>MultiPolygon (((5.54015618796610365 52.02553652811391771, 5.53728391290902877 52.01888431027889226, 5.53484378137839883 52.01929550596990737, 5.53078108238298771 52.01880867962123745, 5.52825865150107454 52.01954139873488714, 5.5268313913162066 52.02073689731579265, 5.53325349850206472 52.02767125644059831, 5.54015618796610365 52.02553652811391771, 5.54015618796610365 52.02553652811391771)))</t>
  </si>
  <si>
    <t>MultiPolygon (((5.53460115153493337 52.03169974086563343, 5.54055761783849032 52.03077550688171726, 5.54234837725397878 52.02878107545843278, 5.54015618796610365 52.02553652811391771, 5.53325349850206472 52.02767125644059831, 5.52231982348003925 52.03105135654270441, 5.52526551159682011 52.03498757604674552, 5.53460115153493337 52.03169974086563343, 5.53460115153493337 52.03169974086563343)))</t>
  </si>
  <si>
    <t>MultiPolygon (((5.53142014470314347 52.03946881250773515, 5.53807513535814522 52.03679613623446443, 5.53460115153493337 52.03169974086563343, 5.52526551159682011 52.03498757604674552, 5.52934788060770455 52.04020242794452855, 5.53142014470314347 52.03946881250773515, 5.53142014470314347 52.03946881250773515)))</t>
  </si>
  <si>
    <t>MultiPolygon (((5.54693462564036111 52.03716989329316789, 5.54256287411226367 52.03048681898008709, 5.54234837725397878 52.02878107545843278, 5.54055761783849032 52.03077550688171726, 5.53460115153493337 52.03169974086563343, 5.53807513535814522 52.03679613623446443, 5.54095426863375096 52.03767070808912365, 5.54693462564036111 52.03716989329316789)))</t>
  </si>
  <si>
    <t>MultiPolygon (((5.57015222283821299 52.04443978802193982, 5.57004498471483878 52.04340083313240939, 5.56975435918631945 52.04341487177825343, 5.56865715019563279 52.04239650855505772, 5.56740090053598724 52.0406249061333952, 5.56120520442588884 52.04207812770420105, 5.55528652040615079 52.04240176660120909, 5.5578176233049108 52.04865268137309187, 5.5579032858263302 52.04886511938732241, 5.57085293675283211 52.04799698868696822, 5.56997535893621176 52.04563656251173853, 5.57001090704839275 52.04449508771728716, 5.57015222283821299 52.04443978802193982)))</t>
  </si>
  <si>
    <t>MultiPolygon (((5.56120520442588884 52.04207812770420105, 5.56740090053598724 52.0406249061333952, 5.56831456231331057 52.0402691511795723, 5.56564629098179697 52.03692369432502574, 5.56240491821234251 52.03787736131307895, 5.55473566985463929 52.03863001761474294, 5.5535847975128485 52.0392317155046058, 5.55528652040615079 52.04240176660120909, 5.56120520442588884 52.04207812770420105)))</t>
  </si>
  <si>
    <t>MultiPolygon (((5.56240491821234251 52.03787736131307895, 5.56564629098179697 52.03692369432502574, 5.56409893354393326 52.03498338435466763, 5.55275021909547029 52.03531721183181702, 5.55473566985463929 52.03863001761474294, 5.56240491821234251 52.03787736131307895)))</t>
  </si>
  <si>
    <t>MultiPolygon (((5.56409893354393326 52.03498338435466763, 5.56106359032197073 52.03117664954596222, 5.55499733643624261 52.03095406097227027, 5.55275021909547029 52.03531721183181702, 5.56409893354393326 52.03498338435466763, 5.56409893354393326 52.03498338435466763)))</t>
  </si>
  <si>
    <t>MultiPolygon (((5.55473566985463929 52.03863001761474294, 5.55275021909547029 52.03531721183181702, 5.55499733643624261 52.03095406097227027, 5.55277875248137054 52.02924841891251617, 5.54256287411226367 52.03048681898008709, 5.54693462564036111 52.03716989329316789, 5.54916844988667801 52.03876287572853698, 5.5535847975128485 52.0392317155046058, 5.55473566985463929 52.03863001761474294, 5.55473566985463929 52.03863001761474294)))</t>
  </si>
  <si>
    <t>MultiPolygon (((5.55277875248137054 52.02924841891251617, 5.5485319564474791 52.02456738083661492, 5.54508163505069174 52.02540066139488317, 5.54234837725397878 52.02878107545843278, 5.54256287411226367 52.03048681898008709, 5.55277875248137054 52.02924841891251617, 5.55277875248137054 52.02924841891251617)))</t>
  </si>
  <si>
    <t>MultiPolygon (((5.54396827825161953 52.01179516083676191, 5.54377186823237533 52.01154402406785948, 5.54023502854139505 52.0070211339507793, 5.53918380315777359 52.00740798158206246, 5.53669047688061866 52.00831980517260433, 5.53623940953584626 52.01449701792024172, 5.54396827825161953 52.01179516083676191)))</t>
  </si>
  <si>
    <t>MultiPolygon (((5.54552111106600965 52.02324481560545166, 5.54971849584472654 52.01928011245793471, 5.54396827825161953 52.01179516083676191, 5.53623940953584626 52.01449701792024172, 5.53728391290902877 52.01888431027889226, 5.54015618796610365 52.02553652811391771, 5.54552111106600965 52.02324481560545166)))</t>
  </si>
  <si>
    <t>MultiPolygon (((5.54508163505069174 52.02540066139488317, 5.5485319564474791 52.02456738083661492, 5.55306230529947165 52.02347870967518872, 5.5505371815390907 52.0203081648901744, 5.54971849584472654 52.01928011245793471, 5.54552111106600965 52.02324481560545166, 5.54015618796610365 52.02553652811391771, 5.54234837725397878 52.02878107545843278, 5.54508163505069174 52.02540066139488317)))</t>
  </si>
  <si>
    <t>MultiPolygon (((5.56224084316111789 52.0057563474068445, 5.56569552640409437 52.00167878775921793, 5.56961770682328172 51.99950960334209782, 5.57324490912503823 51.99876606977769455, 5.57047857589591811 51.99695835632494578, 5.56135318910906395 52.00185281986128416, 5.55775804386471961 52.00799065052817127, 5.56224084316111789 52.0057563474068445, 5.56224084316111789 52.0057563474068445)))</t>
  </si>
  <si>
    <t>MultiPolygon (((5.58601462181700015 52.0117762805845345, 5.58742209208902096 52.01092168232337798, 5.58948874276896479 52.00945552297959296, 5.58208815873256281 52.00447539342280834, 5.57990898195466745 52.00703916450694919, 5.56781100462235745 52.0134307194528489, 5.57388675875903328 52.01926931511854235, 5.58601462181700015 52.0117762805845345)))</t>
  </si>
  <si>
    <t>MultiPolygon (((5.57388675875903328 52.01926931511854235, 5.56781100462235745 52.0134307194528489, 5.56211695809804674 52.01597113555676088, 5.56922648975193368 52.02222243868004625, 5.57388675875903328 52.01926931511854235, 5.57388675875903328 52.01926931511854235)))</t>
  </si>
  <si>
    <t>MultiPolygon (((5.56781100462235745 52.0134307194528489, 5.57990898195466745 52.00703916450694919, 5.58208815873256281 52.00447539342280834, 5.57324490912503823 51.99876606977769455, 5.56961770682328172 51.99950960334209782, 5.56569552640409437 52.00167878775921793, 5.56224084316111789 52.0057563474068445, 5.55775804386471961 52.00799065052817127, 5.55644862855140964 52.01006765573018242, 5.56211695809804674 52.01597113555676088, 5.56781100462235745 52.0134307194528489)))</t>
  </si>
  <si>
    <t>MultiPolygon (((5.55775804386471961 52.00799065052817127, 5.56135318910906395 52.00185281986128416, 5.55804505697498819 52.00363201968052351, 5.5544298256850988 52.00018214093044122, 5.55322924075694235 51.99903084077889304, 5.54833664396664261 52.0016470100378001, 5.55613117221360131 52.00973786956576106, 5.55644862855140964 52.01006765573018242, 5.55775804386471961 52.00799065052817127, 5.55775804386471961 52.00799065052817127)))</t>
  </si>
  <si>
    <t>MultiPolygon (((5.55380062140659714 52.01071046820607791, 5.55613117221360131 52.00973786956576106, 5.54833664396664261 52.0016470100378001, 5.54023502854139505 52.0070211339507793, 5.54377186823237533 52.01154402406785948, 5.55380062140659714 52.01071046820607791)))</t>
  </si>
  <si>
    <t>MultiPolygon (((5.55644862855140964 52.01006765573018242, 5.55613117221360131 52.00973786956576106, 5.55380062140659714 52.01071046820607791, 5.54377186823237533 52.01154402406785948, 5.54396827825161953 52.01179516083676191, 5.54971849584472654 52.01928011245793471, 5.55644862855140964 52.01006765573018242, 5.55644862855140964 52.01006765573018242)))</t>
  </si>
  <si>
    <t>MultiPolygon (((5.56211695809804674 52.01597113555676088, 5.55644862855140964 52.01006765573018242, 5.54971849584472654 52.01928011245793471, 5.5505371815390907 52.0203081648901744, 5.56211695809804674 52.01597113555676088)))</t>
  </si>
  <si>
    <t>MultiPolygon (((5.55786582353774961 52.02316478422972779, 5.56313260344208604 52.0230117660310114, 5.56922648975193368 52.02222243868004625, 5.56211695809804674 52.01597113555676088, 5.5505371815390907 52.0203081648901744, 5.55306230529947165 52.02347870967518872, 5.55786582353774961 52.02316478422972779, 5.55786582353774961 52.02316478422972779)))</t>
  </si>
  <si>
    <t>MultiPolygon (((5.57822453351567393 52.02012948065693365, 5.57971141384309277 52.02084075977014521, 5.58719984884605303 52.02044865625325087, 5.5902421005952494 52.02026673945758972, 5.5896216098571756 52.01559481633115212, 5.58692224586858632 52.01571317648582493, 5.58675069515447209 52.0122859161736244, 5.58601462181700015 52.0117762805845345, 5.57388675875903328 52.01926931511854235, 5.57611099566804391 52.02140626350254138, 5.57822453351567393 52.02012948065693365)))</t>
  </si>
  <si>
    <t>MultiPolygon (((5.58744595891384943 52.02664115384450128, 5.58719984884605303 52.02044865625325087, 5.57971141384309277 52.02084075977014521, 5.57822453351567393 52.02012948065693365, 5.57611099566804391 52.02140626350254138, 5.57913284890646555 52.02452632694492962, 5.5799353408644734 52.02701046266027873, 5.57994312846779472 52.02712640582261372, 5.58744595891384943 52.02664115384450128)))</t>
  </si>
  <si>
    <t>MultiPolygon (((5.59002280285050368 52.03430323996057894, 5.58990711241896676 52.03269272546233282, 5.58975638059960378 52.03269762297076539, 5.58958867814455651 52.03117658968929504, 5.58671162344157768 52.03129042256950498, 5.58734761702993676 52.0272638386464692, 5.58744595891384943 52.02664115384450128, 5.57994312846779472 52.02712640582261372, 5.58045148912392008 52.03469262391400463, 5.58996090392918887 52.03441144237074667, 5.59002280285050368 52.03430323996057894)))</t>
  </si>
  <si>
    <t>MultiPolygon (((5.57376132726979368 52.02741450203470208, 5.5799353408644734 52.02701046266027873, 5.57913284890646555 52.02452632694492962, 5.57611099566804391 52.02140626350254138, 5.57388675875903328 52.01926931511854235, 5.56922648975193368 52.02222243868004625, 5.57311808582470558 52.02471512545857735, 5.57350822645328137 52.02743105488507069, 5.57376132726979368 52.02741450203470208, 5.57376132726979368 52.02741450203470208)))</t>
  </si>
  <si>
    <t>MultiPolygon (((5.58045148912392008 52.03469262391400463, 5.57994312846779472 52.02712640582261372, 5.5799353408644734 52.02701046266027873, 5.57376132726979368 52.02741450203470208, 5.57510664459359706 52.03483755183286519, 5.58045148912392008 52.03469262391400463, 5.58045148912392008 52.03469262391400463)))</t>
  </si>
  <si>
    <t>MultiPolygon (((5.57728864473962371 52.03832679760746771, 5.58996090392918887 52.03441144237074667, 5.58045148912392008 52.03469262391400463, 5.57510664459359706 52.03483755183286519, 5.57478996984437369 52.03597865891796204, 5.57324961621930903 52.03665152006814054, 5.56564629098179697 52.03692369432502574, 5.56831456231331057 52.0402691511795723, 5.57728864473962371 52.03832679760746771)))</t>
  </si>
  <si>
    <t>MultiPolygon (((5.57350822645328137 52.02743105488507069, 5.57311808582470558 52.02471512545857735, 5.56922648975193368 52.02222243868004625, 5.56313260344208604 52.0230117660310114, 5.56350053782730658 52.02591084114472864, 5.56434720733428723 52.02815180206638246, 5.57350822645328137 52.02743105488507069, 5.57350822645328137 52.02743105488507069)))</t>
  </si>
  <si>
    <t>MultiPolygon (((5.57324961621930903 52.03665152006814054, 5.57478996984437369 52.03597865891796204, 5.57510664459359706 52.03483755183286519, 5.57376132726979368 52.02741450203470208, 5.57350822645328137 52.02743105488507069, 5.56434720733428723 52.02815180206638246, 5.56417063406396384 52.03096327557555867, 5.56106359032197073 52.03117664954596222, 5.56409893354393326 52.03498338435466763, 5.56564629098179697 52.03692369432502574, 5.57324961621930903 52.03665152006814054)))</t>
  </si>
  <si>
    <t>MultiPolygon (((5.56106359032197073 52.03117664954596222, 5.55975655757974252 52.02828215953062596, 5.559265316469852 52.02868704837914748, 5.55758438235264052 52.02658205791009038, 5.55877228469872531 52.02524081176323989, 5.55786582353774961 52.02316478422972779, 5.55306230529947165 52.02347870967518872, 5.55499733643624261 52.03095406097227027, 5.56106359032197073 52.03117664954596222, 5.56106359032197073 52.03117664954596222)))</t>
  </si>
  <si>
    <t>MultiPolygon (((5.55306230529947165 52.02347870967518872, 5.5485319564474791 52.02456738083661492, 5.55277875248137054 52.02924841891251617, 5.55499733643624261 52.03095406097227027, 5.55306230529947165 52.02347870967518872)))</t>
  </si>
  <si>
    <t>MultiPolygon (((5.55975655757974252 52.02828215953062596, 5.56350053782730658 52.02591084114472864, 5.56313260344208604 52.0230117660310114, 5.55786582353774961 52.02316478422972779, 5.55877228469872531 52.02524081176323989, 5.55758438235264052 52.02658205791009038, 5.559265316469852 52.02868704837914748, 5.55975655757974252 52.02828215953062596, 5.55975655757974252 52.02828215953062596)))</t>
  </si>
  <si>
    <t>MultiPolygon (((5.56417063406396384 52.03096327557555867, 5.56434720733428723 52.02815180206638246, 5.56350053782730658 52.02591084114472864, 5.55975655757974252 52.02828215953062596, 5.56106359032197073 52.03117664954596222, 5.56417063406396384 52.03096327557555867)))</t>
  </si>
  <si>
    <t>MultiPolygon (((5.35950689330944385 52.1379090059053425, 5.36814566006996952 52.13464313478412748, 5.37360976314437355 52.13311677531931565, 5.37222213821324956 52.13236427180647325, 5.37045765300799793 52.13157010318126794, 5.3556352090131103 52.13682957373157478, 5.33403645922503244 52.12041485446559363, 5.32500096974071901 52.11680563510157782, 5.31091980092467075 52.10838438725853194, 5.30645863564504161 52.11027146355066719, 5.31158320192200062 52.11414309073737172, 5.33126784399939702 52.12663020148616511, 5.33385166177925196 52.13134535125021074, 5.33204894175613564 52.1337864398744415, 5.35011367906926871 52.13874887078284104, 5.35378081882336332 52.14004226770882866, 5.35517248315400263 52.14146075273027492, 5.35864611624397469 52.1410182646237601, 5.36010666489708676 52.1391015851430879, 5.35950689330944385 52.1379090059053425)))</t>
  </si>
  <si>
    <t>MultiPolygon (((5.35414945178309676 52.14633523677680671, 5.35550427691339781 52.14574160269764747, 5.35517248315400263 52.14146075273027492, 5.35378081882336332 52.14004226770882866, 5.35011367906926871 52.13874887078284104, 5.33204894029779197 52.13378643807618573, 5.33064350405677168 52.13570333676605628, 5.33631645900767282 52.14595091798607029, 5.34372836532823925 52.14712861548440515, 5.3524363239877184 52.15019337656284648, 5.35414945178309676 52.14633523677680671)))</t>
  </si>
  <si>
    <t>MultiPolygon (((5.34718817002765512 52.16183099592172567, 5.34956262519133663 52.16011465007926518, 5.34879807402533825 52.15940927533423377, 5.3558186786087516 52.15365074679665724, 5.35999439071248229 52.15289900292133041, 5.35953126574422178 52.15276130857464665, 5.3524363239877184 52.15019337656284648, 5.34372836532823925 52.14712861548440515, 5.33631645900767282 52.14595091798607029, 5.33633535030932382 52.14604895850147415, 5.33872028122415987 52.1600565103205227, 5.34348372560981844 52.16027054302771404, 5.34467359978249945 52.16362827023758086, 5.34718817002765512 52.16183099592172567, 5.34718817002765512 52.16183099592172567)))</t>
  </si>
  <si>
    <t>MultiPolygon (((5.39273546555953498 52.20552770715958246, 5.40703265616739959 52.20394189011250319, 5.40824685146709605 52.20380791202932613, 5.40313801134664295 52.19954765813975683, 5.39777567136236058 52.1977623799601318, 5.38864595732799945 52.20337061475183305, 5.38539724662893438 52.20643319709708408, 5.39273546555953498 52.20552770715958246, 5.39273546555953498 52.20552770715958246)))</t>
  </si>
  <si>
    <t>MultiPolygon (((5.40313801134664295 52.19954765813975683, 5.40574250825697433 52.1991070398825272, 5.40776379977284538 52.19609454632855972, 5.40341760769458013 52.19369333914170994, 5.39910019663023277 52.19680497285391851, 5.39777567136236058 52.1977623799601318, 5.40313801134664295 52.19954765813975683, 5.40313801134664295 52.19954765813975683)))</t>
  </si>
  <si>
    <t>MultiPolygon (((5.40906825957778903 52.19478558705421989, 5.41076159599678075 52.19149366765947207, 5.41392046666811844 52.18935366995525982, 5.41790476098516027 52.18654539471067721, 5.42055029054603832 52.18468456829008773, 5.41793947589444702 52.18312763562654766, 5.4112817254592418 52.1880691370231915, 5.40809220135169966 52.19034355559842453, 5.40341760769458013 52.19369333914170994, 5.40776379977284538 52.19609454632855972, 5.40906825957778903 52.19478558705421989, 5.40906825957778903 52.19478558705421989)))</t>
  </si>
  <si>
    <t>MultiPolygon (((5.43753175650504694 52.18456875547563101, 5.42835742041235658 52.17572398027984093, 5.41793947589444702 52.18312763562654766, 5.42055029054603832 52.18468456829008773, 5.42423470279541586 52.18270322696692887, 5.4296162221955937 52.18199317160297568, 5.43406168841427828 52.18269972045551697, 5.43671500921755069 52.18482333335966672, 5.43753175650504694 52.18456875547563101, 5.43753175650504694 52.18456875547563101)))</t>
  </si>
  <si>
    <t>MultiPolygon (((5.40722183254896738 52.21340465543305953, 5.40958549108378595 52.21233282359922612, 5.40703265616739959 52.20394189011250319, 5.39273546555953498 52.20552770715958246, 5.39552235600946961 52.21915384787237002, 5.40722183254896738 52.21340465543305953, 5.40722183254896738 52.21340465543305953)))</t>
  </si>
  <si>
    <t>MultiPolygon (((5.44009586786473953 52.19005221424258423, 5.43808620544447496 52.184584820971601, 5.43753175650504694 52.18456875547563101, 5.43671500921755069 52.18482333335966672, 5.43783941723684183 52.18741326986436491, 5.43400693406103485 52.19268364823718542, 5.43971147954308254 52.19608204291313314, 5.44009586786473953 52.19005221424258423)))</t>
  </si>
  <si>
    <t>MultiPolygon (((5.43471392612629423 52.20587578163691234, 5.43923712994384712 52.20460143134192776, 5.43982049561463921 52.20598373708438089, 5.44056791708405996 52.20583663795170537, 5.44018717273394259 52.20463046962456133, 5.44111869264030457 52.20432225937220494, 5.43944905045364635 52.20219507329682074, 5.43977143369570726 52.19726704719657562, 5.43976987037545623 52.19723634175799987, 5.43743958300220775 52.1983622941126626, 5.43175261453659708 52.20118668319184962, 5.42565429506232366 52.20415633743333217, 5.41584827674210079 52.20913206880270252, 5.40958549108378595 52.21233282359922612, 5.40722183254896738 52.21340465543305953, 5.40966992666725943 52.21857956712519666, 5.43471392612629423 52.20587578163691234)))</t>
  </si>
  <si>
    <t>MultiPolygon (((5.41584827674210079 52.20913206880270252, 5.41455365111530895 52.2044765829478763, 5.41158082960912701 52.2034193502980628, 5.40824685146709605 52.20380791202932613, 5.40703265616739959 52.20394189011250319, 5.40958549108378595 52.21233282359922612, 5.41584827674210079 52.20913206880270252, 5.41584827674210079 52.20913206880270252)))</t>
  </si>
  <si>
    <t>MultiPolygon (((5.42565429506232366 52.20415633743333217, 5.42208476602500067 52.201447739003072, 5.41639158667861942 52.20286931003199982, 5.41158082960912701 52.2034193502980628, 5.41455365111530895 52.2044765829478763, 5.41584827674210079 52.20913206880270252, 5.42565429506232366 52.20415633743333217, 5.42565429506232366 52.20415633743333217)))</t>
  </si>
  <si>
    <t>MultiPolygon (((5.43175261453659708 52.20118668319184962, 5.42823689061734171 52.19837708157779588, 5.42208476602500067 52.201447739003072, 5.42565429506232366 52.20415633743333217, 5.43175261453659708 52.20118668319184962, 5.43175261453659708 52.20118668319184962)))</t>
  </si>
  <si>
    <t>MultiPolygon (((5.43743958300220775 52.1983622941126626, 5.43366257915995821 52.19323133479162635, 5.43152917096177656 52.19657963528507594, 5.42823689061734171 52.19837708157779588, 5.43175261453659708 52.20118668319184962, 5.43743958300220775 52.1983622941126626, 5.43743958300220775 52.1983622941126626)))</t>
  </si>
  <si>
    <t>MultiPolygon (((5.43976987037545623 52.19723634175799987, 5.43971147954308254 52.19608204291313314, 5.43400693406103485 52.19268364823718542, 5.43366257915995821 52.19323133479162635, 5.43743958300220775 52.1983622941126626, 5.43976987037545623 52.19723634175799987, 5.43976987037545623 52.19723634175799987)))</t>
  </si>
  <si>
    <t>MultiPolygon (((5.42553134854511221 52.1934609317135596, 5.42558418880741478 52.19219200701575545, 5.4256576985751801 52.19042628853552657, 5.42347191319099942 52.19029664135767632, 5.41446464943943973 52.18976194478388919, 5.41451096220023587 52.19277392264409343, 5.41862953294161453 52.19307315890567622, 5.41849395290736169 52.19389334709777728, 5.42291666033883146 52.19408789529151704, 5.42553134854511221 52.1934609317135596, 5.42553134854511221 52.1934609317135596)))</t>
  </si>
  <si>
    <t>MultiPolygon (((5.42553134854511221 52.1934609317135596, 5.42291666033883146 52.19408789529151704, 5.41849395290736169 52.19389334709777728, 5.41862953294161453 52.19307315890567622, 5.41451096220023587 52.19277392264409343, 5.41455801217129995 52.19583266257887999, 5.41942795353591666 52.19586794441971733, 5.42542932779352061 52.19591114731338166, 5.42553134854511221 52.1934609317135596, 5.42553134854511221 52.1934609317135596)))</t>
  </si>
  <si>
    <t>MultiPolygon (((5.43105912742927543 52.19197088686533448, 5.42932214540016922 52.19150981494610875, 5.4287071152909796 52.19295234427743679, 5.42558418880741478 52.19219200701575545, 5.42553134854511221 52.1934609317135596, 5.42542932779352061 52.19591114731338166, 5.42714239456594161 52.19775266730513863, 5.43105912742927543 52.19197088686533448)))</t>
  </si>
  <si>
    <t>MultiPolygon (((5.43152917096177656 52.19657963528507594, 5.43366257915995821 52.19323133479162635, 5.43400693406103485 52.19268364823718542, 5.43222465682248146 52.191628412953321, 5.43105912742927543 52.19197088686533448, 5.42714239456594161 52.19775266730513863, 5.42823689061734171 52.19837708157779588, 5.43152917096177656 52.19657963528507594)))</t>
  </si>
  <si>
    <t>MultiPolygon (((5.42823689061734171 52.19837708157779588, 5.42714239456594161 52.19775266730513863, 5.42542932779352061 52.19591114731338166, 5.41942795353591666 52.19586794441971733, 5.41915008012635102 52.19922398016392151, 5.42208476602500067 52.201447739003072, 5.42823689061734171 52.19837708157779588, 5.42823689061734171 52.19837708157779588)))</t>
  </si>
  <si>
    <t>MultiPolygon (((5.42348860378887743 52.18879967868460312, 5.42021880523751065 52.18820340782842493, 5.41790476098516027 52.18654539471067721, 5.41392046666811844 52.18935366995525982, 5.41446464943943973 52.18976194478388919, 5.42347191319099942 52.19029664135767632, 5.42348860378887743 52.18879967868460312, 5.42348860378887743 52.18879967868460312)))</t>
  </si>
  <si>
    <t>MultiPolygon (((5.41284953082041831 52.19608574233969023, 5.41455801217129995 52.19583266257887999, 5.41451096220023587 52.19277392264409343, 5.41446464943943973 52.18976194478388919, 5.41392046666811844 52.18935366995525982, 5.41076159599678075 52.19149366765947207, 5.40906825957778903 52.19478558705421989, 5.41182565218938461 52.19658418603602712, 5.41284953082041831 52.19608574233969023)))</t>
  </si>
  <si>
    <t>MultiPolygon (((5.42208476602500067 52.201447739003072, 5.41915008012635102 52.19922398016392151, 5.41942795353591666 52.19586794441971733, 5.41455801217129995 52.19583266257887999, 5.41284953082041831 52.19608574233969023, 5.41139673865494153 52.19808018812846484, 5.41606521937499075 52.20177322303246825, 5.41639158667861942 52.20286931003199982, 5.42208476602500067 52.201447739003072)))</t>
  </si>
  <si>
    <t>MultiPolygon (((5.41139673865494153 52.19808018812846484, 5.41284953082041831 52.19608574233969023, 5.41182565218938461 52.19658418603602712, 5.40906825957778903 52.19478558705421989, 5.40776379977284538 52.19609454632855972, 5.40574250825697433 52.1991070398825272, 5.41139673865494153 52.19808018812846484, 5.41139673865494153 52.19808018812846484)))</t>
  </si>
  <si>
    <t>MultiPolygon (((5.41158082960912701 52.2034193502980628, 5.41639158667861942 52.20286931003199982, 5.41606521937499075 52.20177322303246825, 5.41139673865494153 52.19808018812846484, 5.40574250825697433 52.1991070398825272, 5.40313801134664295 52.19954765813975683, 5.40824685146709605 52.20380791202932613, 5.41158082960912701 52.2034193502980628, 5.41158082960912701 52.2034193502980628)))</t>
  </si>
  <si>
    <t>MultiPolygon (((5.37391926201447312 52.16976308543143404, 5.37550550603794886 52.16802055901001012, 5.37551941102968023 52.16630521791910979, 5.37453570223573163 52.16586259798562963, 5.36177283013798434 52.17157852671010687, 5.36833229450588068 52.17535906182768457, 5.37391926201447312 52.16976308543143404)))</t>
  </si>
  <si>
    <t>MultiPolygon (((5.33054136763133357 52.21473170936427977, 5.35836396193775322 52.20971509804511612, 5.35911847457692048 52.21036101039189248, 5.36443387181867859 52.20984397171597635, 5.36487875932001224 52.20936427424300774, 5.36594398797426475 52.19862802431575943, 5.36610621871724103 52.19808873663459536, 5.36790307449043347 52.19406567823346421, 5.36807605023338308 52.19265141115401008, 5.36790569901030157 52.18791681478295175, 5.36967429631615278 52.18158277969723002, 5.36115088438737075 52.18255226894828525, 5.3531822725076541 52.18087324695827789, 5.35115602112256816 52.18154525682629696, 5.34592920119758208 52.17962168941979684, 5.34432190383763928 52.17703760000664914, 5.34066287233501225 52.17817931074657167, 5.33643967224453153 52.18271764622142683, 5.33356362450922372 52.18317423892954565, 5.32670859508759786 52.18181101233769681, 5.32369656774127442 52.18258845925640088, 5.32465168135686628 52.18728870182789592, 5.32384458856935883 52.18849546502056569, 5.32068259686348455 52.19022142425364308, 5.31466806386491175 52.19158375892398993, 5.31164015095586795 52.19103543665188738, 5.31021662426022534 52.19201609344096227, 5.3093383503980256 52.19472878619438205, 5.31428202612757694 52.20302272780212149, 5.33069173898157711 52.20338483374201388, 5.32788205946395355 52.20935004304604377, 5.33054136763133357 52.21473170936427977)))</t>
  </si>
  <si>
    <t>MultiPolygon (((5.36967429631615278 52.18158277969723002, 5.36833229450588068 52.17535906182768457, 5.36177283013798434 52.17157852671010687, 5.34989762182119932 52.17560503923645143, 5.34432190383677774 52.17703760090547149, 5.34592920119758208 52.17962168941979684, 5.35115602112256816 52.18154525682629696, 5.3531822725076541 52.18087324695827789, 5.36115088438737075 52.18255226894828525, 5.36967429631615278 52.18158277969723002)))</t>
  </si>
  <si>
    <t>MultiPolygon (((5.42932214540016922 52.19150981494610875, 5.43105912742927543 52.19197088686533448, 5.43222465682248146 52.191628412953321, 5.43066928083166012 52.19070331918560157, 5.42456817112920486 52.1870733443055741, 5.42055029054603832 52.18468456829008773, 5.41790476098516027 52.18654539471067721, 5.42021880523751065 52.18820340782842493, 5.42348860378887743 52.18879967868460312, 5.42347191319099942 52.19029664135767632, 5.4256576985751801 52.19042628853552657, 5.42558418880741478 52.19219200701575545, 5.4287071152909796 52.19295234427743679, 5.42932214540016922 52.19150981494610875, 5.42932214540016922 52.19150981494610875)))</t>
  </si>
  <si>
    <t>MultiPolygon (((5.43783941723684183 52.18741326986436491, 5.43671500921755069 52.18482333335966672, 5.43613044531575174 52.18501504683910497, 5.43575996255321758 52.18699923915897187, 5.43371882250460381 52.18764028872517002, 5.43066928083166012 52.19070331918560157, 5.43222465682248146 52.191628412953321, 5.43400693406103485 52.19268364823718542, 5.43783941723684183 52.18741326986436491)))</t>
  </si>
  <si>
    <t>MultiPolygon (((5.42657652826157566 52.18704052095569068, 5.4266447569305365 52.18422290519060169, 5.42765456012463776 52.18398308880642844, 5.43154799389728282 52.18445036679312921, 5.43437892128698419 52.18562191418546803, 5.43613044531575174 52.18501504683910497, 5.43671500921755069 52.18482333335966672, 5.43406168841427828 52.18269972045551697, 5.4296162221955937 52.18199317160297568, 5.42423470279541586 52.18270322696692887, 5.42055029054603832 52.18468456829008773, 5.42456817112920486 52.1870733443055741, 5.42657652826157566 52.18704052095569068, 5.42657652826157566 52.18704052095569068)))</t>
  </si>
  <si>
    <t>MultiPolygon (((5.43371882250460381 52.18764028872517002, 5.43575996255321758 52.18699923915897187, 5.43613044531575174 52.18501504683910497, 5.43437892128698419 52.18562191418546803, 5.43154799389728282 52.18445036679312921, 5.42765456012463776 52.18398308880642844, 5.4266447569305365 52.18422290519060169, 5.42657652826157566 52.18704052095569068, 5.42456817112920486 52.1870733443055741, 5.43066928083166012 52.19070331918560157, 5.43371882250460381 52.18764028872517002)))</t>
  </si>
  <si>
    <t>MultiPolygon (((5.42835742041235658 52.17572398027984093, 5.42366849362102155 52.17034704339162943, 5.42271227777759446 52.17050071497013164, 5.42118110975494183 52.17198591569106725, 5.41415029892567645 52.1736337758190416, 5.41159650214628662 52.17611130961451238, 5.41104032621575026 52.17902931661371468, 5.41793947589444702 52.18312763562654766, 5.42835742041235658 52.17572398027984093)))</t>
  </si>
  <si>
    <t>MultiPolygon (((5.41159650214628662 52.17611130961451238, 5.41415029892567645 52.1736337758190416, 5.42118110975494183 52.17198591569106725, 5.42271227777759446 52.17050071497013164, 5.41067106321448321 52.17236067782521047, 5.40429725787225657 52.17212856420188416, 5.39925601775814901 52.17057774707677709, 5.39452756508508902 52.1673485984797054, 5.39404726445305904 52.16753346432940219, 5.39810800393539658 52.17091549994864863, 5.400604138630416 52.17272637350427544, 5.40505003791382599 52.17565138444597039, 5.41104032621575026 52.17902931661371468, 5.41159650214628662 52.17611130961451238)))</t>
  </si>
  <si>
    <t>MultiPolygon (((5.38539724662893438 52.20643319709708408, 5.38864595732799945 52.20337061475183305, 5.38835207254571547 52.2018614319826213, 5.38532943844641743 52.20073772927627687, 5.38491776651628307 52.2000194849770196, 5.3773622325735877 52.20016169079352153, 5.37750057312156304 52.20114065039644657, 5.37807395557220236 52.20706460590626818, 5.38539724662893438 52.20643319709708408, 5.38539724662893438 52.20643319709708408)))</t>
  </si>
  <si>
    <t>MultiPolygon (((5.37807395557220236 52.20706460590626818, 5.37750057312156304 52.20114065039644657, 5.37298191562229643 52.20151447108305121, 5.3709630997911697 52.20098823062862436, 5.36796680734799825 52.20115160172129976, 5.37329359632412995 52.20780044932121911, 5.37807395557220236 52.20706460590626818, 5.37807395557220236 52.20706460590626818)))</t>
  </si>
  <si>
    <t>MultiPolygon (((5.37329359632412995 52.20780044932121911, 5.36796680734799825 52.20115160172129976, 5.36594398797426475 52.19862802431575943, 5.36487875932001224 52.20936427424300774, 5.37329359632412995 52.20780044932121911)))</t>
  </si>
  <si>
    <t>MultiPolygon (((5.37750057312156304 52.20114065039644657, 5.3773622325735877 52.20016169079352153, 5.37669639840240077 52.1975693918886634, 5.37528353965304717 52.19867661799065672, 5.37322633955902784 52.19908000401211723, 5.36610621871724103 52.19808873663459536, 5.36594398797426475 52.19862802431575943, 5.36796680734799825 52.20115160172129976, 5.3709630997911697 52.20098823062862436, 5.37298191562229643 52.20151447108305121, 5.37750057312156304 52.20114065039644657, 5.37750057312156304 52.20114065039644657)))</t>
  </si>
  <si>
    <t>MultiPolygon (((5.37322633955902784 52.19908000401211723, 5.37528353965304717 52.19867661799065672, 5.37669639840240077 52.1975693918886634, 5.37602377211207028 52.19371598187244388, 5.36790307449043347 52.19406567823346421, 5.36610621871724103 52.19808873663459536, 5.37322633955902784 52.19908000401211723)))</t>
  </si>
  <si>
    <t>MultiPolygon (((5.38491776651628307 52.2000194849770196, 5.38440006464064247 52.19727620001717128, 5.38691806090731085 52.19499815654334895, 5.38347585452376531 52.19505934614782205, 5.38032237089496324 52.19429903310755492, 5.37602377211207028 52.19371598187244388, 5.37669639840240077 52.1975693918886634, 5.3773622325735877 52.20016169079352153, 5.38491776651628307 52.2000194849770196, 5.38491776651628307 52.2000194849770196)))</t>
  </si>
  <si>
    <t>MultiPolygon (((5.39777567136236058 52.1977623799601318, 5.39910019663023277 52.19680497285391851, 5.39990144832412522 52.194364224637539, 5.38691806090731085 52.19499815654334895, 5.38440006464064247 52.19727620001717128, 5.38491776651628307 52.2000194849770196, 5.38532943844641743 52.20073772927627687, 5.38835207254571547 52.2018614319826213, 5.38864595732799945 52.20337061475183305, 5.39777567136236058 52.1977623799601318)))</t>
  </si>
  <si>
    <t>MultiPolygon (((5.39990144832412522 52.194364224637539, 5.39769698402884668 52.19263877365138171, 5.39506944140659339 52.19079166866443131, 5.39178397262890829 52.19231731287339215, 5.38780334841707553 52.19146389964125632, 5.38750077023015095 52.19167542176656127, 5.38488764170027512 52.19350192684725442, 5.38691806090731085 52.19499815654334895, 5.39990144832412522 52.194364224637539)))</t>
  </si>
  <si>
    <t>MultiPolygon (((5.40341760769458013 52.19369333914170994, 5.40809220135169966 52.19034355559842453, 5.40353537434122888 52.18793544013821162, 5.40052106663254428 52.18874662826307542, 5.40101969002584692 52.18987559109828567, 5.39769698402884668 52.19263877365138171, 5.39990144832412522 52.194364224637539, 5.39910019663023277 52.19680497285391851, 5.40341760769458013 52.19369333914170994, 5.40341760769458013 52.19369333914170994)))</t>
  </si>
  <si>
    <t>MultiPolygon (((5.40101969002584692 52.18987559109828567, 5.40052106663254428 52.18874662826307542, 5.3949461922656754 52.18669215424038299, 5.39359866551089873 52.18741231865665497, 5.39532061208846514 52.18889760074631567, 5.39506944140659339 52.19079166866443131, 5.39769698402884668 52.19263877365138171, 5.40101969002584692 52.18987559109828567)))</t>
  </si>
  <si>
    <t>MultiPolygon (((5.40353537434122888 52.18793544013821162, 5.40203036752086341 52.18714003400391732, 5.400371333112858 52.18624383599444627, 5.3976611556984837 52.18479339523744898, 5.39706354907338781 52.18521135702958702, 5.39630348357713441 52.18574292644748169, 5.3949461922656754 52.18669215424038299, 5.40052106663254428 52.18874662826307542, 5.40353537434122888 52.18793544013821162, 5.40353537434122888 52.18793544013821162)))</t>
  </si>
  <si>
    <t>MultiPolygon (((5.39178397262890829 52.19231731287339215, 5.39506944140659339 52.19079166866443131, 5.39532061208846514 52.18889760074631567, 5.39359866551089873 52.18741231865665497, 5.38780334841707553 52.19146389964125632, 5.39178397262890829 52.19231731287339215)))</t>
  </si>
  <si>
    <t>MultiPolygon (((5.39359866551089873 52.18741231865665497, 5.38986310011104308 52.18702783993357031, 5.38683725273137082 52.18886797051672488, 5.38780334841707553 52.19146389964125632, 5.39359866551089873 52.18741231865665497, 5.39359866551089873 52.18741231865665497)))</t>
  </si>
  <si>
    <t>MultiPolygon (((5.38780334841707553 52.19146389964125632, 5.38683725273137082 52.18886797051672488, 5.38986310011104308 52.18702783993357031, 5.38798307748626648 52.18567076312402264, 5.38494305029945775 52.18367560033519226, 5.38285784395595446 52.1846491842241349, 5.38452556243104663 52.18709796140839074, 5.38505995015046857 52.19064898217005322, 5.38750077023015095 52.19167542176656127, 5.38780334841707553 52.19146389964125632, 5.38780334841707553 52.19146389964125632)))</t>
  </si>
  <si>
    <t>MultiPolygon (((5.3949461922656754 52.18669215424038299, 5.39630348357713441 52.18574292644748169, 5.39312266565440357 52.18461255673098975, 5.38798307748626648 52.18567076312402264, 5.38986310011104308 52.18702783993357031, 5.39359866551089873 52.18741231865665497, 5.3949461922656754 52.18669215424038299, 5.3949461922656754 52.18669215424038299)))</t>
  </si>
  <si>
    <t>MultiPolygon (((5.39312266565440357 52.18461255673098975, 5.39179745981493319 52.18193452479621897, 5.38494305029945775 52.18367560033519226, 5.38798307748626648 52.18567076312402264, 5.39312266565440357 52.18461255673098975, 5.39312266565440357 52.18461255673098975)))</t>
  </si>
  <si>
    <t>MultiPolygon (((5.4112817254592418 52.1880691370231915, 5.41089329261128427 52.18786451727646636, 5.40915056980970999 52.18729157387527096, 5.40458037757061582 52.18728254485611018, 5.40353537434122888 52.18793544013821162, 5.40809220135169966 52.19034355559842453, 5.4112817254592418 52.1880691370231915, 5.4112817254592418 52.1880691370231915)))</t>
  </si>
  <si>
    <t>MultiPolygon (((5.41793947589444702 52.18312763562654766, 5.41104032621575026 52.17902931661371468, 5.4121259904579393 52.18365079728206268, 5.41229074531851229 52.18630160301199084, 5.41089329261128427 52.18786451727646636, 5.4112817254592418 52.1880691370231915, 5.41793947589444702 52.18312763562654766, 5.41793947589444702 52.18312763562654766)))</t>
  </si>
  <si>
    <t>MultiPolygon (((5.3976611556984837 52.18479339523744898, 5.39988066579526205 52.18263734988390468, 5.39944284361265137 52.18129373471266774, 5.39774966013367496 52.18014936490749989, 5.39781801920799609 52.17842420505628098, 5.39782460572658351 52.17839447250897678, 5.39489508550010388 52.17814596400786087, 5.39398550323385972 52.18101113561034055, 5.39440817286978547 52.18263041249463186, 5.39602354151791452 52.18338590301608093, 5.39706354907338781 52.18521135702958702, 5.3976611556984837 52.18479339523744898, 5.3976611556984837 52.18479339523744898)))</t>
  </si>
  <si>
    <t>MultiPolygon (((5.40313723090181419 52.18325307006163172, 5.40218832374701829 52.18016209074927048, 5.39781801920799609 52.17842420505628098, 5.39774966013367496 52.18014936490749989, 5.39944284361265137 52.18129373471266774, 5.39988066579526205 52.18263734988390468, 5.3976611556984837 52.18479339523744898, 5.400371333112858 52.18624383599444627, 5.40313723090181419 52.18325307006163172, 5.40313723090181419 52.18325307006163172)))</t>
  </si>
  <si>
    <t>MultiPolygon (((5.40427295747958869 52.1838057723701354, 5.40607785136848751 52.18257909818069606, 5.40811928391276808 52.18251606067298809, 5.40794396078042983 52.18037207634493768, 5.40389467313467886 52.17812090714043194, 5.40352583637141937 52.17712979239452409, 5.40186405151563509 52.17792451565917133, 5.39796289556459907 52.17778730071265159, 5.39782460572658351 52.17839447250897678, 5.39781801920799609 52.17842420505628098, 5.40218832374701829 52.18016209074927048, 5.40313723090181419 52.18325307006163172, 5.40427295747958869 52.1838057723701354, 5.40427295747958869 52.1838057723701354)))</t>
  </si>
  <si>
    <t>MultiPolygon (((5.40445440455983395 52.18628463036495191, 5.40820221629698406 52.18353061621681377, 5.40811928391276808 52.18251606067298809, 5.40607785136848751 52.18257909818069606, 5.40427295747958869 52.1838057723701354, 5.40313723090181419 52.18325307006163172, 5.400371333112858 52.18624383599444627, 5.40203036752086341 52.18714003400391732, 5.40445440455983395 52.18628463036495191)))</t>
  </si>
  <si>
    <t>MultiPolygon (((5.4121259904579393 52.18365079728206268, 5.41104032621575026 52.17902931661371468, 5.40505003791382599 52.17565138444597039, 5.40352583637141937 52.17712979239452409, 5.40389467313467886 52.17812090714043194, 5.40794396078042983 52.18037207634493768, 5.40811928391276808 52.18251606067298809, 5.40820221629698406 52.18353061621681377, 5.4121259904579393 52.18365079728206268, 5.4121259904579393 52.18365079728206268)))</t>
  </si>
  <si>
    <t>MultiPolygon (((5.40458037757061582 52.18728254485611018, 5.40915056980970999 52.18729157387527096, 5.41089329261128427 52.18786451727646636, 5.41229074531851229 52.18630160301199084, 5.4121259904579393 52.18365079728206268, 5.40820221629698406 52.18353061621681377, 5.40445440455983395 52.18628463036495191, 5.40203036752086341 52.18714003400391732, 5.40353537434122888 52.18793544013821162, 5.40458037757061582 52.18728254485611018)))</t>
  </si>
  <si>
    <t>MultiPolygon (((5.38121746206898077 52.19305348803365519, 5.36807605023338308 52.19265141115401008, 5.36790307449043347 52.19406567823346421, 5.37602377211207028 52.19371598187244388, 5.38032237089496324 52.19429903310755492, 5.38121746206898077 52.19305348803365519, 5.38121746206898077 52.19305348803365519)))</t>
  </si>
  <si>
    <t>MultiPolygon (((5.38691806090731085 52.19499815654334895, 5.38488764170027512 52.19350192684725442, 5.38750077023015095 52.19167542176656127, 5.38505995015046857 52.19064898217005322, 5.38081030881428468 52.19227326628084285, 5.38121746206898077 52.19305348803365519, 5.38032237089496324 52.19429903310755492, 5.38347585452376531 52.19505934614782205, 5.38691806090731085 52.19499815654334895)))</t>
  </si>
  <si>
    <t>MultiPolygon (((5.37522798963584769 52.17918021266831374, 5.37628174698358396 52.17474169597521438, 5.37640111013859379 52.17358089277757216, 5.37391926201447312 52.16976308543143404, 5.36833229450588068 52.17535906182768457, 5.36967429631615278 52.18158277969723002, 5.3720816887262588 52.18173864475196666, 5.37522798963584769 52.17918021266831374)))</t>
  </si>
  <si>
    <t>MultiPolygon (((5.37541281456515652 52.18817909757223816, 5.37632301906978327 52.18708229420902711, 5.37455415909545309 52.18483265176919161, 5.3720816887262588 52.18173864475196666, 5.36967429631615278 52.18158277969723002, 5.36790569901030157 52.18791681478295175, 5.37541281456515652 52.18817909757223816, 5.37541281456515652 52.18817909757223816)))</t>
  </si>
  <si>
    <t>MultiPolygon (((5.38081030881428468 52.19227326628084285, 5.37954523786480454 52.18923810515105544, 5.37632301906978327 52.18708229420902711, 5.37541281456515652 52.18817909757223816, 5.36790569901030157 52.18791681478295175, 5.36807605023338308 52.19265141115401008, 5.38121746206898077 52.19305348803365519, 5.38081030881428468 52.19227326628084285, 5.38081030881428468 52.19227326628084285)))</t>
  </si>
  <si>
    <t>MultiPolygon (((5.38505995015046857 52.19064898217005322, 5.38452556243104663 52.18709796140839074, 5.38045846825055474 52.18532794747911652, 5.37455415909545309 52.18483265176919161, 5.37632301906978327 52.18708229420902711, 5.37954523786480454 52.18923810515105544, 5.38081030881428468 52.19227326628084285, 5.38505995015046857 52.19064898217005322, 5.38505995015046857 52.19064898217005322)))</t>
  </si>
  <si>
    <t>MultiPolygon (((5.38309799681344536 52.18401909700144614, 5.38331735162861591 52.18285163196034659, 5.37981095952771682 52.18070798425032564, 5.37628174698358396 52.17474169597521438, 5.37522798963584769 52.17918021266831374, 5.3720816887262588 52.18173864475196666, 5.37455415909545309 52.18483265176919161, 5.38045846825055474 52.18532794747911652, 5.38309799681344536 52.18401909700144614)))</t>
  </si>
  <si>
    <t>MultiPolygon (((5.36815339536714564 52.14515534449894574, 5.36745520172778523 52.1447235756716978, 5.36330626864529236 52.14245132629347523, 5.35864611624397469 52.1410182646237601, 5.35517248315400263 52.14146075273027492, 5.35550427691339781 52.14574160269764747, 5.368356174865478 52.14825640503741511, 5.36815339536714564 52.14515534449894574, 5.36815339536714564 52.14515534449894574)))</t>
  </si>
  <si>
    <t>MultiPolygon (((5.3597007902254008 52.15254910696577184, 5.36399058972660292 52.14977141240495229, 5.368356174865478 52.14825640503741511, 5.35550427691339781 52.14574160269764747, 5.35414945178309676 52.14633523677680671, 5.3524363239877184 52.15019337656284648, 5.35953126574422178 52.15276130857464665, 5.3597007902254008 52.15254910696577184, 5.3597007902254008 52.15254910696577184)))</t>
  </si>
  <si>
    <t>MultiPolygon (((5.36369071495045358 52.15262511230302778, 5.37322050469214041 52.15273894481597949, 5.368356174865478 52.14825640503741511, 5.36399058972660292 52.14977141240495229, 5.3597007902254008 52.15254910696577184, 5.36290480713386586 52.15319330595698943, 5.36369071495045358 52.15262511230302778, 5.36369071495045358 52.15262511230302778)))</t>
  </si>
  <si>
    <t>MultiPolygon (((5.37693037198431867 52.15392731874123911, 5.37724288891313495 52.15303275844928521, 5.38067583719869269 52.15095473196624454, 5.38008942316046301 52.15063175341247614, 5.37567324403804125 52.15283276202097085, 5.37322050469214041 52.15273894481597949, 5.36369071495045358 52.15262511230302778, 5.36290480713386586 52.15319330595698943, 5.3597007902254008 52.15254910696577184, 5.35953126574422178 52.15276130857464665, 5.35999439071248229 52.15289900292133041, 5.36858998747499339 52.15393859566337653, 5.37243633338114002 52.15412556215171946, 5.37693037198431867 52.15392731874123911, 5.37693037198431867 52.15392731874123911)))</t>
  </si>
  <si>
    <t>MultiPolygon (((5.37567324403804125 52.15283276202097085, 5.38008942316046301 52.15063175341247614, 5.37838743423654986 52.14995875910953771, 5.37403506056140046 52.14880186382766425, 5.36815339536714564 52.14515534449894574, 5.368356174865478 52.14825640503741511, 5.37322050469214041 52.15273894481597949, 5.37567324403804125 52.15283276202097085)))</t>
  </si>
  <si>
    <t>MultiPolygon (((5.37104469267376405 52.14197572912941325, 5.37114982173713429 52.13981876133612303, 5.36572106053035291 52.13784971413873848, 5.36629292151736248 52.13627692396588031, 5.36850743831536548 52.13494629311818329, 5.36814566006996952 52.13464313478412748, 5.35950689330944385 52.1379090059053425, 5.36010666489708676 52.1391015851430879, 5.35864611624397469 52.1410182646237601, 5.36330626864529236 52.14245132629347523, 5.36745520172778523 52.1447235756716978, 5.37104469267376405 52.14197572912941325, 5.37104469267376405 52.14197572912941325)))</t>
  </si>
  <si>
    <t>MultiPolygon (((5.37586928028099909 52.14049626618212585, 5.37569683478018945 52.14009648367726868, 5.36850743831536548 52.13494629311818329, 5.36629292151736248 52.13627692396588031, 5.36572106053035291 52.13784971413873848, 5.37114982173713429 52.13981876133612303, 5.37104469267376405 52.14197572912941325, 5.37586928028099909 52.14049626618212585, 5.37586928028099909 52.14049626618212585)))</t>
  </si>
  <si>
    <t>MultiPolygon (((5.3773136689738239 52.13968717300429745, 5.37607535446400142 52.13685815106000376, 5.37360976314437355 52.13311677531931565, 5.36814566006996952 52.13464313478412748, 5.36850743831536548 52.13494629311818329, 5.37569683478018945 52.14009648367726868, 5.3773136689738239 52.13968717300429745, 5.3773136689738239 52.13968717300429745)))</t>
  </si>
  <si>
    <t>MultiPolygon (((5.38143434114414276 52.14472867254342248, 5.3773136689738239 52.13968717300429745, 5.37569683478018945 52.14009648367726868, 5.37586928028099909 52.14049626618212585, 5.37591462147883536 52.14612991475724613, 5.38143434114414276 52.14472867254342248, 5.38143434114414276 52.14472867254342248)))</t>
  </si>
  <si>
    <t>MultiPolygon (((5.37591462147883536 52.14612991475724613, 5.37586928028099909 52.14049626618212585, 5.37104469267376405 52.14197572912941325, 5.36745520172778523 52.1447235756716978, 5.36815339536714564 52.14515534449894574, 5.36935976460706321 52.14491843854663244, 5.37308299841437176 52.14599312281876564, 5.37591462147883536 52.14612991475724613, 5.37591462147883536 52.14612991475724613)))</t>
  </si>
  <si>
    <t>MultiPolygon (((5.37834456125739013 52.14938268319365733, 5.37591462147883536 52.14612991475724613, 5.37308299841437176 52.14599312281876564, 5.36935976460706321 52.14491843854663244, 5.36815339536714564 52.14515534449894574, 5.37403506056140046 52.14880186382766425, 5.37838743423654986 52.14995875910953771, 5.37834456125739013 52.14938268319365733, 5.37834456125739013 52.14938268319365733)))</t>
  </si>
  <si>
    <t>MultiPolygon (((5.38380975704351439 52.14862928495993089, 5.38143434114414276 52.14472867254342248, 5.37591462147883536 52.14612991475724613, 5.37834456125739013 52.14938268319365733, 5.38380975704351439 52.14862928495993089, 5.38380975704351439 52.14862928495993089)))</t>
  </si>
  <si>
    <t>MultiPolygon (((5.38400079575080781 52.14895244232903337, 5.38380975704351439 52.14862928495993089, 5.37834456125739013 52.14938268319365733, 5.37838743423654986 52.14995875910953771, 5.38008942316046301 52.15063175341247614, 5.38067583719869269 52.15095473196624454, 5.38400079575080781 52.14895244232903337, 5.38400079575080781 52.14895244232903337)))</t>
  </si>
  <si>
    <t>MultiPolygon (((5.40009686777809161 52.13572043992170535, 5.40008214374307904 52.13571211600662991, 5.39807469928086547 52.13354780749761375, 5.39712741806920704 52.13394697574806003, 5.38433503179422868 52.1317385309181347, 5.37438878681847854 52.13099280817310444, 5.37222213821324956 52.13236427180647325, 5.37360976314437355 52.13311677531931565, 5.37607535446400142 52.13685815106000376, 5.37944310281893134 52.13602684139207355, 5.3825584895505667 52.1374237291811724, 5.38325806069709767 52.13955962382340203, 5.38572876428419356 52.140191269430467, 5.38718007590186243 52.13864437828053155, 5.39543351669082671 52.14087023322861825, 5.40009686777809161 52.13572043992170535)))</t>
  </si>
  <si>
    <t>MultiPolygon (((5.39434017957866541 52.14206626935688149, 5.39543351669082671 52.14087023322861825, 5.38718007590186243 52.13864437828053155, 5.38572876428419356 52.140191269430467, 5.38325806069709767 52.13955962382340203, 5.38533893803424846 52.14379660882782019, 5.39078857263154099 52.14490172803520096, 5.39434017957866541 52.14206626935688149, 5.39434017957866541 52.14206626935688149)))</t>
  </si>
  <si>
    <t>MultiPolygon (((5.38533893803424846 52.14379660882782019, 5.38325806069709767 52.13955962382340203, 5.3825584895505667 52.1374237291811724, 5.37944310281893134 52.13602684139207355, 5.37607535446400142 52.13685815106000376, 5.3773136689738239 52.13968717300429745, 5.38143434114414276 52.14472867254342248, 5.38533893803424846 52.14379660882782019, 5.38533893803424846 52.14379660882782019)))</t>
  </si>
  <si>
    <t>MultiPolygon (((5.39078857263154099 52.14490172803520096, 5.38533893803424846 52.14379660882782019, 5.38143434114414276 52.14472867254342248, 5.38380975704351439 52.14862928495993089, 5.38400079575080781 52.14895244232903337, 5.39078857263154099 52.14490172803520096, 5.39078857263154099 52.14490172803520096)))</t>
  </si>
  <si>
    <t>MultiPolygon (((5.40045896282876825 52.14478276075314511, 5.40540485822311201 52.13981147181964104, 5.40009686777809161 52.13572043992170535, 5.39543351669082671 52.14087023322861825, 5.39434017957866541 52.14206626935688149, 5.3992785410558275 52.14259791073997263, 5.39760217577597956 52.14407895367600076, 5.39975454051168047 52.14705027178705166, 5.40045896282876825 52.14478276075314511, 5.40045896282876825 52.14478276075314511)))</t>
  </si>
  <si>
    <t>MultiPolygon (((5.39212070753838191 52.14676813210650863, 5.39078857263154099 52.14490172803520096, 5.38400079575080781 52.14895244232903337, 5.38482939936402616 52.15021744084649669, 5.38678415785409559 52.1498244817654566, 5.3918747038527437 52.15105213477839641, 5.39212070753838191 52.14676813210650863)))</t>
  </si>
  <si>
    <t>MultiPolygon (((5.39578777983083047 52.15141599264496364, 5.39551190125787361 52.15009883102217003, 5.39975454051168047 52.14705027178705166, 5.39760217577597956 52.14407895367600076, 5.3992785410558275 52.14259791073997263, 5.39434017957866541 52.14206626935688149, 5.39078857263154099 52.14490172803520096, 5.39212070753838191 52.14676813210650863, 5.3918747038527437 52.15105213477839641, 5.39578777983083047 52.15141599264496364, 5.39578777983083047 52.15141599264496364)))</t>
  </si>
  <si>
    <t>MultiPolygon (((5.39620674930303146 52.1526427776326571, 5.39578777983083047 52.15141599264496364, 5.3918747038527437 52.15105213477839641, 5.38678415785409559 52.1498244817654566, 5.38482939936402616 52.15021744084649669, 5.38632242495130331 52.15264775155105781, 5.38934685059088547 52.1523108454899571, 5.39284237575169279 52.15340616533769236, 5.39316852057114637 52.15354847271250804, 5.39620674930303146 52.1526427776326571, 5.39620674930303146 52.1526427776326571)))</t>
  </si>
  <si>
    <t>MultiPolygon (((5.41023142867440932 52.1499114879751744, 5.41401090707887089 52.14831080358388959, 5.41377182297080939 52.14802683556136031, 5.40833952707050258 52.14264618182372857, 5.40939097662777968 52.1403874236221796, 5.40756324847454106 52.14195981107248912, 5.40540485822311201 52.13981147181964104, 5.40045896282876825 52.14478276075314511, 5.39975454051168047 52.14705027178705166, 5.40697995879666848 52.15037230074378272, 5.40801135044981329 52.15220797921523399, 5.40916053124597251 52.15251664856234015, 5.41023142867440932 52.1499114879751744)))</t>
  </si>
  <si>
    <t>MultiPolygon (((5.40697995879666848 52.15037230074378272, 5.39975454051168047 52.14705027178705166, 5.39551190125787361 52.15009883102217003, 5.39578777983083047 52.15141599264496364, 5.40197096593190107 52.15114975154677524, 5.40801135044981329 52.15220797921523399, 5.40697995879666848 52.15037230074378272)))</t>
  </si>
  <si>
    <t>MultiPolygon (((5.40679424631695493 52.15679440579935289, 5.40807023267618447 52.154124986513267, 5.40916053124597251 52.15251664856234015, 5.40801135044981329 52.15220797921523399, 5.40197096593190107 52.15114975154677524, 5.39578777983083047 52.15141599264496364, 5.39620674930303146 52.1526427776326571, 5.39781962014116523 52.1535957393890186, 5.39924425182865342 52.1527381879499714, 5.40266133644693713 52.15303653470996181, 5.40400491174838216 52.15468460058495737, 5.40368769897805024 52.15592100710417611, 5.40147297365668955 52.15603965191261437, 5.40110339811416829 52.1571937461732702, 5.40614659463931346 52.15802636143086346, 5.40679424631695493 52.15679440579935289, 5.40679424631695493 52.15679440579935289)))</t>
  </si>
  <si>
    <t>MultiPolygon (((5.40147297365668955 52.15603965191261437, 5.40368769897805024 52.15592100710417611, 5.40400491174838216 52.15468460058495737, 5.40266133644693713 52.15303653470996181, 5.39924425182865342 52.1527381879499714, 5.39781962014116523 52.1535957393890186, 5.39620674930303146 52.1526427776326571, 5.39316852057114637 52.15354847271250804, 5.39799043505483667 52.15675113334614821, 5.40110339811416829 52.1571937461732702, 5.40147297365668955 52.15603965191261437, 5.40147297365668955 52.15603965191261437)))</t>
  </si>
  <si>
    <t>MultiPolygon (((5.41620846726181604 52.15091651340529211, 5.41401090707887089 52.14831080358388959, 5.41023142867440932 52.1499114879751744, 5.40916053124597251 52.15251664856234015, 5.40807023267618447 52.154124986513267, 5.41001664685998662 52.15311427221161011, 5.41454477120026922 52.15382005115776565, 5.41724716473975221 52.15459048248784768, 5.41784357200233213 52.15478468321619943, 5.41620846726181604 52.15091651340529211)))</t>
  </si>
  <si>
    <t>MultiPolygon (((5.41724716473975221 52.15459048248784768, 5.41454477120026922 52.15382005115776565, 5.41263203038810836 52.15800345378026037, 5.40679424631695493 52.15679440579935289, 5.40614659463931346 52.15802636143086346, 5.41583576244943554 52.16026493919268603, 5.41974997105219458 52.16132318103790055, 5.41724716473975221 52.15459048248784768, 5.41724716473975221 52.15459048248784768)))</t>
  </si>
  <si>
    <t>MultiPolygon (((5.41454477120026922 52.15382005115776565, 5.41001664685998662 52.15311427221161011, 5.40807023267618447 52.154124986513267, 5.40679424631695493 52.15679440579935289, 5.41263203038810836 52.15800345378026037, 5.41454477120026922 52.15382005115776565)))</t>
  </si>
  <si>
    <t>MultiPolygon (((5.43904300286825926 52.18412696488214664, 5.44009317003627757 52.17337838081480328, 5.43891606993583743 52.17291704202512648, 5.43987554334079793 52.17119745511442375, 5.44359441709302772 52.16882984453926753, 5.44653756748739859 52.16802332306244239, 5.44635529679462138 52.1677930097679905, 5.44144628935788255 52.16920920065864209, 5.42835742041235658 52.17572398027984093, 5.43753175650504694 52.18456875547563101, 5.43808620544447496 52.184584820971601, 5.43904300286825926 52.18412696488214664)))</t>
  </si>
  <si>
    <t>MultiPolygon (((5.44144628935788255 52.16920920065864209, 5.44635529679462138 52.1677930097679905, 5.44607245799647455 52.16728089465485851, 5.43454559012520733 52.16860402322127044, 5.42366849362102155 52.17034704339162943, 5.42835742041235658 52.17572398027984093, 5.44144628935788255 52.16920920065864209)))</t>
  </si>
  <si>
    <t>MultiPolygon (((5.43454559012520733 52.16860402322127044, 5.43397224627142261 52.16694372743914698, 5.42547493659301239 52.16287229294171368, 5.41974997105219458 52.16132318103790055, 5.42337596880553541 52.16972100040525362, 5.42366849362102155 52.17034704339162943, 5.43454559012520733 52.16860402322127044, 5.43454559012520733 52.16860402322127044)))</t>
  </si>
  <si>
    <t>MultiPolygon (((5.4724333040050972 52.16285086593290288, 5.47286576570350647 52.16184839893438863, 5.47551983071423098 52.16216168056819669, 5.4791966971284447 52.16136073807351181, 5.48211609532287536 52.15979568192471305, 5.48149553610280194 52.15829730881431203, 5.48431729570475568 52.15806385511675103, 5.48407355063443624 52.15534609662557841, 5.483767058155542 52.15398109917829572, 5.48134176553572594 52.15050097437239174, 5.47674748069482753 52.15221756019030863, 5.46986311701215122 52.15284928788875618, 5.45958204670141978 52.15287631763977316, 5.45595038596098458 52.15434746226225826, 5.4469844880409477 52.1595367241679142, 5.44867673042787715 52.16166183706813086, 5.44843848209852322 52.1671104896414235, 5.44607245799647455 52.16728089465485851, 5.44635529679462138 52.1677930097679905, 5.44653756748739859 52.16802332306244239, 5.4576151328490079 52.16707924542220809, 5.46963276410989341 52.16620943254425669, 5.47992236258507237 52.16581455499115805, 5.47894827000802831 52.16474115392339428, 5.47550795807329749 52.16437757119337704, 5.47326568312159711 52.16326419823503358, 5.4724333040050972 52.16285086593290288)))</t>
  </si>
  <si>
    <t>MultiPolygon (((5.44607245799647455 52.16728089465485851, 5.44843848209852322 52.1671104896414235, 5.44867673042787715 52.16166183706813086, 5.4469844880409477 52.1595367241679142, 5.44496328344966507 52.1598977990932795, 5.44246414676490353 52.16144808587010573, 5.43895165388331758 52.1613886378656062, 5.4319411780892688 52.15875594143619054, 5.42354736448018215 52.15762012180226748, 5.41784357200233213 52.15478468321619943, 5.41724716473975221 52.15459048248784768, 5.41974997105219458 52.16132318103790055, 5.42547493659301239 52.16287229294171368, 5.43397224627142261 52.16694372743914698, 5.43454559012520733 52.16860402322127044, 5.44607245799647455 52.16728089465485851)))</t>
  </si>
  <si>
    <t>MultiPolygon (((5.41974997105219458 52.16132318103790055, 5.41583576244943554 52.16026493919268603, 5.41239908383525581 52.16192485290945058, 5.41333926583565539 52.16328476148812854, 5.41244101969957914 52.16558059728504304, 5.41142910131726929 52.16591066717685976, 5.42337596880553541 52.16972100040525362, 5.41974997105219458 52.16132318103790055, 5.41974997105219458 52.16132318103790055)))</t>
  </si>
  <si>
    <t>MultiPolygon (((5.41067106321448321 52.17236067782521047, 5.42271227777759446 52.17050071497013164, 5.42366849362102155 52.17034704339162943, 5.42337596880553541 52.16972100040525362, 5.41142910131726929 52.16591066717685976, 5.40996289800737262 52.16928763756756382, 5.40386393491308237 52.17166992921753632, 5.40429725787225657 52.17212856420188416, 5.41067106321448321 52.17236067782521047)))</t>
  </si>
  <si>
    <t>MultiPolygon (((5.41583576244943554 52.16026493919268603, 5.40614659463931346 52.15802636143086346, 5.40502153054552981 52.16045895744970551, 5.41239908383525581 52.16192485290945058, 5.41583576244943554 52.16026493919268603, 5.41583576244943554 52.16026493919268603)))</t>
  </si>
  <si>
    <t>MultiPolygon (((5.41244101969957914 52.16558059728504304, 5.41333926583565539 52.16328476148812854, 5.41239908383525581 52.16192485290945058, 5.40502153054552981 52.16045895744970551, 5.40371749927354994 52.16347951163164964, 5.40889601570463974 52.16552504297663972, 5.41142910131726929 52.16591066717685976, 5.41244101969957914 52.16558059728504304, 5.41244101969957914 52.16558059728504304)))</t>
  </si>
  <si>
    <t>MultiPolygon (((5.40996289800737262 52.16928763756756382, 5.41142910131726929 52.16591066717685976, 5.40889601570463974 52.16552504297663972, 5.40829069091483383 52.16695804224482913, 5.40286141950479504 52.16903420321959572, 5.40386393491308237 52.17166992921753632, 5.40996289800737262 52.16928763756756382)))</t>
  </si>
  <si>
    <t>MultiPolygon (((5.40829069091483383 52.16695804224482913, 5.40889601570463974 52.16552504297663972, 5.40371749927354994 52.16347951163164964, 5.39872386451415487 52.16561688940255692, 5.40286141950479504 52.16903420321959572, 5.40829069091483383 52.16695804224482913)))</t>
  </si>
  <si>
    <t>MultiPolygon (((5.40386393491308237 52.17166992921753632, 5.40286141950479504 52.16903420321959572, 5.39872386451415487 52.16561688940255692, 5.39452756508508902 52.1673485984797054, 5.39925601775814901 52.17057774707677709, 5.40429725787225657 52.17212856420188416, 5.40386393491308237 52.17166992921753632, 5.40386393491308237 52.17166992921753632)))</t>
  </si>
  <si>
    <t>MultiPolygon (((5.38452556243104663 52.18709796140839074, 5.38285784395595446 52.1846491842241349, 5.38494305029945775 52.18367560033519226, 5.39179745981493319 52.18193452479621897, 5.39312266565440357 52.18461255673098975, 5.39630348357713441 52.18574292644748169, 5.39706354907338781 52.18521135702958702, 5.39602354151791452 52.18338590301608093, 5.39440817286978547 52.18263041249463186, 5.39398550323385972 52.18101113561034055, 5.39489508550010388 52.17814596400786087, 5.39782460572658351 52.17839447250897678, 5.39796289556459907 52.17778730071265159, 5.39472550758769209 52.17679291978286926, 5.39078504774396539 52.17688020337305943, 5.38702829834136399 52.17771798842338171, 5.38413034289530845 52.17682489752851183, 5.38289165433851213 52.17501807780801926, 5.37640111013859379 52.17358089277757216, 5.37628174698358396 52.17474169597521438, 5.37981095952771682 52.18070798425032564, 5.38331735162861591 52.18285163196034659, 5.38309799681344536 52.18401909700144614, 5.38045846825055474 52.18532794747911652, 5.38452556243104663 52.18709796140839074, 5.38452556243104663 52.18709796140839074)))</t>
  </si>
  <si>
    <t>MultiPolygon (((5.40186405151563509 52.17792451565917133, 5.40352583637141937 52.17712979239452409, 5.40505003791382599 52.17565138444597039, 5.400604138630416 52.17272637350427544, 5.39796289556459907 52.17778730071265159, 5.40186405151563509 52.17792451565917133)))</t>
  </si>
  <si>
    <t>MultiPolygon (((5.400604138630416 52.17272637350427544, 5.39810800393539658 52.17091549994864863, 5.39792748301741909 52.17232613204097902, 5.39063446144199254 52.17266649310077042, 5.39068104603059961 52.17279690610651954, 5.39078504774396539 52.17688020337305943, 5.39472550758769209 52.17679291978286926, 5.39796289556459907 52.17778730071265159, 5.400604138630416 52.17272637350427544)))</t>
  </si>
  <si>
    <t>MultiPolygon (((5.39078504774396539 52.17688020337305943, 5.39068104603059961 52.17279690610651954, 5.38697516236634311 52.17237809917655511, 5.38289165433851213 52.17501807780801926, 5.38413034289530845 52.17682489752851183, 5.38702829834136399 52.17771798842338171, 5.39078504774396539 52.17688020337305943)))</t>
  </si>
  <si>
    <t>MultiPolygon (((5.38697516236634311 52.17237809917655511, 5.38188192407576604 52.17114068496881174, 5.37391926201447312 52.16976308543143404, 5.37640111013859379 52.17358089277757216, 5.38289165433851213 52.17501807780801926, 5.38697516236634311 52.17237809917655511, 5.38697516236634311 52.17237809917655511)))</t>
  </si>
  <si>
    <t>MultiPolygon (((5.39792748301741909 52.17232613204097902, 5.39810800393539658 52.17091549994864863, 5.39404726445305904 52.16753346432940219, 5.39000600869862101 52.16787827652015608, 5.39063446144199254 52.17266649310077042, 5.39792748301741909 52.17232613204097902, 5.39792748301741909 52.17232613204097902)))</t>
  </si>
  <si>
    <t>MultiPolygon (((5.39068104603059961 52.17279690610651954, 5.39063446144199254 52.17266649310077042, 5.39000600869862101 52.16787827652015608, 5.38498474579964714 52.16666796617698054, 5.38188192407576604 52.17114068496881174, 5.38697516236634311 52.17237809917655511, 5.39068104603059961 52.17279690610651954, 5.39068104603059961 52.17279690610651954)))</t>
  </si>
  <si>
    <t>MultiPolygon (((5.38498474579964714 52.16666796617698054, 5.38049378520005828 52.16547748856499567, 5.3767463624765286 52.16507151580361068, 5.37453570223573163 52.16586259798562963, 5.37551941102968023 52.16630521791910979, 5.37550550603794886 52.16802055901001012, 5.37391926201447312 52.16976308543143404, 5.38188192407576604 52.17114068496881174, 5.38498474579964714 52.16666796617698054, 5.38498474579964714 52.16666796617698054)))</t>
  </si>
  <si>
    <t>MultiPolygon (((5.40502153054552981 52.16045895744970551, 5.40614659463931346 52.15802636143086346, 5.40110339811416829 52.1571937461732702, 5.39799043505483667 52.15675113334614821, 5.39742851116132893 52.15873183492187337, 5.39854304123301709 52.16042501981895896, 5.40371749927354994 52.16347951163164964, 5.40502153054552981 52.16045895744970551, 5.40502153054552981 52.16045895744970551)))</t>
  </si>
  <si>
    <t>MultiPolygon (((5.40371749927354994 52.16347951163164964, 5.39854304123301709 52.16042501981895896, 5.39742851116132893 52.15873183492187337, 5.39449978948286901 52.16024477752232258, 5.38969505032066643 52.16048363978507751, 5.38946841820610523 52.16060767795579522, 5.39498254527123144 52.16166020836711681, 5.39872386451415487 52.16561688940255692, 5.40371749927354994 52.16347951163164964)))</t>
  </si>
  <si>
    <t>MultiPolygon (((5.39872386451415487 52.16561688940255692, 5.39498254527123144 52.16166020836711681, 5.38946841820610523 52.16060767795579522, 5.38741190938132153 52.16172380410127118, 5.39452756508508902 52.1673485984797054, 5.39872386451415487 52.16561688940255692, 5.39872386451415487 52.16561688940255692)))</t>
  </si>
  <si>
    <t>MultiPolygon (((5.38540153391601351 52.16180582605410621, 5.38682851687176889 52.16212381175485291, 5.38741190938132153 52.16172380410127118, 5.38454237907795896 52.15940778025348834, 5.37883091500576782 52.16205212641271061, 5.37908987936491023 52.16252118755958378, 5.38292316612933774 52.1625766322797304, 5.38540153391601351 52.16180582605410621)))</t>
  </si>
  <si>
    <t>MultiPolygon (((5.39404726445305904 52.16753346432940219, 5.39452756508508902 52.1673485984797054, 5.38741190938132153 52.16172380410127118, 5.38682851687176889 52.16212381175485291, 5.38049378520005828 52.16547748856499567, 5.38498474579964714 52.16666796617698054, 5.39000600869862101 52.16787827652015608, 5.39404726445305904 52.16753346432940219, 5.39404726445305904 52.16753346432940219)))</t>
  </si>
  <si>
    <t>MultiPolygon (((5.38682851687176889 52.16212381175485291, 5.38540153391601351 52.16180582605410621, 5.38292316612933774 52.1625766322797304, 5.37908987936491023 52.16252118755958378, 5.37883091500576782 52.16205212641271061, 5.37726528685937666 52.16278376729939481, 5.3767463624765286 52.16507151580361068, 5.38049378520005828 52.16547748856499567, 5.38682851687176889 52.16212381175485291, 5.38682851687176889 52.16212381175485291)))</t>
  </si>
  <si>
    <t>MultiPolygon (((5.36177283013798434 52.17157852671010687, 5.35877708621809745 52.16756183518919698, 5.35792571234745463 52.16471497697890669, 5.3518218579918031 52.16395466999375685, 5.34718817002765512 52.16183099592172567, 5.34467359978249945 52.16362827023758086, 5.34761376693883417 52.17072882056771732, 5.34688372313429383 52.17167925191137101, 5.34731478777470226 52.17278490079349496, 5.34868372385273894 52.17295424536998638, 5.34850580228950889 52.17353066234850445, 5.34992543522728603 52.17385666812518963, 5.3490998178296465 52.17467801635076796, 5.34989762182119932 52.17560503923645143, 5.36177283013798434 52.17157852671010687)))</t>
  </si>
  <si>
    <t>MultiPolygon (((5.37453570223573163 52.16586259798562963, 5.37051603530882549 52.16261546237991098, 5.36514829025065598 52.16380622429722536, 5.35792571234745463 52.16471497697890669, 5.35877708621809745 52.16756183518919698, 5.36177283013798434 52.17157852671010687, 5.37453570223573163 52.16586259798562963)))</t>
  </si>
  <si>
    <t>MultiPolygon (((5.3767463624765286 52.16507151580361068, 5.37726528685937666 52.16278376729939481, 5.37883091500576782 52.16205212641271061, 5.37763561041602944 52.15976932155574275, 5.37344053119839149 52.16160338282647757, 5.37051603530882549 52.16261546237991098, 5.37453570223573163 52.16586259798562963, 5.3767463624765286 52.16507151580361068, 5.3767463624765286 52.16507151580361068)))</t>
  </si>
  <si>
    <t>MultiPolygon (((5.38454237907795896 52.15940778025348834, 5.38216701421446952 52.15749719732871625, 5.38004224033518241 52.15857746576531895, 5.37763561041602944 52.15976932155574275, 5.37883091500576782 52.16205212641271061, 5.38454237907795896 52.15940778025348834, 5.38454237907795896 52.15940778025348834)))</t>
  </si>
  <si>
    <t>MultiPolygon (((5.35017440629098662 52.15984755106142501, 5.35401597065588586 52.15775913179508194, 5.36128106653587899 52.15535253725965248, 5.36858998747499339 52.15393859566337653, 5.35999439071248229 52.15289900292133041, 5.3558186786087516 52.15365074679665724, 5.34879807402533825 52.15940927533423377, 5.34956262519133663 52.16011465007926518, 5.35017440629098662 52.15984755106142501, 5.35017440629098662 52.15984755106142501)))</t>
  </si>
  <si>
    <t>MultiPolygon (((5.36605981348122096 52.15720788182076717, 5.36755345043995824 52.15670049999285851, 5.36738614007600479 52.15604865886778185, 5.37238250219017832 52.15545951680982029, 5.37243633338114002 52.15412556215171946, 5.36858998747499339 52.15393859566337653, 5.36128106653587899 52.15535253725965248, 5.35401597065588586 52.15775913179508194, 5.35975780302063587 52.15790711154617298, 5.36605981348122096 52.15720788182076717, 5.36605981348122096 52.15720788182076717)))</t>
  </si>
  <si>
    <t>MultiPolygon (((5.38216701421446952 52.15749719732871625, 5.37693037198431867 52.15392731874123911, 5.37243633338114002 52.15412556215171946, 5.37238250219017832 52.15545951680982029, 5.37506848003013182 52.15543144506512618, 5.37880343522064841 52.1556592673492645, 5.38004224033518241 52.15857746576531895, 5.38216701421446952 52.15749719732871625, 5.38216701421446952 52.15749719732871625)))</t>
  </si>
  <si>
    <t>MultiPolygon (((5.37763561041602944 52.15976932155574275, 5.38004224033518241 52.15857746576531895, 5.37880343522064841 52.1556592673492645, 5.37532411225321738 52.15833277289200964, 5.37344053119839149 52.16160338282647757, 5.37763561041602944 52.15976932155574275, 5.37763561041602944 52.15976932155574275)))</t>
  </si>
  <si>
    <t>MultiPolygon (((5.35803459532575399 52.16123638371549731, 5.35163022873213468 52.16057363676852532, 5.35203641107910144 52.15948580613055441, 5.35017440629098662 52.15984755106142501, 5.34956262519133663 52.16011465007926518, 5.34718817002765512 52.16183099592172567, 5.3518218579918031 52.16395466999375685, 5.35792571234745463 52.16471497697890669, 5.35803459532575399 52.16123638371549731, 5.35803459532575399 52.16123638371549731)))</t>
  </si>
  <si>
    <t>MultiPolygon (((5.3603656647459399 52.16079272387609223, 5.35975780302063587 52.15790711154617298, 5.35401597065588586 52.15775913179508194, 5.35017440629098662 52.15984755106142501, 5.35203641107910144 52.15948580613055441, 5.35163022873213468 52.16057363676852532, 5.35803459532575399 52.16123638371549731, 5.3603656647459399 52.16079272387609223, 5.3603656647459399 52.16079272387609223)))</t>
  </si>
  <si>
    <t>MultiPolygon (((5.36351507349538892 52.16026427508730734, 5.37058892812751054 52.15910604076933765, 5.36978913404394387 52.15715644601305456, 5.37506848003013182 52.15543144506512618, 5.37238250219017832 52.15545951680982029, 5.36738614007600479 52.15604865886778185, 5.36755345043995824 52.15670049999285851, 5.36605981348122096 52.15720788182076717, 5.35975780302063587 52.15790711154617298, 5.3603656647459399 52.16079272387609223, 5.36351507349538892 52.16026427508730734, 5.36351507349538892 52.16026427508730734)))</t>
  </si>
  <si>
    <t>MultiPolygon (((5.37532411225321738 52.15833277289200964, 5.37880343522064841 52.1556592673492645, 5.37506848003013182 52.15543144506512618, 5.36978913404394387 52.15715644601305456, 5.37058892812751054 52.15910604076933765, 5.37532411225321738 52.15833277289200964, 5.37532411225321738 52.15833277289200964)))</t>
  </si>
  <si>
    <t>MultiPolygon (((5.36514829025065598 52.16380622429722536, 5.36351507349538892 52.16026427508730734, 5.3603656647459399 52.16079272387609223, 5.35803459532575399 52.16123638371549731, 5.35792571234745463 52.16471497697890669, 5.36514829025065598 52.16380622429722536, 5.36514829025065598 52.16380622429722536)))</t>
  </si>
  <si>
    <t>MultiPolygon (((5.37051603530882549 52.16261546237991098, 5.37344053119839149 52.16160338282647757, 5.37532411225321738 52.15833277289200964, 5.37058892812751054 52.15910604076933765, 5.36351507349538892 52.16026427508730734, 5.36514829025065598 52.16380622429722536, 5.37051603530882549 52.16261546237991098, 5.37051603530882549 52.16261546237991098)))</t>
  </si>
  <si>
    <t>MultiPolygon (((5.38632242495130331 52.15264775155105781, 5.38482939936402616 52.15021744084649669, 5.38400079575080781 52.14895244232903337, 5.38067583719869269 52.15095473196624454, 5.38438750561796997 52.15366003454992949, 5.38632242495130331 52.15264775155105781, 5.38632242495130331 52.15264775155105781)))</t>
  </si>
  <si>
    <t>MultiPolygon (((5.38422962656160831 52.15382032163329029, 5.38438750561796997 52.15366003454992949, 5.38067583719869269 52.15095473196624454, 5.37724288891313495 52.15303275844928521, 5.38366895981198912 52.15574273488214629, 5.38422962656160831 52.15382032163329029, 5.38422962656160831 52.15382032163329029)))</t>
  </si>
  <si>
    <t>MultiPolygon (((5.38366895981198912 52.15574273488214629, 5.37724288891313495 52.15303275844928521, 5.37693037198431867 52.15392731874123911, 5.38216701421446952 52.15749719732871625, 5.38366895981198912 52.15574273488214629, 5.38366895981198912 52.15574273488214629)))</t>
  </si>
  <si>
    <t>MultiPolygon (((5.38946841820610523 52.16060767795579522, 5.38969505032066643 52.16048363978507751, 5.38492486707660234 52.15917035381412603, 5.38454237907795896 52.15940778025348834, 5.38741190938132153 52.16172380410127118, 5.38946841820610523 52.16060767795579522, 5.38946841820610523 52.16060767795579522)))</t>
  </si>
  <si>
    <t>MultiPolygon (((5.38492486707660234 52.15917035381412603, 5.38637639403620661 52.15802506692980955, 5.38568216867516902 52.15692358192409017, 5.38729342965291114 52.15437011946407608, 5.38422962656160831 52.15382032163329029, 5.38366895981198912 52.15574273488214629, 5.38216701421446952 52.15749719732871625, 5.38454237907795896 52.15940778025348834, 5.38492486707660234 52.15917035381412603, 5.38492486707660234 52.15917035381412603)))</t>
  </si>
  <si>
    <t>MultiPolygon (((5.38743487592417303 52.1542616257856082, 5.39188141207482108 52.15416470008302241, 5.39284237575169279 52.15340616533769236, 5.38934685059088547 52.1523108454899571, 5.38632242495130331 52.15264775155105781, 5.38438750561796997 52.15366003454992949, 5.38422962656160831 52.15382032163329029, 5.38729342965291114 52.15437011946407608, 5.38743487592417303 52.1542616257856082, 5.38743487592417303 52.1542616257856082)))</t>
  </si>
  <si>
    <t>MultiPolygon (((5.39799043505483667 52.15675113334614821, 5.39316852057114637 52.15354847271250804, 5.39284237575169279 52.15340616533769236, 5.39188141207482108 52.15416470008302241, 5.39307904948534311 52.15720792984845389, 5.39742851116132893 52.15873183492187337, 5.39799043505483667 52.15675113334614821, 5.39799043505483667 52.15675113334614821)))</t>
  </si>
  <si>
    <t>MultiPolygon (((5.39449978948286901 52.16024477752232258, 5.39742851116132893 52.15873183492187337, 5.39307904948534311 52.15720792984845389, 5.39121823459418792 52.15805999371860935, 5.38637639403620661 52.15802506692980955, 5.38492486707660234 52.15917035381412603, 5.38969505032066643 52.16048363978507751, 5.39449978948286901 52.16024477752232258)))</t>
  </si>
  <si>
    <t>MultiPolygon (((5.3895137702150322 52.15540416386385658, 5.38743487592417303 52.1542616257856082, 5.38729342965291114 52.15437011946407608, 5.38568216867516902 52.15692358192409017, 5.38637639403620661 52.15802506692980955, 5.3895137702150322 52.15540416386385658, 5.3895137702150322 52.15540416386385658)))</t>
  </si>
  <si>
    <t>MultiPolygon (((5.39188141207482108 52.15416470008302241, 5.38743487592417303 52.1542616257856082, 5.3895137702150322 52.15540416386385658, 5.39188141207482108 52.15416470008302241, 5.39188141207482108 52.15416470008302241)))</t>
  </si>
  <si>
    <t>MultiPolygon (((5.39188141207482108 52.15416470008302241, 5.3895137702150322 52.15540416386385658, 5.39307904948534311 52.15720792984845389, 5.39188141207482108 52.15416470008302241, 5.39188141207482108 52.15416470008302241)))</t>
  </si>
  <si>
    <t>MultiPolygon (((5.39121823459418792 52.15805999371860935, 5.39307904948534311 52.15720792984845389, 5.3895137702150322 52.15540416386385658, 5.38637639403620661 52.15802506692980955, 5.39121823459418792 52.15805999371860935)))</t>
  </si>
  <si>
    <t>MultiPolygon (((6.66967305266233623 52.41736749721713551, 6.67544224588612867 52.41394208257448639, 6.67557677246124115 52.41301849949176983, 6.69863530341625069 52.39374107104791278, 6.69111257595489661 52.39280255955851828, 6.68524755104099722 52.39310809635231436, 6.68442279219669366 52.39092742361201971, 6.67600091575930943 52.39574890651731209, 6.67189591898714429 52.38885139802418678, 6.66715716817796 52.38992823242735142, 6.66416872199946564 52.38951429298557372, 6.65176171599401744 52.39871608252042279, 6.64762600503081913 52.3954536236300541, 6.64542552662457098 52.39646523301227177, 6.6401789719762716 52.39907981156785866, 6.63585633424937971 52.39528296253197936, 6.61834858573170859 52.38842972594038372, 6.61480244709155052 52.38644736655196965, 6.60946381402642036 52.38954444920375408, 6.61025881414379768 52.38997206950619301, 6.605496992362764 52.39660145781607525, 6.60987436808244766 52.39789219587973434, 6.62213302546158733 52.40150586572185887, 6.62561873361416076 52.39876927457359557, 6.64234652178411267 52.40575690823036581, 6.63652159200388247 52.41047901589563907, 6.64835847279092196 52.41559745034596318, 6.64919647072992159 52.4148837734983033, 6.65056308133145002 52.41506863275922257, 6.65831156871526542 52.4185111540548121, 6.66132270910578228 52.42332272641650093, 6.67023570619855022 52.42394108792804275, 6.67507456284763823 52.42285227763009914, 6.67255130517162964 52.42208462084635556, 6.66967305266233623 52.41736749721713551)))</t>
  </si>
  <si>
    <t>MultiPolygon (((6.68932244995987801 52.44704564949092429, 6.68296222346225033 52.4462723014909713, 6.67777758993205062 52.44414906193961912, 6.67644106662318926 52.44414102553449908, 6.67333394483958475 52.4414509979210095, 6.67258688263378019 52.43903477378032818, 6.67351859246777934 52.43449469540005481, 6.67726816332022821 52.42987035779848526, 6.67788734296665609 52.42799329405013964, 6.67533047122571332 52.42701749550146673, 6.67420798171307261 52.42489653724279464, 6.67279677593434695 52.4250492324314763, 6.67297678054143351 52.42618431821804137, 6.66498969418114307 52.42618199439367999, 6.6648423520081268 52.42882169124654723, 6.65735962044957752 52.42739592296679518, 6.6551332683966189 52.44295947565638016, 6.6598896280207267 52.44247914960357093, 6.6749027390253417 52.45080532030318921, 6.68861727108468429 52.45144380468208567, 6.68932244995987801 52.44704564949092429)))</t>
  </si>
  <si>
    <t>MultiPolygon (((6.6551332683966189 52.44295947565638016, 6.65735962044957752 52.42739592296679518, 6.65635093475428974 52.42719254042272325, 6.65683547507820084 52.4257348728189001, 6.65578995156903108 52.42440215609786947, 6.65237808940303754 52.42289484382840925, 6.63241317644578121 52.41785697102618258, 6.62933335487695707 52.41708160190315624, 6.62779796699222157 52.41826474524358304, 6.62330920159266512 52.41768493473808377, 6.61990987067863479 52.41587621820311682, 6.60673851722217087 52.41451700003370462, 6.60580777870808777 52.41487406227291501, 6.60044508226281046 52.41395733842644233, 6.59935117780277469 52.41604857371559945, 6.59372407136252825 52.41493634623101627, 6.58494238505048557 52.43177259864213369, 6.58818987685672663 52.43415204435612509, 6.58872347144254267 52.43159663862134323, 6.61982840415619123 52.43942303671283156, 6.6198751493670045 52.43555280407543506, 6.62923862908887518 52.43826653358282641, 6.64346343219123003 52.44189160640965497, 6.65172051464516478 52.4431419213110388, 6.6551332683966189 52.44295947565638016)))</t>
  </si>
  <si>
    <t>MultiPolygon (((6.59372407136252825 52.41493634623101627, 6.59299570771135901 52.41361576462979599, 6.58130905027822877 52.40968042458598575, 6.57595193556487079 52.41751349818893146, 6.57246948211744808 52.42331503850483898, 6.57335095366148447 52.42331436258740496, 6.58494238505048557 52.43177259864213369, 6.59372407136252825 52.41493634623101627, 6.59372407136252825 52.41493634623101627)))</t>
  </si>
  <si>
    <t>MultiPolygon (((6.59518811972047114 52.48030329628956281, 6.60103502248788132 52.47947023166091896, 6.61142120250775278 52.46686491793702345, 6.60996695382357302 52.46644260724831099, 6.61713404089047952 52.45773241296804201, 6.61985075458202754 52.45484951024286602, 6.61290994494273576 52.45322272719941026, 6.59700334495486995 52.44940233302937571, 6.59638670005744387 52.45480781561877848, 6.58359223637264623 52.45051493987185154, 6.58244736441489486 52.45528061339005887, 6.58115766692315951 52.45483091370237361, 6.58060231884345992 52.45792700565791478, 6.57940827434874986 52.45857131954839048, 6.57836340122750762 52.46228911157114538, 6.57712576147614936 52.46205978793503988, 6.57471179318366428 52.47208984237239093, 6.57299061693987507 52.4842715404030713, 6.59518811972047114 52.48030329628956281, 6.59518811972047114 52.48030329628956281)))</t>
  </si>
  <si>
    <t>MultiPolygon (((6.57712576147614936 52.46205978793503988, 6.57836340122750762 52.46228911157114538, 6.57940827434874986 52.45857131954839048, 6.58060231884345992 52.45792700565791478, 6.58115766692315951 52.45483091370237361, 6.58244736441489486 52.45528061339005887, 6.58359223637264623 52.45051493987185154, 6.57484435219352115 52.44757828318382309, 6.57278492931510527 52.44688801383883714, 6.57163286272056002 52.44650372009977701, 6.57104510490135763 52.44839559650656469, 6.57162097706489678 52.44857802850172135, 6.5697574510591652 52.45679733807541112, 6.56804440517137156 52.46916305946341907, 6.56764200410377086 52.47157224608738346, 6.57471179318366428 52.47208984237239093, 6.57712576147614936 52.46205978793503988)))</t>
  </si>
  <si>
    <t>MultiPolygon (((6.57299061693987507 52.4842715404030713, 6.57471179318366428 52.47208984237239093, 6.56764200410377086 52.47157224608738346, 6.56528907612432455 52.48565409292456252, 6.57299061693987507 52.4842715404030713, 6.57299061693987507 52.4842715404030713)))</t>
  </si>
  <si>
    <t>MultiPolygon (((6.57162097706489678 52.44857802850172135, 6.57104510490135763 52.44839559650656469, 6.57004784242677431 52.44807063234152622, 6.5705223672147719 52.44752203228495802, 6.5668391271093256 52.44627744833604766, 6.56632692648687488 52.44681831009637563, 6.56335547882806125 52.44582782599051995, 6.55864130837647874 52.44886884692757434, 6.55837026959232361 52.45355945402388187, 6.5655670259016583 52.45402378745986738, 6.56530997118064885 52.45578242125259294, 6.5697574510591652 52.45679733807541112, 6.57162097706489678 52.44857802850172135)))</t>
  </si>
  <si>
    <t>MultiPolygon (((6.5697574510591652 52.45679733807541112, 6.56530997118064885 52.45578242125259294, 6.5655670259016583 52.45402378745986738, 6.55837026959232361 52.45355945402388187, 6.55864130837647874 52.44886884692757434, 6.55534707800162852 52.44884437253956833, 6.54651466133883364 52.45057686626047655, 6.5460871957561011 52.45668629826433005, 6.54309126368964655 52.45634141902990422, 6.54274247230092421 52.45832338642465942, 6.54576723081633638 52.45881566875677038, 6.54425532646700692 52.46505239536203646, 6.54845513689647696 52.46516192775726495, 6.5571731599192038 52.4655348565397972, 6.55930656314431193 52.46742561076834477, 6.56804440517137156 52.46916305946341907, 6.5697574510591652 52.45679733807541112)))</t>
  </si>
  <si>
    <t>MultiPolygon (((6.55446346012077985 52.48759328849146044, 6.56528907612432455 52.48565409292456252, 6.56764200410377086 52.47157224608738346, 6.56804440517137156 52.46916305946341907, 6.55930656314431193 52.46742561076834477, 6.5571731599192038 52.4655348565397972, 6.54845513689647696 52.46516192775726495, 6.53975463497163556 52.48407924856864071, 6.53440252467860283 52.48897537117501599, 6.55446346012077985 52.48759328849146044)))</t>
  </si>
  <si>
    <t>MultiPolygon (((6.50978749901747999 52.49066645977294598, 6.53440252467860283 52.48897537117501599, 6.53975463497163556 52.48407924856864071, 6.54845513689647696 52.46516192775726495, 6.54425532646700692 52.46505239536203646, 6.54576723081633638 52.45881566875677038, 6.54274247230092421 52.45832338642465942, 6.53238553176925674 52.45736292196799866, 6.52399215916485087 52.4550095982251392, 6.5146325167009369 52.45424454896432565, 6.50666463769905423 52.46061398345451465, 6.50976263442523884 52.46132468372550761, 6.50022546692028591 52.47067228865936528, 6.49850009502845882 52.47123122575062837, 6.49541834934861928 52.47093168086843917, 6.48963772115422355 52.47153232472052764, 6.48872860317474309 52.47394823491359972, 6.49704588889174772 52.47776846856072552, 6.50329631906083439 52.47868022459213222, 6.50377316342752199 52.48172168176893138, 6.50546875131645752 52.49096261412964282, 6.50978749901747999 52.49066645977294598)))</t>
  </si>
  <si>
    <t>MultiPolygon (((6.5146325167009369 52.45424454896432565, 6.52399215916485087 52.4550095982251392, 6.53238553176925674 52.45736292196799866, 6.54274247230092421 52.45832338642465942, 6.54309126368964655 52.45634141902990422, 6.5460871957561011 52.45668629826433005, 6.54651466133883364 52.45057686626047655, 6.54299487449368922 52.45122640590746244, 6.53791400190658312 52.44975188837130986, 6.53103665078471796 52.44621810940587636, 6.53017089107578474 52.4449703889837906, 6.53052623940288512 52.44329870288078155, 6.52840374697482595 52.44066449733013258, 6.52450317510025712 52.43976040156734797, 6.52116255519385124 52.4402707232308245, 6.5185048233626226 52.43940208484759324, 6.51775636613655962 52.43779436363374202, 6.51090130246758214 52.43717339990575255, 6.5002292031268798 52.43829464788782246, 6.48034314302518766 52.44033274569059699, 6.47972590537133009 52.44115795223559928, 6.47530936264827961 52.44100267516212455, 6.48330139967828423 52.45332412082002804, 6.48608862269501607 52.45409601424196211, 6.48906219670823603 52.45493754227624095, 6.48952907840089921 52.45917569818501391, 6.49783424574454216 52.45793336151166386, 6.50352811767244088 52.45881235410253396, 6.50666463769905423 52.46061398345451465, 6.5146325167009369 52.45424454896432565)))</t>
  </si>
  <si>
    <t>MultiPolygon (((6.49541834934861928 52.47093168086843917, 6.49850009502845882 52.47123122575062837, 6.50022546692028591 52.47067228865936528, 6.50976263442523884 52.46132468372550761, 6.50666463769905423 52.46061398345451465, 6.50352811767244088 52.45881235410253396, 6.49783424574454216 52.45793336151166386, 6.48952907840089921 52.45917569818501391, 6.48906219670823603 52.45493754227624095, 6.48608862269501607 52.45409601424196211, 6.48450328412211796 52.46203680407756309, 6.48343760377654998 52.46280781254149872, 6.47859953547190592 52.46387825617808431, 6.48046881109652695 52.46583644961724247, 6.48414733171990942 52.46693221677130481, 6.49094890426056903 52.46782268349694078, 6.48963772115422355 52.47153232472052764, 6.49541834934861928 52.47093168086843917, 6.49541834934861928 52.47093168086843917)))</t>
  </si>
  <si>
    <t>MultiPolygon (((6.50329631906083439 52.47868022459213222, 6.49704588889174772 52.47776846856072552, 6.48872860317474309 52.47394823491359972, 6.48963772115422355 52.47153232472052764, 6.49094890426056903 52.46782268349694078, 6.48414733171990942 52.46693221677130481, 6.48046881109652695 52.46583644961724247, 6.47859953547190592 52.46387825617808431, 6.48343760377654998 52.46280781254149872, 6.48450328412211796 52.46203680407756309, 6.48608862269501607 52.45409601424196211, 6.48330139967828423 52.45332412082002804, 6.47530936264827961 52.44100267516212455, 6.47505190180971368 52.44108350158268905, 6.47368557643823461 52.44289614455570359, 6.46923279593669154 52.44499674201931327, 6.45735543084543551 52.45498582829389278, 6.45348957539183754 52.46002213454781327, 6.4485496355916565 52.46030744097445364, 6.44876002860346276 52.46113084147805239, 6.45009830074975188 52.46125641764557201, 6.45137701509598482 52.46152504648171799, 6.44994291652430185 52.46193506793402861, 6.44752877998286156 52.4649453610948413, 6.44837518302306467 52.4664686613875233, 6.45040570888800602 52.46689127408684783, 6.45154532720255425 52.46474181339145559, 6.45235536839071155 52.46451665612157456, 6.45327331527546022 52.46648928343043394, 6.45073393526758476 52.46793621161315713, 6.4506792847022707 52.4688002983443198, 6.4526442499500396 52.46949014094008135, 6.45247911846046307 52.47100222158512395, 6.45364510197220387 52.47131620723929757, 6.45291243893003852 52.47004781192477907, 6.45426013023848366 52.46931905933268325, 6.45868242870918774 52.46997465132768923, 6.46144938795002144 52.47136270107237976, 6.46071357284695402 52.47195425719947792, 6.4616214294096439 52.47225893296693044, 6.46150440740964704 52.47334066492371818, 6.46545151716999822 52.47511546259190851, 6.47244244602655261 52.47568832526307148, 6.47840512492060494 52.4776045005182894, 6.48857595358589379 52.47686220772826005, 6.49250400754474466 52.47925863417641779, 6.4957896735348859 52.47925619354814586, 6.49480890766522467 52.48100208633918129, 6.49742757987938635 52.48129246431324901, 6.50377316342752199 52.48172168176893138, 6.50329631906083439 52.47868022459213222)))</t>
  </si>
  <si>
    <t>MultiPolygon (((6.67308698800904398 52.49362732616888394, 6.69348535675662326 52.48632710880877994, 6.69758462090521345 52.48629823858710353, 6.71770668588553033 52.47813155024854126, 6.71067850129370935 52.47118453104442182, 6.71008252734997956 52.4705992189072532, 6.70672782031009262 52.4667507071122543, 6.70159466691262296 52.46116270102446322, 6.69891699008855657 52.45679518259775165, 6.69942087690981936 52.45381153518591333, 6.69757616646204568 52.45164494426107638, 6.69657763184449628 52.45173455086972325, 6.69611603165657332 52.45127829296461641, 6.69483235341178595 52.45081117943308158, 6.69224963799012773 52.44742720994844376, 6.68932244995987801 52.44704564949092429, 6.68861727108468429 52.45144380468208567, 6.6749027390253417 52.45080532030318921, 6.6598896280207267 52.44247914960357093, 6.6551332683966189 52.44295947565638016, 6.65172051464516478 52.4431419213110388, 6.64346343219123003 52.44189160640965497, 6.62923862908887518 52.43826653358282641, 6.62879754967298496 52.44448893535913925, 6.62646374341944355 52.45964796753039394, 6.6329539917716458 52.4612930256204848, 6.63155300098737577 52.46612184104686349, 6.64058444952486049 52.47310514597305797, 6.64154122649327672 52.4712438532698755, 6.64955560218895858 52.47308988452473244, 6.65110023141197892 52.47515677543059809, 6.64745961703227284 52.47861403920713741, 6.65457821032148722 52.4827152434677231, 6.65365903079851329 52.48783216335337443, 6.66328312677265178 52.49248650356435775, 6.66930127797826344 52.4949807332800944, 6.67308698800904398 52.49362732616888394)))</t>
  </si>
  <si>
    <t>MultiPolygon (((6.61378106689917633 52.44831135289400947, 6.61939691312621825 52.44966185635905731, 6.6201097218048357 52.4449410954920836, 6.61963927385406858 52.44425321833472964, 6.6184328311507219 52.44415229603783501, 6.61880244007090557 52.44256759476300545, 6.62879754967298496 52.44448893535913925, 6.62923862908887518 52.43826653358282641, 6.6198751493670045 52.43555280407543506, 6.61982840415619123 52.43942303671283156, 6.58872347144254267 52.43159663862134323, 6.58818987685672663 52.43415204435612509, 6.59814759359439318 52.43902936303938844, 6.59700334495486995 52.44940233302937571, 6.61290994494273576 52.45322272719941026, 6.61378106689917633 52.44831135289400947)))</t>
  </si>
  <si>
    <t>MultiPolygon (((6.62879754967298496 52.44448893535913925, 6.61880244007090557 52.44256759476300545, 6.6184328311507219 52.44415229603783501, 6.61963927385406858 52.44425321833472964, 6.6201097218048357 52.4449410954920836, 6.61939691312621825 52.44966185635905731, 6.61378106689917633 52.44831135289400947, 6.61290994494273576 52.45322272719941026, 6.61985075458202754 52.45484951024286602, 6.61713404089047952 52.45773241296804201, 6.62646374341944355 52.45964796753039394, 6.62879754967298496 52.44448893535913925)))</t>
  </si>
  <si>
    <t>MultiPolygon (((6.62646374341944355 52.45964796753039394, 6.61713404089047952 52.45773241296804201, 6.60996695382357302 52.46644260724831099, 6.61142120250775278 52.46686491793702345, 6.61300138377632685 52.46560324783501983, 6.61605981391004594 52.46882955263541959, 6.62260703990184663 52.47147526613854751, 6.62646374341944355 52.45964796753039394)))</t>
  </si>
  <si>
    <t>MultiPolygon (((6.63121680485233966 52.47197258753183036, 6.63562064925082939 52.47164722503359968, 6.64058444952486049 52.47310514597305797, 6.63155300098737577 52.46612184104686349, 6.6329539917716458 52.4612930256204848, 6.62646374341944355 52.45964796753039394, 6.62260703990184663 52.47147526613854751, 6.62682082561211594 52.47383125987133212, 6.63121680485233966 52.47197258753183036)))</t>
  </si>
  <si>
    <t>MultiPolygon (((6.66498969418114307 52.42618199439367999, 6.67297678054143351 52.42618431821804137, 6.67279677593434695 52.4250492324314763, 6.67420798171307261 52.42489653724279464, 6.67423544736903729 52.42435472178645739, 6.67654861156956692 52.42365478946914692, 6.67507456284763823 52.42285227763009914, 6.67023570619855022 52.42394108792804275, 6.66132270910578228 52.42332272641650093, 6.65831156871526542 52.4185111540548121, 6.65056308133145002 52.41506863275922257, 6.64919647072992159 52.4148837734983033, 6.64835847279092196 52.41559745034596318, 6.63652159200388247 52.41047901589563907, 6.63394276245954906 52.41508045409280214, 6.63241317644578121 52.41785697102618258, 6.65237808940303754 52.42289484382840925, 6.65578995156903108 52.42440215609786947, 6.65683547507820084 52.4257348728189001, 6.65635093475428974 52.42719254042272325, 6.65735962044957752 52.42739592296679518, 6.6648423520081268 52.42882169124654723, 6.66498969418114307 52.42618199439367999, 6.66498969418114307 52.42618199439367999)))</t>
  </si>
  <si>
    <t>MultiPolygon (((6.63652159200388247 52.41047901589563907, 6.64234652178411267 52.40575690823036581, 6.62561873361416076 52.39876927457359557, 6.62213302546158733 52.40150586572185887, 6.62240814808459266 52.40211981733284574, 6.61878807997075835 52.40674277495639188, 6.62139223658534792 52.40791284652284787, 6.61946780793510392 52.41025502036854533, 6.62123617915790419 52.41083282150304967, 6.63394276245954906 52.41508045409280214, 6.63652159200388247 52.41047901589563907, 6.63652159200388247 52.41047901589563907)))</t>
  </si>
  <si>
    <t>MultiPolygon (((6.62240814808459266 52.40211981733284574, 6.62213302546158733 52.40150586572185887, 6.60987436808244766 52.39789219587973434, 6.60627531898005138 52.40298861883913872, 6.61878807997075835 52.40674277495639188, 6.62240814808459266 52.40211981733284574)))</t>
  </si>
  <si>
    <t>MultiPolygon (((6.62123617915790419 52.41083282150304967, 6.61946780793510392 52.41025502036854533, 6.62139223658534792 52.40791284652284787, 6.61878807997075835 52.40674277495639188, 6.60627531898005138 52.40298861883913872, 6.60525037242276625 52.40490108965125415, 6.60404126817392889 52.40703016562597583, 6.61044454376187218 52.40894689898325254, 6.61618414344164663 52.41189829657474064, 6.62030723919632091 52.41315666908758431, 6.62123617915790419 52.41083282150304967)))</t>
  </si>
  <si>
    <t>MultiPolygon (((6.62933335487695707 52.41708160190315624, 6.63241317644578121 52.41785697102618258, 6.63394276245954906 52.41508045409280214, 6.62123617915790419 52.41083282150304967, 6.62030723919632091 52.41315666908758431, 6.61618414344164663 52.41189829657474064, 6.61044454376187218 52.40894689898325254, 6.60404126817392889 52.40703016562597583, 6.60044508226281046 52.41395733842644233, 6.60580777870808777 52.41487406227291501, 6.60673851722217087 52.41451700003370462, 6.61990987067863479 52.41587621820311682, 6.62330920159266512 52.41768493473808377, 6.62779796699222157 52.41826474524358304, 6.62933335487695707 52.41708160190315624, 6.62933335487695707 52.41708160190315624)))</t>
  </si>
  <si>
    <t>MultiPolygon (((6.60627531898005138 52.40298861883913872, 6.60987436808244766 52.39789219587973434, 6.605496992362764 52.39660145781607525, 6.60108181229142854 52.4033474239093735, 6.60525037242276625 52.40490108965125415, 6.60627531898005138 52.40298861883913872, 6.60627531898005138 52.40298861883913872)))</t>
  </si>
  <si>
    <t>MultiPolygon (((6.60044508226281046 52.41395733842644233, 6.60404126817392889 52.40703016562597583, 6.60525037242276625 52.40490108965125415, 6.60108181229142854 52.4033474239093735, 6.59372407136252825 52.41493634623101627, 6.59935117780277469 52.41604857371559945, 6.60044508226281046 52.41395733842644233, 6.60044508226281046 52.41395733842644233)))</t>
  </si>
  <si>
    <t>MultiPolygon (((6.60108181229142854 52.4033474239093735, 6.605496992362764 52.39660145781607525, 6.61025881414379768 52.38997206950619301, 6.60946381402642036 52.38954444920375408, 6.59885119932196229 52.38365830018241098, 6.59685473409388567 52.38664060489173835, 6.58130905027822877 52.40968042458598575, 6.59299570771135901 52.41361576462979599, 6.59372407136252825 52.41493634623101627, 6.60108181229142854 52.4033474239093735)))</t>
  </si>
  <si>
    <t>MultiPolygon (((6.6949451984257653 52.32682289979353385, 6.7068906951817624 52.32103439812873802, 6.70435385182726673 52.31973633965803572, 6.70583734692545708 52.3180244864395263, 6.6915931953901584 52.31423464448398875, 6.69231953956862036 52.3139676016956443, 6.68948131060250883 52.30958863576181272, 6.6909401981243084 52.30839106427342244, 6.68363656096243997 52.30620484316015251, 6.66609517932346041 52.29825206739592858, 6.65751978539378886 52.29485430462855078, 6.64746457827603976 52.29371098888163516, 6.62606625201986965 52.28997394757922024, 6.63178233097902492 52.30177990966697621, 6.61874746033969785 52.30617548917083326, 6.6111038867047256 52.30752640480498172, 6.6167820152427943 52.30910180471195048, 6.61605364484522873 52.30992721201476314, 6.61400844364263829 52.30984185849327872, 6.61491416060404003 52.31121843433547269, 6.61279622429737657 52.31256720583966313, 6.61013642027268578 52.31333907734062905, 6.60922158860168008 52.31247216078376994, 6.60476276947048291 52.31222533496394078, 6.60829322044183076 52.31590085717733274, 6.6125056968350906 52.31978351949407369, 6.61902026546470257 52.32614513640313447, 6.61727636634704108 52.32827992318193111, 6.62835515509231232 52.32546346012952654, 6.63167560789449784 52.31637970244626246, 6.6387583686709597 52.31798301296257847, 6.65278884521114744 52.31599524938473422, 6.66846208179610755 52.31610318319446407, 6.67106792772751156 52.31681494208356042, 6.67290271771153609 52.31866115610939261, 6.65343600293522375 52.32305381406005296, 6.65478337397476061 52.32634580253693457, 6.65474559219585515 52.32908358927971193, 6.66693012243799465 52.32946705154574119, 6.68326948818584388 52.32949471861816448, 6.68847169198669977 52.33026406133214437, 6.6949451984257653 52.32682289979353385),(6.65259896329617373 52.31401611713858557, 6.65155654699710119 52.31272349723491999, 6.6518664447116489 52.30951928676712726, 6.64911441006733828 52.30844281460594658, 6.64726285351442314 52.3062929870805533, 6.65966098525763428 52.30240886918065968, 6.66111534928388238 52.30460695780455893, 6.65876520656536641 52.30474629097943762, 6.65711617394792299 52.30690117526367544, 6.65686903238493333 52.30946483874640052, 6.65878434575902478 52.30989533911957068, 6.65912469824305564 52.31229619219802629, 6.6582570491814419 52.31407976427760786, 6.65259896329617373 52.31401611713858557)))</t>
  </si>
  <si>
    <t>MultiPolygon (((6.6582570491814419 52.31407976427760786, 6.65912469824305564 52.31229619219802629, 6.65878434575902478 52.30989533911957068, 6.65686903238493333 52.30946483874640052, 6.65711617394792299 52.30690117526367544, 6.65876520656536641 52.30474629097943762, 6.66111534928388238 52.30460695780455893, 6.65966098525763428 52.30240886918065968, 6.64726285351442314 52.3062929870805533, 6.64911441006733828 52.30844281460594658, 6.6518664447116489 52.30951928676712726, 6.65155654699710119 52.31272349723491999, 6.65259896329617373 52.31401611713858557, 6.6582570491814419 52.31407976427760786, 6.6582570491814419 52.31407976427760786)))</t>
  </si>
  <si>
    <t>MultiPolygon (((6.63256741508260017 52.38357721224426911, 6.63598693234185522 52.37973937844088113, 6.63387193058017566 52.37893123873049461, 6.63725650123227773 52.37454593624187993, 6.63321372881041071 52.37268417000741039, 6.62623566905505079 52.37797522502003034, 6.62041172593426808 52.38251565550035593, 6.62715991061972876 52.38539282889017556, 6.63256741508260017 52.38357721224426911, 6.63256741508260017 52.38357721224426911)))</t>
  </si>
  <si>
    <t>MultiPolygon (((6.63321372881041071 52.37268417000741039, 6.63470319181479695 52.37144835243113761, 6.63407762001632495 52.3699521674507551, 6.62784051219137638 52.36886913623519035, 6.62395614632849128 52.3669605637408111, 6.61857104260997797 52.37097745324184928, 6.61869435856557153 52.37433463161758596, 6.62623566905505079 52.37797522502003034, 6.63321372881041071 52.37268417000741039, 6.63321372881041071 52.37268417000741039)))</t>
  </si>
  <si>
    <t>MultiPolygon (((6.66960164436790226 52.34051917126381426, 6.68847169198669977 52.33026406133214437, 6.68326948818584388 52.32949471861816448, 6.66693012243799465 52.32946705154574119, 6.6675215004265036 52.34011480065370137, 6.66960164436790226 52.34051917126381426, 6.66960164436790226 52.34051917126381426)),((6.62043033386985691 52.34144533436828084, 6.62356230958174841 52.33520434789127052, 6.62530931700139636 52.33172234567292946, 6.62815780306063562 52.32604374441303463, 6.62835515509231232 52.32546346012952654, 6.61727636634704108 52.32827992318193111, 6.60551093860430338 52.33449612448475818, 6.59895785299267601 52.34015798724814772, 6.61498232124069396 52.34024644492801315, 6.62043033386985691 52.34144533436828084, 6.62043033386985691 52.34144533436828084)))</t>
  </si>
  <si>
    <t>MultiPolygon (((6.63989918312058425 52.32491409993188825, 6.65338866372335502 52.32255124636103005, 6.65343600293522375 52.32305381406005296, 6.67290271771153609 52.31866115610939261, 6.67106792772751156 52.31681494208356042, 6.66846208179610755 52.31610318319446407, 6.65278884521114744 52.31599524938473422, 6.6387583686709597 52.31798301296257847, 6.63167560789449784 52.31637970244626246, 6.62835515509231232 52.32546346012952654, 6.62815780306063562 52.32604374441303463, 6.63989918312058425 52.32491409993188825, 6.63989918312058425 52.32491409993188825)))</t>
  </si>
  <si>
    <t>MultiPolygon (((6.6675215004265036 52.34011480065370137, 6.66693012243799465 52.32946705154574119, 6.65474559219585515 52.32908358927971193, 6.66145541197927127 52.34050911201764222, 6.6675215004265036 52.34011480065370137, 6.6675215004265036 52.34011480065370137)))</t>
  </si>
  <si>
    <t>MultiPolygon (((6.65474559219585515 52.32908358927971193, 6.65478337397476061 52.32634580253693457, 6.65343600293522375 52.32305381406005296, 6.65338866372335502 52.32255124636103005, 6.63989918312058425 52.32491409993188825, 6.64026766260446077 52.32802253940637627, 6.64613707058338399 52.32825942478130088, 6.64654836573831886 52.33059903241995414, 6.64872902532674104 52.33017058939798005, 6.65030725095950181 52.33320094680014734, 6.65349380931540768 52.33337873617416136, 6.65558805715030388 52.33642635738962667, 6.64757083066525922 52.33636808002903251, 6.64802658707844252 52.33798026403285064, 6.64851663201269272 52.33956465263389646, 6.65763116810000533 52.3402079123385775, 6.66145541197927127 52.34050911201764222, 6.65474559219585515 52.32908358927971193)))</t>
  </si>
  <si>
    <t>MultiPolygon (((6.65558805715030388 52.33642635738962667, 6.65349380931540768 52.33337873617416136, 6.65030725095950181 52.33320094680014734, 6.64872902532674104 52.33017058939798005, 6.64654836573831886 52.33059903241995414, 6.6471619855451749 52.33399848372586405, 6.64757083066525922 52.33636808002903251, 6.65558805715030388 52.33642635738962667, 6.65558805715030388 52.33642635738962667)))</t>
  </si>
  <si>
    <t>MultiPolygon (((6.64654836573831886 52.33059903241995414, 6.64613707058338399 52.32825942478130088, 6.64026766260446077 52.32802253940637627, 6.63708062377530705 52.32816667382400766, 6.63705272898393606 52.33215362518262737, 6.63704744148558134 52.33363595640786059, 6.6471619855451749 52.33399848372586405, 6.64654836573831886 52.33059903241995414, 6.64654836573831886 52.33059903241995414)))</t>
  </si>
  <si>
    <t>MultiPolygon (((6.64802658707844252 52.33798026403285064, 6.64757083066525922 52.33636808002903251, 6.6471619855451749 52.33399848372586405, 6.63704744148558134 52.33363595640786059, 6.63704219639798421 52.33541099848972067, 6.63706046974756081 52.33846025611600083, 6.63725509649131418 52.34032587700774286, 6.64802658707844252 52.33798026403285064)))</t>
  </si>
  <si>
    <t>MultiPolygon (((6.63705272898393606 52.33215362518262737, 6.63708062377530705 52.32816667382400766, 6.64026766260446077 52.32802253940637627, 6.63989918312058425 52.32491409993188825, 6.62815780306063562 52.32604374441303463, 6.62530931700139636 52.33172234567292946, 6.63705272898393606 52.33215362518262737, 6.63705272898393606 52.33215362518262737)))</t>
  </si>
  <si>
    <t>MultiPolygon (((6.63704744148558134 52.33363595640786059, 6.63705272898393606 52.33215362518262737, 6.62530931700139636 52.33172234567292946, 6.62356230958174841 52.33520434789127052, 6.62618553578822933 52.33519207243164573, 6.63704219639798421 52.33541099848972067, 6.63704744148558134 52.33363595640786059, 6.63704744148558134 52.33363595640786059)))</t>
  </si>
  <si>
    <t>MultiPolygon (((6.63706046974756081 52.33846025611600083, 6.63704219639798421 52.33541099848972067, 6.62618553578822933 52.33519207243164573, 6.6261031459282469 52.33763755337002976, 6.63706046974756081 52.33846025611600083, 6.63706046974756081 52.33846025611600083)))</t>
  </si>
  <si>
    <t>MultiPolygon (((6.62682523832411796 52.34185435686999455, 6.6286976671374136 52.34077022520606448, 6.63725509649131418 52.34032587700774286, 6.63706046974756081 52.33846025611600083, 6.6261031459282469 52.33763755337002976, 6.62618553578822933 52.33519207243164573, 6.62356230958174841 52.33520434789127052, 6.62043033386985691 52.34144533436828084, 6.62576353970391629 52.34405566050438807, 6.62682523832411796 52.34185435686999455)))</t>
  </si>
  <si>
    <t>MultiPolygon (((6.63799661726722867 52.34545527474028859, 6.64291308071558362 52.34214055401780996, 6.64851663201269272 52.33956465263389646, 6.64802658707844252 52.33798026403285064, 6.63725509649131418 52.34032587700774286, 6.6286976671374136 52.34077022520606448, 6.62682523832411796 52.34185435686999455, 6.62576353970391629 52.34405566050438807, 6.63581330257373025 52.34582117779032728, 6.63799661726722867 52.34545527474028859)))</t>
  </si>
  <si>
    <t>MultiPolygon (((6.66715716817796 52.38992823242735142, 6.67189591898714429 52.38885139802418678, 6.68126890234169935 52.38659344827173925, 6.67973297380691733 52.38495358381964451, 6.66783136511984598 52.38106101113226742, 6.66682563940466277 52.38476603649672825, 6.66416872199946564 52.38951429298557372, 6.66715716817796 52.38992823242735142)))</t>
  </si>
  <si>
    <t>MultiPolygon (((6.6912367171627638 52.37867620089144793, 6.6926793577171777 52.3765228456119587, 6.690244308363134 52.37325636322781008, 6.68850444419509493 52.37292686807422371, 6.68464025648267857 52.37244645045198155, 6.67867798104891541 52.36923474717848848, 6.67830261860858343 52.37270519527571366, 6.67840966899519284 52.37797926149535499, 6.67980751315381127 52.3790309115687478, 6.68828823996644672 52.37890387790814373, 6.6912367171627638 52.37867620089144793, 6.6912367171627638 52.37867620089144793)))</t>
  </si>
  <si>
    <t>MultiPolygon (((6.68759021257440622 52.3840881433681318, 6.69153077498378579 52.38067186294033917, 6.6912367171627638 52.37867620089144793, 6.68828823996644672 52.37890387790814373, 6.68539218210142749 52.38222039698943178, 6.6808774819091381 52.38246236363059438, 6.67973297380691733 52.38495358381964451, 6.68126890234169935 52.38659344827173925, 6.68759021257440622 52.3840881433681318, 6.68759021257440622 52.3840881433681318)))</t>
  </si>
  <si>
    <t>MultiPolygon (((6.68539218210142749 52.38222039698943178, 6.68828823996644672 52.37890387790814373, 6.67980751315381127 52.3790309115687478, 6.6769374186485102 52.38054746106322312, 6.67678462159010433 52.38222212865851901, 6.6808774819091381 52.38246236363059438, 6.68539218210142749 52.38222039698943178)))</t>
  </si>
  <si>
    <t>MultiPolygon (((6.6808774819091381 52.38246236363059438, 6.67678462159010433 52.38222212865851901, 6.6769374186485102 52.38054746106322312, 6.67980751315381127 52.3790309115687478, 6.67840966899519284 52.37797926149535499, 6.67764500634441038 52.37830142336680694, 6.67558531142007983 52.37914663826366279, 6.66847144399795155 52.37886201485117965, 6.66783136511984598 52.38106101113226742, 6.67973297380691733 52.38495358381964451, 6.6808774819091381 52.38246236363059438, 6.6808774819091381 52.38246236363059438)))</t>
  </si>
  <si>
    <t>MultiPolygon (((6.67764500634441038 52.37830142336680694, 6.67840966899519284 52.37797926149535499, 6.67830261860858343 52.37270519527571366, 6.67523491700940053 52.37262867291859436, 6.67112267949374704 52.37531806598845918, 6.67044967664053257 52.37788144459172912, 6.67764500634441038 52.37830142336680694, 6.67764500634441038 52.37830142336680694)))</t>
  </si>
  <si>
    <t>MultiPolygon (((6.67558531142007983 52.37914663826366279, 6.67764500634441038 52.37830142336680694, 6.67044967664053257 52.37788144459172912, 6.67112267949374704 52.37531806598845918, 6.67523491700940053 52.37262867291859436, 6.67830261860858343 52.37270519527571366, 6.67867798104891541 52.36923474717848848, 6.67138171098191446 52.36715563502005466, 6.66847144399795155 52.37886201485117965, 6.67558531142007983 52.37914663826366279, 6.67558531142007983 52.37914663826366279)))</t>
  </si>
  <si>
    <t>MultiPolygon (((6.70518743611324286 52.36932474131144488, 6.71534986722774363 52.36732578194200016, 6.71602075230551954 52.36586944598774807, 6.71804938682225128 52.36216537353093514, 6.71969337296564806 52.3612889672362698, 6.7205631898132312 52.35232912666585747, 6.71428752640176896 52.34695350017564408, 6.71471668704892366 52.34631510962869783, 6.71200680777543823 52.34539895738778625, 6.70974089206106949 52.34343458354815937, 6.71364140191332748 52.34226635281036266, 6.7208456619462007 52.34120753596721443, 6.72101048500134368 52.34012766431336416, 6.71542233704352221 52.33647826913792755, 6.70944696654970318 52.33059981409275707, 6.7068411718457428 52.33225875765653257, 6.69849628418683718 52.33733279519143622, 6.68531996674202933 52.34357196946528745, 6.68990573275450018 52.344973552932899, 6.69051091193906622 52.34660059943782073, 6.68383895350051827 52.3508390675720392, 6.6873178577043646 52.35237006140859251, 6.68824819442092089 52.35178203723770451, 6.68984719107922388 52.35371079072382372, 6.68432246524581419 52.35530490821884086, 6.68110012327638181 52.35386548434603071, 6.67559360693083281 52.35320260549843852, 6.67488386611061468 52.3559182918463506, 6.67255084479226834 52.36211445059194602, 6.68749427359619908 52.36554284943694171, 6.69881810378669673 52.36842959341390014, 6.70518743611324286 52.36932474131144488)))</t>
  </si>
  <si>
    <t>MultiPolygon (((6.68383895350051827 52.3508390675720392, 6.69051091193906622 52.34660059943782073, 6.68990573275450018 52.344973552932899, 6.68531996674202933 52.34357196946528745, 6.68472472651459615 52.3439656566435545, 6.67725669831483071 52.34941274622993745, 6.67688574611309615 52.34990923510125782, 6.68283501335419938 52.35146560348647427, 6.68383895350051827 52.3508390675720392, 6.68383895350051827 52.3508390675720392)))</t>
  </si>
  <si>
    <t>MultiPolygon (((6.68984719107922388 52.35371079072382372, 6.68824819442092089 52.35178203723770451, 6.6873178577043646 52.35237006140859251, 6.68383895350051827 52.3508390675720392, 6.68283501335419938 52.35146560348647427, 6.67688574611309615 52.34990923510125782, 6.67559360693083281 52.35320260549843852, 6.68110012327638181 52.35386548434603071, 6.68432246524581419 52.35530490821884086, 6.68984719107922388 52.35371079072382372)))</t>
  </si>
  <si>
    <t>MultiPolygon (((6.67559360693083281 52.35320260549843852, 6.67688574611309615 52.34990923510125782, 6.67725669831483071 52.34941274622993745, 6.67524846092141022 52.34826762904004482, 6.66981635946935558 52.35018997796008478, 6.67149164171344911 52.35260540520182104, 6.67253995864601812 52.35276333531129467, 6.67196557585176642 52.35514242359261061, 6.67488386611061468 52.3559182918463506, 6.67559360693083281 52.35320260549843852, 6.67559360693083281 52.35320260549843852)))</t>
  </si>
  <si>
    <t>MultiPolygon (((6.67253995864601812 52.35276333531129467, 6.67149164171344911 52.35260540520182104, 6.66981635946935558 52.35018997796008478, 6.66880475707158293 52.35043715193010883, 6.66502196834169247 52.35146013482178518, 6.66517623630285261 52.35268656797642706, 6.66640913895086129 52.35390522374722622, 6.67196557585176642 52.35514242359261061, 6.67253995864601812 52.35276333531129467, 6.67253995864601812 52.35276333531129467)))</t>
  </si>
  <si>
    <t>MultiPolygon (((6.6574308155102111 52.34411481296201885, 6.65763116810000533 52.3402079123385775, 6.64851663201269272 52.33956465263389646, 6.6493129448141266 52.34063528504899665, 6.64777255038568171 52.34248348555038177, 6.64809780813548912 52.34474627119326584, 6.6574308155102111 52.34411481296201885, 6.6574308155102111 52.34411481296201885)))</t>
  </si>
  <si>
    <t>MultiPolygon (((6.64381307106413033 52.34704598342246129, 6.64742249250372996 52.3473824820673812, 6.64944684278726061 52.34702264256932835, 6.64809780813548912 52.34474627119326584, 6.64777255038568171 52.34248348555038177, 6.6493129448141266 52.34063528504899665, 6.64851663201269272 52.33956465263389646, 6.64291308071558362 52.34214055401780996, 6.63799661726722867 52.34545527474028859, 6.63581330257373025 52.34582117779032728, 6.64012092637218299 52.34826349043520821, 6.64381307106413033 52.34704598342246129)))</t>
  </si>
  <si>
    <t>MultiPolygon (((6.65789824219590454 52.34569343019702359, 6.6574308155102111 52.34411481296201885, 6.64809780813548912 52.34474627119326584, 6.64944684278726061 52.34702264256932835, 6.6500768787183544 52.34753215280021976, 6.65789824219590454 52.34569343019702359, 6.65789824219590454 52.34569343019702359)))</t>
  </si>
  <si>
    <t>MultiPolygon (((6.64494982938206924 52.34968269069279501, 6.64742846152536249 52.34933558450210001, 6.64742249250372996 52.3473824820673812, 6.64381307106413033 52.34704598342246129, 6.64012092637218299 52.34826349043520821, 6.64532742092917239 52.35060530796496892, 6.64494982938206924 52.34968269069279501, 6.64494982938206924 52.34968269069279501)))</t>
  </si>
  <si>
    <t>MultiPolygon (((6.66097948466521927 52.34547456282400901, 6.66145541197927127 52.34050911201764222, 6.65763116810000533 52.3402079123385775, 6.6574308155102111 52.34411481296201885, 6.65789824219590454 52.34569343019702359, 6.66031101848154972 52.34648344411665732, 6.66097948466521927 52.34547456282400901, 6.66097948466521927 52.34547456282400901)))</t>
  </si>
  <si>
    <t>MultiPolygon (((6.66960164436790226 52.34051917126381426, 6.6675215004265036 52.34011480065370137, 6.66145541197927127 52.34050911201764222, 6.66097948466521927 52.34547456282400901, 6.66960164436790226 52.34051917126381426)))</t>
  </si>
  <si>
    <t>MultiPolygon (((6.6500768787183544 52.34753215280021976, 6.64944684278726061 52.34702264256932835, 6.64742249250372996 52.3473824820673812, 6.64742846152536249 52.34933558450210001, 6.64494982938206924 52.34968269069279501, 6.64532742092917239 52.35060530796496892, 6.64592555409751906 52.35085986215841558, 6.64987524542279917 52.35232851226984252, 6.6500768787183544 52.34753215280021976)))</t>
  </si>
  <si>
    <t>MultiPolygon (((6.66031101848154972 52.34648344411665732, 6.65789824219590454 52.34569343019702359, 6.6500768787183544 52.34753215280021976, 6.65333118412497448 52.34996658840950801, 6.65946923444287187 52.35050102381593007, 6.66031101848154972 52.34648344411665732, 6.66031101848154972 52.34648344411665732)))</t>
  </si>
  <si>
    <t>MultiPolygon (((6.65693211731399881 52.35354239790530073, 6.65917927148280953 52.35207344842019239, 6.65946923444287187 52.35050102381593007, 6.65333118412497448 52.34996658840950801, 6.6500768787183544 52.34753215280021976, 6.64987524542279917 52.35232851226984252, 6.65487179957826935 52.35392797145316024, 6.65693211731399881 52.35354239790530073)))</t>
  </si>
  <si>
    <t>MultiPolygon (((6.61905985898759841 52.35696774604603831, 6.61858196314746561 52.34962005274168462, 6.62462371115616744 52.34966801826886496, 6.62494173423597399 52.35589686390511588, 6.63096408482528865 52.35588270304544523, 6.63763687414467629 52.35570522566935381, 6.64713993428152072 52.35545181960894467, 6.64829293302191626 52.35542102207389803, 6.64920069962039673 52.35360073464262598, 6.64638120042095881 52.35325542873344773, 6.64592555409751906 52.35085986215841558, 6.64532742092917239 52.35060530796496892, 6.64012092637218299 52.34826349043520821, 6.63581330257373025 52.34582117779032728, 6.62576353970391629 52.34405566050438807, 6.62043033386985691 52.34144533436828084, 6.61498232124069396 52.34024644492801315, 6.59895785299267601 52.34015798724814772, 6.59770479877281968 52.34289998533873245, 6.60467337965314982 52.34489774357035685, 6.60824425869215037 52.34911199472029608, 6.61020239379123531 52.35430850148757287, 6.61240332431217315 52.35573666835097129, 6.61405270142148982 52.35626876300805321, 6.61493277722216355 52.35889285121550785, 6.61905985898759841 52.35696774604603831)))</t>
  </si>
  <si>
    <t>MultiPolygon (((6.63942457823562826 52.35879597756598969, 6.63763687414467629 52.35570522566935381, 6.63096408482528865 52.35588270304544523, 6.63117825022018614 52.35910601321598534, 6.63739186436670625 52.35914038602074783, 6.63942457823562826 52.35879597756598969, 6.63942457823562826 52.35879597756598969)))</t>
  </si>
  <si>
    <t>MultiPolygon (((6.63933013349587764 52.36410254879656634, 6.63739186436670625 52.35914038602074783, 6.63117825022018614 52.35910601321598534, 6.63262194050117504 52.36248096272924357, 6.63427042452132287 52.36408498963238856, 6.63933013349587764 52.36410254879656634, 6.63933013349587764 52.36410254879656634)))</t>
  </si>
  <si>
    <t>MultiPolygon (((6.64691354346342589 52.35730893266036645, 6.64713993428152072 52.35545181960894467, 6.63763687414467629 52.35570522566935381, 6.63942457823562826 52.35879597756598969, 6.64691354346342589 52.35730893266036645)))</t>
  </si>
  <si>
    <t>MultiPolygon (((6.64611704329233621 52.36246020586257544, 6.64535226839751392 52.36136601853088024, 6.64691354346342589 52.35730893266036645, 6.63942457823562826 52.35879597756598969, 6.63739186436670625 52.35914038602074783, 6.63933013349587764 52.36410254879656634, 6.64611704329233621 52.36246020586257544)))</t>
  </si>
  <si>
    <t>MultiPolygon (((6.65231475686099927 52.35923288293206923, 6.65833797005601458 52.35448816845995168, 6.65532443581686906 52.35518847585182556, 6.64829293302191626 52.35542102207389803, 6.64713993428152072 52.35545181960894467, 6.64691354346342589 52.35730893266036645, 6.64535226839751392 52.36136601853088024, 6.64611704329233621 52.36246020586257544, 6.65231475686099927 52.35923288293206923)))</t>
  </si>
  <si>
    <t>MultiPolygon (((6.63262194050117504 52.36248096272924357, 6.63117825022018614 52.35910601321598534, 6.63096408482528865 52.35588270304544523, 6.62494173423597399 52.35589686390511588, 6.62462371115616744 52.34966801826886496, 6.61858196314746561 52.34962005274168462, 6.61905985898759841 52.35696774604603831, 6.61493277722216355 52.35889285121550785, 6.61537659128681366 52.36284465744239469, 6.61537657081252828 52.36284471338350954, 6.62140167077307051 52.36323366434449866, 6.63427042452132287 52.36408498963238856, 6.63262194050117504 52.36248096272924357, 6.63262194050117504 52.36248096272924357)))</t>
  </si>
  <si>
    <t>MultiPolygon (((6.65532443581686906 52.35518847585182556, 6.65833797005601458 52.35448816845995168, 6.65889124000015009 52.35344728179650531, 6.65917927148280953 52.35207344842019239, 6.65693211731399881 52.35354239790530073, 6.65487179957826935 52.35392797145316024, 6.64987524542279917 52.35232851226984252, 6.64592555409751906 52.35085986215841558, 6.64638120042095881 52.35325542873344773, 6.64920069962039673 52.35360073464262598, 6.64829293302191626 52.35542102207389803, 6.65532443581686906 52.35518847585182556)))</t>
  </si>
  <si>
    <t>MultiPolygon (((6.71270995009105498 52.37395665172522996, 6.71534986722774363 52.36732578194200016, 6.71534952855392042 52.36732584866380336, 6.70518743611324286 52.36932474131144488, 6.69881810378669673 52.36842959341390014, 6.69935844295771687 52.37085977066052322, 6.70797053366537988 52.37305782810187083, 6.70823361793035566 52.37689525766366927, 6.71346529747571541 52.37648907192283332, 6.71266377486251287 52.37426413454983987, 6.71270995009105498 52.37395665172522996)),((6.67600091575930943 52.39574890651731209, 6.68442279219669366 52.39092742361201971, 6.68524755104099722 52.39310809635231436, 6.69111257595489661 52.39280255955851828, 6.69863530341625069 52.39374107104791278, 6.69788164308821354 52.39127403229996105, 6.70104074198514166 52.3856473324556049, 6.69269856263610485 52.38427177206335017, 6.68759021257440622 52.3840881433681318, 6.68126890234169935 52.38659344827173925, 6.67189591898714429 52.38885139802418678, 6.67600091575930943 52.39574890651731209)))</t>
  </si>
  <si>
    <t>MultiPolygon (((6.7028057120770983 52.38255993754670214, 6.70530273651226771 52.37813180463351159, 6.70672848484521111 52.37736673446146796, 6.7070833048665115 52.37718449078965932, 6.70315955404504127 52.37675919680834369, 6.69534189365415777 52.37451967552604515, 6.6926793577171777 52.3765228456119587, 6.6912367171627638 52.37867620089144793, 6.69153077498378579 52.38067186294033917, 6.68759021257440622 52.3840881433681318, 6.69269856263610485 52.38427177206335017, 6.70104074198514166 52.3856473324556049, 6.7028057120770983 52.38255993754670214, 6.7028057120770983 52.38255993754670214)))</t>
  </si>
  <si>
    <t>MultiPolygon (((6.7070833048665115 52.37718449078965932, 6.70823361793035566 52.37689525766366927, 6.70797053366537988 52.37305782810187083, 6.69935844295771687 52.37085977066052322, 6.69534189365415777 52.37451967552604515, 6.70315955404504127 52.37675919680834369, 6.7070833048665115 52.37718449078965932, 6.7070833048665115 52.37718449078965932)))</t>
  </si>
  <si>
    <t>MultiPolygon (((6.68404178771557156 52.36919569671879771, 6.67905500251973105 52.3660882710227753, 6.67191316634089393 52.36513053674765672, 6.67138171098191446 52.36715563502005466, 6.67867798104891541 52.36923474717848848, 6.68464025648267857 52.37244645045198155, 6.68850444419509493 52.37292686807422371, 6.68404178771557156 52.36919569671879771, 6.68404178771557156 52.36919569671879771)))</t>
  </si>
  <si>
    <t>MultiPolygon (((6.6899359616479197 52.37125969991386398, 6.69248887275229087 52.37049925532092232, 6.69289207531592378 52.36950372795995179, 6.68647036100118441 52.36619839426933254, 6.68409419828299445 52.36744006277026386, 6.68505791503891 52.3682502141840942, 6.68404178771557156 52.36919569671879771, 6.68850444419509493 52.37292686807422371, 6.690244308363134 52.37325636322781008, 6.6899359616479197 52.37125969991386398)))</t>
  </si>
  <si>
    <t>MultiPolygon (((6.69534189365415777 52.37451967552604515, 6.69935844295771687 52.37085977066052322, 6.69881810378669673 52.36842959341390014, 6.68749427359619908 52.36554284943694171, 6.68647036100118441 52.36619839426933254, 6.69289207531592378 52.36950372795995179, 6.69248887275229087 52.37049925532092232, 6.6899359616479197 52.37125969991386398, 6.690244308363134 52.37325636322781008, 6.6926793577171777 52.3765228456119587, 6.69534189365415777 52.37451967552604515, 6.69534189365415777 52.37451967552604515)))</t>
  </si>
  <si>
    <t>MultiPolygon (((6.68505791503891 52.3682502141840942, 6.68409419828299445 52.36744006277026386, 6.68647036100118441 52.36619839426933254, 6.68749427359619908 52.36554284943694171, 6.67255084479226834 52.36211445059194602, 6.67191316634089393 52.36513053674765672, 6.67905500251973105 52.3660882710227753, 6.68404178771557156 52.36919569671879771, 6.68505791503891 52.3682502141840942)))</t>
  </si>
  <si>
    <t>MultiPolygon (((6.64542552662457098 52.39646523301227177, 6.64762600503081913 52.3954536236300541, 6.65176171599401744 52.39871608252042279, 6.66416872199946564 52.38951429298557372, 6.66682563940466277 52.38476603649672825, 6.66327494646120488 52.38279003571452819, 6.65758081254111556 52.38180613391519103, 6.65638232476953284 52.38071460464057338, 6.65682238501881862 52.3790997279190762, 6.65939977956811013 52.37730758308787671, 6.66473465239815077 52.37846101233463258, 6.66523899362609651 52.37661416637735101, 6.66195457326556628 52.37630755429690765, 6.66141727915611703 52.37413458336360605, 6.65809868187364096 52.37165623971639405, 6.6579750661625825 52.36964859384040238, 6.65905884475656418 52.36832059495485936, 6.6600186033077291 52.36750498372362017, 6.65993008024461997 52.3655562045800238, 6.65906030087196932 52.36570033914659206, 6.65709039811373415 52.36391831665301311, 6.65246404971142535 52.36586732728607529, 6.65056002784398803 52.36708982459845885, 6.64961494836853717 52.3690307508181121, 6.65008646715729057 52.37146335400998964, 6.65562304486276712 52.37483855306614799, 6.65456974037491111 52.37555907076254158, 6.64779792033688821 52.37931657767693849, 6.63725650123227773 52.37454593624187993, 6.63387193058017566 52.37893123873049461, 6.63598693234185522 52.37973937844088113, 6.63256741508260017 52.38357721224426911, 6.62715991061972876 52.38539282889017556, 6.62041172593426808 52.38251565550035593, 6.61480244709155052 52.38644736655196965, 6.61834858573170859 52.38842972594038372, 6.63585633424937971 52.39528296253197936, 6.6401789719762716 52.39907981156785866, 6.64542552662457098 52.39646523301227177)))</t>
  </si>
  <si>
    <t>MultiPolygon (((6.66783136511984598 52.38106101113226742, 6.66847144399795155 52.37886201485117965, 6.66473465239815077 52.37846101233463258, 6.65939977956811013 52.37730758308787671, 6.65682238501881862 52.3790997279190762, 6.65638232476953284 52.38071460464057338, 6.65758081254111556 52.38180613391519103, 6.66327494646120488 52.38279003571452819, 6.66682563940466277 52.38476603649672825, 6.66783136511984598 52.38106101113226742, 6.66783136511984598 52.38106101113226742)))</t>
  </si>
  <si>
    <t>MultiPolygon (((6.60946381402642036 52.38954444920375408, 6.61480244709155052 52.38644736655196965, 6.62041172593426808 52.38251565550035593, 6.62623566905505079 52.37797522502003034, 6.61869435856557153 52.37433463161758596, 6.61857104260997797 52.37097745324184928, 6.62395614632849128 52.3669605637408111, 6.62140167077307051 52.36323366434449866, 6.61537657081252828 52.36284471338350954, 6.61341004673098798 52.36510457393358564, 6.61092629901389905 52.36597044127847767, 6.60936750720198773 52.36654556089907686, 6.59885119932196229 52.38365830018241098, 6.60946381402642036 52.38954444920375408)))</t>
  </si>
  <si>
    <t>MultiPolygon (((6.65456974037491111 52.37555907076254158, 6.65562304486276712 52.37483855306614799, 6.65008646715729057 52.37146335400998964, 6.64961494836853717 52.3690307508181121, 6.65056002784398803 52.36708982459845885, 6.65246404971142535 52.36586732728607529, 6.64611704329233621 52.36246020586257544, 6.63933013349587764 52.36410254879656634, 6.63427042452132287 52.36408498963238856, 6.62140167077307051 52.36323366434449866, 6.62395614632849128 52.3669605637408111, 6.62784051219137638 52.36886913623519035, 6.63407762001632495 52.3699521674507551, 6.63470319181479695 52.37144835243113761, 6.63321372881041071 52.37268417000741039, 6.63725650123227773 52.37454593624187993, 6.64779792033688821 52.37931657767693849, 6.65456974037491111 52.37555907076254158)))</t>
  </si>
  <si>
    <t>MultiPolygon (((6.65709039811373415 52.36391831665301311, 6.65924225896013766 52.36159890110953796, 6.65231475686099927 52.35923288293206923, 6.64611704329233621 52.36246020586257544, 6.65246404971142535 52.36586732728607529, 6.65709039811373415 52.36391831665301311, 6.65709039811373415 52.36391831665301311)))</t>
  </si>
  <si>
    <t>MultiPolygon (((6.66602978253305878 52.37370620723696391, 6.66338680486141222 52.36939267712178747, 6.66130219196348783 52.36946514383480888, 6.66110606717868947 52.36824188422050241, 6.65905884475656418 52.36832059495485936, 6.6579750661625825 52.36964859384040238, 6.65809868187364096 52.37165623971639405, 6.66141727915611703 52.37413458336360605, 6.66195457326556628 52.37630755429690765, 6.66523899362609651 52.37661416637735101, 6.66602978253305878 52.37370620723696391)))</t>
  </si>
  <si>
    <t>MultiPolygon (((6.66110606717868947 52.36824188422050241, 6.6673953399996515 52.36707111918896373, 6.67138171098191446 52.36715563502005466, 6.67191316634089393 52.36513053674765672, 6.67255084479226834 52.36211445059194602, 6.66814214781551762 52.36211233563128076, 6.66327080943130579 52.36209134045482472, 6.66070941127910032 52.36184140302825796, 6.65924225896013766 52.36159890110953796, 6.65709039811373415 52.36391831665301311, 6.65906030087196932 52.36570033914659206, 6.65993008024461997 52.3655562045800238, 6.6600186033077291 52.36750498372362017, 6.65905884475656418 52.36832059495485936, 6.66110606717868947 52.36824188422050241, 6.66110606717868947 52.36824188422050241)))</t>
  </si>
  <si>
    <t>MultiPolygon (((6.67138171098191446 52.36715563502005466, 6.6673953399996515 52.36707111918896373, 6.66110606717868947 52.36824188422050241, 6.66130219196348783 52.36946514383480888, 6.66338680486141222 52.36939267712178747, 6.66602978253305878 52.37370620723696391, 6.66523899362609651 52.37661416637735101, 6.66473465239815077 52.37846101233463258, 6.66847144399795155 52.37886201485117965, 6.67138171098191446 52.36715563502005466)))</t>
  </si>
  <si>
    <t>MultiPolygon (((6.67253499714134968 52.34105168440662226, 6.67744194793710921 52.34059146685600439, 6.67915515508506097 52.34031753771501627, 6.68677778923027244 52.33587837679893795, 6.68744661681043517 52.33170456761574485, 6.68900599998060219 52.33089547364940586, 6.69583727798147166 52.33400650867263693, 6.69849628418683718 52.33733279519143622, 6.7068411718457428 52.33225875765653257, 6.69695385314595892 52.32980727038216173, 6.6949451984257653 52.32682289979353385, 6.68847169198669977 52.33026406133214437, 6.66960164436790226 52.34051917126381426, 6.67253499714134968 52.34105168440662226, 6.67253499714134968 52.34105168440662226)))</t>
  </si>
  <si>
    <t>MultiPolygon (((6.68531996674202933 52.34357196946528745, 6.69849628418683718 52.33733279519143622, 6.69583727798147166 52.33400650867263693, 6.68900599998060219 52.33089547364940586, 6.68744661681043517 52.33170456761574485, 6.68677778923027244 52.33587837679893795, 6.67915515508506097 52.34031753771501627, 6.68472472651459615 52.3439656566435545, 6.68531996674202933 52.34357196946528745, 6.68531996674202933 52.34357196946528745)))</t>
  </si>
  <si>
    <t>MultiPolygon (((6.66567708426394567 52.34658555927390466, 6.66859879230451646 52.34657636397191283, 6.66810234258185464 52.34362201659639879, 6.67307395348199073 52.34310092605608844, 6.67253499714134968 52.34105168440662226, 6.66960164436790226 52.34051917126381426, 6.66097948466521927 52.34547456282400901, 6.66031101848154972 52.34648344411665732, 6.66567708426394567 52.34658555927390466, 6.66567708426394567 52.34658555927390466)))</t>
  </si>
  <si>
    <t>MultiPolygon (((6.67744194793710921 52.34059146685600439, 6.67253499714134968 52.34105168440662226, 6.67307395348199073 52.34310092605608844, 6.66810234258185464 52.34362201659639879, 6.66859879230451646 52.34657636397191283, 6.67365329867423007 52.34731119126833221, 6.67744194793710921 52.34059146685600439)))</t>
  </si>
  <si>
    <t>MultiPolygon (((6.66502196834169247 52.35146013482178518, 6.66880475707158293 52.35043715193010883, 6.66567708426394567 52.34658555927390466, 6.66031101848154972 52.34648344411665732, 6.65946923444287187 52.35050102381593007, 6.66502196834169247 52.35146013482178518, 6.66502196834169247 52.35146013482178518)))</t>
  </si>
  <si>
    <t>MultiPolygon (((6.68472472651459615 52.3439656566435545, 6.67915515508506097 52.34031753771501627, 6.67744194793710921 52.34059146685600439, 6.67365329867423007 52.34731119126833221, 6.67524846092141022 52.34826762904004482, 6.67725669831483071 52.34941274622993745, 6.68472472651459615 52.3439656566435545)))</t>
  </si>
  <si>
    <t>MultiPolygon (((6.66981635946935558 52.35018997796008478, 6.67524846092141022 52.34826762904004482, 6.67365329867423007 52.34731119126833221, 6.66859879230451646 52.34657636397191283, 6.66567708426394567 52.34658555927390466, 6.66880475707158293 52.35043715193010883, 6.66981635946935558 52.35018997796008478, 6.66981635946935558 52.35018997796008478)))</t>
  </si>
  <si>
    <t>MultiPolygon (((6.66741689059195242 52.35980790074493996, 6.66031536776575361 52.35879777781170219, 6.66070941127910032 52.36184140302825796, 6.66327080943130579 52.36209134045482472, 6.66814214781551762 52.36211233563128076, 6.66741689059195242 52.35980790074493996)))</t>
  </si>
  <si>
    <t>MultiPolygon (((6.66517623630285261 52.35268656797642706, 6.66502196834169247 52.35146013482178518, 6.65946923444287187 52.35050102381593007, 6.65917927148280953 52.35207344842019239, 6.65889124000015009 52.35344728179650531, 6.66517623630285261 52.35268656797642706, 6.66517623630285261 52.35268656797642706)))</t>
  </si>
  <si>
    <t>MultiPolygon (((6.67173132415751269 52.35604708833326271, 6.67196557585176642 52.35514242359261061, 6.66640913895086129 52.35390522374722622, 6.66517623630285261 52.35268656797642706, 6.65889124000015009 52.35344728179650531, 6.65833797005601458 52.35448816845995168, 6.66788457130658418 52.35632438062074812, 6.67173132415751269 52.35604708833326271, 6.67173132415751269 52.35604708833326271)))</t>
  </si>
  <si>
    <t>MultiPolygon (((6.67488386611061468 52.3559182918463506, 6.67196557585176642 52.35514242359261061, 6.67173132415751269 52.35604708833326271, 6.66788457130658418 52.35632438062074812, 6.65833797005601458 52.35448816845995168, 6.65231475686099927 52.35923288293206923, 6.65924225896013766 52.36159890110953796, 6.66070941127910032 52.36184140302825796, 6.66031536776575361 52.35879777781170219, 6.66741689059195242 52.35980790074493996, 6.66814214781551762 52.36211233563128076, 6.67255084479226834 52.36211445059194602, 6.67488386611061468 52.3559182918463506, 6.67488386611061468 52.3559182918463506)))</t>
  </si>
  <si>
    <t>MultiPolygon (((6.12741668592363897 52.48108066358934565, 6.12762036957017564 52.47787154126179843, 6.13783032973937814 52.47615366995349717, 6.13716396239776341 52.47889278994971107, 6.137749138744371 52.47989743872257407, 6.15222746676067178 52.47083652177860102, 6.15131462976467613 52.47108710111164243, 6.14414574700167826 52.4676647290471152, 6.14749191505594528 52.4657320155454201, 6.15239679622414304 52.46107128428853628, 6.1525832126729707 52.45828591787752515, 6.1549148375719156 52.45318302574499825, 6.15313368147291584 52.45022993770133724, 6.14767592332600632 52.4444410761664912, 6.14043515680258878 52.44341234577728983, 6.13966001826293706 52.44161714654932638, 6.13707509045888955 52.44076154828361069, 6.13074700122226712 52.45232664952509083, 6.12732896970632535 52.45286848608367336, 6.12482243131188131 52.45136689933531926, 6.13027176184335953 52.4416119889218848, 6.12040981075132251 52.44230948090473987, 6.10958001679651197 52.44053072787069425, 6.10502364603846015 52.44258657106777832, 6.10229463581299125 52.44577189902508252, 6.10198593831882174 52.44779994687748115, 6.10354592886399061 52.45396371668912394, 6.10170123246302332 52.46634727491937866, 6.09914686795349859 52.4703105001077148, 6.10313802242680747 52.47021118688263641, 6.11318804890143586 52.47214225675488564, 6.11358840074907306 52.47143330025424746, 6.12090816654586956 52.47261454578676165, 6.12876368677573957 52.47282843018859921, 6.12013702288279138 52.47962549418924283, 6.11913009010194031 52.48063963024758749, 6.12100534181329614 52.4821321440723878, 6.12637824515220153 52.48267931960972987, 6.12741668592363897 52.48108066358934565)))</t>
  </si>
  <si>
    <t>MultiPolygon (((6.13074700122226712 52.45232664952509083, 6.13707509045888955 52.44076154828361069, 6.13590726359191674 52.44156582997246829, 6.13027176184335953 52.4416119889218848, 6.12482243131188131 52.45136689933531926, 6.12732896970632535 52.45286848608367336, 6.13074700122226712 52.45232664952509083, 6.13074700122226712 52.45232664952509083)))</t>
  </si>
  <si>
    <t>MultiPolygon (((6.137749138744371 52.47989743872257407, 6.13716396239776341 52.47889278994971107, 6.13783032973937814 52.47615366995349717, 6.12762036957017564 52.47787154126179843, 6.12741668592363897 52.48108066358934565, 6.12637824515220153 52.48267931960972987, 6.12713674085160598 52.48378241750933171, 6.13024545387793207 52.48462385055498203, 6.137749138744371 52.47989743872257407)))</t>
  </si>
  <si>
    <t>MultiPolygon (((6.13024545387793207 52.48462385055498203, 6.12713674085160598 52.48378241750933171, 6.12637824515220153 52.48267931960972987, 6.12100534181329614 52.4821321440723878, 6.11913009010194031 52.48063963024758749, 6.11438257230569704 52.48508975791327913, 6.12343589449566039 52.4890157241149069, 6.13024545387793207 52.48462385055498203, 6.13024545387793207 52.48462385055498203)))</t>
  </si>
  <si>
    <t>MultiPolygon (((6.12343589449566039 52.4890157241149069, 6.11438257230569704 52.48508975791327913, 6.10627720254672823 52.4921634967741042, 6.10643411407397441 52.49238629607022943, 6.1123106774666196 52.49280890670315358, 6.11542647333597156 52.49402315639825645, 6.12343589449566039 52.4890157241149069, 6.12343589449566039 52.4890157241149069)))</t>
  </si>
  <si>
    <t>MultiPolygon (((6.11542647333597156 52.49402315639825645, 6.1123106774666196 52.49280890670315358, 6.10643411407397441 52.49238629607022943, 6.10816702452399962 52.49522036621336696, 6.10821563552019597 52.49735613597803763, 6.1054182945637816 52.49956680876657344, 6.11542647333597156 52.49402315639825645)))</t>
  </si>
  <si>
    <t>MultiPolygon (((6.12876368677573957 52.47282843018859921, 6.12090816654586956 52.47261454578676165, 6.11358840074907306 52.47143330025424746, 6.11318804890143586 52.47214225675488564, 6.11164538553952497 52.47487382352677088, 6.11407832703988685 52.47714973961313234, 6.12013702288279138 52.47962549418924283, 6.12876368677573957 52.47282843018859921)))</t>
  </si>
  <si>
    <t>MultiPolygon (((6.11913009010194031 52.48063963024758749, 6.12013702288279138 52.47962549418924283, 6.11407832703988685 52.47714973961313234, 6.11164538553952497 52.47487382352677088, 6.10713036512732366 52.48294910154319126, 6.11438257230569704 52.48508975791327913, 6.11913009010194031 52.48063963024758749, 6.11913009010194031 52.48063963024758749)))</t>
  </si>
  <si>
    <t>MultiPolygon (((6.11438257230569704 52.48508975791327913, 6.10713036512732366 52.48294910154319126, 6.10472915388935267 52.48846490323644076, 6.10627720254672823 52.4921634967741042, 6.11438257230569704 52.48508975791327913)))</t>
  </si>
  <si>
    <t>MultiPolygon (((6.07461823763146924 52.50315959943458211, 6.07749255768105545 52.50244577309911165, 6.07474665582065398 52.49717073642931098, 6.07299934707009026 52.49492987593485793, 6.07013604229566894 52.49297767425139227, 6.06177419853075339 52.49039817764612792, 6.05839755062474428 52.49600313133892371, 6.05422019845738824 52.49978708317915732, 6.06718547721532087 52.50661826491299422, 6.07461823763146924 52.50315959943458211)))</t>
  </si>
  <si>
    <t>MultiPolygon (((6.08572110043693826 52.49734243401768197, 6.08503765733394175 52.49482726420348655, 6.08635732987515077 52.49398647735240075, 6.09109817832939271 52.49173136312888488, 6.09331904444654882 52.48919449406289317, 6.09201027877119827 52.48882644191077418, 6.09354844134268614 52.48263989492811987, 6.09571419809009019 52.48136756623330967, 6.10188166854464864 52.48181063716307904, 6.10301842617919821 52.48124485897950109, 6.09964887175451054 52.47581488278370898, 6.09954643246099693 52.47426024707797154, 6.10060600859885938 52.4721262519124636, 6.10313802242680747 52.47021118688263641, 6.09914686795349859 52.4703105001077148, 6.09424641784173371 52.47411099774999599, 6.08926753530165943 52.47681125931668333, 6.07642127709086033 52.48022335003366123, 6.07142533938197726 52.48210747545006427, 6.06637118421072241 52.48517077231871042, 6.06343033491801364 52.4880531924859639, 6.06177419853075339 52.49039817764612792, 6.07013604229566894 52.49297767425139227, 6.07299934707009026 52.49492987593485793, 6.07474665582065398 52.49717073642931098, 6.07727631497965959 52.49766223251729258, 6.07858309422692056 52.49611950436337082, 6.08198167760097075 52.49684106143937612, 6.08210879159347773 52.49859730262139124, 6.08572110043693826 52.49734243401768197)))</t>
  </si>
  <si>
    <t>MultiPolygon (((6.11164538553952497 52.47487382352677088, 6.11318804890143586 52.47214225675488564, 6.10313802242680747 52.47021118688263641, 6.10060600859885938 52.4721262519124636, 6.09954643246099693 52.47426024707797154, 6.09964887175451054 52.47581488278370898, 6.10301842617919821 52.48124485897950109, 6.1034222768631512 52.48186271502541445, 6.10713036512732366 52.48294910154319126, 6.11164538553952497 52.47487382352677088, 6.11164538553952497 52.47487382352677088)))</t>
  </si>
  <si>
    <t>MultiPolygon (((6.09579978409850298 52.4889124222540886, 6.1034222768631512 52.48186271502541445, 6.10301842617919821 52.48124485897950109, 6.10188166854464864 52.48181063716307904, 6.09571419809009019 52.48136756623330967, 6.09354844134268614 52.48263989492811987, 6.09201027877119827 52.48882644191077418, 6.09331904444654882 52.48919449406289317, 6.09579978409850298 52.4889124222540886, 6.09579978409850298 52.4889124222540886)))</t>
  </si>
  <si>
    <t>MultiPolygon (((6.10210546450301106 52.48847479884474154, 6.10472915388935267 52.48846490323644076, 6.10713036512732366 52.48294910154319126, 6.1034222768631512 52.48186271502541445, 6.09579978409850298 52.4889124222540886, 6.09608619888083503 52.48937529932448598, 6.10063832591412947 52.49003475622067327, 6.10210546450301106 52.48847479884474154, 6.10210546450301106 52.48847479884474154)))</t>
  </si>
  <si>
    <t>MultiPolygon (((6.09527696101764782 52.4977526284201943, 6.09840232232742174 52.4954701942221007, 6.10408198985617645 52.49274244989434379, 6.10528522347029856 52.49294952311900886, 6.10627720254672823 52.4921634967741042, 6.10472915388935267 52.48846490323644076, 6.10210546450301106 52.48847479884474154, 6.10063832591412947 52.49003475622067327, 6.09608619888083503 52.48937529932448598, 6.09579978409850298 52.4889124222540886, 6.09331904444654882 52.48919449406289317, 6.09109817832939271 52.49173136312888488, 6.08635732987515077 52.49398647735240075, 6.09350742641992049 52.49766300151216569, 6.09527696101764782 52.4977526284201943, 6.09527696101764782 52.4977526284201943)))</t>
  </si>
  <si>
    <t>MultiPolygon (((6.08414740156451384 52.50140278889355017, 6.09407454281811223 52.50085983009952173, 6.09412784129646479 52.50057722025240992, 6.09126212670114597 52.49905678674732457, 6.09350742641992049 52.49766300151216569, 6.08635732987515077 52.49398647735240075, 6.08503765733394175 52.49482726420348655, 6.08572110043693826 52.49734243401768197, 6.08210879159347773 52.49859730262139124, 6.08198167760097075 52.49684106143937612, 6.07858309422692056 52.49611950436337082, 6.07727631497965959 52.49766223251729258, 6.07474665582065398 52.49717073642931098, 6.07749255768105545 52.50244577309911165, 6.08414740156451384 52.50140278889355017)))</t>
  </si>
  <si>
    <t>MultiPolygon (((6.10221286787545214 52.50004454482812832, 6.10821563552019597 52.49735613597803763, 6.10816702452399962 52.49522036621336696, 6.10643411407397441 52.49238629607022943, 6.10627720254672823 52.4921634967741042, 6.10528522347029856 52.49294952311900886, 6.10422150083983084 52.494230966379412, 6.10556097058638603 52.49526835219349152, 6.10536077067667815 52.49660829876182078, 6.1025860079883909 52.49884170708838838, 6.09676505590724016 52.49942721573289361, 6.09412784129646479 52.50057722025240992, 6.09407454281811223 52.50085983009952173, 6.10221286787545214 52.50004454482812832)))</t>
  </si>
  <si>
    <t>MultiPolygon (((6.09412784129646479 52.50057722025240992, 6.09676505590724016 52.49942721573289361, 6.1025860079883909 52.49884170708838838, 6.10536077067667815 52.49660829876182078, 6.10556097058638603 52.49526835219349152, 6.10422150083983084 52.494230966379412, 6.10528522347029856 52.49294952311900886, 6.10408198985617645 52.49274244989434379, 6.09840232232742174 52.4954701942221007, 6.09527696101764782 52.4977526284201943, 6.09350742641992049 52.49766300151216569, 6.09126212670114597 52.49905678674732457, 6.09412784129646479 52.50057722025240992, 6.09412784129646479 52.50057722025240992)))</t>
  </si>
  <si>
    <t>MultiPolygon (((6.18908841306230162 52.49900727411306178, 6.1968247353807584 52.49553438372562653, 6.19791199889260991 52.49575710347131263, 6.19971255776536889 52.49527428954127828, 6.19994569160806996 52.49317658275232645, 6.19874289450252469 52.492816971600611, 6.20016747786077094 52.49088187817431361, 6.20096618000536282 52.49105651319429455, 6.19652001967281318 52.48967949401870925, 6.19368304007198756 52.48625077119430671, 6.19238796427658844 52.48561548576724789, 6.193667448588136 52.48296145385072009, 6.19213657238392656 52.48172792748348314, 6.18952799900157924 52.48068350244612645, 6.1828322833417193 52.4808066355517866, 6.18219978430249295 52.4790952184182089, 6.17752929025399755 52.4798223785015594, 6.17700995856770962 52.47940995929394603, 6.17766096526510022 52.47785638574560352, 6.17472728460912901 52.47821285351268727, 6.17358398627954674 52.47680285294671165, 6.17132278132869239 52.47725766337294573, 6.16249545806607113 52.47438835374949662, 6.15222746676067178 52.47083652177860102, 6.137749138744371 52.47989743872257407, 6.1380792735150127 52.48060382216203124, 6.13557039913362967 52.48391716259497741, 6.14683308130722494 52.48853423788096251, 6.14849827098644752 52.48764844966245846, 6.15973586175755106 52.48992268425668328, 6.16680725478648739 52.49380401881878555, 6.16752567910981497 52.49331763046280486, 6.17183502071146517 52.49529384960872846, 6.17167575924020095 52.49634252835161163, 6.18771751136502957 52.50055643188002108, 6.18908841306230162 52.49900727411306178)))</t>
  </si>
  <si>
    <t>MultiPolygon (((6.14400348760058712 52.49271133287448521, 6.14683308130722494 52.48853423788096251, 6.13557039913362967 52.48391716259497741, 6.1380792735150127 52.48060382216203124, 6.137749138744371 52.47989743872257407, 6.13024545387793207 52.48462385055498203, 6.12343589449566039 52.4890157241149069, 6.11542647333597156 52.49402315639825645, 6.1054182945637816 52.49956680876657344, 6.10863288165889795 52.498626451470642, 6.11308284180933281 52.49809341669350005, 6.12259182435596472 52.49875291629607688, 6.12693924103007248 52.50035271772931367, 6.130705345237069 52.50214408591053683, 6.14400348760058712 52.49271133287448521)))</t>
  </si>
  <si>
    <t>MultiPolygon (((6.18310931636337546 52.52088731536004929, 6.18257722653764841 52.5195113774064879, 6.18296484559741888 52.51944889197115884, 6.18295344487148135 52.51933538328342621, 6.17332198113060571 52.51883021036521626, 6.18407098359814 52.50774106082845805, 6.18771751136502957 52.50055643188002108, 6.17167575924020095 52.49634252835161163, 6.17183502071146517 52.49529384960872846, 6.16752567910981497 52.49331763046280486, 6.16680725478648739 52.49380401881878555, 6.15973586175755106 52.48992268425668328, 6.14849827098644752 52.48764844966245846, 6.14683308130722494 52.48853423788096251, 6.14400348760058712 52.49271133287448521, 6.130705345237069 52.50214408591053683, 6.1368407890858645 52.50507716717331874, 6.16959356719971552 52.52059591180708509, 6.17094010204608079 52.51972850634093959, 6.17328074389356107 52.51959464985177561, 6.17869319152613983 52.52223366384306047, 6.18611025265976533 52.52267232890055482, 6.18310931636337546 52.52088731536004929)))</t>
  </si>
  <si>
    <t>MultiPolygon (((6.20565753311237422 52.5750807329467662, 6.20947842243424564 52.56852487224397663, 6.21081067518772834 52.5677977620645791, 6.19696687626419163 52.54723793012956889, 6.18963114338742315 52.53616004862236366, 6.17485452799582024 52.5552967971906142, 6.19360734397904178 52.58432261877086944, 6.19509365750249064 52.5841109781134719, 6.20213771461707353 52.58494850304466439, 6.20565753311237422 52.5750807329467662)))</t>
  </si>
  <si>
    <t>MultiPolygon (((6.18963114338742315 52.53616004862236366, 6.19297028813863637 52.53196624105784451, 6.1874418217764644 52.52477921262352822, 6.18785146991958612 52.52351559710840689, 6.18613975263811966 52.52268972805605074, 6.18611025265976533 52.52267232890055482, 6.17869319152613983 52.52223366384306047, 6.17328074389356107 52.51959464985177561, 6.17094010204608079 52.51972850634093959, 6.16959356719971552 52.52059591180708509, 6.16521876515551881 52.5236632831773278, 6.1607918345233097 52.52485803490560556, 6.15173238597164573 52.52463636473595443, 6.14911777426801454 52.52504173301405643, 6.1453378516972732 52.52694309676679296, 6.14411367475844372 52.52949930764259534, 6.1543473577475325 52.53283133016255135, 6.16164484170872218 52.53734546131370564, 6.16607264481211725 52.54203378716886874, 6.17485452799582024 52.5552967971906142, 6.18963114338742315 52.53616004862236366)))</t>
  </si>
  <si>
    <t>MultiPolygon (((6.12922230039761207 52.51232222412990325, 6.13166439969275334 52.50867108806610162, 6.1368407890858645 52.50507716717331874, 6.130705345237069 52.50214408591053683, 6.12593408924620952 52.5052885043085027, 6.12137899285524423 52.51073614448784355, 6.11866428187643319 52.51849114827341936, 6.12649635696136308 52.51990630673530092, 6.12674808688550065 52.51997228751321245, 6.12922230039761207 52.51232222412990325)))</t>
  </si>
  <si>
    <t>MultiPolygon (((6.1607918345233097 52.52485803490560556, 6.16521876515551881 52.5236632831773278, 6.16959356719971552 52.52059591180708509, 6.1368407890858645 52.50507716717331874, 6.13166439969275334 52.50867108806610162, 6.12922230039761207 52.51232222412990325, 6.12674808688550065 52.51997228751321245, 6.12914810539923494 52.52044124405479408, 6.13886796203218754 52.51981359937815341, 6.14140495059580438 52.52012652535785975, 6.15098699889268996 52.52241589901721142, 6.14911777426801454 52.52504173301405643, 6.15173238597164573 52.52463636473595443, 6.1607918345233097 52.52485803490560556, 6.1607918345233097 52.52485803490560556)))</t>
  </si>
  <si>
    <t>MultiPolygon (((6.12649635696136308 52.51990630673530092, 6.11866428187643319 52.51849114827341936, 6.11717055792601805 52.52312177152468564, 6.11616626078227288 52.52586284496874214, 6.11662633895493624 52.52591918672594318, 6.12370688291924203 52.52679010612917665, 6.12649635696136308 52.51990630673530092)))</t>
  </si>
  <si>
    <t>MultiPolygon (((6.1453378516972732 52.52694309676679296, 6.14911777426801454 52.52504173301405643, 6.15098699889268996 52.52241589901721142, 6.14140495059580438 52.52012652535785975, 6.13886796203218754 52.51981359937815341, 6.12914810539923494 52.52044124405479408, 6.12674808688550065 52.51997228751321245, 6.12649635696136308 52.51990630673530092, 6.12370688291924203 52.52679010612917665, 6.14411367475844372 52.52949930764259534, 6.1453378516972732 52.52694309676679296)))</t>
  </si>
  <si>
    <t>MultiPolygon (((6.18268725106559636 52.58780907294417517, 6.19356236231252133 52.58433293366351791, 6.19360734397904178 52.58432261877086944, 6.17485452799582024 52.5552967971906142, 6.16607264481211725 52.54203378716886874, 6.16164484170872218 52.53734546131370564, 6.1543473577475325 52.53283133016255135, 6.14411367475844372 52.52949930764259534, 6.14623009685743238 52.53412303448666165, 6.14506397081136058 52.53679067653025925, 6.14303044061424242 52.53808192201710625, 6.13490201529904233 52.5401997048383862, 6.13177918389569765 52.5426191730002401, 6.12965194469360686 52.54636221498760307, 6.12398383989767936 52.54831369325791002, 6.12281674415639898 52.54894901920565786, 6.12076011023747579 52.55339129467186154, 6.11669881727177867 52.55600139070801902, 6.10929846255412734 52.55715990161518647, 6.10460369320243323 52.55889319816378702, 6.10159414419819957 52.56111962618118838, 6.10078679654470424 52.56376169883429839, 6.10367525240335773 52.56735249207014249, 6.11005963520409789 52.56741236092271663, 6.1097905023749659 52.56111455065305194, 6.11396211321502747 52.56081043206734194, 6.11808095442654931 52.55739749401824668, 6.12571930535708198 52.55626611785588409, 6.12781787052630378 52.55672578561433284, 6.14052723937967393 52.55210243897251843, 6.16681424497990172 52.56525215381562077, 6.15881232874868623 52.57540570752750853, 6.1574254638998358 52.58077670157831562, 6.15506950934584118 52.58270634505423402, 6.14753151412208076 52.58380048532724516, 6.1474185459382058 52.58440824205246855, 6.14760199929609907 52.58512115975730694, 6.17704859733324874 52.5877216288325755, 6.18268725106559636 52.58780907294417517)))</t>
  </si>
  <si>
    <t>MultiPolygon (((6.10159414419819957 52.56111962618118838, 6.10460369320243323 52.55889319816378702, 6.10929846255412734 52.55715990161518647, 6.11669881727177867 52.55600139070801902, 6.12076011023747579 52.55339129467186154, 6.12281674415639898 52.54894901920565786, 6.12398383989767936 52.54831369325791002, 6.12206004023113515 52.54642586954901873, 6.12363908034130144 52.54554240706627155, 6.12211112354525611 52.54362966547893876, 6.11714202830732034 52.54235608492507481, 6.11143735179379277 52.53866460717001985, 6.10697402230944952 52.54083806912526455, 6.10225054942998035 52.5413399062031985, 6.09743326317487089 52.54156216528358669, 6.09023731661129641 52.53857836317584429, 6.08520934460841456 52.53575801900334596, 6.08398866086346413 52.53415408021972155, 6.08227110080039868 52.53496025234386479, 6.0786270770108537 52.53664872226288907, 6.07433439745334525 52.53729098928715047, 6.07510695095347586 52.54141292268527508, 6.07728275202964685 52.54411864143400379, 6.08982036240900548 52.55156838707141986, 6.08939955732374205 52.55184063512058401, 6.09241104438790693 52.55351630438964605, 6.09335039996418448 52.55578797399174107, 6.09768412741949728 52.55862943978219448, 6.10078679654470424 52.56376169883429839, 6.10159414419819957 52.56111962618118838)))</t>
  </si>
  <si>
    <t>MultiPolygon (((6.12965194469360686 52.54636221498760307, 6.13177918389569765 52.5426191730002401, 6.13490201529904233 52.5401997048383862, 6.14303044061424242 52.53808192201710625, 6.14506397081136058 52.53679067653025925, 6.14623009685743238 52.53412303448666165, 6.14411367475844372 52.52949930764259534, 6.12370688291924203 52.52679010612917665, 6.11662633895493624 52.52591918672594318, 6.11546100329013864 52.52835679945534508, 6.11153246518677218 52.52993345173757689, 6.11433112583257898 52.53004123112816615, 6.11523582765622908 52.5327853604105286, 6.11421352898894277 52.53622030916329777, 6.11239644831386908 52.53845948242699393, 6.11143735179379277 52.53866460717001985, 6.11714202830732034 52.54235608492507481, 6.12211112354525611 52.54362966547893876, 6.12363908034130144 52.54554240706627155, 6.12206004023113515 52.54642586954901873, 6.12398383989767936 52.54831369325791002, 6.12965194469360686 52.54636221498760307)))</t>
  </si>
  <si>
    <t>MultiPolygon (((6.10697402230944952 52.54083806912526455, 6.11143735179379277 52.53866460717001985, 6.11239644831386908 52.53845948242699393, 6.11421352898894277 52.53622030916329777, 6.11523582765622908 52.5327853604105286, 6.11433112583257898 52.53004123112816615, 6.11153246518677218 52.52993345173757689, 6.10956286105769308 52.529908882172343, 6.10659720918648397 52.53288757181356772, 6.10617899787334739 52.53532730274630325, 6.10225054942998035 52.5413399062031985, 6.10697402230944952 52.54083806912526455, 6.10697402230944952 52.54083806912526455)))</t>
  </si>
  <si>
    <t>MultiPolygon (((6.09743326317487089 52.54156216528358669, 6.10225054942998035 52.5413399062031985, 6.10617899787334739 52.53532730274630325, 6.10459131732540694 52.53452002673025589, 6.09246959321640613 52.53271475902671028, 6.09125759408118483 52.53184775899277525, 6.08398866086346413 52.53415408021972155, 6.08520934460841456 52.53575801900334596, 6.09023731661129641 52.53857836317584429, 6.09743326317487089 52.54156216528358669, 6.09743326317487089 52.54156216528358669)))</t>
  </si>
  <si>
    <t>MultiPolygon (((6.10659720918648397 52.53288757181356772, 6.10956286105769308 52.529908882172343, 6.10154268190190763 52.52715786996190417, 6.0951486479116701 52.52401516601416631, 6.09331295192545941 52.52768735637602049, 6.0929148782080178 52.5298726869078294, 6.09125759408118483 52.53184775899277525, 6.09246959321640613 52.53271475902671028, 6.10459131732540694 52.53452002673025589, 6.10617899787334739 52.53532730274630325, 6.10659720918648397 52.53288757181356772, 6.10659720918648397 52.53288757181356772)))</t>
  </si>
  <si>
    <t>MultiPolygon (((6.11153246518677218 52.52993345173757689, 6.11546100329013864 52.52835679945534508, 6.11662633895493624 52.52591918672594318, 6.11616626078227288 52.52586284496874214, 6.10246831470068418 52.52414609139855628, 6.09630865356251217 52.52268683296157548, 6.0951486479116701 52.52401516601416631, 6.10154268190190763 52.52715786996190417, 6.10956286105769308 52.529908882172343, 6.11153246518677218 52.52993345173757689, 6.11153246518677218 52.52993345173757689)))</t>
  </si>
  <si>
    <t>MultiPolygon (((6.08398866086346413 52.53415408021972155, 6.09125759408118483 52.53184775899277525, 6.0929148782080178 52.5298726869078294, 6.09331295192545941 52.52768735637602049, 6.08312367017013766 52.52654048649574747, 6.08279836434548482 52.52938154939180038, 6.08168345877195549 52.52992013070107191, 6.0813632629003358 52.53150447544066282, 6.08227110080039868 52.53496025234386479, 6.08398866086346413 52.53415408021972155, 6.08398866086346413 52.53415408021972155)))</t>
  </si>
  <si>
    <t>MultiPolygon (((6.0786270770108537 52.53664872226288907, 6.08227110080039868 52.53496025234386479, 6.0813632629003358 52.53150447544066282, 6.08168345877195549 52.52992013070107191, 6.08279836434548482 52.52938154939180038, 6.08312367017013766 52.52654048649574747, 6.08236035389415353 52.52546351241513634, 6.07660651727481937 52.52477966962932499, 6.07391652922910197 52.52369051839795588, 6.0717039508570112 52.52468460337532008, 6.07042695486284511 52.52860693334567799, 6.07097638010372886 52.52932613980064502, 6.0738712303456488 52.53288586745685507, 6.074106480133727 52.53512340757404075, 6.07433439745334525 52.53729098928715047, 6.0786270770108537 52.53664872226288907, 6.0786270770108537 52.53664872226288907)))</t>
  </si>
  <si>
    <t>MultiPolygon (((6.08345474729886337 52.52141771526562763, 6.07996857737697205 52.52096109169427507, 6.0853147911949117 52.51776490220282056, 6.08370794235791923 52.51696998660941773, 6.07625178157876089 52.52039385562808604, 6.07391652922910197 52.52369051839795588, 6.07660651727481937 52.52477966962932499, 6.08236035389415353 52.52546351241513634, 6.08345474729886337 52.52141771526562763)))</t>
  </si>
  <si>
    <t>MultiPolygon (((6.0951486479116701 52.52401516601416631, 6.09630865356251217 52.52268683296157548, 6.09181654044316456 52.52090528216918841, 6.0853147911949117 52.51776490220282056, 6.07996857737697205 52.52096109169427507, 6.08345474729886337 52.52141771526562763, 6.08236035389415353 52.52546351241513634, 6.08312367017013766 52.52654048649574747, 6.09331295192545941 52.52768735637602049, 6.0951486479116701 52.52401516601416631)))</t>
  </si>
  <si>
    <t>MultiPolygon (((6.08112824001416019 52.55384723215072995, 6.08939955732374205 52.55184063512058401, 6.08982036240900548 52.55156838707141986, 6.07728275202964685 52.54411864143400379, 6.07510695095347586 52.54141292268527508, 6.07433439745334525 52.53729098928715047, 6.074106480133727 52.53512340757404075, 6.0669944584296287 52.53608244734400046, 6.0643710228266654 52.53806157765856, 6.06659034895945037 52.54227152243302612, 6.06257688403135653 52.54374563941898657, 6.06751947513311052 52.55312284033892922, 6.07418575399981098 52.55640235761065782, 6.08112824001416019 52.55384723215072995)))</t>
  </si>
  <si>
    <t>MultiPolygon (((6.07418575399981098 52.55640235761065782, 6.06751947513311052 52.55312284033892922, 6.05804535706946279 52.54987227406016359, 6.05553891683795431 52.54747148119422206, 6.05382086422318011 52.54406282403643047, 6.05181502144492001 52.54268509634913897, 6.04636953430732405 52.54098251692989408, 6.04141184210232574 52.54777735656912085, 6.06825858328259127 52.55545025593767861, 6.0701559465636068 52.5582262031051286, 6.07354434344105787 52.55917605655686486, 6.07616281086446275 52.55696278948192912, 6.07418575399981098 52.55640235761065782)))</t>
  </si>
  <si>
    <t>MultiPolygon (((6.04636953430732405 52.54098251692989408, 6.04025175122516611 52.53916702246546322, 6.03229727205001787 52.53938587788213965, 6.03223201534185716 52.53743535362160344, 6.03045427357069652 52.5380608755454972, 6.01965260376035971 52.54189427806974777, 6.04141184210232574 52.54777735656912085, 6.04636953430732405 52.54098251692989408, 6.04636953430732405 52.54098251692989408)))</t>
  </si>
  <si>
    <t>MultiPolygon (((6.03223201534185716 52.53743535362160344, 6.04405626144496999 52.53190862917786319, 6.05148786703097574 52.52762519176413747, 6.05161781085712835 52.527548095220439, 6.04436972231662839 52.52728019980227714, 6.03008704362033487 52.53082420399112351, 6.03045427357069652 52.5380608755454972, 6.03223201534185716 52.53743535362160344, 6.03223201534185716 52.53743535362160344)))</t>
  </si>
  <si>
    <t>MultiPolygon (((6.06751947513311052 52.55312284033892922, 6.06257688403135653 52.54374563941898657, 6.06659034895945037 52.54227152243302612, 6.0643710228266654 52.53806157765856, 6.06002832061284291 52.53891318643910324, 6.05786570294054982 52.53479748639351499, 6.06188447069170167 52.53361593986565481, 6.0604941583009948 52.53097577271119434, 6.05383458934776364 52.53205481404767596, 6.05234223006759198 52.53274846528441344, 6.04636953430732405 52.54098251692989408, 6.05181502144492001 52.54268509634913897, 6.05382086422318011 52.54406282403643047, 6.05553891683795431 52.54747148119422206, 6.05804535706946279 52.54987227406016359, 6.06751947513311052 52.55312284033892922, 6.06751947513311052 52.55312284033892922)))</t>
  </si>
  <si>
    <t>MultiPolygon (((6.05234223006759198 52.53274846528441344, 6.05383458934776364 52.53205481404767596, 6.05148786703097574 52.52762519176413747, 6.04405626144496999 52.53190862917786319, 6.03223201534185716 52.53743535362160344, 6.03229727205001787 52.53938587788213965, 6.04025175122516611 52.53916702246546322, 6.04636953430732405 52.54098251692989408, 6.05234223006759198 52.53274846528441344)))</t>
  </si>
  <si>
    <t>MultiPolygon (((6.0643710228266654 52.53806157765856, 6.0669944584296287 52.53608244734400046, 6.074106480133727 52.53512340757404075, 6.0738712303456488 52.53288586745685507, 6.07097638010372886 52.52932613980064502, 6.06542428313484017 52.52926789339225166, 6.0604941583009948 52.53097577271119434, 6.06188447069170167 52.53361593986565481, 6.05786570294054982 52.53479748639351499, 6.06002832061284291 52.53891318643910324, 6.0643710228266654 52.53806157765856, 6.0643710228266654 52.53806157765856)))</t>
  </si>
  <si>
    <t>MultiPolygon (((6.0701559465636068 52.5582262031051286, 6.06825858328259127 52.55545025593767861, 6.04141184210232574 52.54777735656912085, 6.01965260376035971 52.54189427806974777, 6.00698493238226128 52.54553718615887448, 6.00361900605487708 52.55039149983197433, 6.03303753927702768 52.55940346816952058, 6.0335453966915793 52.55902989043917728, 6.06315371386156698 52.5672799086088105, 6.0701559465636068 52.5582262031051286)))</t>
  </si>
  <si>
    <t>MultiPolygon (((6.0604941583009948 52.53097577271119434, 6.06542428313484017 52.52926789339225166, 6.07097638010372886 52.52932613980064502, 6.07042695486284511 52.52860693334567799, 6.0717039508570112 52.52468460337532008, 6.06996084541865333 52.52184161285531161, 6.06621627599657476 52.51866839281525046, 6.0612378979787378 52.52177002881508372, 6.05161781085712835 52.527548095220439, 6.05148786703097574 52.52762519176413747, 6.05383458934776364 52.53205481404767596, 6.0604941583009948 52.53097577271119434)))</t>
  </si>
  <si>
    <t>MultiPolygon (((6.04792353560138807 52.51424954051452687, 6.05519694003621201 52.51029337059981117, 6.0546456146150156 52.50988297282945894, 6.05037890262010158 52.50670542003033603, 6.04503106421951042 52.50801547144964587, 6.04603576263715325 52.5142732301787305, 6.04792353560138807 52.51424954051452687)))</t>
  </si>
  <si>
    <t>MultiPolygon (((6.06621627599657476 52.51866839281525046, 6.05519694003621201 52.51029337059981117, 6.04792353560138807 52.51424954051452687, 6.04603576263715325 52.5142732301787305, 6.04627611454603997 52.51510266722658571, 6.04759205333856187 52.51486363134286961, 6.05117088130369929 52.51754886174060033, 6.05375340197039158 52.51627320858057857, 6.05610991077407146 52.51808147862753628, 6.0612378979787378 52.52177002881508372, 6.06621627599657476 52.51866839281525046, 6.06621627599657476 52.51866839281525046)))</t>
  </si>
  <si>
    <t>MultiPolygon (((6.04436972231662839 52.52728019980227714, 6.04029426054353813 52.52321407439204393, 6.03974858987506913 52.52101050364676382, 6.04627611454603997 52.51510266722658571, 6.04603576263715325 52.5142732301787305, 6.04503106421951042 52.50801547144964587, 6.05037890262010158 52.50670542003033603, 6.0461873664428456 52.50386063899374278, 6.04050911410416802 52.5062577080349584, 6.0278574958816904 52.50960619807541718, 6.01880712754765757 52.51387937933582606, 6.01506565376703772 52.51790915506755653, 6.01550998014299942 52.52277139425372354, 6.01897342998570828 52.52600642524196672, 6.02364303262207024 52.52736569183377213, 6.02483240889579452 52.52630823356874146, 6.03017053109357093 52.52675435692329131, 6.03008704362033487 52.53082420399112351, 6.04436972231662839 52.52728019980227714)))</t>
  </si>
  <si>
    <t>MultiPolygon (((6.04471012517281192 52.52353299471224091, 6.04718548436777059 52.52212228328347976, 6.05393982030316824 52.52058193194856983, 6.05419396491407813 52.51892931180083934, 6.05610991077407146 52.51808147862753628, 6.05375340197039158 52.51627320858057857, 6.05117088130369929 52.51754886174060033, 6.04759205333856187 52.51486363134286961, 6.04627611454603997 52.51510266722658571, 6.03974858987506913 52.52101050364676382, 6.04029426054353813 52.52321407439204393, 6.04116993910947198 52.52258493472860579, 6.0432508904270259 52.52363900849371703, 6.04471012517281192 52.52353299471224091, 6.04471012517281192 52.52353299471224091)))</t>
  </si>
  <si>
    <t>MultiPolygon (((6.0612378979787378 52.52177002881508372, 6.05610991077407146 52.51808147862753628, 6.05419396491407813 52.51892931180083934, 6.05393982030316824 52.52058193194856983, 6.04718548436777059 52.52212228328347976, 6.04471012517281192 52.52353299471224091, 6.0432508904270259 52.52363900849371703, 6.04116993910947198 52.52258493472860579, 6.04029426054353813 52.52321407439204393, 6.04436972231662839 52.52728019980227714, 6.05161781085712835 52.527548095220439, 6.0612378979787378 52.52177002881508372, 6.0612378979787378 52.52177002881508372)))</t>
  </si>
  <si>
    <t>MultiPolygon (((6.05919627598918265 52.50865067285859311, 6.06263710344343387 52.50926357829411018, 6.06718547721532087 52.50661826491299422, 6.05422019845738824 52.49978708317915732, 6.0461873664428456 52.50386063899374278, 6.05037890262010158 52.50670542003033603, 6.0546456146150156 52.50988297282945894, 6.05919627598918265 52.50865067285859311)))</t>
  </si>
  <si>
    <t>MultiPolygon (((6.07588286886197615 52.51239352320445164, 6.06718547721532087 52.50661826491299422, 6.06263710344343387 52.50926357829411018, 6.05919627598918265 52.50865067285859311, 6.0546456146150156 52.50988297282945894, 6.05519694003621201 52.51029337059981117, 6.06621627599657476 52.51866839281525046, 6.07588286886197615 52.51239352320445164)))</t>
  </si>
  <si>
    <t>MultiPolygon (((6.07391652922910197 52.52369051839795588, 6.07625178157876089 52.52039385562808604, 6.08370794235791923 52.51696998660941773, 6.07588286886197615 52.51239352320445164, 6.06621627599657476 52.51866839281525046, 6.06996084541865333 52.52184161285531161, 6.0717039508570112 52.52468460337532008, 6.07391652922910197 52.52369051839795588, 6.07391652922910197 52.52369051839795588)))</t>
  </si>
  <si>
    <t>MultiPolygon (((6.08292866404576227 52.50795012246123861, 6.0848739307991524 52.50713195536965117, 6.08188742749490174 52.50690773701456493, 6.07988468578051311 52.50595504768098465, 6.07749255768105545 52.50244577309911165, 6.07461823763146924 52.50315959943458211, 6.06718547721532087 52.50661826491299422, 6.07588286886197615 52.51239352320445164, 6.08292866404576227 52.50795012246123861, 6.08292866404576227 52.50795012246123861)))</t>
  </si>
  <si>
    <t>MultiPolygon (((6.08900608875491489 52.5146299199609885, 6.08859730803515475 52.51402755792164356, 6.0863268627938778 52.5105818546440446, 6.08292866404576227 52.50795012246123861, 6.07588286886197615 52.51239352320445164, 6.08370794235791923 52.51696998660941773, 6.08900608875491489 52.5146299199609885)))</t>
  </si>
  <si>
    <t>MultiPolygon (((6.0848739307991524 52.50713195536965117, 6.09604499873256955 52.50333276284470685, 6.10349816022122393 52.50032321361667442, 6.1054182945637816 52.49956680876657344, 6.10821563552019597 52.49735613597803763, 6.10221286787545214 52.50004454482812832, 6.09407454281811223 52.50085983009952173, 6.08414740156451384 52.50140278889355017, 6.07749255768105545 52.50244577309911165, 6.07988468578051311 52.50595504768098465, 6.08188742749490174 52.50690773701456493, 6.0848739307991524 52.50713195536965117, 6.0848739307991524 52.50713195536965117)))</t>
  </si>
  <si>
    <t>MultiPolygon (((6.12693924103007248 52.50035271772931367, 6.12259182435596472 52.49875291629607688, 6.11981195044168214 52.50342090770581649, 6.12309220737757176 52.50414846859927565, 6.12693924103007248 52.50035271772931367, 6.12693924103007248 52.50035271772931367)))</t>
  </si>
  <si>
    <t>MultiPolygon (((6.12176965845127352 52.50556697547666829, 6.12309220737757176 52.50414846859927565, 6.11981195044168214 52.50342090770581649, 6.12259182435596472 52.49875291629607688, 6.11308284180933281 52.49809341669350005, 6.10863288165889795 52.498626451470642, 6.10810294128722031 52.49945149206067185, 6.11348069249477799 52.5046712166272016, 6.11598553219419294 52.50723018919423168, 6.12176965845127352 52.50556697547666829)))</t>
  </si>
  <si>
    <t>MultiPolygon (((6.10407428573813249 52.51204149369877427, 6.11026637760822489 52.50898036051533069, 6.11598553219419294 52.50723018919423168, 6.11348069249477799 52.5046712166272016, 6.10905679000353263 52.5042491286759585, 6.10830832487950293 52.50459980646291314, 6.10069158683133494 52.5085364225660669, 6.09931932051453352 52.50799370035408487, 6.09722599055690662 52.50888572296456402, 6.10123023966919931 52.51312570289884718, 6.10407428573813249 52.51204149369877427, 6.10407428573813249 52.51204149369877427)))</t>
  </si>
  <si>
    <t>MultiPolygon (((6.11348069249477799 52.5046712166272016, 6.10810294128722031 52.49945149206067185, 6.10863288165889795 52.498626451470642, 6.1054182945637816 52.49956680876657344, 6.10349816022122393 52.50032321361667442, 6.10441548765366715 52.50123759655737388, 6.10384788465790873 52.50233452287744029, 6.10219390152554642 52.50291937952945887, 6.1032139021922811 52.50474712305351943, 6.10830832487950293 52.50459980646291314, 6.10905679000353263 52.5042491286759585, 6.11348069249477799 52.5046712166272016, 6.11348069249477799 52.5046712166272016)))</t>
  </si>
  <si>
    <t>MultiPolygon (((6.09722599055690662 52.50888572296456402, 6.09931932051453352 52.50799370035408487, 6.10069158683133494 52.5085364225660669, 6.10830832487950293 52.50459980646291314, 6.1032139021922811 52.50474712305351943, 6.10219390152554642 52.50291937952945887, 6.10384788465790873 52.50233452287744029, 6.10441548765366715 52.50123759655737388, 6.10349816022122393 52.50032321361667442, 6.09604499873256955 52.50333276284470685, 6.09590913886268293 52.5090154723230782, 6.09722599055690662 52.50888572296456402, 6.09722599055690662 52.50888572296456402)))</t>
  </si>
  <si>
    <t>MultiPolygon (((6.0863268627938778 52.5105818546440446, 6.08941856871818832 52.51030270087067464, 6.09111996738810735 52.50856612221079445, 6.09409855592161431 52.50936388484208095, 6.09590913886268293 52.5090154723230782, 6.09604499873256955 52.50333276284470685, 6.0848739307991524 52.50713195536965117, 6.08292866404576227 52.50795012246123861, 6.0863268627938778 52.5105818546440446, 6.0863268627938778 52.5105818546440446)))</t>
  </si>
  <si>
    <t>MultiPolygon (((6.12327558289058871 52.50588847999041775, 6.12541518404813079 52.50492575540284435, 6.12593408924620952 52.5052885043085027, 6.130705345237069 52.50214408591053683, 6.12693924103007248 52.50035271772931367, 6.12309220737757176 52.50414846859927565, 6.12176965845127352 52.50556697547666829, 6.11598553219419294 52.50723018919423168, 6.11026637760822489 52.50898036051533069, 6.10407428573813249 52.51204149369877427, 6.10887075156213744 52.51468502458575216, 6.12327558289058871 52.50588847999041775)))</t>
  </si>
  <si>
    <t>MultiPolygon (((6.12137899285524423 52.51073614448784355, 6.12593408924620952 52.5052885043085027, 6.12541518404813079 52.50492575540284435, 6.12327558289058871 52.50588847999041775, 6.10887075156213744 52.51468502458575216, 6.11308700658312354 52.51735066276155806, 6.11866428187643319 52.51849114827341936, 6.12137899285524423 52.51073614448784355)))</t>
  </si>
  <si>
    <t>MultiPolygon (((6.11866428187643319 52.51849114827341936, 6.11308700658312354 52.51735066276155806, 6.11108472748439358 52.51842224790545544, 6.11630029846947298 52.5218805316843671, 6.11582026817386382 52.52281059196623403, 6.11717055792601805 52.52312177152468564, 6.11866428187643319 52.51849114827341936, 6.11866428187643319 52.51849114827341936)))</t>
  </si>
  <si>
    <t>MultiPolygon (((6.11630029846947298 52.5218805316843671, 6.11108472748439358 52.51842224790545544, 6.10969605056452902 52.5186630655378508, 6.11582026817386382 52.52281059196623403, 6.11630029846947298 52.5218805316843671)))</t>
  </si>
  <si>
    <t>MultiPolygon (((6.11108472748439358 52.51842224790545544, 6.11308700658312354 52.51735066276155806, 6.10887075156213744 52.51468502458575216, 6.10656100924117151 52.5166027596517182, 6.10969605056452902 52.5186630655378508, 6.11108472748439358 52.51842224790545544, 6.11108472748439358 52.51842224790545544)))</t>
  </si>
  <si>
    <t>MultiPolygon (((6.11717055792601805 52.52312177152468564, 6.11582026817386382 52.52281059196623403, 6.10969605056452902 52.5186630655378508, 6.10656100924117151 52.5166027596517182, 6.1024603430928126 52.51925972942832033, 6.09630865356251217 52.52268683296157548, 6.10246831470068418 52.52414609139855628, 6.11616626078227288 52.52586284496874214, 6.11717055792601805 52.52312177152468564, 6.11717055792601805 52.52312177152468564)))</t>
  </si>
  <si>
    <t>MultiPolygon (((6.10887075156213744 52.51468502458575216, 6.10407428573813249 52.51204149369877427, 6.10123023966919931 52.51312570289884718, 6.10056190780246155 52.51331916875301431, 6.10178021982418084 52.51467206927048892, 6.10656100924117151 52.5166027596517182, 6.10887075156213744 52.51468502458575216, 6.10887075156213744 52.51468502458575216)))</t>
  </si>
  <si>
    <t>MultiPolygon (((6.10656100924117151 52.5166027596517182, 6.10178021982418084 52.51467206927048892, 6.09914788050554701 52.51519106789794478, 6.0987301109973302 52.51610120396131265, 6.1024603430928126 52.51925972942832033, 6.10656100924117151 52.5166027596517182, 6.10656100924117151 52.5166027596517182)))</t>
  </si>
  <si>
    <t>MultiPolygon (((6.1024603430928126 52.51925972942832033, 6.0987301109973302 52.51610120396131265, 6.0953777765079904 52.51696814482615849, 6.09254296277063556 52.51983657051345489, 6.09181654044316456 52.52090528216918841, 6.09630865356251217 52.52268683296157548, 6.1024603430928126 52.51925972942832033)))</t>
  </si>
  <si>
    <t>MultiPolygon (((6.0953777765079904 52.51696814482615849, 6.0934397931390496 52.51597312874849166, 6.09254296277063556 52.51983657051345489, 6.0953777765079904 52.51696814482615849, 6.0953777765079904 52.51696814482615849)))</t>
  </si>
  <si>
    <t>MultiPolygon (((6.09254296277063556 52.51983657051345489, 6.0934397931390496 52.51597312874849166, 6.08900608875491489 52.5146299199609885, 6.08370794235791923 52.51696998660941773, 6.0853147911949117 52.51776490220282056, 6.09181654044316456 52.52090528216918841, 6.09254296277063556 52.51983657051345489, 6.09254296277063556 52.51983657051345489)))</t>
  </si>
  <si>
    <t>MultiPolygon (((6.0987301109973302 52.51610120396131265, 6.09914788050554701 52.51519106789794478, 6.10178021982418084 52.51467206927048892, 6.10056190780246155 52.51331916875301431, 6.09921146814894222 52.5138860881791345, 6.09637730447005666 52.51453037442922778, 6.08900608875491489 52.5146299199609885, 6.0934397931390496 52.51597312874849166, 6.0953777765079904 52.51696814482615849, 6.0987301109973302 52.51610120396131265, 6.0987301109973302 52.51610120396131265)))</t>
  </si>
  <si>
    <t>MultiPolygon (((6.09637730447005666 52.51453037442922778, 6.09921146814894222 52.5138860881791345, 6.09751614706963085 52.51297985376400135, 6.09299702846363811 52.5121390982289924, 6.08859730803515475 52.51402755792164356, 6.08900608875491489 52.5146299199609885, 6.09637730447005666 52.51453037442922778)))</t>
  </si>
  <si>
    <t>MultiPolygon (((6.09299702846363811 52.5121390982289924, 6.09751614706963085 52.51297985376400135, 6.09921146814894222 52.5138860881791345, 6.10056190780246155 52.51331916875301431, 6.10123023966919931 52.51312570289884718, 6.09722599055690662 52.50888572296456402, 6.09590913886268293 52.5090154723230782, 6.09409855592161431 52.50936388484208095, 6.09111996738810735 52.50856612221079445, 6.08941856871818832 52.51030270087067464, 6.0863268627938778 52.5105818546440446, 6.08859730803515475 52.51402755792164356, 6.09299702846363811 52.5121390982289924)))</t>
  </si>
  <si>
    <t>MultiPolygon (((6.81282315748357181 52.85121964470435074, 6.82853441752633206 52.85296902296103383, 6.82752990757850764 52.84863656558252387, 6.82845389847128548 52.84630342025403138, 6.83392421828212893 52.84376218513764201, 6.83686352296603506 52.84162191471980918, 6.8407488889063135 52.84334420357842532, 6.8398613122977423 52.83866301548891897, 6.83626631750820302 52.8351796869443433, 6.8432371298536081 52.82736715920918158, 6.85644110450052224 52.81776445475227177, 6.85880541162971813 52.81379300755875761, 6.85562211580230407 52.81157743905390589, 6.84980579610311491 52.80463394574833558, 6.84071378917812201 52.81017635929614329, 6.83911702779951991 52.81219865346216835, 6.83587872332347413 52.81420575770713555, 6.83345104622648325 52.81570526302410684, 6.82694072947618213 52.81975225884756497, 6.80986758137075743 52.82881872605980078, 6.76742202411961014 52.8490599253183575, 6.76667636697109121 52.8494150026418481, 6.76912125549460697 52.85046947161236375, 6.80749334708019394 52.83222308315693994, 6.80814572736653911 52.83274948637298962, 6.81702579578390022 52.8285172769111, 6.8163114416990167 52.82796404915441002, 6.81823570481799024 52.82704321565756089, 6.82026817460326473 52.82838210265715873, 6.79617639635184378 52.8387723796497113, 6.78856104910087321 52.84260862622675603, 6.78762774503972199 52.84496838535981311, 6.77916214527093164 52.84901011284559047, 6.77980055203408938 52.84951442021944956, 6.76128174976872565 52.85808179590522116, 6.75995876588544942 52.85704741457547584, 6.75479627733531718 52.85908013147058426, 6.75408649719150223 52.85853227352988881, 6.75300815360594431 52.85904036738493517, 6.75340084530579876 52.86158369725058037, 6.75247740359293491 52.86295871397700097, 6.75232283370621378 52.8631906178260067, 6.75538272077602286 52.86397803703488307, 6.76181465197864018 52.8609319707110572, 6.76862225910566462 52.86622400036186775, 6.78431113267875663 52.86983236734113945, 6.78763468217878074 52.87234674318852967, 6.81282315748357181 52.85121964470435074)))</t>
  </si>
  <si>
    <t>MultiPolygon (((6.75995876588544942 52.85704741457547584, 6.76128174976872565 52.85808179590522116, 6.77980055203408938 52.84951442021944956, 6.77916214527093164 52.84901011284559047, 6.78762774503972199 52.84496838535981311, 6.78856104910087321 52.84260862622675603, 6.79617639635184378 52.8387723796497113, 6.82026817460326473 52.82838210265715873, 6.81823570481799024 52.82704321565756089, 6.8163114416990167 52.82796404915441002, 6.81702579578390022 52.8285172769111, 6.80814572736653911 52.83274948637298962, 6.80749334708019394 52.83222308315693994, 6.76912125549460697 52.85046947161236375, 6.76667636697109121 52.8494150026418481, 6.76560103773973331 52.84992562440200459, 6.76913987907764891 52.85147213890903828, 6.75408649719150223 52.85853227352988881, 6.75479627733531718 52.85908013147058426, 6.75995876588544942 52.85704741457547584)))</t>
  </si>
  <si>
    <t>MultiPolygon (((6.82482832616971624 52.88311177023229703, 6.82600217212064297 52.88141619935220206, 6.8655004657989851 52.85874385290424726, 6.8669400720082221 52.84028193043013744, 6.85145143944343626 52.84212511846804006, 6.84759146132576113 52.84060857818622026, 6.84755366341695826 52.84335805702446009, 6.8407488889063135 52.84334420357842532, 6.83686352296603506 52.84162191471980918, 6.83392421828212893 52.84376218513764201, 6.82845389847128548 52.84630342025403138, 6.82752990757850764 52.84863656558252387, 6.82853441752633206 52.85296902296103383, 6.81282315748357181 52.85121964470435074, 6.78763468217878074 52.87234674318852967, 6.78673262143329392 52.87306286115357068, 6.80587424401764718 52.87803475520164653, 6.82482832616971624 52.88311177023229703, 6.82482832616971624 52.88311177023229703),(6.84523125538587962 52.85461241426079226, 6.84633977817228434 52.85255804610966379, 6.8432614297484422 52.8530159670477957, 6.84222244814028091 52.85057556569385895, 6.84545054567350242 52.84962523811672952, 6.8474267884774509 52.84743479860355819, 6.84762728338919402 52.84341352268658198, 6.85050857556661175 52.84351522438909399, 6.85592945606030035 52.84498264514581223, 6.86008449718252322 52.84453746457067069, 6.86165446535573409 52.84704176618586047, 6.85368169694457041 52.84936639120276425, 6.85523948062317778 52.84956072933605498, 6.8545372116850265 52.8519813745550735, 6.85074417493233501 52.8561067948468235, 6.84822463029161899 52.85618768150684588, 6.84523125538587962 52.85461241426079226, 6.84523125538587962 52.85461241426079226)))</t>
  </si>
  <si>
    <t>MultiPolygon (((6.85074417493233501 52.8561067948468235, 6.8545372116850265 52.8519813745550735, 6.85523948062317778 52.84956072933605498, 6.85368169694457041 52.84936639120276425, 6.84899523805675514 52.85055695726165226, 6.84633977817228434 52.85255804610966379, 6.84523125538587962 52.85461241426079226, 6.84822463029161899 52.85618768150684588, 6.85074417493233501 52.8561067948468235, 6.85074417493233501 52.8561067948468235)))</t>
  </si>
  <si>
    <t>MultiPolygon (((6.84633977817228434 52.85255804610966379, 6.84899523805675514 52.85055695726165226, 6.84934087418004545 52.84886016460335156, 6.85022799240845259 52.84884868502521726, 6.85125694488599635 52.84714474592512801, 6.85139950470575432 52.84587634337382411, 6.84950347134017878 52.84551830141974449, 6.85050857556661175 52.84351522438909399, 6.84762728338919402 52.84341352268658198, 6.8474267884774509 52.84743479860355819, 6.84545054567350242 52.84962523811672952, 6.84222244814028091 52.85057556569385895, 6.8432614297484422 52.8530159670477957, 6.84633977817228434 52.85255804610966379, 6.84633977817228434 52.85255804610966379)))</t>
  </si>
  <si>
    <t>MultiPolygon (((6.85368169694457041 52.84936639120276425, 6.86165446535573409 52.84704176618586047, 6.86008449718252322 52.84453746457067069, 6.85592945606030035 52.84498264514581223, 6.85050857556661175 52.84351522438909399, 6.84950347134017878 52.84551830141974449, 6.85139950470575432 52.84587634337382411, 6.85125694488599635 52.84714474592512801, 6.85022799240845259 52.84884868502521726, 6.84934087418004545 52.84886016460335156, 6.84899523805675514 52.85055695726165226, 6.85368169694457041 52.84936639120276425, 6.85368169694457041 52.84936639120276425)))</t>
  </si>
  <si>
    <t>MultiPolygon (((6.9566504421593276 52.97553387161497085, 6.95672087475973822 52.97547329507212055, 6.95264771430209905 52.97505286541416325, 6.94696954708826109 52.97646183239885431, 6.9459841413407597 52.97575228229124633, 6.94090891902571272 52.97370958256360751, 6.94957295430200883 52.96569905730443395, 6.93978228287846388 52.96116510294745439, 6.9365532213081833 52.96006868241043719, 6.93485282412673865 52.96017172381375815, 6.9234107421024067 52.95575057060179347, 6.92413733618151817 52.95509979708884174, 6.91045908973359868 52.95024907620756949, 6.91389456560397253 52.94710620127695933, 6.93858698527484297 52.95677144046455709, 6.96127187006962167 52.9657907988742096, 6.96528587656959619 52.9647875196936937, 6.96761917193832314 52.96265241651614986, 6.97036236199686776 52.96376067249421027, 6.9785635186365722 52.95671684965252979, 6.97986092647946865 52.95560423101137815, 6.89962211057196662 52.92346871696629762, 6.88632967353372827 52.93570038518664234, 6.91353306122330302 52.94684399413436182, 6.91040839506778859 52.949810718535538, 6.90620524800899638 52.94976475758008405, 6.9051781108388246 52.94934464419016962, 6.90432911024536722 52.9473956732634079, 6.89788801610408697 52.94450037339272797, 6.88874662370020197 52.94144021847821335, 6.88986080158050029 52.94041198057928455, 6.88968870353478824 52.93939002587803344, 6.88419580925185759 52.93717514158696957, 6.88393838879445585 52.93715001371840856, 6.87772502791037876 52.94297634931653107, 6.88430397317130716 52.9456411006294374, 6.87576469450087657 52.95344531509172015, 6.88224735127478482 52.95614073795604781, 6.89329562387419603 52.9604334095002045, 6.89783077833454339 52.9611809416795225, 6.90165679619428207 52.96380889111702572, 6.94841144829187662 52.98261789793135534, 6.9566504421593276 52.97553387161497085, 6.9566504421593276 52.97553387161497085)))</t>
  </si>
  <si>
    <t>MultiPolygon (((6.91353306122330302 52.94684399413436182, 6.88632967353372827 52.93570038518664234, 6.88459301279922631 52.93577665012654165, 6.88419580925185759 52.93717514158696957, 6.88968870353478824 52.93939002587803344, 6.88986080158050029 52.94041198057928455, 6.88874662370020197 52.94144021847821335, 6.89788801610408697 52.94450037339272797, 6.90432911024536722 52.9473956732634079, 6.9051781108388246 52.94934464419016962, 6.90620524800899638 52.94976475758008405, 6.91040839506778859 52.949810718535538, 6.91353306122330302 52.94684399413436182, 6.91353306122330302 52.94684399413436182)))</t>
  </si>
  <si>
    <t>MultiPolygon (((6.93858698527484297 52.95677144046455709, 6.91389456560397253 52.94710620127695933, 6.91045908973359868 52.95024907620756949, 6.92413733618151817 52.95509979708884174, 6.9234107421024067 52.95575057060179347, 6.93485282412673865 52.96017172381375815, 6.93858698527484297 52.95677144046455709, 6.93858698527484297 52.95677144046455709)))</t>
  </si>
  <si>
    <t>MultiPolygon (((6.96958628156596305 52.96442721488396188, 6.97036236199686776 52.96376067249421027, 6.96761917193832314 52.96265241651614986, 6.96528587656959619 52.9647875196936937, 6.96127187006962167 52.9657907988742096, 6.93858698527484297 52.95677144046455709, 6.93485282412673865 52.96017172381375815, 6.9365532213081833 52.96006868241043719, 6.93978228287846388 52.96116510294745439, 6.94957295430200883 52.96569905730443395, 6.95066743064831982 52.96475215067210485, 6.95581135771961989 52.96680547585983589, 6.96329230081563288 52.96982094259550422, 6.96958628156596305 52.96442721488396188, 6.96958628156596305 52.96442721488396188)))</t>
  </si>
  <si>
    <t>MultiPolygon (((6.95264771430209905 52.97505286541416325, 6.95672087475973822 52.97547329507212055, 6.96329230081563288 52.96982094259550422, 6.95581135771961989 52.96680547585983589, 6.9459841413407597 52.97575228229124633, 6.94696954708826109 52.97646183239885431, 6.95264771430209905 52.97505286541416325, 6.95264771430209905 52.97505286541416325)))</t>
  </si>
  <si>
    <t>MultiPolygon (((6.95581135771961989 52.96680547585983589, 6.95066743064831982 52.96475215067210485, 6.94957295430200883 52.96569905730443395, 6.94090891902571272 52.97370958256360751, 6.9459841413407597 52.97575228229124633, 6.95581135771961989 52.96680547585983589)))</t>
  </si>
  <si>
    <t>MultiPolygon (((6.84759146132576113 52.84060857818622026, 6.85145143944343626 52.84212511846804006, 6.8669400720082221 52.84028193043013744, 6.86838852906600827 52.8209554799433505, 6.87031135621572542 52.82160978318496092, 6.87141718998295836 52.82005088301917084, 6.86900190505218511 52.81929376003628818, 6.86506394472260428 52.81581593439452149, 6.85880541162971813 52.81379300755875761, 6.85644110450052224 52.81776445475227177, 6.8432371298536081 52.82736715920918158, 6.83626631750820302 52.8351796869443433, 6.8398613122977423 52.83866301548891897, 6.8407488889063135 52.84334420357842532, 6.84755366341695826 52.84335805702446009, 6.84759146132576113 52.84060857818622026, 6.84759146132576113 52.84060857818622026),(6.85409897543026325 52.83208895279456385, 6.85595641372152631 52.82909077694596789, 6.85849013066927604 52.82894933678662852, 6.86352468401989313 52.8328909111006837, 6.86284846315026176 52.83364967017944736, 6.85764688684027401 52.8349838212315106, 6.85409897543026325 52.83208895279456385, 6.85409897543026325 52.83208895279456385)))</t>
  </si>
  <si>
    <t>MultiPolygon (((6.86284846315026176 52.83364967017944736, 6.86352468401989313 52.8328909111006837, 6.85849013066927604 52.82894933678662852, 6.85595641372152631 52.82909077694596789, 6.85409897543026325 52.83208895279456385, 6.85764688684027401 52.8349838212315106, 6.86284846315026176 52.83364967017944736)))</t>
  </si>
  <si>
    <t>MultiPolygon (((6.88278135342517494 52.90751678649618128, 6.88706077805776307 52.89524060280804463, 6.89378239173325991 52.88855555743061387, 6.89918128330596847 52.87646429142515814, 6.89854363403244708 52.87141463693645704, 6.89533919973139309 52.87044272473722373, 6.89673583648572563 52.86831242397865793, 6.89843742786463121 52.86741810209642978, 6.89026688373126994 52.86525941806138462, 6.89054560519742321 52.86491068138656857, 6.88475735668648969 52.86322817831742782, 6.88656702383831831 52.86059620128483516, 6.88016782545913141 52.8592718293687085, 6.8785198208385312 52.85950355344022711, 6.87769453260704555 52.86164225818625795, 6.8655004657989851 52.85874385290424726, 6.82600217212064297 52.88141619935220206, 6.82482832616971624 52.88311177023229703, 6.83636149954323269 52.89716450608492693, 6.87553573963902753 52.91404105583648487, 6.88278135342517494 52.90751678649618128),(6.86280811570192562 52.8852405879762415, 6.86251583331406234 52.88559502096978804, 6.85924998968470323 52.88761306741907475, 6.85394248894586333 52.88456801207163238, 6.85490246938320968 52.88323801843222327, 6.85603186499695472 52.8832046480409943, 6.85619238814207232 52.87875979524959291, 6.86314875587744933 52.87898062535490595, 6.86614004176025361 52.87830725707363655, 6.86614242716273893 52.87751615739361455, 6.86202735065512748 52.87198286801552172, 6.86267611811783773 52.87186745682769384, 6.86584772004242261 52.87343538156687828, 6.86619561323896921 52.87576245244446937, 6.86993603284598375 52.88103031786010888, 6.87668266885589308 52.88324206934718319, 6.87475037904086062 52.88606830933176894, 6.87095634024597945 52.88635880110507514, 6.86280811570192562 52.8852405879762415)))</t>
  </si>
  <si>
    <t>MultiPolygon (((6.87095634024597945 52.88635880110507514, 6.87475037904086062 52.88606830933176894, 6.87668266885589308 52.88324206934718319, 6.86993603284598375 52.88103031786010888, 6.86619561323896921 52.87576245244446937, 6.86584772004242261 52.87343538156687828, 6.86267611811783773 52.87186745682769384, 6.86202735065512748 52.87198286801552172, 6.86614242716273893 52.87751615739361455, 6.86614004176025361 52.87830725707363655, 6.86314875587744933 52.87898062535490595, 6.8634426127719701 52.88187329189447183, 6.86047350974677261 52.88301193446647375, 6.86251583331406234 52.88559502096978804, 6.86280811570192562 52.8852405879762415, 6.87095634024597945 52.88635880110507514, 6.87095634024597945 52.88635880110507514)))</t>
  </si>
  <si>
    <t>MultiPolygon (((6.86251583331406234 52.88559502096978804, 6.86047350974677261 52.88301193446647375, 6.85603186499695472 52.8832046480409943, 6.85490246938320968 52.88323801843222327, 6.85394248894586333 52.88456801207163238, 6.85924998968470323 52.88761306741907475, 6.86251583331406234 52.88559502096978804)))</t>
  </si>
  <si>
    <t>MultiPolygon (((6.86047350974677261 52.88301193446647375, 6.8634426127719701 52.88187329189447183, 6.86314875587744933 52.87898062535490595, 6.85619238814207232 52.87875979524959291, 6.85603186499695472 52.8832046480409943, 6.86047350974677261 52.88301193446647375, 6.86047350974677261 52.88301193446647375)))</t>
  </si>
  <si>
    <t>MultiPolygon (((6.90494360361762283 52.91759193841502196, 6.90382035030211316 52.91585961303939456, 6.90287307181713494 52.9154135545240365, 6.91014997597686431 52.90890240234256225, 6.91192505642814758 52.90728984399697765, 6.91057294932360477 52.90650108080544101, 6.91288959527436475 52.90439031884929477, 6.9085190818477944 52.90224743263354412, 6.90603404707069224 52.89895901792918664, 6.90633005552182055 52.89853052215664775, 6.90769501226980864 52.89872905509268008, 6.90899499372432846 52.89587288075213678, 6.90780291201930208 52.88984839212754707, 6.922850833271597 52.87848907893440753, 6.90291036828434645 52.86867908422439655, 6.89902207902458997 52.86704855400428471, 6.89843742786463121 52.86741810209642978, 6.89673583648572563 52.86831242397865793, 6.89533919973139309 52.87044272473722373, 6.89854363403244708 52.87141463693645704, 6.89918128330596847 52.87646429142515814, 6.89378239173325991 52.88855555743061387, 6.88706077805776307 52.89524060280804463, 6.88278135342517494 52.90751678649618128, 6.87553573963902753 52.91404105583648487, 6.89883725333681763 52.92315391995639118, 6.90494360361762283 52.91759193841502196, 6.90494360361762283 52.91759193841502196)))</t>
  </si>
  <si>
    <t>MultiPolygon (((6.73429785654396884 52.90398316366971443, 6.73619844510145871 52.90318806300304999, 6.73873343136930991 52.90421428678179439, 6.74327026257268702 52.90216453554920406, 6.74211317158200441 52.90104477131026783, 6.7480654651367864 52.89756455606955399, 6.75258080840823727 52.89572118125721545, 6.76120078040036265 52.89442708559016637, 6.76117907962592657 52.8919393758749905, 6.75860164594427459 52.88785771587979667, 6.74945269056926911 52.89313733340303259, 6.74529696446783955 52.89179621034657686, 6.74353348393365959 52.88912533774379199, 6.73978213574147489 52.89000052302556298, 6.73834928775108732 52.88777754218256177, 6.73948708221511517 52.88465270213643521, 6.73469911345652239 52.88410224727650188, 6.7283134299391314 52.90667588910678631, 6.7339965695268269 52.90730625940829412, 6.73429785654396884 52.90398316366971443)))</t>
  </si>
  <si>
    <t>MultiPolygon (((6.75860164594427459 52.88785771587979667, 6.75605408286795583 52.88349866818722234, 6.76088745533514235 52.87505669077685866, 6.80309997736308159 52.88599319752084682, 6.80763847393209609 52.87951038623817368, 6.80527037790768219 52.87888043155637519, 6.80587424401764718 52.87803475520164653, 6.78673262143329392 52.87306286115357068, 6.78763468217878074 52.87234674318852967, 6.78431113267875663 52.86983236734113945, 6.76862225910566462 52.86622400036186775, 6.76181465197864018 52.8609319707110572, 6.75538272077602286 52.86397803703488307, 6.75232283370621378 52.8631906178260067, 6.75099791079387845 52.86513395971932994, 6.74729435507659314 52.87030487937273193, 6.74510617981486682 52.87185051862623197, 6.74044646225288702 52.87098413345507453, 6.73749219095409035 52.87490638564882062, 6.73633707082011313 52.8786912885881577, 6.73469911345652239 52.88410224727650188, 6.73948708221511517 52.88465270213643521, 6.73834928775108732 52.88777754218256177, 6.73978213574147489 52.89000052302556298, 6.74353348393365959 52.88912533774379199, 6.74529696446783955 52.89179621034657686, 6.74945269056926911 52.89313733340303259, 6.75860164594427459 52.88785771587979667)))</t>
  </si>
  <si>
    <t>MultiPolygon (((6.80124182684541623 52.90215867676295858, 6.80258465787307642 52.8989832579445789, 6.80022210496877832 52.89021125429628256, 6.80309997736308159 52.88599319752084682, 6.76088745533514235 52.87505669077685866, 6.75605408286795583 52.88349866818722234, 6.75860164594427459 52.88785771587979667, 6.76117907962592657 52.8919393758749905, 6.76120078040036265 52.89442708559016637, 6.76123578121381197 52.89540629230561564, 6.76946783876502334 52.89531965338756692, 6.7718379197777816 52.89639852476734916, 6.77897782089307377 52.90398137906617393, 6.78316863281011884 52.90317146088479205, 6.79278580287849731 52.90327078520427051, 6.7985076275338816 52.90435202915364243, 6.80124182684541623 52.90215867676295858, 6.80124182684541623 52.90215867676295858)))</t>
  </si>
  <si>
    <t>MultiPolygon (((6.81077134912328575 52.91660119645057847, 6.81251566335618453 52.91526358282141018, 6.83636149954323269 52.89716450608492693, 6.82482832616971624 52.88311177023229703, 6.80587424401764718 52.87803475520164653, 6.80527037790768219 52.87888043155637519, 6.80763847393209609 52.87951038623817368, 6.80309997736308159 52.88599319752084682, 6.80022210496877832 52.89021125429628256, 6.80258465787307642 52.8989832579445789, 6.80124182684541623 52.90215867676295858, 6.7985076275338816 52.90435202915364243, 6.79278580287849731 52.90327078520427051, 6.78316863281011884 52.90317146088479205, 6.77897782089307377 52.90398137906617393, 6.783287654028614 52.90862134428910935, 6.78560803914175015 52.91005085501102911, 6.79825646913267168 52.91390742609821984, 6.80023904087118858 52.91518981031951796, 6.81077134912328575 52.91660119645057847, 6.81077134912328575 52.91660119645057847),(6.802630664739028 52.90954313076707649, 6.80202750872785789 52.90652134014883501, 6.80466366245249876 52.90613269869529489, 6.80635556660809282 52.90720636299408142, 6.80999020138481637 52.90376547467438684, 6.81497655478442343 52.903982304001687, 6.81133607860697854 52.90828929290692173, 6.80797570326294466 52.90924226266084673, 6.80627709176374118 52.91132411804738922, 6.802630664739028 52.90954313076707649, 6.802630664739028 52.90954313076707649)))</t>
  </si>
  <si>
    <t>MultiPolygon (((6.80797570326294466 52.90924226266084673, 6.81133607860697854 52.90828929290692173, 6.81497655478442343 52.903982304001687, 6.80999020138481637 52.90376547467438684, 6.80635556660809282 52.90720636299408142, 6.80466366245249876 52.90613269869529489, 6.80202750872785789 52.90652134014883501, 6.802630664739028 52.90954313076707649, 6.80627709176374118 52.91132411804738922, 6.80797570326294466 52.90924226266084673, 6.80797570326294466 52.90924226266084673)))</t>
  </si>
  <si>
    <t>MultiPolygon (((6.8688806745865163 52.96107076975208372, 6.87707387951693061 52.96318711836121906, 6.88224735127478482 52.95614073795604781, 6.87576469450087657 52.95344531509172015, 6.87150021854174398 52.95166112912044554, 6.8688642332419434 52.95465030257333439, 6.86529250877586961 52.95624912561834208, 6.86048449885138467 52.95477444274431633, 6.8604393055716173 52.95616665699066772, 6.85797349432747527 52.95822446843145315, 6.85659100776131947 52.96327532982897424, 6.85107702054574297 52.96685136968223873, 6.84433948096389422 52.96820281865569768, 6.84338203649518384 52.97317353649788885, 6.8390309565241898 52.97795999004256373, 6.84587991583086986 52.97927005445462356, 6.85463628712137396 52.98064184598199944, 6.8688806745865163 52.96107076975208372)))</t>
  </si>
  <si>
    <t>MultiPolygon (((6.93661060646850114 52.99275957555698113, 6.93906939907777431 52.98913698431636732, 6.8839933751822997 52.97431832465774448, 6.8811918729440551 52.9778389471458766, 6.87841886365944255 52.97736129633430835, 6.88145919732475875 52.97189325901880608, 6.88397402083740229 52.97261648215290819, 6.88577417438404549 52.9716118546625836, 6.90810513801433501 52.97687693392096264, 6.9429272582346977 52.98733178557018419, 6.94841144829187662 52.98261789793135534, 6.90165679619428207 52.96380889111702572, 6.89783077833454339 52.9611809416795225, 6.89329562387419603 52.9604334095002045, 6.88224735127478482 52.95614073795604781, 6.87707387951693061 52.96318711836121906, 6.8688806745865163 52.96107076975208372, 6.85463628712137396 52.98064184598199944, 6.8579240171969893 52.98115867201734375, 6.87232084905525031 52.98342061479271337, 6.92794622694590601 52.99214161369610565, 6.93568480387260422 52.99335254551783692, 6.93661060646850114 52.99275957555698113, 6.93661060646850114 52.99275957555698113)))</t>
  </si>
  <si>
    <t>MultiPolygon (((6.93841181674733054 52.9912119770079002, 6.9429272582346977 52.98733178557018419, 6.90810513801433501 52.97687693392096264, 6.88577417438404549 52.9716118546625836, 6.88397402083740229 52.97261648215290819, 6.88145919732475875 52.97189325901880608, 6.87841886365944255 52.97736129633430835, 6.8811918729440551 52.9778389471458766, 6.8839933751822997 52.97431832465774448, 6.93906939907777431 52.98913698431636732, 6.93661060646850114 52.99275957555698113, 6.93841181674733054 52.9912119770079002, 6.93841181674733054 52.9912119770079002)))</t>
  </si>
  <si>
    <t>MultiPolygon (((6.82103012996324498 52.96560190780914468, 6.82322886141050322 52.95929329614216385, 6.8212098502744789 52.95745312322719656, 6.82161277021457746 52.95412690188612714, 6.81780954745480283 52.95398989086342567, 6.81227662236071296 52.94956345055732072, 6.8090600023957446 52.94913440416416961, 6.80823390618789048 52.95185870733268274, 6.81041158699978499 52.95200335518228485, 6.80978117861782373 52.95378498081901597, 6.80555685354676321 52.95216678923256381, 6.79919237854590275 52.95272313529152797, 6.79524976351294185 52.95657124144913297, 6.79204634312565148 52.95612223829871823, 6.79181813390860434 52.95468281876730288, 6.78764191366200276 52.95275100185412498, 6.78812574302347294 52.94947898283438548, 6.79815882563093954 52.95066964397527443, 6.80345429062800289 52.94911108814852696, 6.80628962904921586 52.94954635212284444, 6.80710018343325007 52.94910569670657452, 6.79824488783241421 52.94811761556426433, 6.79704414943299007 52.94040864629513266, 6.79555119726124612 52.93714136604425136, 6.78896215003435533 52.93970835462755531, 6.73889045504220618 52.9378119295704721, 6.73114648348778122 52.93882909900908373, 6.72771179169956479 52.95471976218551191, 6.72929562503723577 52.9549280538161824, 6.78005956703379731 52.96163966517140409, 6.78875900417869804 52.9627746663881922, 6.81276413134327541 52.96999113207596821, 6.82103012996324498 52.96560190780914468)))</t>
  </si>
  <si>
    <t>MultiPolygon (((6.79919237854590275 52.95272313529152797, 6.80555685354676321 52.95216678923256381, 6.80978117861782373 52.95378498081901597, 6.81041158699978499 52.95200335518228485, 6.80823390618789048 52.95185870733268274, 6.8090600023957446 52.94913440416416961, 6.80775733602298772 52.94884614302721815, 6.80710018343325007 52.94910569670657452, 6.80628962904921586 52.94954635212284444, 6.80345429062800289 52.94911108814852696, 6.79815882563093954 52.95066964397527443, 6.78812574302347294 52.94947898283438548, 6.78764191366200276 52.95275100185412498, 6.79181813390860434 52.95468281876730288, 6.79204634312565148 52.95612223829871823, 6.79524976351294185 52.95657124144913297, 6.79919237854590275 52.95272313529152797)))</t>
  </si>
  <si>
    <t>MultiPolygon (((6.86529250877586961 52.95624912561834208, 6.8688642332419434 52.95465030257333439, 6.87150021854174398 52.95166112912044554, 6.87576469450087657 52.95344531509172015, 6.88430397317130716 52.9456411006294374, 6.87772502791037876 52.94297634931653107, 6.88393838879445585 52.93715001371840856, 6.88108013567406829 52.93592780495375649, 6.87708917214340332 52.94122555103977135, 6.87553424703709037 52.94282679217585041, 6.87495802975199766 52.94260003156995253, 6.87493460252978572 52.94065488259494856, 6.87953516273029209 52.93531457106757898, 6.88339262160721965 52.92744687149822624, 6.88790576032799784 52.92201369968370983, 6.8890709044017493 52.92249162165594356, 6.88217654955412605 52.93125501087487805, 6.88171031303072311 52.93418471315109031, 6.88279936740722409 52.93449081593996652, 6.88370884280779638 52.93365233920219737, 6.88593783004269788 52.93455192464921311, 6.88459301279922631 52.93577665012654165, 6.88632967353372827 52.93570038518664234, 6.89962211057196662 52.92346871696629762, 6.89883725333681763 52.92315391995639118, 6.87553573963902753 52.91404105583648487, 6.87322841867384504 52.91652962995868137, 6.86982443727944236 52.91784078246126199, 6.86607398456528273 52.92191197900066157, 6.86385150388220833 52.92570254731842994, 6.8609109200829721 52.92659967094510165, 6.85686535967207789 52.93035929570186227, 6.85425197594003865 52.93740145563485555, 6.85366824760258719 52.94538747173751858, 6.85517459772752069 52.94792151997023666, 6.85935012667348509 52.9516288016369927, 6.86048449885138467 52.95477444274431633, 6.86529250877586961 52.95624912561834208, 6.86529250877586961 52.95624912561834208)))</t>
  </si>
  <si>
    <t>MultiPolygon (((6.87708917214340332 52.94122555103977135, 6.88108013567406829 52.93592780495375649, 6.88393838879445585 52.93715001371840856, 6.88419580925185759 52.93717514158696957, 6.88459301279922631 52.93577665012654165, 6.88593783004269788 52.93455192464921311, 6.88370884280779638 52.93365233920219737, 6.88279936740722409 52.93449081593996652, 6.88171031303072311 52.93418471315109031, 6.88217654955412605 52.93125501087487805, 6.8890709044017493 52.92249162165594356, 6.88790576032799784 52.92201369968370983, 6.88339262160721965 52.92744687149822624, 6.87953516273029209 52.93531457106757898, 6.87493460252978572 52.94065488259494856, 6.87495802975199766 52.94260003156995253, 6.87553424703709037 52.94282679217585041, 6.87708917214340332 52.94122555103977135)))</t>
  </si>
  <si>
    <t>MultiPolygon (((6.82871476419654577 52.94645599340528719, 6.83028608940994353 52.94530950274019432, 6.83067269980519587 52.94380995589521177, 6.83480421884203615 52.9437681142443779, 6.84750521206495577 52.94581180651696428, 6.85366824760258719 52.94538747173751858, 6.85425197594003865 52.93740145563485555, 6.85686535967207789 52.93035929570186227, 6.8609109200829721 52.92659967094510165, 6.86385150388220833 52.92570254731842994, 6.86607398456528273 52.92191197900066157, 6.86982443727944236 52.91784078246126199, 6.87322841867384504 52.91652962995868137, 6.87553573963902753 52.91404105583648487, 6.83636149954323269 52.89716450608492693, 6.81251566335618453 52.91526358282141018, 6.81993027300209853 52.91985814303446745, 6.80930238015402178 52.93095922927925301, 6.81552341138985263 52.93504632576203761, 6.81620183559688364 52.93743949813425331, 6.81688604985709734 52.94000734139577702, 6.82406033910048926 52.94675495388698039, 6.82536587508320114 52.94700062693735987, 6.82871476419654577 52.94645599340528719, 6.82871476419654577 52.94645599340528719),(6.8251861052264351 52.93156158522560162, 6.82433554925382868 52.92979685582360361, 6.83540666654869522 52.92916875491683726, 6.84139290066002737 52.9305077084022173, 6.84249220844433648 52.92911336734475469, 6.84192632611945406 52.92632428605915607, 6.83997705289522617 52.92610221201429255, 6.84122537963502797 52.92163135905317972, 6.84799292131364812 52.92298795404174427, 6.84549558160584137 52.92968939556817531, 6.84365870719791314 52.92917079458233331, 6.84189916025817535 52.93021037013807018, 6.84201596906912712 52.93126568491518213, 6.84458435293969547 52.93213540344640933, 6.84414519818983536 52.93322001383923237, 6.84059482375748829 52.93571008560223845, 6.83755675718836642 52.93429761726857663, 6.83544261007920984 52.93659744930494071, 6.8251861052264351 52.93156158522560162)))</t>
  </si>
  <si>
    <t>MultiPolygon (((6.83755675718836642 52.93429761726857663, 6.84059482375748829 52.93571008560223845, 6.84414519818983536 52.93322001383923237, 6.84458435293969547 52.93213540344640933, 6.84201596906912712 52.93126568491518213, 6.84189916025817535 52.93021037013807018, 6.84365870719791314 52.92917079458233331, 6.84549558160584137 52.92968939556817531, 6.84799292131364812 52.92298795404174427, 6.84122537963502797 52.92163135905317972, 6.83997705289522617 52.92610221201429255, 6.84192632611945406 52.92632428605915607, 6.84249220844433648 52.92911336734475469, 6.84139290066002737 52.9305077084022173, 6.83540666654869522 52.92916875491683726, 6.82433554925382868 52.92979685582360361, 6.8251861052264351 52.93156158522560162, 6.83544261007920984 52.93659744930494071, 6.83755675718836642 52.93429761726857663)))</t>
  </si>
  <si>
    <t>MultiPolygon (((6.8390309565241898 52.97795999004256373, 6.84338203649518384 52.97317353649788885, 6.84433948096389422 52.96820281865569768, 6.85107702054574297 52.96685136968223873, 6.85659100776131947 52.96327532982897424, 6.85797349432747527 52.95822446843145315, 6.8604393055716173 52.95616665699066772, 6.86048449885138467 52.95477444274431633, 6.85935012667348509 52.9516288016369927, 6.85517459772752069 52.94792151997023666, 6.85366824760258719 52.94538747173751858, 6.84750521206495577 52.94581180651696428, 6.83480421884203615 52.9437681142443779, 6.83067269980519587 52.94380995589521177, 6.83028608940994353 52.94530950274019432, 6.82871476419654577 52.94645599340528719, 6.82536587508320114 52.94700062693735987, 6.82438863029164899 52.95441711675589147, 6.82161277021457746 52.95412690188612714, 6.8212098502744789 52.95745312322719656, 6.82322886141050322 52.95929329614216385, 6.82103012996324498 52.96560190780914468, 6.81276413134327541 52.96999113207596821, 6.81436870749990486 52.97048782694798064, 6.83895941721035072 52.97805960653779778, 6.8390309565241898 52.97795999004256373, 6.8390309565241898 52.97795999004256373)))</t>
  </si>
  <si>
    <t>MultiPolygon (((6.82536587508320114 52.94700062693735987, 6.82406033910048926 52.94675495388698039, 6.81688604985709734 52.94000734139577702, 6.81620183559688364 52.93743949813425331, 6.81093208323122568 52.93786464399194358, 6.80918927983077626 52.93515950128524139, 6.80373243572184805 52.93645692172588468, 6.80172449628541198 52.93506820362392773, 6.79555119726124612 52.93714136604425136, 6.79704414943299007 52.94040864629513266, 6.79824488783241421 52.94811761556426433, 6.80710018343325007 52.94910569670657452, 6.80775733602298772 52.94884614302721815, 6.8090600023957446 52.94913440416416961, 6.81227662236071296 52.94956345055732072, 6.81780954745480283 52.95398989086342567, 6.82161277021457746 52.95412690188612714, 6.82438863029164899 52.95441711675589147, 6.82536587508320114 52.94700062693735987)))</t>
  </si>
  <si>
    <t>MultiPolygon (((6.79555119726124612 52.93714136604425136, 6.80172449628541198 52.93506820362392773, 6.80373243572184805 52.93645692172588468, 6.80918927983077626 52.93515950128524139, 6.81093208323122568 52.93786464399194358, 6.81620183559688364 52.93743949813425331, 6.81552341138985263 52.93504632576203761, 6.80930238015402178 52.93095922927925301, 6.81993027300209853 52.91985814303446745, 6.81251566335618453 52.91526358282141018, 6.81077134912328575 52.91660119645057847, 6.80023904087118858 52.91518981031951796, 6.79825646913267168 52.91390742609821984, 6.78560803914175015 52.91005085501102911, 6.77567131319435756 52.9131750522112867, 6.77101231285881333 52.91515188040953177, 6.76810607430585254 52.91742894583750001, 6.76185991929393104 52.91454382771498643, 6.75771564820279291 52.91523354401519441, 6.74534283518610156 52.9131880210569463, 6.74401869540174292 52.91510963169724135, 6.73949595801546408 52.91453191304380255, 6.73853387305965956 52.91750992596999481, 6.73257778941505602 52.91411796744504414, 6.72729369903417851 52.91380443713475046, 6.7246509330983022 52.93730514901682227, 6.73142243899893433 52.93755502898782339, 6.73114648348778122 52.93882909900908373, 6.73889045504220618 52.9378119295704721, 6.78896215003435533 52.93970835462755531, 6.79555119726124612 52.93714136604425136),(6.79014302385723045 52.91639466897512989, 6.78341439293830728 52.92275085046755834, 6.77876444361914299 52.92148786682798089, 6.78190039168152836 52.91289523312982368, 6.78801139255612718 52.914051679832518, 6.79014302385723045 52.91639466897512989, 6.79014302385723045 52.91639466897512989),(6.79202514813785818 52.93337838861225464, 6.78987871908772433 52.93133734608861118, 6.7890311745676577 52.92794316388569342, 6.78652765481042053 52.92768259039269907, 6.78519159721986398 52.92546971761336039, 6.7867958802500814 52.92342273633904881, 6.78742776526266933 52.92027052522441721, 6.79217947323348614 52.91496545049108136, 6.79600885082863648 52.91622655975925227, 6.79664934983764635 52.91574281082483822, 6.80057272822075642 52.91654796533167371, 6.80285754285879829 52.91959455935983669, 6.80276171597328894 52.92223114155623165, 6.79859357983295887 52.92436839970187634, 6.80117288127983244 52.92462469893101229, 6.7992830211266142 52.92795552042669982, 6.7954682593394562 52.92789978848398391, 6.79487985835873243 52.92886532474099681, 6.79713503658931018 52.93120563723662286, 6.79442778015349003 52.93341191224375564, 6.79202514813785818 52.93337838861225464, 6.79202514813785818 52.93337838861225464)))</t>
  </si>
  <si>
    <t>MultiPolygon (((6.79451974170724782 52.91861277538991715, 6.79600885082863648 52.91622655975925227, 6.79217947323348614 52.91496545049108136, 6.78742776526266933 52.92027052522441721, 6.7867958802500814 52.92342273633904881, 6.79600443374289309 52.92420545651690844, 6.79451974170724782 52.91861277538991715)))</t>
  </si>
  <si>
    <t>MultiPolygon (((6.79713503658931018 52.93120563723662286, 6.79487985835873243 52.92886532474099681, 6.7954682593394562 52.92789978848398391, 6.79287080097715545 52.92790151674505239, 6.7890311745676577 52.92794316388569342, 6.78987871908772433 52.93133734608861118, 6.79202514813785818 52.93337838861225464, 6.79442778015349003 52.93341191224375564, 6.79713503658931018 52.93120563723662286, 6.79713503658931018 52.93120563723662286)))</t>
  </si>
  <si>
    <t>MultiPolygon (((6.79014302385723045 52.91639466897512989, 6.78801139255612718 52.914051679832518, 6.78190039168152836 52.91289523312982368, 6.77876444361914299 52.92148786682798089, 6.78341439293830728 52.92275085046755834, 6.79014302385723045 52.91639466897512989)))</t>
  </si>
  <si>
    <t>MultiPolygon (((6.80276171597328894 52.92223114155623165, 6.80285754285879829 52.91959455935983669, 6.80057272822075642 52.91654796533167371, 6.79664934983764635 52.91574281082483822, 6.79600885082863648 52.91622655975925227, 6.79451974170724782 52.91861277538991715, 6.79600443374289309 52.92420545651690844, 6.79859357983295887 52.92436839970187634, 6.80276171597328894 52.92223114155623165)))</t>
  </si>
  <si>
    <t>MultiPolygon (((6.79287080097715545 52.92790151674505239, 6.79318016583012962 52.92662356885723796, 6.79600443374289309 52.92420545651690844, 6.7867958802500814 52.92342273633904881, 6.78519159721986398 52.92546971761336039, 6.78652765481042053 52.92768259039269907, 6.7890311745676577 52.92794316388569342, 6.79287080097715545 52.92790151674505239, 6.79287080097715545 52.92790151674505239)))</t>
  </si>
  <si>
    <t>MultiPolygon (((6.80117288127983244 52.92462469893101229, 6.79859357983295887 52.92436839970187634, 6.79600443374289309 52.92420545651690844, 6.79318016583012962 52.92662356885723796, 6.79287080097715545 52.92790151674505239, 6.7954682593394562 52.92789978848398391, 6.7992830211266142 52.92795552042669982, 6.80117288127983244 52.92462469893101229, 6.80117288127983244 52.92462469893101229)))</t>
  </si>
  <si>
    <t>MultiPolygon (((7.03953987478865884 52.90750369192413416, 7.01656205901284658 52.8754461637715778, 7.01479927486675603 52.87298657872815966, 7.01315429392099521 52.87299261864254873, 7.00758896826092048 52.87301129991195836, 6.96663810787310656 52.86386837254682547, 6.96449481567675033 52.86494852891785712, 6.96706469966883546 52.86583055096203765, 6.96791811803392136 52.86518611075411656, 6.9811477395221857 52.86815783390704837, 6.98070791901501586 52.87089568577453491, 6.99192098462738088 52.87357210862447943, 6.99500783258774739 52.87418163207627231, 6.9967292802365284 52.8716928699419384, 6.99985828804500443 52.87239187600825119, 6.99924833550688952 52.87344517072860128, 7.00303705285073885 52.87625707146974463, 7.00182189374201069 52.87904964576809874, 7.00504919358644962 52.87982868458379926, 7.01155705627167514 52.88272756105054384, 7.02078193540920648 52.89367850215122502, 7.02156148565059102 52.89564052617806311, 7.02012466161812654 52.90139511198555766, 7.01770754763631732 52.90122930608364271, 7.01522215605039623 52.90595428658731691, 7.01849044357693241 52.91919977225076366, 7.02042455543629451 52.91993475561964999, 7.02163755103948439 52.91932337566994704, 7.03953990154551601 52.90750373110118687, 7.03953987478865884 52.90750369192413416)))</t>
  </si>
  <si>
    <t>MultiPolygon (((7.00289922041481905 52.93581483714427804, 7.00955864709699572 52.93009314610162619, 6.99953951681193143 52.92573435786484737, 7.00613671722343234 52.91967883386465843, 6.922850833271597 52.87848907893440753, 6.90780291201930208 52.88984839212754707, 6.90899499372432846 52.89587288075213678, 6.90769501226980864 52.89872905509268008, 6.9135137078384119 52.90161663281142523, 6.93360193224073651 52.88436777998810356, 6.93550032248715365 52.88583522384637092, 6.92177247032950316 52.89832862397621938, 6.92668736408574315 52.90076456290954354, 6.92409423209752273 52.90312536699902068, 6.94956854352714881 52.91316387879363958, 6.96623226151176667 52.92004537597590996, 6.96724480072543173 52.91914035778972192, 6.96829232425143363 52.91956206072217839, 6.9722503694363418 52.92144858973652077, 6.97177879627577646 52.921899011839038, 7.0033713354729521 52.9349127258579486, 7.00179811945339914 52.93639660125355562, 6.94803920400256825 52.91453767648887663, 6.94718155932453385 52.91557258286164256, 6.93958765222517115 52.91250159225928229, 6.93803136966478196 52.91257942064654429, 6.9366489881078337 52.91383342141787693, 6.93354779591570836 52.91249801620710969, 6.93538222458041176 52.91082332048526382, 6.92047304452520073 52.90485221151097761, 6.91504256550893448 52.90852804270827647, 6.91192505642814758 52.90728984399697765, 6.91014997597686431 52.90890240234256225, 6.91286098522111736 52.91075231079518204, 6.9317745157591375 52.9183250544095003, 6.94221425071038656 52.9214893188772848, 6.99502371180154814 52.94258782218370385, 7.00289922041481905 52.93581483714427804, 7.00289922041481905 52.93581483714427804)))</t>
  </si>
  <si>
    <t>MultiPolygon (((6.92047304452520073 52.90485221151097761, 6.92409423209752273 52.90312536699902068, 6.92668736408574315 52.90076456290954354, 6.92177247032950316 52.89832862397621938, 6.93550032248715365 52.88583522384637092, 6.93360193224073651 52.88436777998810356, 6.9135137078384119 52.90161663281142523, 6.90769501226980864 52.89872905509268008, 6.90633005552182055 52.89853052215664775, 6.90603404707069224 52.89895901792918664, 6.9085190818477944 52.90224743263354412, 6.91288959527436475 52.90439031884929477, 6.91057294932360477 52.90650108080544101, 6.91192505642814758 52.90728984399697765, 6.91504256550893448 52.90852804270827647, 6.92047304452520073 52.90485221151097761)))</t>
  </si>
  <si>
    <t>MultiPolygon (((6.94803920400256825 52.91453767648887663, 6.94864692423497665 52.91396231123440685, 6.94956854352714881 52.91316387879363958, 6.92409423209752273 52.90312536699902068, 6.92047304452520073 52.90485221151097761, 6.93538222458041176 52.91082332048526382, 6.93354779591570836 52.91249801620710969, 6.9366489881078337 52.91383342141787693, 6.93803136966478196 52.91257942064654429, 6.93958765222517115 52.91250159225928229, 6.94718155932453385 52.91557258286164256, 6.94803920400256825 52.91453767648887663, 6.94803920400256825 52.91453767648887663)))</t>
  </si>
  <si>
    <t>MultiPolygon (((7.0033713354729521 52.9349127258579486, 6.97177879627577646 52.921899011839038, 6.9722503694363418 52.92144858973652077, 6.96829232425143363 52.91956206072217839, 6.96724480072543173 52.91914035778972192, 6.96623226151176667 52.92004537597590996, 6.94956854352714881 52.91316387879363958, 6.94864692423497665 52.91396231123440685, 6.94803920400256825 52.91453767648887663, 7.00179811945339914 52.93639660125355562, 7.0033713354729521 52.9349127258579486, 7.0033713354729521 52.9349127258579486)))</t>
  </si>
  <si>
    <t>MultiPolygon (((6.9317745157591375 52.9183250544095003, 6.91286098522111736 52.91075231079518204, 6.91014997597686431 52.90890240234256225, 6.90287307181713494 52.9154135545240365, 6.90382035030211316 52.91585961303939456, 6.90556214748977037 52.91446749291482377, 6.92337882163135543 52.92275246392988919, 6.98788057025568055 52.94872321642204582, 6.99502371180154814 52.94258782218370385, 6.94221425071038656 52.9214893188772848, 6.9317745157591375 52.9183250544095003, 6.9317745157591375 52.9183250544095003)),((6.90494360361762283 52.91759193841502196, 6.89883725333681763 52.92315391995639118, 6.89962211057196662 52.92346871696629762, 6.97986092647946865 52.95560423101137815, 6.98602241273926339 52.95031893425051805, 6.94821907440669673 52.93504454634894785, 6.94022484058768718 52.93128126417285984, 6.90494360361762283 52.91759193841502196)))</t>
  </si>
  <si>
    <t>MultiPolygon (((6.98788057025568055 52.94872321642204582, 6.92337882163135543 52.92275246392988919, 6.90556214748977037 52.91446749291482377, 6.90382035030211316 52.91585961303939456, 6.90494360361762283 52.91759193841502196, 6.94022484058768718 52.93128126417285984, 6.94821907440669673 52.93504454634894785, 6.98602241273926339 52.95031893425051805, 6.98788057025568055 52.94872321642204582, 6.98788057025568055 52.94872321642204582)))</t>
  </si>
  <si>
    <t>MultiPolygon (((7.03958057253995673 52.90756042830067685, 7.03953990154551601 52.90750373110118687, 7.02163755103948439 52.91932337566994704, 7.0246707104370385 52.91986999620711174, 7.02685437541606284 52.91903701141880134, 7.04553112117778912 52.91591549572297026, 7.03958057253995673 52.90756042830067685)))</t>
  </si>
  <si>
    <t>MultiPolygon (((6.77101231285881333 52.91515188040953177, 6.77567131319435756 52.9131750522112867, 6.78560803914175015 52.91005085501102911, 6.783287654028614 52.90862134428910935, 6.77897782089307377 52.90398137906617393, 6.7718379197777816 52.89639852476734916, 6.76946783876502334 52.89531965338756692, 6.76123578121381197 52.89540629230561564, 6.76120078040036265 52.89442708559016637, 6.75258080840823727 52.89572118125721545, 6.7480654651367864 52.89756455606955399, 6.74211317158200441 52.90104477131026783, 6.74327026257268702 52.90216453554920406, 6.73873343136930991 52.90421428678179439, 6.73619844510145871 52.90318806300304999, 6.73429785654396884 52.90398316366971443, 6.7339965695268269 52.90730625940829412, 6.7283134299391314 52.90667588910678631, 6.72729369903417851 52.91380443713475046, 6.73257778941505602 52.91411796744504414, 6.73853387305965956 52.91750992596999481, 6.73949595801546408 52.91453191304380255, 6.74401869540174292 52.91510963169724135, 6.74534283518610156 52.9131880210569463, 6.75771564820279291 52.91523354401519441, 6.76185991929393104 52.91454382771498643, 6.76810607430585254 52.91742894583750001, 6.77101231285881333 52.91515188040953177, 6.77101231285881333 52.91515188040953177)))</t>
  </si>
  <si>
    <t>MultiPolygon (((7.01569768107908409 52.9248156556931022, 7.0246707104370385 52.91986999620711174, 7.02163755103948439 52.91932337566994704, 7.02042455543629451 52.91993475561964999, 7.01849044357693241 52.91919977225076366, 7.01522215605039623 52.90595428658731691, 7.01770754763631732 52.90122930608364271, 7.02012466161812654 52.90139511198555766, 7.02156148565059102 52.89564052617806311, 7.02078193540920648 52.89367850215122502, 7.01155705627167514 52.88272756105054384, 7.00504919358644962 52.87982868458379926, 7.00182189374201069 52.87904964576809874, 7.00303705285073885 52.87625707146974463, 6.99924833550688952 52.87344517072860128, 6.99985828804500443 52.87239187600825119, 6.9967292802365284 52.8716928699419384, 6.99500783258774739 52.87418163207627231, 6.99192098462738088 52.87357210862447943, 6.98070791901501586 52.87089568577453491, 6.9811477395221857 52.86815783390704837, 6.96791811803392136 52.86518611075411656, 6.96706469966883546 52.86583055096203765, 6.96449481567675033 52.86494852891785712, 6.96144977090601724 52.86428240558377922, 6.95761526527081742 52.86190462566813864, 6.95207543514216209 52.85531604696149799, 6.95188816250810238 52.85218790587421012, 6.94991280935561395 52.84880328402722682, 6.91924535674100749 52.83835357857341819, 6.91600591969578371 52.84111228044957898, 6.91092632570000021 52.85094590838597384, 6.90423779775808821 52.84963836398478065, 6.89054560519742321 52.86491068138656857, 6.89026688373126994 52.86525941806138462, 6.89843742786463121 52.86741810209642978, 6.89902207902458997 52.86704855400428471, 6.90291036828434645 52.86867908422439655, 6.922850833271597 52.87848907893440753, 7.00613671722343234 52.91967883386465843, 6.99953951681193143 52.92573435786484737, 7.00955864709699572 52.93009314610162619, 7.01569768107908409 52.9248156556931022, 7.01569768107908409 52.9248156556931022),(7.00838453872925715 52.90508775676767783, 7.00645602724829786 52.90536635360778916, 6.99408690888536189 52.89946130347907882, 6.95856113187946335 52.88218226565620483, 6.94733543682069143 52.87703749238989559, 6.94377478369072598 52.87970509113184647, 6.94302663128191178 52.87934164327808162, 6.94039909315336079 52.87732436711556261, 6.94361399545828295 52.87477290652324058, 6.94252454367479466 52.87342121855063226, 6.93762455061556427 52.8710222121219644, 6.93681067179493738 52.87162198093922427, 6.91216358264658659 52.85847389629930149, 6.91284821050786835 52.85686820072501035, 6.92233174586212208 52.84958468779063168, 6.92305770215372185 52.84969179760375368, 6.92275863096647726 52.85036065094232782, 6.91456748552210865 52.85671119687072661, 6.94103137892645705 52.86851179947049673, 6.96222270431199508 52.87947972587933521, 6.99746615220789092 52.89697349812499283, 7.00092489513569571 52.89560465379188514, 7.00289387490095905 52.89656530138222479, 7.0007671021017801 52.89815103097883764, 7.00274144931930298 52.89910910125012578, 7.00577005500199679 52.89942853975529147, 7.01015385925394252 52.90190870598906514, 7.01174313501008672 52.90551981363156386, 7.01028006543776971 52.90666054819128306, 7.0104515399692966 52.90837258709341739, 7.00838453872925715 52.90508775676767783)))</t>
  </si>
  <si>
    <t>MultiPolygon (((6.93762455061556427 52.8710222121219644, 6.94103137892645705 52.86851179947049673, 6.91456748552210865 52.85671119687072661, 6.92275863096647726 52.85036065094232782, 6.92305770215372185 52.84969179760375368, 6.92233174586212208 52.84958468779063168, 6.91284821050786835 52.85686820072501035, 6.91216358264658659 52.85847389629930149, 6.93681067179493738 52.87162198093922427, 6.93762455061556427 52.8710222121219644, 6.93762455061556427 52.8710222121219644)))</t>
  </si>
  <si>
    <t>MultiPolygon (((6.99746615220789092 52.89697349812499283, 6.96222270431199508 52.87947972587933521, 6.95856113187946335 52.88218226565620483, 6.99408690888536189 52.89946130347907882, 6.99746615220789092 52.89697349812499283, 6.99746615220789092 52.89697349812499283)))</t>
  </si>
  <si>
    <t>MultiPolygon (((6.96222270431199508 52.87947972587933521, 6.94103137892645705 52.86851179947049673, 6.93762455061556427 52.8710222121219644, 6.94252454367479466 52.87342121855063226, 6.94361399545828295 52.87477290652324058, 6.94039909315336079 52.87732436711556261, 6.94302663128191178 52.87934164327808162, 6.94377478369072598 52.87970509113184647, 6.94733543682069143 52.87703749238989559, 6.95856113187946335 52.88218226565620483, 6.96222270431199508 52.87947972587933521, 6.96222270431199508 52.87947972587933521)))</t>
  </si>
  <si>
    <t>MultiPolygon (((7.0104515399692966 52.90837258709341739, 7.01028006543776971 52.90666054819128306, 7.01174313501008672 52.90551981363156386, 7.01015385925394252 52.90190870598906514, 7.00577005500199679 52.89942853975529147, 7.00274144931930298 52.89910910125012578, 7.0007671021017801 52.89815103097883764, 7.00289387490095905 52.89656530138222479, 7.00092489513569571 52.89560465379188514, 6.99746615220789092 52.89697349812499283, 6.99408690888536189 52.89946130347907882, 7.00645602724829786 52.90536635360778916, 7.00838453872925715 52.90508775676767783, 7.0104515399692966 52.90837258709341739, 7.0104515399692966 52.90837258709341739)))</t>
  </si>
  <si>
    <t>MultiPolygon (((6.90423779775808821 52.84963836398478065, 6.91092632570000021 52.85094590838597384, 6.91600591969578371 52.84111228044957898, 6.91924535674100749 52.83835357857341819, 6.91092543573457263 52.8354015137042623, 6.88494390990373439 52.82450059041792656, 6.87141718998295836 52.82005088301917084, 6.87031135621572542 52.82160978318496092, 6.86838852906600827 52.8209554799433505, 6.8669400720082221 52.84028193043013744, 6.8655004657989851 52.85874385290424726, 6.87769453260704555 52.86164225818625795, 6.8785198208385312 52.85950355344022711, 6.88016782545913141 52.8592718293687085, 6.88656702383831831 52.86059620128483516, 6.88475735668648969 52.86322817831742782, 6.89054560519742321 52.86491068138656857, 6.90423779775808821 52.84963836398478065),(6.88949993065884669 52.85616713996604688, 6.89389636737822009 52.84936346014633557, 6.89487784031388884 52.84961623628792182, 6.89583653544279152 52.84837173288725864, 6.88048521735771867 52.84316456138853368, 6.87912052794097217 52.84160735672652009, 6.88135993170843374 52.83819277057190078, 6.88478375469407755 52.83911034380471961, 6.88475206362371406 52.83991230129782934, 6.89479814442961469 52.84418617936852769, 6.89948209357265174 52.84487884315259265, 6.90030880445911343 52.84620225240301039, 6.89852829423081015 52.84949951621611319, 6.89452894732193489 52.85283756288203705, 6.89360698578225417 52.85278204263240553, 6.89101555547415234 52.85647549088617581, 6.88949993065884669 52.85616713996604688, 6.88949993065884669 52.85616713996604688)))</t>
  </si>
  <si>
    <t>MultiPolygon (((6.89360698578225417 52.85278204263240553, 6.89452894732193489 52.85283756288203705, 6.89852829423081015 52.84949951621611319, 6.90030880445911343 52.84620225240301039, 6.89948209357265174 52.84487884315259265, 6.89479814442961469 52.84418617936852769, 6.88475206362371406 52.83991230129782934, 6.88478375469407755 52.83911034380471961, 6.88135993170843374 52.83819277057190078, 6.87912052794097217 52.84160735672652009, 6.88048521735771867 52.84316456138853368, 6.89583653544279152 52.84837173288725864, 6.89487784031388884 52.84961623628792182, 6.89389636737822009 52.84936346014633557, 6.88949993065884669 52.85616713996604688, 6.89101555547415234 52.85647549088617581, 6.89360698578225417 52.85278204263240553, 6.89360698578225417 52.85278204263240553)))</t>
  </si>
  <si>
    <t>MultiPolygon (((5.16179761979339169 52.39403342260403207, 5.17619467596825533 52.37802897648160894, 5.17523471979035321 52.37710769850484382, 5.17212201882693812 52.3735216498675058, 5.17006592271944498 52.3658295225593946, 5.16418369383671738 52.36544291998450262, 5.16047398802787693 52.36677879567564275, 5.13369693065702393 52.3576842930806734, 5.13356133489115951 52.35702971232532121, 5.13281638906885096 52.35708322108309432, 5.13120573017751358 52.36551217468725383, 5.12252756516504348 52.37507659610079003, 5.12219131915765935 52.37724039046614166, 5.1230152367647479 52.37919581040691241, 5.12467697355782548 52.38078663249839906, 5.12894185555308546 52.38288668173962037, 5.15654314052391349 52.39300680378178754, 5.15837678464024663 52.39489532609989908, 5.16179761979339169 52.39403342260403207)))</t>
  </si>
  <si>
    <t>MultiPolygon (((5.30124449921884899 52.38198643651225694, 5.37915612755989603 52.3141086465713272, 5.3515010245812471 52.309235442741425, 5.34492344465245495 52.30993900433049504, 5.33350482707737061 52.31427371533143145, 5.33292987183578582 52.31388766605798679, 5.30981167893536377 52.32292799480681111, 5.29161291118551436 52.32950043138290397, 5.27216134528984881 52.33518153020478536, 5.26759797418318776 52.33825612088379131, 5.26234975043615982 52.34440471474724177, 5.2576501317399158 52.35429945533989837, 5.26958554218253106 52.35987982847468913, 5.28191658593489066 52.34852699609481164, 5.28578938065195114 52.34737373949124617, 5.29931198372754775 52.33566227770896973, 5.30233636303632228 52.3340611057429399, 5.30299384432535081 52.33431139502010865, 5.31580042849720869 52.34092509640483826, 5.29961879251084866 52.35616818103303416, 5.30675739273312885 52.35931168266959901, 5.29839667271880188 52.36751205942538689, 5.29925474603758495 52.36818625575930497, 5.29635013187651094 52.37156305164688064, 5.29192661696724986 52.3732780748307718, 5.28952759170146969 52.37412315965455178, 5.2968843922331299 52.38003305939299281, 5.30124449921884899 52.38198643651225694, 5.30124449921884899 52.38198643651225694)))</t>
  </si>
  <si>
    <t>MultiPolygon (((5.29635013187651094 52.37156305164688064, 5.29925474603758495 52.36818625575930497, 5.29839667271880188 52.36751205942538689, 5.29637321176734233 52.36663349190295946, 5.29370033908609727 52.36782641243534897, 5.2883948137526966 52.36417387984062088, 5.27581546547423041 52.35954367184869085, 5.27334801319844626 52.36146935445587047, 5.27583331774661879 52.36256927939483319, 5.29055503163212659 52.3717203718465143, 5.29192661696724986 52.3732780748307718, 5.29635013187651094 52.37156305164688064)))</t>
  </si>
  <si>
    <t>MultiPolygon (((5.29637321176734233 52.36663349190295946, 5.29839667271880188 52.36751205942538689, 5.30675739273312885 52.35931168266959901, 5.29961879251084866 52.35616818103303416, 5.28219676294831864 52.34856897147228239, 5.28191658593489066 52.34852699609481164, 5.26958554218253106 52.35987982847468913, 5.26932216459728586 52.36010263886907978, 5.27334801319844626 52.36146935445587047, 5.27581546547423041 52.35954367184869085, 5.2883948137526966 52.36417387984062088, 5.29370033908609727 52.36782641243534897, 5.29637321176734233 52.36663349190295946, 5.29637321176734233 52.36663349190295946)))</t>
  </si>
  <si>
    <t>MultiPolygon (((5.31580042849720869 52.34092509640483826, 5.30299384432535081 52.33431139502010865, 5.30233636303632228 52.3340611057429399, 5.29931198372754775 52.33566227770896973, 5.28578938065195114 52.34737373949124617, 5.28191658593489066 52.34852699609481164, 5.28219676294831864 52.34856897147228239, 5.29961879251084866 52.35616818103303416, 5.31580042849720869 52.34092509640483826)))</t>
  </si>
  <si>
    <t>MultiPolygon (((5.17372736832356939 52.34986439233647815, 5.17372944867031848 52.34613738585541398, 5.17708757884953918 52.34254164952527333, 5.17545683065075579 52.34063855843841395, 5.1707778961861397 52.33964028828438586, 5.16143516316063788 52.33603378246755256, 5.14170642408652689 52.32612348659178991, 5.14031977544304475 52.32675198698758834, 5.14575546821334218 52.32964125217831253, 5.15064716290338698 52.33445372607786794, 5.15490979771955882 52.3378255386613418, 5.16178237044547661 52.34130058035184163, 5.16782090776397229 52.34438914932914599, 5.16826567335176801 52.34628560079407578, 5.16866406411775792 52.34910493140393584, 5.17372736832356939 52.34986439233647815, 5.17372736832356939 52.34986439233647815)),((5.16418369383671738 52.36544291998450262, 5.17006592271944498 52.3658295225593946, 5.17002482548022435 52.36535591733480288, 5.16976957774716173 52.36169133626454908, 5.17122616485118147 52.35843127302939592, 5.16408016764070776 52.35480376137383729, 5.16359876986192834 52.35514762584374893, 5.15703059646327766 52.36239263600925398, 5.1431303504818775 52.35776922748885909, 5.13506492318894292 52.35485451040517546, 5.13356133489115951 52.35702971232532121, 5.13369693065702393 52.3576842930806734, 5.16047398802787693 52.36677879567564275, 5.16418369383671738 52.36544291998450262)))</t>
  </si>
  <si>
    <t>MultiPolygon (((5.16826567335176801 52.34628560079407578, 5.16782090776397229 52.34438914932914599, 5.16178237044547661 52.34130058035184163, 5.15954910811156786 52.34242321461901781, 5.16344148096835553 52.34607460856781103, 5.16826567335176801 52.34628560079407578, 5.16826567335176801 52.34628560079407578)))</t>
  </si>
  <si>
    <t>MultiPolygon (((5.16408016764070776 52.35480376137383729, 5.16866406411775792 52.34910493140393584, 5.16826567335176801 52.34628560079407578, 5.16344148096835553 52.34607460856781103, 5.15605915967216522 52.34928083688426881, 5.15609222517727073 52.34931762491064688, 5.15736553616662885 52.35060592116317935, 5.16359876986192834 52.35514762584374893, 5.16408016764070776 52.35480376137383729, 5.16408016764070776 52.35480376137383729)))</t>
  </si>
  <si>
    <t>MultiPolygon (((5.173387657569684 52.35419654379897736, 5.17372736832356939 52.34986439233647815, 5.16866406411775792 52.34910493140393584, 5.16408016764070776 52.35480376137383729, 5.17122616485118147 52.35843127302939592, 5.173387657569684 52.35419654379897736)))</t>
  </si>
  <si>
    <t>MultiPolygon (((5.15954910811156786 52.34242321461901781, 5.16178237044547661 52.34130058035184163, 5.15490979771955882 52.3378255386613418, 5.15064716290338698 52.33445372607786794, 5.15005422627581311 52.33539878886423224, 5.15257780189105485 52.34403126416314223, 5.15261025867428746 52.34410421829604587, 5.15954910811156786 52.34242321461901781, 5.15954910811156786 52.34242321461901781)))</t>
  </si>
  <si>
    <t>MultiPolygon (((5.15605915967216522 52.34928083688426881, 5.16344148096835553 52.34607460856781103, 5.15954910811156786 52.34242321461901781, 5.15261025867428746 52.34410421829604587, 5.15605915967216522 52.34928083688426881, 5.15605915967216522 52.34928083688426881)))</t>
  </si>
  <si>
    <t>MultiPolygon (((5.13356133489115951 52.35702971232532121, 5.13506492318894292 52.35485451040517546, 5.1392803747797986 52.35065919330750717, 5.14568838936981621 52.3433027399976325, 5.14940197291822166 52.33791719730754721, 5.15005422627581311 52.33539878886423224, 5.15064716290338698 52.33445372607786794, 5.14575546821334218 52.32964125217831253, 5.14031977544304475 52.32675198698758834, 5.14046993751555181 52.32635668123617023, 5.13882256417417782 52.32551852253057945, 5.13832433834136193 52.32590170210215774, 5.13974691347854673 52.32689017884233351, 5.1369600646265825 52.32938054069286693, 5.13921716805869622 52.32803549819076494, 5.14131958081696183 52.32826616265084141, 5.14361133870685094 52.32963989066395527, 5.14495792083727377 52.33159803573435909, 5.13422308211801059 52.33794747053303809, 5.13177391940591932 52.33731101655040163, 5.13081340172574141 52.33813792365094031, 5.13235975194641014 52.33809183683528232, 5.13461707078996188 52.34110019449491347, 5.13118121174111774 52.34271697164432169, 5.13096973256091715 52.34334029874036531, 5.13373826916679654 52.34407705168257507, 5.13321257184883706 52.34725790094799436, 5.13423880918283615 52.34752651524437539, 5.13281638906885096 52.35708322108309432, 5.13356133489115951 52.35702971232532121)))</t>
  </si>
  <si>
    <t>MultiPolygon (((5.15257780189105485 52.34403126416314223, 5.15005422627581311 52.33539878886423224, 5.14940197291822166 52.33791719730754721, 5.14568838936981621 52.3433027399976325, 5.15257780189105485 52.34403126416314223, 5.15257780189105485 52.34403126416314223)))</t>
  </si>
  <si>
    <t>MultiPolygon (((5.16359876986192834 52.35514762584374893, 5.15736553616662885 52.35060592116317935, 5.14869333160127329 52.3514514406465139, 5.1431303504818775 52.35776922748885909, 5.15703059646327766 52.36239263600925398, 5.16359876986192834 52.35514762584374893)))</t>
  </si>
  <si>
    <t>MultiPolygon (((5.14869333160127329 52.3514514406465139, 5.15736553616662885 52.35060592116317935, 5.15609222517727073 52.34931762491064688, 5.15253922876713322 52.34915112418302385, 5.1392803747797986 52.35065919330750717, 5.13506492318894292 52.35485451040517546, 5.1431303504818775 52.35776922748885909, 5.14869333160127329 52.3514514406465139)))</t>
  </si>
  <si>
    <t>MultiPolygon (((5.1392803747797986 52.35065919330750717, 5.15253922876713322 52.34915112418302385, 5.15609222517727073 52.34931762491064688, 5.15605915967216522 52.34928083688426881, 5.15261025867428746 52.34410421829604587, 5.15257780189105485 52.34403126416314223, 5.14568838936981621 52.3433027399976325, 5.1392803747797986 52.35065919330750717, 5.1392803747797986 52.35065919330750717)))</t>
  </si>
  <si>
    <t>MultiPolygon (((5.2679840442955177 52.42736534803793802, 5.27581236720088764 52.42331691905683044, 5.33315516216750041 52.40632187266022157, 5.34371027927964448 52.40124218798043643, 5.34951417600786083 52.40146794932238095, 5.35077240362185247 52.40020867868260268, 5.34816836239680704 52.39702832113320596, 5.34637130848051889 52.39611359697567394, 5.33935327814938887 52.39581277278669091, 5.33236985742980796 52.3932463329157585, 5.33293399784697897 52.39277276062533417, 5.31351699450100234 52.38574141319165278, 5.31303948313844021 52.38625277643258471, 5.30124449921884899 52.38198643651225694, 5.2968843922331299 52.38003305939299281, 5.28952759170146969 52.37412315965455178, 5.26917176608375915 52.37931156417710099, 5.26281358711150204 52.38211618110353385, 5.26332543260274921 52.38240445453497784, 5.26382666098471219 52.38269863658123171, 5.2671963771581094 52.38119960128531005, 5.27114240599672534 52.3808162833402875, 5.28097389181284083 52.38355631373894994, 5.29225927832757126 52.38738791166139208, 5.29183597256813876 52.38845959683077069, 5.29445363698310789 52.38811904077586235, 5.30772744840245192 52.39257996849769228, 5.31621081173752952 52.39550416298406077, 5.3387835080979551 52.40311561663801143, 5.33356239598101922 52.4052660346040895, 5.32041863190869613 52.40920803798768191, 5.31732355775479792 52.41004884344325632, 5.30176390547846754 52.41438403508963972, 5.29618416541030967 52.41439024917107048, 5.29091056047331687 52.41331147203995044, 5.28343723907702234 52.41174174951451192, 5.28248591532898892 52.41290848813723358, 5.28330008589899069 52.41477220343581678, 5.27977895341196923 52.4178774171382571, 5.2706845897184964 52.42239116361480455, 5.267539453880973 52.42213312982443085, 5.25802547903044371 52.43205206846028688, 5.24711555899341509 52.42762342442755141, 5.23788480259351985 52.4242423172615517, 5.23639340626145344 52.42266265073705966, 5.23704942068927704 52.42052140591289344, 5.24555982845893887 52.41344110377612253, 5.2347364542494228 52.40871533428762774, 5.22980368762364112 52.41416270452720738, 5.2251863116374313 52.41746208699802168, 5.21917623835495803 52.41609012133216794, 5.20637602929435506 52.41563972799079352, 5.20598133248026151 52.41604564264150667, 5.21932342231268631 52.42086099347498163, 5.22000845486370313 52.42034541883615617, 5.20825625800308956 52.41636803488583496, 5.21696801062606852 52.41643324172288487, 5.22051864533935728 52.41774965213138415, 5.21997968253099831 52.41834813538252291, 5.22459486940843032 52.41802586282487653, 5.224387201438355 52.41912472402324141, 5.22847392778282671 52.4206294744920811, 5.23234193893370936 52.42490963930686121, 5.22992585538527255 52.42477762327356317, 5.25842419301001041 52.43542548079354759, 5.2679840442955177 52.42736534803793802)))</t>
  </si>
  <si>
    <t>MultiPolygon (((5.25802547903044371 52.43205206846028688, 5.267539453880973 52.42213312982443085, 5.2706845897184964 52.42239116361480455, 5.27977895341196923 52.4178774171382571, 5.28330008589899069 52.41477220343581678, 5.28248591532898892 52.41290848813723358, 5.28343723907702234 52.41174174951451192, 5.28190730621358373 52.41120404552791001, 5.26921182355485573 52.40769809668071133, 5.24711555899341509 52.42762342442755141, 5.25802547903044371 52.43205206846028688, 5.25802547903044371 52.43205206846028688)))</t>
  </si>
  <si>
    <t>MultiPolygon (((5.26921182355485573 52.40769809668071133, 5.25842065031964623 52.40238853274892961, 5.25229363237369462 52.39986783830615735, 5.24594551440245649 52.398131514502154, 5.2347364542494228 52.40871533428762774, 5.24555982845893887 52.41344110377612253, 5.23704942068927704 52.42052140591289344, 5.23639340626145344 52.42266265073705966, 5.23788480259351985 52.4242423172615517, 5.24711555899341509 52.42762342442755141, 5.26921182355485573 52.40769809668071133)))</t>
  </si>
  <si>
    <t>MultiPolygon (((5.27381849737997488 52.4040571665981858, 5.26293728618560053 52.39934992614031017, 5.25842065031964623 52.40238853274892961, 5.26921182355485573 52.40769809668071133, 5.27381849737997488 52.4040571665981858, 5.27381849737997488 52.4040571665981858)))</t>
  </si>
  <si>
    <t>MultiPolygon (((5.30176390547846754 52.41438403508963972, 5.31732355775479792 52.41004884344325632, 5.30791491548558092 52.40598423908305392, 5.30578333434590554 52.40612372885954073, 5.29847088177614811 52.41233457343528812, 5.29623351379025564 52.41254447184893195, 5.29315032548695719 52.41129596614619857, 5.29091056047331687 52.41331147203995044, 5.29618416541030967 52.41439024917107048, 5.30176390547846754 52.41438403508963972)))</t>
  </si>
  <si>
    <t>MultiPolygon (((5.33356239598101922 52.4052660346040895, 5.3387835080979551 52.40311561663801143, 5.31621081173752952 52.39550416298406077, 5.30629018427230559 52.40411126049634305, 5.32041863190869613 52.40920803798768191, 5.33356239598101922 52.4052660346040895)))</t>
  </si>
  <si>
    <t>MultiPolygon (((5.31621081173752952 52.39550416298406077, 5.30772744840245192 52.39257996849769228, 5.2970678328116092 52.39993789421772163, 5.30629018427230559 52.40411126049634305, 5.31621081173752952 52.39550416298406077, 5.31621081173752952 52.39550416298406077)))</t>
  </si>
  <si>
    <t>MultiPolygon (((5.31732355775479792 52.41004884344325632, 5.32041863190869613 52.40920803798768191, 5.30629018427230559 52.40411126049634305, 5.2970678328116092 52.39993789421772163, 5.28466298336572482 52.39469320743790348, 5.28254266523021965 52.39652927756026202, 5.29348736180045076 52.40053944043494027, 5.30791491548558092 52.40598423908305392, 5.31732355775479792 52.41004884344325632, 5.31732355775479792 52.41004884344325632)))</t>
  </si>
  <si>
    <t>MultiPolygon (((5.30772744840245192 52.39257996849769228, 5.29445363698310789 52.38811904077586235, 5.29183597256813876 52.38845959683077069, 5.28466298336572482 52.39469320743790348, 5.2970678328116092 52.39993789421772163, 5.30772744840245192 52.39257996849769228)))</t>
  </si>
  <si>
    <t>MultiPolygon (((5.29183597256813876 52.38845959683077069, 5.29225927832757126 52.38738791166139208, 5.28097389181284083 52.38355631373894994, 5.27495846859835726 52.38896954247091742, 5.27718192911952144 52.39147769340741689, 5.28466298336572482 52.39469320743790348, 5.29183597256813876 52.38845959683077069)))</t>
  </si>
  <si>
    <t>MultiPolygon (((5.27718192911952144 52.39147769340741689, 5.27495846859835726 52.38896954247091742, 5.28097389181284083 52.38355631373894994, 5.27114240599672534 52.3808162833402875, 5.2671963771581094 52.38119960128531005, 5.26382666098471219 52.38269863658123171, 5.26851524181411346 52.38584769971419774, 5.27550497239707283 52.39225930840122203, 5.27718192911952144 52.39147769340741689, 5.27718192911952144 52.39147769340741689)))</t>
  </si>
  <si>
    <t>MultiPolygon (((5.27201658415124008 52.392256501341258, 5.27550497239707283 52.39225930840122203, 5.26851524181411346 52.38584769971419774, 5.26382666098471219 52.38269863658123171, 5.26332543260274921 52.38240445453497784, 5.25619069035709607 52.38856283586957829, 5.26871966783699719 52.39392352291886112, 5.27201658415124008 52.392256501341258)))</t>
  </si>
  <si>
    <t>MultiPolygon (((5.26293728618560053 52.39934992614031017, 5.26867876854976558 52.3939835906567879, 5.26871966783699719 52.39392352291886112, 5.25619069035709607 52.38856283586957829, 5.24509620237930019 52.39787102057938739, 5.24594551440245649 52.398131514502154, 5.25229363237369462 52.39986783830615735, 5.25842065031964623 52.40238853274892961, 5.26293728618560053 52.39934992614031017, 5.26293728618560053 52.39934992614031017)))</t>
  </si>
  <si>
    <t>MultiPolygon (((5.27988713580968216 52.39880880063198987, 5.26867876854976558 52.3939835906567879, 5.26293728618560053 52.39934992614031017, 5.27381849737997488 52.4040571665981858, 5.27988713580968216 52.39880880063198987)))</t>
  </si>
  <si>
    <t>MultiPolygon (((5.28190730621358373 52.41120404552791001, 5.28225345492484077 52.40995932301056115, 5.28741364585740126 52.40774221828899471, 5.29412040678661544 52.40213335334469491, 5.29348736180045076 52.40053944043494027, 5.28254266523021965 52.39652927756026202, 5.27988713580968216 52.39880880063198987, 5.27381849737997488 52.4040571665981858, 5.26921182355485573 52.40769809668071133, 5.28190730621358373 52.41120404552791001, 5.28190730621358373 52.41120404552791001)))</t>
  </si>
  <si>
    <t>MultiPolygon (((5.29091056047331687 52.41331147203995044, 5.29315032548695719 52.41129596614619857, 5.29623351379025564 52.41254447184893195, 5.29847088177614811 52.41233457343528812, 5.30578333434590554 52.40612372885954073, 5.30791491548558092 52.40598423908305392, 5.29348736180045076 52.40053944043494027, 5.29412040678661544 52.40213335334469491, 5.28741364585740126 52.40774221828899471, 5.28225345492484077 52.40995932301056115, 5.28190730621358373 52.41120404552791001, 5.28343723907702234 52.41174174951451192, 5.29091056047331687 52.41331147203995044, 5.29091056047331687 52.41331147203995044)))</t>
  </si>
  <si>
    <t>MultiPolygon (((5.28254266523021965 52.39652927756026202, 5.28466298336572482 52.39469320743790348, 5.27718192911952144 52.39147769340741689, 5.27550497239707283 52.39225930840122203, 5.27201658415124008 52.392256501341258, 5.26871966783699719 52.39392352291886112, 5.26867876854976558 52.3939835906567879, 5.27988713580968216 52.39880880063198987, 5.28254266523021965 52.39652927756026202, 5.28254266523021965 52.39652927756026202)))</t>
  </si>
  <si>
    <t>MultiPolygon (((5.23071479392675798 52.36377875012989591, 5.23036808807349463 52.36311168182316322, 5.23577446610420782 52.36128929019688627, 5.24286034205867146 52.35613501005133941, 5.24318469882791938 52.35323762933469283, 5.24325690555908519 52.35239312432810976, 5.23892434921897632 52.35236825946742556, 5.22076416934878118 52.35432180531653756, 5.21850830791187548 52.35353492108718143, 5.21148570323877625 52.3536597858849575, 5.20289991190448564 52.35090576448543231, 5.20171031690082142 52.35150130552766257, 5.19895677105665399 52.35161096881181919, 5.19613105737025638 52.354944301739053, 5.19640378398995306 52.35599242775706585, 5.19860082413546198 52.35668621338017914, 5.2027729499568558 52.35628254383124869, 5.21116373441801439 52.35893447811743329, 5.21214567040046006 52.36042823520690348, 5.21134876261823798 52.3613163601333369, 5.21357850462995476 52.36535604225736762, 5.21482287053492133 52.36555782442444951, 5.21510223144965313 52.36486624876972229, 5.22794713185422566 52.36680921000048983, 5.23071479392675798 52.36377875012989591, 5.23071479392675798 52.36377875012989591)),((5.22980368762364112 52.41416270452720738, 5.2347364542494228 52.40871533428762774, 5.24594551440245649 52.398131514502154, 5.24509620237930019 52.39787102057938739, 5.23421777730644955 52.39494028976774587, 5.2280422289607742 52.40140329758627757, 5.22704500060031041 52.40488028718974789, 5.22375976305849132 52.40470523824608762, 5.20823468534041023 52.39957584235011723, 5.19830142995957534 52.40105808282646649, 5.19165865604722132 52.39864523784093109, 5.19192339138983083 52.39687024887079758, 5.18297434946172952 52.39398669994483271, 5.17735831624235576 52.39944250169673268, 5.16964397063005343 52.40277057384864179, 5.20598133248026151 52.41604564264150667, 5.20637602929435506 52.41563972799079352, 5.21917623835495803 52.41609012133216794, 5.2251863116374313 52.41746208699802168, 5.22980368762364112 52.41416270452720738)))</t>
  </si>
  <si>
    <t>MultiPolygon (((5.2788147573448585 52.37318257252479725, 5.27877412251997136 52.36899186396563977, 5.27583331774661879 52.36256927939483319, 5.27334801319844626 52.36146935445587047, 5.26932216459728586 52.36010263886907978, 5.26551339503774951 52.36389650453455857, 5.26378658500403951 52.3655534138053298, 5.27510092849946055 52.36877580374135732, 5.27124174998208606 52.37368019317482037, 5.2752794711913884 52.37612157406280744, 5.2788147573448585 52.37318257252479725)))</t>
  </si>
  <si>
    <t>MultiPolygon (((5.26932216459728586 52.36010263886907978, 5.26958554218253106 52.35987982847468913, 5.2576501317399158 52.35429945533989837, 5.25651568507057831 52.35372018862916121, 5.24474072668228608 52.35210988488405093, 5.24318469882791938 52.35323762933469283, 5.24286034205867146 52.35613501005133941, 5.25371505711252773 52.36009522585834475, 5.26551339503774951 52.36389650453455857, 5.26932216459728586 52.36010263886907978, 5.26932216459728586 52.36010263886907978)))</t>
  </si>
  <si>
    <t>MultiPolygon (((5.19640378398995306 52.35599242775706585, 5.19613105737025638 52.354944301739053, 5.19895677105665399 52.35161096881181919, 5.20171031690082142 52.35150130552766257, 5.17708757884953918 52.34254164952527333, 5.17372944867031848 52.34613738585541398, 5.17372736832356939 52.34986439233647815, 5.17815882364486679 52.34976395230270185, 5.19202072331483055 52.35455233598914759, 5.19217892006605997 52.35715692006521493, 5.19640378398995306 52.35599242775706585, 5.19640378398995306 52.35599242775706585)))</t>
  </si>
  <si>
    <t>MultiPolygon (((5.1820077192810734 52.36508554493374845, 5.18325623943615277 52.36418112180253814, 5.18327717756579176 52.3641326607469253, 5.17122616485118147 52.35843127302939592, 5.16976957774716173 52.36169133626454908, 5.17002482548022435 52.36535591733480288, 5.17927422887857958 52.3656782827444971, 5.1820077192810734 52.36508554493374845)))</t>
  </si>
  <si>
    <t>MultiPolygon (((5.22177551860492528 52.38830181612572545, 5.21854339090896158 52.38167574075424682, 5.21700685647441542 52.37904184976139987, 5.21244014054019367 52.37996262061929542, 5.21332210701118903 52.38125840626687335, 5.21165386387826324 52.38563820954706074, 5.21434706837180961 52.38911307186976529, 5.2168676673290868 52.38963789147074834, 5.22177551860492528 52.38830181612572545)))</t>
  </si>
  <si>
    <t>MultiPolygon (((5.23083344400312633 52.37628129850214265, 5.22258404883415839 52.3757129857045669, 5.22223536174184044 52.37657451682672871, 5.22360208067885168 52.37956737571067123, 5.22942185632142653 52.38086338480439963, 5.23083344400312633 52.37628129850214265, 5.23083344400312633 52.37628129850214265)))</t>
  </si>
  <si>
    <t>MultiPolygon (((5.2280422289607742 52.40140329758627757, 5.23421777730644955 52.39494028976774587, 5.23381790732319097 52.39481532261027752, 5.21669975299367472 52.38987347430603592, 5.19499461014855335 52.38720996039961619, 5.18792015879461132 52.38453793753242138, 5.18385996885247646 52.38214526682600791, 5.18267170494561125 52.38280551103842697, 5.18101924754734888 52.38093769895130691, 5.17523471979035321 52.37710769850484382, 5.17619467596825533 52.37802897648160894, 5.16179761979339169 52.39403342260403207, 5.15837678464024663 52.39489532609989908, 5.1616804954612352 52.39983000579943706, 5.16964397063005343 52.40277057384864179, 5.17735831624235576 52.39944250169673268, 5.18297434946172952 52.39398669994483271, 5.19192339138983083 52.39687024887079758, 5.19165865604722132 52.39864523784093109, 5.19830142995957534 52.40105808282646649, 5.20823468534041023 52.39957584235011723, 5.22375976305849132 52.40470523824608762, 5.22704500060031041 52.40488028718974789, 5.2280422289607742 52.40140329758627757)))</t>
  </si>
  <si>
    <t>MultiPolygon (((5.18669174922459675 52.36228698089469447, 5.19421166931318279 52.3607632117733246, 5.19217892006605997 52.35715692006521493, 5.19202072331483055 52.35455233598914759, 5.17815882364486679 52.34976395230270185, 5.17372736832356939 52.34986439233647815, 5.173387657569684 52.35419654379897736, 5.17122616485118147 52.35843127302939592, 5.18327717756579176 52.3641326607469253, 5.18669174922459675 52.36228698089469447)))</t>
  </si>
  <si>
    <t>MultiPolygon (((5.20254839917971434 52.37228779425732483, 5.20467878354406466 52.36877795585948547, 5.20236503439398046 52.36420379025779681, 5.20091775498062869 52.36310139596404412, 5.19421166931318279 52.3607632117733246, 5.18669174922459675 52.36228698089469447, 5.18327717756579176 52.3641326607469253, 5.18325623943615277 52.36418112180253814, 5.19689739299635356 52.37048768039201008, 5.20239016745002925 52.37231499560888182, 5.20254839917971434 52.37228779425732483, 5.20254839917971434 52.37228779425732483)))</t>
  </si>
  <si>
    <t>MultiPolygon (((5.18385996885247646 52.38214526682600791, 5.19347085737190284 52.375409946196406, 5.20171500146271004 52.37305403197740361, 5.20239016745002925 52.37231499560888182, 5.19689739299635356 52.37048768039201008, 5.18325623943615277 52.36418112180253814, 5.1820077192810734 52.36508554493374845, 5.17927422887857958 52.3656782827444971, 5.17002482548022435 52.36535591733480288, 5.17006592271944498 52.3658295225593946, 5.17212201882693812 52.3735216498675058, 5.17523471979035321 52.37710769850484382, 5.18101924754734888 52.38093769895130691, 5.18267170494561125 52.38280551103842697, 5.18385996885247646 52.38214526682600791)))</t>
  </si>
  <si>
    <t>MultiPolygon (((5.21566844392611184 52.37213499969530517, 5.21357850462995476 52.36535604225736762, 5.21134876261823798 52.3613163601333369, 5.21214567040046006 52.36042823520690348, 5.21116373441801439 52.35893447811743329, 5.2027729499568558 52.35628254383124869, 5.19860082413546198 52.35668621338017914, 5.19640378398995306 52.35599242775706585, 5.19217892006605997 52.35715692006521493, 5.19421166931318279 52.3607632117733246, 5.20091775498062869 52.36310139596404412, 5.20236503439398046 52.36420379025779681, 5.20467878354406466 52.36877795585948547, 5.20254839917971434 52.37228779425732483, 5.20713594729750273 52.37335948859019652, 5.21405659740473038 52.37441424203682772, 5.21566844392611184 52.37213499969530517)))</t>
  </si>
  <si>
    <t>MultiPolygon (((5.2168676673290868 52.38963789147074834, 5.21434706837180961 52.38911307186976529, 5.21165386387826324 52.38563820954706074, 5.21332210701118903 52.38125840626687335, 5.21244014054019367 52.37996262061929542, 5.20643112697233335 52.37554676491893701, 5.20713594729750273 52.37335948859019652, 5.20254839917971434 52.37228779425732483, 5.20239016745002925 52.37231499560888182, 5.20171500146271004 52.37305403197740361, 5.19347085737190284 52.375409946196406, 5.18385996885247646 52.38214526682600791, 5.18792015879461132 52.38453793753242138, 5.19499461014855335 52.38720996039961619, 5.21669975299367472 52.38987347430603592, 5.2168676673290868 52.38963789147074834, 5.2168676673290868 52.38963789147074834)))</t>
  </si>
  <si>
    <t>MultiPolygon (((5.22360208067885168 52.37956737571067123, 5.22223536174184044 52.37657451682672871, 5.22058325061372752 52.37742854101534817, 5.21416280957224387 52.37848271228257602, 5.21261390802991098 52.37624590504440647, 5.21405659740473038 52.37441424203682772, 5.20713594729750273 52.37335948859019652, 5.20643112697233335 52.37554676491893701, 5.21244014054019367 52.37996262061929542, 5.21700685647441542 52.37904184976139987, 5.21854339090896158 52.38167574075424682, 5.22360208067885168 52.37956737571067123, 5.22360208067885168 52.37956737571067123)))</t>
  </si>
  <si>
    <t>MultiPolygon (((5.26917176608375915 52.37931156417710099, 5.28952759170146969 52.37412315965455178, 5.29192661696724986 52.3732780748307718, 5.29055503163212659 52.3717203718465143, 5.27583331774661879 52.36256927939483319, 5.27877412251997136 52.36899186396563977, 5.2788147573448585 52.37318257252479725, 5.2752794711913884 52.37612157406280744, 5.27124174998208606 52.37368019317482037, 5.27510092849946055 52.36877580374135732, 5.26378658500403951 52.3655534138053298, 5.25966702606371506 52.36968091296576944, 5.25164666326402152 52.37788141109746931, 5.25191322278626505 52.37794570712347308, 5.26281358711150204 52.38211618110353385, 5.26917176608375915 52.37931156417710099)))</t>
  </si>
  <si>
    <t>MultiPolygon (((5.24509620237930019 52.39787102057938739, 5.25619069035709607 52.38856283586957829, 5.26332543260274921 52.38240445453497784, 5.26281358711150204 52.38211618110353385, 5.25191322278626505 52.37794570712347308, 5.24295805277294402 52.38685873015974437, 5.23508396566266487 52.39488004659919795, 5.23381790732319097 52.39481532261027752, 5.23421777730644955 52.39494028976774587, 5.24509620237930019 52.39787102057938739, 5.24509620237930019 52.39787102057938739)))</t>
  </si>
  <si>
    <t>MultiPolygon (((5.24295805277294402 52.38685873015974437, 5.23771566671896238 52.38493535138033508, 5.23701247178393903 52.38343614707942919, 5.22942185632142653 52.38086338480439963, 5.22360208067885168 52.37956737571067123, 5.21854339090896158 52.38167574075424682, 5.22177551860492528 52.38830181612572545, 5.2168676673290868 52.38963789147074834, 5.21669975299367472 52.38987347430603592, 5.23381790732319097 52.39481532261027752, 5.23508396566266487 52.39488004659919795, 5.24295805277294402 52.38685873015974437)))</t>
  </si>
  <si>
    <t>MultiPolygon (((5.25191322278626505 52.37794570712347308, 5.25164666326402152 52.37788141109746931, 5.24468065983141685 52.37653814493943116, 5.23462641173900067 52.37622489369688594, 5.23083344400312633 52.37628129850214265, 5.22942185632142653 52.38086338480439963, 5.23701247178393903 52.38343614707942919, 5.23771566671896238 52.38493535138033508, 5.24295805277294402 52.38685873015974437, 5.25191322278626505 52.37794570712347308)))</t>
  </si>
  <si>
    <t>MultiPolygon (((5.25966702606371506 52.36968091296576944, 5.24807489112918724 52.36611220331823091, 5.24073155616033226 52.36870862080046152, 5.2357902490643653 52.37385577054044461, 5.23462641173900067 52.37622489369688594, 5.24468065983141685 52.37653814493943116, 5.25164666326402152 52.37788141109746931, 5.25966702606371506 52.36968091296576944, 5.25966702606371506 52.36968091296576944)))</t>
  </si>
  <si>
    <t>MultiPolygon (((5.26378658500403951 52.3655534138053298, 5.26551339503774951 52.36389650453455857, 5.25371505711252773 52.36009522585834475, 5.24807489112918724 52.36611220331823091, 5.25966702606371506 52.36968091296576944, 5.26378658500403951 52.3655534138053298, 5.26378658500403951 52.3655534138053298)))</t>
  </si>
  <si>
    <t>MultiPolygon (((5.23462641173900067 52.37622489369688594, 5.2357902490643653 52.37385577054044461, 5.24073155616033226 52.36870862080046152, 5.24807489112918724 52.36611220331823091, 5.25371505711252773 52.36009522585834475, 5.24286034205867146 52.35613501005133941, 5.23577446610420782 52.36128929019688627, 5.23036808807349463 52.36311168182316322, 5.23071479392675798 52.36377875012989591, 5.22794713185422566 52.36680921000048983, 5.22643151810023454 52.36830275153170078, 5.22521029014446725 52.37312779705193577, 5.22339166829794266 52.3739291097002706, 5.22258404883415839 52.3757129857045669, 5.23083344400312633 52.37628129850214265, 5.23462641173900067 52.37622489369688594, 5.23462641173900067 52.37622489369688594)))</t>
  </si>
  <si>
    <t>MultiPolygon (((5.22058325061372752 52.37742854101534817, 5.22223536174184044 52.37657451682672871, 5.22258404883415839 52.3757129857045669, 5.22339166829794266 52.3739291097002706, 5.22521029014446725 52.37312779705193577, 5.22643151810023454 52.36830275153170078, 5.22794713185422566 52.36680921000048983, 5.21510223144965313 52.36486624876972229, 5.21482287053492133 52.36555782442444951, 5.21357850462995476 52.36535604225736762, 5.21566844392611184 52.37213499969530517, 5.21405659740473038 52.37441424203682772, 5.21261390802991098 52.37624590504440647, 5.21416280957224387 52.37848271228257602, 5.22058325061372752 52.37742854101534817, 5.22058325061372752 52.37742854101534817)))</t>
  </si>
  <si>
    <t>MultiPolygon (((5.22076416934878118 52.35432180531653756, 5.23892434921897632 52.35236825946742556, 5.24325690555908519 52.35239312432810976, 5.24318469882791938 52.35323762933469283, 5.24474072668228608 52.35210988488405093, 5.25651568507057831 52.35372018862916121, 5.2576501317399158 52.35429945533989837, 5.26234975043615982 52.34440471474724177, 5.26759797418318776 52.33825612088379131, 5.26603921541627518 52.33644960406284952, 5.2531147648228611 52.33926660428939215, 5.24775615052631306 52.34105390799518887, 5.23971743120474276 52.34480532315232892, 5.239300078682672 52.34602063067229238, 5.23384524176182264 52.35131450215953919, 5.22886267960434026 52.35073139096185457, 5.22680174110245499 52.35269417366637157, 5.22424719994147146 52.35329565216517977, 5.21731456099155988 52.3509203169576125, 5.20468453839701084 52.34663853150892976, 5.19530927121404762 52.34368507169772755, 5.18477082794312594 52.33975199503674247, 5.18341193207225892 52.33750285060227014, 5.18423301320165297 52.3353179588429569, 5.16685857996846742 52.33186294002561567, 5.15669859635921757 52.32908201491683542, 5.14912971630955862 52.32911166923692292, 5.14480382384228196 52.32707284268199999, 5.14466452382691042 52.32386575045491384, 5.14046993751555181 52.32635668123617023, 5.14031977544304475 52.32675198698758834, 5.14170642408652689 52.32612348659178991, 5.16143516316063788 52.33603378246755256, 5.1707778961861397 52.33964028828438586, 5.17545683065075579 52.34063855843841395, 5.17708757884953918 52.34254164952527333, 5.20171031690082142 52.35150130552766257, 5.20289991190448564 52.35090576448543231, 5.21148570323877625 52.3536597858849575, 5.21850830791187548 52.35353492108718143, 5.22076416934878118 52.35432180531653756, 5.22076416934878118 52.35432180531653756)))</t>
  </si>
  <si>
    <t>MultiPolygon (((5.33292987183578582 52.31388766605798679, 5.31717233362101194 52.30356476882692363, 5.31390322944978699 52.30310086426064231, 5.31341275497285714 52.30337330477386359, 5.31545431175380045 52.30440874920113714, 5.2988456090867766 52.31187111151574953, 5.29877021734998888 52.3126337700412094, 5.30981167893536377 52.32292799480681111, 5.33292987183578582 52.31388766605798679)))</t>
  </si>
  <si>
    <t>MultiPolygon (((5.22680174110245499 52.35269417366637157, 5.22886267960434026 52.35073139096185457, 5.22979569209454453 52.34958475389161947, 5.22922432254190461 52.34924922235842359, 5.22697515487830522 52.34832918518870315, 5.22534558267020799 52.3484631140235237, 5.22104353910866426 52.3466388543861143, 5.21731456099155988 52.3509203169576125, 5.22424719994147146 52.35329565216517977, 5.22680174110245499 52.35269417366637157)))</t>
  </si>
  <si>
    <t>MultiPolygon (((5.20468453839701084 52.34663853150892976, 5.2051542063371361 52.34430188872875078, 5.20530087145343767 52.3434442713673036, 5.20251188857871139 52.34090879287757048, 5.20014917215239603 52.33981392150550249, 5.19530927121404762 52.34368507169772755, 5.20468453839701084 52.34663853150892976, 5.20468453839701084 52.34663853150892976)))</t>
  </si>
  <si>
    <t>MultiPolygon (((5.2531147648228611 52.33926660428939215, 5.26603921541627518 52.33644960406284952, 5.26759797418318776 52.33825612088379131, 5.27216134528984881 52.33518153020478536, 5.29161291118551436 52.32950043138290397, 5.30981167893536377 52.32292799480681111, 5.29877021734998888 52.3126337700412094, 5.2988456090867766 52.31187111151574953, 5.28435023798437076 52.31738027284097114, 5.26845137956170095 52.32242491918589877, 5.23982809777197556 52.32925781480599881, 5.24151277157146822 52.32960194253755759, 5.24429499068021698 52.33502720287720678, 5.24775615052631306 52.34105390799518887, 5.2531147648228611 52.33926660428939215)))</t>
  </si>
  <si>
    <t>MultiPolygon (((5.19530927121404762 52.34368507169772755, 5.20014917215239603 52.33981392150550249, 5.19717415674390715 52.33884447766529036, 5.19517641857002666 52.33649481982578067, 5.18423301320165297 52.3353179588429569, 5.18341193207225892 52.33750285060227014, 5.18477082794312594 52.33975199503674247, 5.19530927121404762 52.34368507169772755, 5.19530927121404762 52.34368507169772755)))</t>
  </si>
  <si>
    <t>MultiPolygon (((5.21035430623968576 52.34155320696154945, 5.21068197199106553 52.33793119136026206, 5.21455588852716279 52.33578863105324075, 5.21322320222232261 52.33408660380979427, 5.2047693621560196 52.3355102497034963, 5.19517641857002666 52.33649481982578067, 5.19717415674390715 52.33884447766529036, 5.20014917215239603 52.33981392150550249, 5.20251188857871139 52.34090879287757048, 5.20530087145343767 52.3434442713673036, 5.2051542063371361 52.34430188872875078, 5.21035430623968576 52.34155320696154945, 5.21035430623968576 52.34155320696154945)))</t>
  </si>
  <si>
    <t>MultiPolygon (((5.22104353910866426 52.3466388543861143, 5.22115436169862068 52.34387426066636806, 5.21659307700943664 52.34362383519248851, 5.21035430623968576 52.34155320696154945, 5.2051542063371361 52.34430188872875078, 5.20468453839701084 52.34663853150892976, 5.21731456099155988 52.3509203169576125, 5.22104353910866426 52.3466388543861143, 5.22104353910866426 52.3466388543861143)))</t>
  </si>
  <si>
    <t>MultiPolygon (((5.23384524176182264 52.35131450215953919, 5.239300078682672 52.34602063067229238, 5.23971743120474276 52.34480532315232892, 5.23677335131353061 52.34379427842936394, 5.23451005391302093 52.33914269995285906, 5.2301430328910623 52.33790265366819483, 5.22664955680207033 52.341099437446168, 5.22306309061921858 52.34187097174586967, 5.22115436169862068 52.34387426066636806, 5.22104353910866426 52.3466388543861143, 5.22534558267020799 52.3484631140235237, 5.22697515487830522 52.34832918518870315, 5.22922432254190461 52.34924922235842359, 5.22979569209454453 52.34958475389161947, 5.22886267960434026 52.35073139096185457, 5.23384524176182264 52.35131450215953919)))</t>
  </si>
  <si>
    <t>MultiPolygon (((5.24775615052631306 52.34105390799518887, 5.24429499068021698 52.33502720287720678, 5.23406685831834295 52.33762943627696274, 5.23207373518640306 52.33719876993094289, 5.2301430328910623 52.33790265366819483, 5.23451005391302093 52.33914269995285906, 5.23677335131353061 52.34379427842936394, 5.23971743120474276 52.34480532315232892, 5.24775615052631306 52.34105390799518887, 5.24775615052631306 52.34105390799518887)))</t>
  </si>
  <si>
    <t>MultiPolygon (((5.23406685831834295 52.33762943627696274, 5.24429499068021698 52.33502720287720678, 5.24151277157146822 52.32960194253755759, 5.23982809777197556 52.32925781480599881, 5.2234611194764673 52.33208465280448252, 5.22355455934541002 52.33372642210623837, 5.22998596574398888 52.33426449893228494, 5.23207373518640306 52.33719876993094289, 5.23406685831834295 52.33762943627696274, 5.23406685831834295 52.33762943627696274)))</t>
  </si>
  <si>
    <t>MultiPolygon (((5.22306309061921858 52.34187097174586967, 5.21893235213847806 52.3399641814781944, 5.2185884410757053 52.3379023050776766, 5.21455588852716279 52.33578863105324075, 5.21068197199106553 52.33793119136026206, 5.21035430623968576 52.34155320696154945, 5.21659307700943664 52.34362383519248851, 5.22115436169862068 52.34387426066636806, 5.22306309061921858 52.34187097174586967, 5.22306309061921858 52.34187097174586967)))</t>
  </si>
  <si>
    <t>MultiPolygon (((5.22664955680207033 52.341099437446168, 5.2301430328910623 52.33790265366819483, 5.23207373518640306 52.33719876993094289, 5.22998596574398888 52.33426449893228494, 5.22355455934541002 52.33372642210623837, 5.22127088766279446 52.33675670050593709, 5.2185884410757053 52.3379023050776766, 5.21893235213847806 52.3399641814781944, 5.22306309061921858 52.34187097174586967, 5.22664955680207033 52.341099437446168, 5.22664955680207033 52.341099437446168)))</t>
  </si>
  <si>
    <t>MultiPolygon (((5.22127088766279446 52.33675670050593709, 5.22355455934541002 52.33372642210623837, 5.2234611194764673 52.33208465280448252, 5.22339343239550491 52.33191640741151929, 5.22295846207315684 52.33197763182671025, 5.22079565783891919 52.33118789313954977, 5.22088629571737695 52.33180828089633252, 5.22016194197131789 52.33256016944221045, 5.22125964192169079 52.33235396422498553, 5.22159006242184986 52.33309372042395324, 5.22091371962425566 52.3338156572892359, 5.21965241498421051 52.33386139787964453, 5.21905323223889273 52.33308061014534474, 5.22026587929395269 52.33180891326130535, 5.21905505671849035 52.33123053866019347, 5.21835255816623178 52.33223423815083208, 5.21572381667957607 52.33129382547053865, 5.21676489954209543 52.33015669967252848, 5.21784440310170883 52.33061648070478356, 5.21858598394300977 52.33036651118814575, 5.21973176140752848 52.33049850326106878, 5.21662351954913728 52.32935692893749291, 5.21260748181655753 52.33003117903478341, 5.21302011110361274 52.3328537081801386, 5.21037672143007136 52.33381287534427173, 5.20865472571250798 52.33246672787056752, 5.20636125092324864 52.33327176294237404, 5.2060129386851397 52.33434690589027838, 5.2047693621560196 52.3355102497034963, 5.21322320222232261 52.33408660380979427, 5.21455588852716279 52.33578863105324075, 5.2185884410757053 52.3379023050776766, 5.22127088766279446 52.33675670050593709)))</t>
  </si>
  <si>
    <t>MultiPolygon (((4.98608382650691073 52.56730435988404793, 4.98042458548117573 52.5643580730965212, 4.97650500881687563 52.56115235276327979, 4.97763820989988925 52.55344659804337226, 4.97534783535766412 52.54907464163376574, 4.97650562696914811 52.54685000195754441, 4.97565565675444166 52.54539584842071065, 4.96880642541574158 52.54083515028118967, 4.96195200054393926 52.53634813797052061, 4.95699874951507091 52.52911035641967885, 4.95435563079823993 52.5174169255720571, 4.95410055188348686 52.51635231578489993, 4.94981124404687911 52.51473059980398972, 4.94760556183169165 52.51271898103972546, 4.94618504152812477 52.51210291368126803, 4.94347178600103287 52.51250210457666157, 4.93435205606687433 52.51164060624265773, 4.92853107901791354 52.51080703723355469, 4.92260096086477628 52.51141219000614768, 4.90952428839422783 52.51700944792761305, 4.90194838519329146 52.51784203721786071, 4.89350173581449965 52.51760733852933072, 4.87564198396551696 52.51992667257800917, 4.86771984342641861 52.52214476557610823, 4.86856854898652625 52.52240041303146256, 4.87520474741515386 52.53337230919368039, 4.92173759622083562 52.52279248268454381, 4.92839575394628859 52.53534034419351428, 4.94291762891577768 52.53189274114289731, 4.95299106861113447 52.5391393507625537, 4.95846436472446239 52.54679366561175868, 4.95897352197126473 52.54926980533352321, 4.96189213735556045 52.5538978554555527, 4.96527008045030893 52.55313033597127514, 4.96615736783681161 52.55460769261681264, 4.96137989707406835 52.55570167071198995, 4.96589150810588098 52.56313198272218301, 4.97082231153118759 52.57087071708320991, 4.98608382650691073 52.56730435988404793)))</t>
  </si>
  <si>
    <t>MultiPolygon (((4.89397690919007822 52.58672734856960318, 4.91830992853417204 52.58142499865802222, 4.90471369864285212 52.55902812833962656, 4.89645826664297346 52.56089464886000684, 4.89160346023162518 52.55288351145569692, 4.88956250837236794 52.55339220757052487, 4.88862911234292064 52.55186218435505907, 4.89879587645761294 52.54953936672761472, 4.8948273880380988 52.5429854825750482, 4.88460153854647938 52.54523475032568314, 4.87997628218971435 52.53762750413967808, 4.87705662417124142 52.53753234584216614, 4.87461141361473338 52.53351452684361789, 4.87520474741515386 52.53337230919368039, 4.86856854898652625 52.52240041303146256, 4.86771984342641861 52.52214476557610823, 4.85938178259961528 52.52503408152428932, 4.84979727644878977 52.52503951496282042, 4.84329836709434591 52.52678978535404042, 4.83749476022502201 52.5306230122545017, 4.83534350286860626 52.53735035230357653, 4.83402411464886761 52.53887355076185628, 4.83391038516819815 52.53896034888206401, 4.8354958588294803 52.5406662073492825, 4.84227802405846397 52.54349348710368162, 4.84458752092292588 52.54730921482188677, 4.84830704760348308 52.55007223539400485, 4.85182828324771087 52.55483163416337788, 4.85412841462915523 52.55699151971605687, 4.85868455349581563 52.55945552930315046, 4.86214440347206622 52.56340195942528482, 4.86293966178671599 52.56504713853819055, 4.86303277082113361 52.56872508252257603, 4.86423782639196833 52.57162130192113381, 4.86567195116342965 52.57375017842752385, 4.86863099248501374 52.57594531034541774, 4.87637953381917555 52.57783000113192884, 4.88474980901514755 52.584235963314228, 4.88518227059297327 52.58324397589607457, 4.89102724353987828 52.58193210991323241, 4.89397690919007822 52.58672734856960318)))</t>
  </si>
  <si>
    <t>MultiPolygon (((4.95663464457692626 52.61066848433946319, 4.95931611295634767 52.60468048268776897, 4.95867577679531824 52.60326346221814475, 4.95694110854546466 52.60222257753365938, 4.95252324028779078 52.6011710119243503, 4.9492577749543134 52.59953283881259978, 4.94984990577971562 52.5952853429690137, 4.9493719395451814 52.59478882644938125, 4.94973874802494684 52.59256880978549731, 4.95402625743679881 52.58665853177944172, 4.95448533049057716 52.58420445460210857, 4.95392208632808817 52.58113391678223536, 4.95523909529618578 52.57995524220038419, 4.96274451569740194 52.58147093465926503, 4.96866591661496226 52.58447520677354703, 4.97747199730715195 52.5866322101072825, 4.9800974301660883 52.58696180913280216, 4.98222389692515222 52.58549786160761386, 4.9918945128218617 52.58223436030254305, 4.99650969911032661 52.57764361642185946, 4.9971680968246428 52.57512149356811193, 4.98608382650691073 52.56730435988404793, 4.97082231153118759 52.57087071708320991, 4.96589150810588098 52.56313198272218301, 4.94000928648406745 52.5689968275669699, 4.94378908229611014 52.57519208716507819, 4.93110403107642892 52.57807036800940637, 4.93147851664765735 52.57868686788042112, 4.91830992853417204 52.58142499865802222, 4.89397690919007822 52.58672734856960318, 4.89102724353987828 52.58193210991323241, 4.88518227059297327 52.58324397589607457, 4.88474980901514755 52.584235963314228, 4.88662188514726292 52.58653656063677317, 4.88977346070330476 52.59388946820541832, 4.89349507175066023 52.5978372489732493, 4.90116860665755905 52.60292496948377305, 4.91537583039185844 52.60864210389099327, 4.92143990645874663 52.60831321893751777, 4.92692547026235506 52.60669699911120034, 4.92899892359854785 52.60516109492067471, 4.93461310056570301 52.60621107713708255, 4.94849781799843313 52.61355099902791466, 4.95093326997674321 52.61410633904620937, 4.95333533486533462 52.61339123874551404, 4.95385656742134461 52.6131426686405419, 4.95663464457692626 52.61066848433946319)))</t>
  </si>
  <si>
    <t>MultiPolygon (((4.93147851664765735 52.57868686788042112, 4.93110403107642892 52.57807036800940637, 4.94378908229611014 52.57519208716507819, 4.94000928648406745 52.5689968275669699, 4.96589150810588098 52.56313198272218301, 4.96137989707406835 52.55570167071198995, 4.96615736783681161 52.55460769261681264, 4.96527008045030893 52.55313033597127514, 4.96189213735556045 52.5538978554555527, 4.95897352197126473 52.54926980533352321, 4.95846436472446239 52.54679366561175868, 4.95299106861113447 52.5391393507625537, 4.94291762891577768 52.53189274114289731, 4.92839575394628859 52.53534034419351428, 4.92173759622083562 52.52279248268454381, 4.87520474741515386 52.53337230919368039, 4.87461141361473338 52.53351452684361789, 4.87705662417124142 52.53753234584216614, 4.87997628218971435 52.53762750413967808, 4.88460153854647938 52.54523475032568314, 4.8948273880380988 52.5429854825750482, 4.89879587645761294 52.54953936672761472, 4.88862911234292064 52.55186218435505907, 4.88956250837236794 52.55339220757052487, 4.89160346023162518 52.55288351145569692, 4.89645826664297346 52.56089464886000684, 4.90471369864285212 52.55902812833962656, 4.91830992853417204 52.58142499865802222, 4.93147851664765735 52.57868686788042112, 4.93147851664765735 52.57868686788042112)))</t>
  </si>
  <si>
    <t>MultiPolygon (((4.77804204117048403 52.66431776645006124, 4.77403336577981197 52.65522183193969141, 4.76909578983960269 52.65631091449249368, 4.77415851875009523 52.66477435303323062, 4.77449030358246151 52.66534282211851803, 4.77804204117048403 52.66431776645006124)))</t>
  </si>
  <si>
    <t>MultiPolygon (((4.77403336577981197 52.65522183193969141, 4.77300532835262903 52.65340812752940991, 4.77560780477815072 52.65264595932546854, 4.77366937239094469 52.64835444960920086, 4.76893111968780836 52.6459579795273811, 4.76461710798898075 52.64889618510617453, 4.76909578983960269 52.65631091449249368, 4.77403336577981197 52.65522183193969141, 4.77403336577981197 52.65522183193969141)))</t>
  </si>
  <si>
    <t>MultiPolygon (((4.78296741399658387 52.53483134774321428, 4.80285677544142775 52.53083929079419789, 4.80036034264679667 52.52857471575713788, 4.79643630069381288 52.52823619475597638, 4.79066644850539358 52.52625220069032252, 4.78497128435596686 52.51941964934547258, 4.7841737553573509 52.5194712232007177, 4.78247645770437835 52.51958096011077259, 4.77784562565547777 52.53177033861524592, 4.7777334504823834 52.53374487394643921, 4.78121032795244183 52.53500034277051611, 4.78296741399658387 52.53483134774321428)))</t>
  </si>
  <si>
    <t>MultiPolygon (((4.78610095240751576 52.55605788209052776, 4.79181178718965839 52.55628551324429765, 4.79336660420609029 52.55476790912632623, 4.79468379029772507 52.55150720132969866, 4.80317183455109831 52.55044550879138399, 4.80594153612985497 52.54857366527213003, 4.81209175279772161 52.54489213091839872, 4.82438524272129232 52.54259994383534149, 4.82098650576356036 52.53824635855500702, 4.81902746932361215 52.53872596914023774, 4.8169929945769141 52.5356482083356795, 4.82440718621932874 52.53380445913313679, 4.82018692050351127 52.53123179774097906, 4.81162657232070323 52.5301905006303258, 4.80470594044055765 52.52536017851136307, 4.79828427571244465 52.52436047913182193, 4.7924396505436162 52.51972520210545525, 4.7898609197139761 52.51923588640847385, 4.78497128435596686 52.51941964934547258, 4.79066644850539358 52.52625220069032252, 4.79643630069381288 52.52823619475597638, 4.80036034264679667 52.52857471575713788, 4.80285677544142775 52.53083929079419789, 4.78296741399658387 52.53483134774321428, 4.78121032795244183 52.53500034277051611, 4.7777334504823834 52.53374487394643921, 4.77806346696828488 52.54417779946074063, 4.78162284533063442 52.55710223774033807, 4.78610095240751576 52.55605788209052776)))</t>
  </si>
  <si>
    <t>MultiPolygon (((4.83102196183516597 52.55226373561222175, 4.830942828982983 52.54872852943963579, 4.82637326695512225 52.54597605031462848, 4.8354958588294803 52.5406662073492825, 4.83391038516819815 52.53896034888206401, 4.82803173884620485 52.54166855990592211, 4.82438524272129232 52.54259994383534149, 4.81209175279772161 52.54489213091839872, 4.80594153612985497 52.54857366527213003, 4.81002503670138992 52.55026222779544298, 4.80919545364332368 52.55138010241456925, 4.81411019811226559 52.5509993160598583, 4.83102196183516597 52.55226373561222175)))</t>
  </si>
  <si>
    <t>MultiPolygon (((4.86303277082113361 52.56872508252257603, 4.86293966178671599 52.56504713853819055, 4.86214440347206622 52.56340195942528482, 4.85868455349581563 52.55945552930315046, 4.85412841462915523 52.55699151971605687, 4.85182828324771087 52.55483163416337788, 4.84830704760348308 52.55007223539400485, 4.84458752092292588 52.54730921482188677, 4.84227802405846397 52.54349348710368162, 4.8354958588294803 52.5406662073492825, 4.82637326695512225 52.54597605031462848, 4.830942828982983 52.54872852943963579, 4.83102196183516597 52.55226373561222175, 4.8314417718319822 52.55924809583523682, 4.83964977559602794 52.55882804760941696, 4.84108046098380651 52.5599845704996298, 4.84236418790268885 52.56627497479124145, 4.84035636229084698 52.56737619799626771, 4.85224906818869872 52.56668803045417349, 4.85472003289995691 52.57189093834072935, 4.86423782639196833 52.57162130192113381, 4.86303277082113361 52.56872508252257603)))</t>
  </si>
  <si>
    <t>MultiPolygon (((4.83477817887872163 52.56992055069686387, 4.83495071541611221 52.56762308221551905, 4.84035636229084698 52.56737619799626771, 4.84236418790268885 52.56627497479124145, 4.84108046098380651 52.5599845704996298, 4.83964977559602794 52.55882804760941696, 4.8314417718319822 52.55924809583523682, 4.83102196183516597 52.55226373561222175, 4.81411019811226559 52.5509993160598583, 4.80919545364332368 52.55138010241456925, 4.79939026984756811 52.55505698739723641, 4.80245805702847228 52.5590695535935879, 4.80490765285046528 52.56044021565094226, 4.81586039622024753 52.56259286889918769, 4.818858006544124 52.56564957108111003, 4.81856247775369706 52.57063390273075498, 4.82682775101842942 52.56997010307342322, 4.83028742657250021 52.57147275881314386, 4.83041615933245616 52.57150518656604987, 4.83477817887872163 52.56992055069686387)))</t>
  </si>
  <si>
    <t>MultiPolygon (((4.80748214275652597 52.57378841832417038, 4.81037186056874244 52.5739526024969237, 4.8108158114824926 52.57441611509748469, 4.81138602144009475 52.5710920167895992, 4.81856247775369706 52.57063390273075498, 4.818858006544124 52.56564957108111003, 4.81586039622024753 52.56259286889918769, 4.80490765285046528 52.56044021565094226, 4.80245805702847228 52.5590695535935879, 4.79939026984756811 52.55505698739723641, 4.80919545364332368 52.55138010241456925, 4.81002503670138992 52.55026222779544298, 4.80594153612985497 52.54857366527213003, 4.80317183455109831 52.55044550879138399, 4.79468379029772507 52.55150720132969866, 4.79336660420609029 52.55476790912632623, 4.79181178718965839 52.55628551324429765, 4.79455837083639302 52.568336558791394, 4.79335077953360233 52.57234034093578146, 4.79273702053035588 52.57345381741147605, 4.80149926840675523 52.57445436729630472, 4.80748214275652597 52.57378841832417038)))</t>
  </si>
  <si>
    <t>MultiPolygon (((4.85472003289995691 52.57189093834072935, 4.85224906818869872 52.56668803045417349, 4.84035636229084698 52.56737619799626771, 4.83495071541611221 52.56762308221551905, 4.83477817887872163 52.56992055069686387, 4.83041615933245616 52.57150518656604987, 4.8359905680784161 52.57340575937445237, 4.85472003289995691 52.57189093834072935)),((4.81527642676278944 52.57630490020326874, 4.82390148332733304 52.57622310304741831, 4.82668147580958262 52.57189267991552128, 4.83028742657250021 52.57147275881314386, 4.82682775101842942 52.56997010307342322, 4.81856247775369706 52.57063390273075498, 4.81138602144009475 52.5710920167895992, 4.8108158114824926 52.57441611509748469, 4.81527642676278944 52.57630490020326874, 4.81527642676278944 52.57630490020326874)))</t>
  </si>
  <si>
    <t>MultiPolygon (((4.85061792347151854 52.59686294083930846, 4.86358466301345249 52.59413342291892235, 4.86825610272837395 52.59390658607208024, 4.87133294630473301 52.5946573904677166, 4.87685848185498472 52.59985738174491843, 4.89205320030763335 52.59844775198824607, 4.89349507175066023 52.5978372489732493, 4.88977346070330476 52.59388946820541832, 4.88662188514726292 52.58653656063677317, 4.88474980901514755 52.584235963314228, 4.87637953381917555 52.57783000113192884, 4.86863099248501374 52.57594531034541774, 4.86567195116342965 52.57375017842752385, 4.86423782639196833 52.57162130192113381, 4.85472003289995691 52.57189093834072935, 4.8359905680784161 52.57340575937445237, 4.83041615933245616 52.57150518656604987, 4.83028742657250021 52.57147275881314386, 4.82668147580958262 52.57189267991552128, 4.82390148332733304 52.57622310304741831, 4.81527642676278944 52.57630490020326874, 4.81771822900688029 52.58041080189258309, 4.8208298513860921 52.58219088221527215, 4.82221448401779185 52.58257746915943187, 4.82482118652772485 52.58175095001498534, 4.83417818872123828 52.58082694020502146, 4.83465924772404421 52.58213836389283102, 4.83360574056530368 52.58485644136697346, 4.82962663771762024 52.58518339626135685, 4.82308267440329441 52.58818653782389418, 4.8212310171600592 52.59333726542765675, 4.81966153573339806 52.5936555067353666, 4.82184026392084331 52.59384057977915461, 4.82638082424851156 52.6019052427310001, 4.85061792347151854 52.59686294083930846)))</t>
  </si>
  <si>
    <t>MultiPolygon (((4.81968359705004801 52.59369520125420649, 4.81966153573339806 52.5936555067353666, 4.8212310171600592 52.59333726542765675, 4.82308267440329441 52.58818653782389418, 4.82962663771762024 52.58518339626135685, 4.83360574056530368 52.58485644136697346, 4.83465924772404421 52.58213836389283102, 4.83417818872123828 52.58082694020502146, 4.82482118652772485 52.58175095001498534, 4.82221448401779185 52.58257746915943187, 4.8208298513860921 52.58219088221527215, 4.81771822900688029 52.58041080189258309, 4.81527642676278944 52.57630490020326874, 4.8108158114824926 52.57441611509748469, 4.81037186056874244 52.5739526024969237, 4.80748214275652597 52.57378841832417038, 4.80149926840675523 52.57445436729630472, 4.79273702053035588 52.57345381741147605, 4.79335077953360233 52.57234034093578146, 4.79239984101910199 52.57213877612641539, 4.79178779361159801 52.57265455134364629, 4.78780946257012108 52.57907471926461795, 4.79050497847330004 52.58184723208142231, 4.79252468808744592 52.58144205344768096, 4.79845017745636238 52.59161147395752067, 4.80102456704597635 52.59385187541956697, 4.80631055007584163 52.59550597940815209, 4.80663279867009052 52.59708152236254364, 4.81968359705004801 52.59369520125420649)))</t>
  </si>
  <si>
    <t>MultiPolygon (((4.77337688058323284 52.61671959348080918, 4.78203970098564479 52.61490871874471509, 4.78008483182342125 52.61141970916749244, 4.82448090198450164 52.60230201099732028, 4.81968359705004801 52.59369520125420649, 4.80663279867009052 52.59708152236254364, 4.80631055007584163 52.59550597940815209, 4.80102456704597635 52.59385187541956697, 4.79845017745636238 52.59161147395752067, 4.79252468808744592 52.58144205344768096, 4.79050497847330004 52.58184723208142231, 4.78780946257012108 52.57907471926461795, 4.79178779361159801 52.57265455134364629, 4.79239984101910199 52.57213877612641539, 4.79335077953360233 52.57234034093578146, 4.79455837083639302 52.568336558791394, 4.79181178718965839 52.55628551324429765, 4.78610095240751576 52.55605788209052776, 4.78162284533063442 52.55710223774033807, 4.77196710631167509 52.55989836525780845, 4.7568586479712982 52.56207143262113846, 4.75254123163991871 52.56278144678319109, 4.74508376228371009 52.56685152858097609, 4.74470158065074266 52.56794174900106498, 4.74728097264434989 52.57135479932881594, 4.74890157976158278 52.5739847354970351, 4.7513118217703596 52.58227699357543372, 4.75647786217261093 52.59156833936666686, 4.76390835178759176 52.60501824294974682, 4.76582540753221551 52.60759892695679696, 4.76791890888389247 52.6156393788624257, 4.77337688058323284 52.61671959348080918, 4.77337688058323284 52.61671959348080918)))</t>
  </si>
  <si>
    <t>MultiPolygon (((4.86567376983468147 52.61670025092954006, 4.87322851008297686 52.61510122865855976, 4.87276077670506869 52.61438073648044877, 4.8835888969480834 52.61211639785172878, 4.88399225586224972 52.61313855230601888, 4.89693098543398353 52.61335211215828878, 4.92204478208666441 52.6114844103552457, 4.92579069024394212 52.60947582562078395, 4.92692547026235506 52.60669699911120034, 4.92143990645874663 52.60831321893751777, 4.91537583039185844 52.60864210389099327, 4.90116860665755905 52.60292496948377305, 4.89349507175066023 52.5978372489732493, 4.89205320030763335 52.59844775198824607, 4.87685848185498472 52.59985738174491843, 4.87133294630473301 52.5946573904677166, 4.86825610272837395 52.59390658607208024, 4.86358466301345249 52.59413342291892235, 4.85061792347151854 52.59686294083930846, 4.8533854423339422 52.60175536709479616, 4.85659604878070539 52.60116831672541338, 4.8582935406757457 52.60349001763216137, 4.8631670851677784 52.61197131693884188, 4.86169364240616186 52.61236510388968668, 4.86431312883477052 52.61698644867505692, 4.86567376983468147 52.61670025092954006, 4.86567376983468147 52.61670025092954006)))</t>
  </si>
  <si>
    <t>MultiPolygon (((4.79470594420303708 52.63788274275879076, 4.78885742777454659 52.62755358864554722, 4.86169364240616186 52.61236510388968668, 4.8631670851677784 52.61197131693884188, 4.8582935406757457 52.60349001763216137, 4.85659604878070539 52.60116831672541338, 4.8533854423339422 52.60175536709479616, 4.85061792347151854 52.59686294083930846, 4.82638082424851156 52.6019052427310001, 4.82184026392084331 52.59384057977915461, 4.81966153573339806 52.5936555067353666, 4.81968359705004801 52.59369520125420649, 4.82448090198450164 52.60230201099732028, 4.78008483182342125 52.61141970916749244, 4.78203970098564479 52.61490871874471509, 4.77337688058323284 52.61671959348080918, 4.77857867317118767 52.62354673778936842, 4.78318468825556664 52.63117438199975595, 4.79056817295655257 52.63649712142783699, 4.79164315834243926 52.63823358017478427, 4.79470594420303708 52.63788274275879076, 4.79470594420303708 52.63788274275879076)))</t>
  </si>
  <si>
    <t>MultiPolygon (((4.88137658015047382 52.63343661445316002, 4.88535071827139245 52.63013684372552348, 4.88805012494592273 52.62737892671155748, 4.88940130218112845 52.62392095803348013, 4.88725123510491155 52.62259433829145649, 4.88399225586224972 52.61313855230601888, 4.8835888969480834 52.61211639785172878, 4.87276077670506869 52.61438073648044877, 4.87322851008297686 52.61510122865855976, 4.86567376983468147 52.61670025092954006, 4.86764093051673186 52.62016916703040437, 4.85670723593183595 52.62246816363613533, 4.85938890339690577 52.62732232850247271, 4.86572308945549636 52.62622103644956439, 4.87008362067339995 52.63389161363652846, 4.8755366214059217 52.63411258995949993, 4.88137658015047382 52.63343661445316002, 4.88137658015047382 52.63343661445316002)))</t>
  </si>
  <si>
    <t>MultiPolygon (((4.87008362067339995 52.63389161363652846, 4.86572308945549636 52.62622103644956439, 4.85938890339690577 52.62732232850247271, 4.85670723593183595 52.62246816363613533, 4.86764093051673186 52.62016916703040437, 4.86567376983468147 52.61670025092954006, 4.86431312883477052 52.61698644867505692, 4.86169364240616186 52.61236510388968668, 4.78885742777454659 52.62755358864554722, 4.79470594420303708 52.63788274275879076, 4.80781629222452711 52.63398373591542878, 4.8160637965465245 52.63386183057070866, 4.82421034750871591 52.63382290665303032, 4.83022461250462065 52.63267785971417112, 4.83441160357457633 52.63742868698222566, 4.83553106353950124 52.64243879159537443, 4.83854929743499884 52.64613782140468601, 4.8427293585761646 52.64593729568965585, 4.84742150441548691 52.64205957334167607, 4.85160647634182762 52.64056446777462384, 4.86055472008738221 52.63913548643539286, 4.86297237901957313 52.63745107633171472, 4.86388199110156449 52.63535950172029487, 4.87340182792606935 52.63444059481899728, 4.8755366214059217 52.63411258995949993, 4.87008362067339995 52.63389161363652846)))</t>
  </si>
  <si>
    <t>MultiPolygon (((4.75824841092735884 52.63949699087532963, 4.75350577308732092 52.63511298529455473, 4.75283069903446531 52.63276344037273446, 4.75153217973759823 52.63312983665400679, 4.74918540869150085 52.63378926369794897, 4.74706886314339283 52.6361445266238448, 4.74627316851399961 52.63866545008750109, 4.75315607247107419 52.63945441578416506, 4.75651435553799828 52.64045930248397553, 4.75824841092735884 52.63949699087532963)))</t>
  </si>
  <si>
    <t>MultiPolygon (((4.74706886314339283 52.6361445266238448, 4.74918540869150085 52.63378926369794897, 4.74631769304557594 52.63472961840241737, 4.74203952936860151 52.63410533177021478, 4.73937224239114929 52.6352687565488111, 4.73559555559482259 52.63690710963210506, 4.73729121969972589 52.63762280908335356, 4.74627316851399961 52.63866545008750109, 4.74706886314339283 52.6361445266238448, 4.74706886314339283 52.6361445266238448)))</t>
  </si>
  <si>
    <t>MultiPolygon (((4.75283069903446531 52.63276344037273446, 4.75659507589918817 52.63088853329592354, 4.75497145581056468 52.62830107916332878, 4.75819802200165132 52.62691709620578706, 4.75272883572549176 52.62657347465142266, 4.74734128672529554 52.62761754782908241, 4.75153217973759823 52.63312983665400679, 4.75283069903446531 52.63276344037273446, 4.75283069903446531 52.63276344037273446)))</t>
  </si>
  <si>
    <t>MultiPolygon (((4.74631769304557594 52.63472961840241737, 4.74918540869150085 52.63378926369794897, 4.75153217973759823 52.63312983665400679, 4.74734128672529554 52.62761754782908241, 4.74655400606067257 52.62765127917994334, 4.7428267852389725 52.62940915587981294, 4.74099927724801606 52.62959071093737151, 4.73942273561447092 52.63361169414078233, 4.74203952936860151 52.63410533177021478, 4.74631769304557594 52.63472961840241737, 4.74631769304557594 52.63472961840241737)))</t>
  </si>
  <si>
    <t>MultiPolygon (((4.74974856181173077 52.68240581333984807, 4.77171257098404844 52.67787104634999906, 4.77902577307747745 52.67648395939812644, 4.77899991850185923 52.67394086459822233, 4.77857755271410234 52.67230459050629321, 4.76720472309062338 52.67428646929356972, 4.75841734874321265 52.67579810097291926, 4.74913058260401755 52.67740305622547226, 4.74357643425467135 52.68130855413459557, 4.74690781673975071 52.68230214484018603, 4.74974856181173077 52.68240581333984807)))</t>
  </si>
  <si>
    <t>MultiPolygon (((4.77857755271410234 52.67230459050629321, 4.77597016268262919 52.66784884002891687, 4.77316268552342038 52.66902200242184051, 4.76508583318254519 52.66963848576682494, 4.76562482638790108 52.67356733027271787, 4.76720472309062338 52.67428646929356972, 4.77857755271410234 52.67230459050629321, 4.77857755271410234 52.67230459050629321)))</t>
  </si>
  <si>
    <t>MultiPolygon (((4.76720472309062338 52.67428646929356972, 4.76562482638790108 52.67356733027271787, 4.76508583318254519 52.66963848576682494, 4.75904170801071036 52.6700794694508545, 4.76023913720046021 52.67120126794798551, 4.75777627206903819 52.67231797149960926, 4.75841734874321265 52.67579810097291926, 4.76720472309062338 52.67428646929356972, 4.76720472309062338 52.67428646929356972)))</t>
  </si>
  <si>
    <t>MultiPolygon (((4.74913058260401755 52.67740305622547226, 4.75841734874321265 52.67579810097291926, 4.75777627206903819 52.67231797149960926, 4.76023913720046021 52.67120126794798551, 4.75904170801071036 52.6700794694508545, 4.75783078377146129 52.67025460177748641, 4.75688519905294349 52.6696961277539728, 4.7562040894536759 52.66802188576812682, 4.75735677598542051 52.66776189218390414, 4.75600451981627437 52.66673245699880823, 4.75147014878896545 52.66756094563289992, 4.74709130999187057 52.66280424648572023, 4.7461071718602108 52.65982581865096535, 4.74781059270741768 52.65818656762033356, 4.74621921050859008 52.65814642104076171, 4.74524679483623046 52.66037217637233425, 4.74593262720165132 52.66307943062033559, 4.7490134507059576 52.66596886378900422, 4.75241099724641014 52.67144554855440219, 4.74770727717635488 52.67685031450142219, 4.74384372998784354 52.6786980666883764, 4.74174160752266083 52.68080686745726382, 4.74357643425467135 52.68130855413459557, 4.74913058260401755 52.67740305622547226)))</t>
  </si>
  <si>
    <t>MultiPolygon (((4.75904170801071036 52.6700794694508545, 4.76508583318254519 52.66963848576682494, 4.76446946946091288 52.66452006957720755, 4.76053889687794385 52.66100088530770762, 4.75828563485785416 52.66219390916558751, 4.75820560902686918 52.66361171350484938, 4.75955006794179347 52.66337100173709729, 4.75972492707548778 52.6642115815000551, 4.75600451981627437 52.66673245699880823, 4.75735677598542051 52.66776189218390414, 4.7562040894536759 52.66802188576812682, 4.75688519905294349 52.6696961277539728, 4.75783078377146129 52.67025460177748641, 4.75904170801071036 52.6700794694508545, 4.75904170801071036 52.6700794694508545)))</t>
  </si>
  <si>
    <t>MultiPolygon (((4.77316268552342038 52.66902200242184051, 4.77597016268262919 52.66784884002891687, 4.77449030358246151 52.66534282211851803, 4.77415851875009523 52.66477435303323062, 4.77168779910516871 52.66537020757323262, 4.76457585639458348 52.66276200947661579, 4.76596523341122058 52.66154405631087343, 4.76548019698274228 52.66077461621984668, 4.76234224805682871 52.66042950163832614, 4.76090373570086278 52.66083877217482012, 4.76053889687794385 52.66100088530770762, 4.76446946946091288 52.66452006957720755, 4.76508583318254519 52.66963848576682494, 4.77316268552342038 52.66902200242184051)))</t>
  </si>
  <si>
    <t>MultiPolygon (((4.75887054642396023 52.65956084223835632, 4.75999538108549824 52.65777876190306728, 4.7567946863609043 52.65060829793734598, 4.7572679745663331 52.64799449273341025, 4.75246707542967073 52.64743891506326179, 4.75201015490357648 52.64860009093011683, 4.74812255288930274 52.65019201636408042, 4.74781546578347502 52.65100551832973252, 4.75291849974903524 52.65327354353535583, 4.75486117470173042 52.65721130976227471, 4.75370015258837775 52.65748537137012875, 4.74935782029616682 52.65660422442633859, 4.748454591601182 52.65732400896840204, 4.74894262825308822 52.65779855754107075, 4.75313908069562352 52.65849568282779813, 4.75406824633581593 52.66089226792118438, 4.75578381135030082 52.66117071625473045, 4.75887054642396023 52.65956084223835632)))</t>
  </si>
  <si>
    <t>MultiPolygon (((4.76320372573917528 52.65816350201419027, 4.76909578983960269 52.65631091449249368, 4.76461710798898075 52.64889618510617453, 4.7572679745663331 52.64799449273341025, 4.7567946863609043 52.65060829793734598, 4.75999538108549824 52.65777876190306728, 4.76320372573917528 52.65816350201419027, 4.76320372573917528 52.65816350201419027)))</t>
  </si>
  <si>
    <t>MultiPolygon (((4.77415851875009523 52.66477435303323062, 4.76909578983960269 52.65631091449249368, 4.76320372573917528 52.65816350201419027, 4.75999538108549824 52.65777876190306728, 4.75887054642396023 52.65956084223835632, 4.76090373570086278 52.66083877217482012, 4.76234224805682871 52.66042950163832614, 4.76548019698274228 52.66077461621984668, 4.76596523341122058 52.66154405631087343, 4.76457585639458348 52.66276200947661579, 4.77168779910516871 52.66537020757323262, 4.77415851875009523 52.66477435303323062, 4.77415851875009523 52.66477435303323062)))</t>
  </si>
  <si>
    <t>MultiPolygon (((4.75600451981627437 52.66673245699880823, 4.75972492707548778 52.6642115815000551, 4.75955006794179347 52.66337100173709729, 4.75820560902686918 52.66361171350484938, 4.75828563485785416 52.66219390916558751, 4.76053889687794385 52.66100088530770762, 4.76090373570086278 52.66083877217482012, 4.75887054642396023 52.65956084223835632, 4.75578381135030082 52.66117071625473045, 4.75406824633581593 52.66089226792118438, 4.75313908069562352 52.65849568282779813, 4.74894262825308822 52.65779855754107075, 4.74781059270741768 52.65818656762033356, 4.7461071718602108 52.65982581865096535, 4.74709130999187057 52.66280424648572023, 4.75147014878896545 52.66756094563289992, 4.75600451981627437 52.66673245699880823, 4.75600451981627437 52.66673245699880823)))</t>
  </si>
  <si>
    <t>MultiPolygon (((4.74894262825308822 52.65779855754107075, 4.748454591601182 52.65732400896840204, 4.74935782029616682 52.65660422442633859, 4.75370015258837775 52.65748537137012875, 4.75486117470173042 52.65721130976227471, 4.75291849974903524 52.65327354353535583, 4.74781546578347502 52.65100551832973252, 4.74812255288930274 52.65019201636408042, 4.75201015490357648 52.64860009093011683, 4.75246707542967073 52.64743891506326179, 4.74388645329665426 52.6464714685433961, 4.74289425144971233 52.65390382318308582, 4.74602173980228148 52.65685286627628869, 4.74621921050859008 52.65814642104076171, 4.74781059270741768 52.65818656762033356, 4.74894262825308822 52.65779855754107075, 4.74894262825308822 52.65779855754107075)))</t>
  </si>
  <si>
    <t>MultiPolygon (((4.76893111968780836 52.6459579795273811, 4.76195123983457957 52.64286810227127233, 4.76095743533968907 52.64387795621268396, 4.76103059896215441 52.64542093159058567, 4.7572679745663331 52.64799449273341025, 4.76461710798898075 52.64889618510617453, 4.76893111968780836 52.6459579795273811, 4.76893111968780836 52.6459579795273811)))</t>
  </si>
  <si>
    <t>MultiPolygon (((4.76103059896215441 52.64542093159058567, 4.76095743533968907 52.64387795621268396, 4.76195123983457957 52.64286810227127233, 4.75651435553799828 52.64045930248397553, 4.75289271165273952 52.64611542226560204, 4.75246707542967073 52.64743891506326179, 4.7572679745663331 52.64799449273341025, 4.76103059896215441 52.64542093159058567)))</t>
  </si>
  <si>
    <t>MultiPolygon (((4.75289271165273952 52.64611542226560204, 4.74428212836065022 52.64518095231690609, 4.74388645329665426 52.6464714685433961, 4.75246707542967073 52.64743891506326179, 4.75289271165273952 52.64611542226560204, 4.75289271165273952 52.64611542226560204)))</t>
  </si>
  <si>
    <t>MultiPolygon (((4.75651435553799828 52.64045930248397553, 4.75315607247107419 52.63945441578416506, 4.74627316851399961 52.63866545008750109, 4.74428212836065022 52.64518095231690609, 4.75289271165273952 52.64611542226560204, 4.75651435553799828 52.64045930248397553)))</t>
  </si>
  <si>
    <t>MultiPolygon (((4.74593262720165132 52.66307943062033559, 4.74524679483623046 52.66037217637233425, 4.74621921050859008 52.65814642104076171, 4.74602173980228148 52.65685286627628869, 4.74289425144971233 52.65390382318308582, 4.74388645329665426 52.6464714685433961, 4.73745346070506113 52.64592475871419452, 4.73234262761013991 52.64719146605593636, 4.72780751454199422 52.64226551682787658, 4.72603917113228533 52.64043824336552291, 4.72382679915873016 52.63791717191192276, 4.72055166008193616 52.63538206789373675, 4.71694850068062266 52.6337605503258672, 4.71224918539626625 52.630267610116924, 4.71240782105759681 52.62903623170186052, 4.71614123796612272 52.62600357007012519, 4.71489697794727824 52.62534679887244948, 4.71528674254755131 52.62581971577672846, 4.70979638276544499 52.62872382771939073, 4.71133253390469786 52.62991399085348831, 4.70830636536949321 52.63088058183420515, 4.70981609543118473 52.63250460164176303, 4.70886747166046682 52.63550891972152357, 4.71003473864224897 52.64246745217308643, 4.71420094060058315 52.64282162178826496, 4.7128145544124127 52.64621062164916054, 4.71760911605661981 52.6466497644559368, 4.71693483112970302 52.64959579782075139, 4.72039431650212293 52.65008067858795471, 4.72193663922275508 52.64917982238202399, 4.72267646977112587 52.64936489954381216, 4.72179307083906874 52.65072501868791477, 4.7252508214118869 52.6519443488730019, 4.72682357558187594 52.65548996558431583, 4.72924704940592111 52.65612134893668639, 4.72570716193027263 52.65730941448415336, 4.72755498307908528 52.65739007423333362, 4.72762519106574519 52.65849940035482746, 4.73064315037904581 52.65875264224954577, 4.73152918374920262 52.65981156281681308, 4.73285337757812563 52.6598900160131862, 4.73115409935385411 52.66158907614206441, 4.73370132033984614 52.66180247983981388, 4.73520830411910332 52.66138731609683532, 4.73409957397826364 52.66293061495163386, 4.73925449291159229 52.6629407513877581, 4.74260546080981449 52.66118160732607834, 4.74516395995007745 52.66336404462323628, 4.74593262720165132 52.66307943062033559)))</t>
  </si>
  <si>
    <t>MultiPolygon (((4.73745346070506113 52.64592475871419452, 4.73952611943641866 52.64247981279397948, 4.73907369114696575 52.63998738650264642, 4.73036595872307242 52.64023586948493261, 4.72897533432176242 52.64072205790307635, 4.72780751454199422 52.64226551682787658, 4.73234262761013991 52.64719146605593636, 4.73745346070506113 52.64592475871419452, 4.73745346070506113 52.64592475871419452)))</t>
  </si>
  <si>
    <t>MultiPolygon (((4.74428212836065022 52.64518095231690609, 4.74627316851399961 52.63866545008750109, 4.73729121969972589 52.63762280908335356, 4.73559555559482259 52.63690710963210506, 4.72603917113228533 52.64043824336552291, 4.72780751454199422 52.64226551682787658, 4.72897533432176242 52.64072205790307635, 4.73036595872307242 52.64023586948493261, 4.73907369114696575 52.63998738650264642, 4.73952611943641866 52.64247981279397948, 4.73745346070506113 52.64592475871419452, 4.74388645329665426 52.6464714685433961, 4.74428212836065022 52.64518095231690609, 4.74428212836065022 52.64518095231690609)))</t>
  </si>
  <si>
    <t>MultiPolygon (((4.73559555559482259 52.63690710963210506, 4.7329377551326548 52.63496703156489787, 4.72382679915873016 52.63791717191192276, 4.72603917113228533 52.64043824336552291, 4.73559555559482259 52.63690710963210506)))</t>
  </si>
  <si>
    <t>MultiPolygon (((4.7329377551326548 52.63496703156489787, 4.73051388929604499 52.63230529090256482, 4.72790216008323139 52.62948347073798772, 4.71694850068062266 52.6337605503258672, 4.72055166008193616 52.63538206789373675, 4.72382679915873016 52.63791717191192276, 4.7329377551326548 52.63496703156489787)))</t>
  </si>
  <si>
    <t>MultiPolygon (((4.72790216008323139 52.62948347073798772, 4.72387204729881116 52.62507433279741775, 4.72152987114461187 52.62250901319905694, 4.7163080249755831 52.62498510561848519, 4.71458652325136729 52.62478189825845476, 4.71489697794727824 52.62534679887244948, 4.71614123796612272 52.62600357007012519, 4.71240782105759681 52.62903623170186052, 4.71224918539626625 52.630267610116924, 4.71694850068062266 52.6337605503258672, 4.72790216008323139 52.62948347073798772)))</t>
  </si>
  <si>
    <t>MultiPolygon (((4.76819863755201645 52.61694041614635609, 4.76791890888389247 52.6156393788624257, 4.76582540753221551 52.60759892695679696, 4.76390835178759176 52.60501824294974682, 4.74269372603442196 52.61055762848855721, 4.74213379528929035 52.61016019919643583, 4.73787983214142194 52.61216162178313738, 4.73945107509912766 52.61386817333627874, 4.73999302179538695 52.6144419742360796, 4.74625881250327275 52.61359634708325927, 4.75055277419978061 52.61402177896882648, 4.75957056601893225 52.61729586348027254, 4.76819863755201645 52.61694041614635609, 4.76819863755201645 52.61694041614635609)))</t>
  </si>
  <si>
    <t>MultiPolygon (((4.74213379528929035 52.61016019919643583, 4.74269372603442196 52.61055762848855721, 4.76390835178759176 52.60501824294974682, 4.75647786217261093 52.59156833936666686, 4.75248042692518702 52.59257722918212608, 4.7521386243671575 52.59189088850737193, 4.73746190890553454 52.59385829369612253, 4.73696619866129787 52.59576203862742716, 4.7379092763985371 52.59729055577937373, 4.73540996847400653 52.60382438556284512, 4.73618661997391577 52.60544460583489723, 4.73389891500066629 52.60729539022360512, 4.73334783450349139 52.60754718788902551, 4.73787983214142194 52.61216162178313738, 4.74213379528929035 52.61016019919643583)))</t>
  </si>
  <si>
    <t>MultiPolygon (((4.75044038451916784 52.61889113719529121, 4.74625881250327275 52.61359634708325927, 4.73999302179538695 52.6144419742360796, 4.74511675425005297 52.61879371034309827, 4.74774224310516768 52.62046251872138924, 4.75044038451916784 52.61889113719529121, 4.75044038451916784 52.61889113719529121)))</t>
  </si>
  <si>
    <t>MultiPolygon (((4.75939901414046407 52.61842777228746115, 4.75957056601893225 52.61729586348027254, 4.75055277419978061 52.61402177896882648, 4.74625881250327275 52.61359634708325927, 4.75044038451916784 52.61889113719529121, 4.75939901414046407 52.61842777228746115)))</t>
  </si>
  <si>
    <t>MultiPolygon (((4.75904871661042872 52.62283240707967735, 4.76005953614264232 52.62217438242404199, 4.75843302066399243 52.62057013003422412, 4.76018410440909889 52.61997075024792281, 4.76356571860479772 52.62232602924348868, 4.76472003366817898 52.62411905064043083, 4.76939713255398434 52.6216234034108794, 4.76819863755201645 52.61694041614635609, 4.75957056601893225 52.61729586348027254, 4.75939901414046407 52.61842777228746115, 4.75044038451916784 52.61889113719529121, 4.74774224310516768 52.62046251872138924, 4.75171376418822167 52.62498337591737396, 4.75904871661042872 52.62283240707967735)))</t>
  </si>
  <si>
    <t>MultiPolygon (((4.76472003366817898 52.62411905064043083, 4.76356571860479772 52.62232602924348868, 4.76018410440909889 52.61997075024792281, 4.75843302066399243 52.62057013003422412, 4.76005953614264232 52.62217438242404199, 4.75904871661042872 52.62283240707967735, 4.75171376418822167 52.62498337591737396, 4.75272883572549176 52.62657347465142266, 4.75819802200165132 52.62691709620578706, 4.76472003366817898 52.62411905064043083, 4.76472003366817898 52.62411905064043083)))</t>
  </si>
  <si>
    <t>MultiPolygon (((4.8005659937079086 52.6578728282167603, 4.80041611710199501 52.65724418589888245, 4.79864412478238833 52.65355690975832914, 4.79177328247626999 52.64732679674229132, 4.78669845082303169 52.6406028276953819, 4.77792048835142769 52.64152569634708811, 4.77906004225582137 52.64348114888223762, 4.78374650768167431 52.64701934247384685, 4.78899532674039996 52.65400140289663966, 4.79874658528568787 52.65868470707098936, 4.8005659937079086 52.6578728282167603, 4.8005659937079086 52.6578728282167603)))</t>
  </si>
  <si>
    <t>MultiPolygon (((4.8005659937079086 52.6578728282167603, 4.79874658528568787 52.65868470707098936, 4.78899532674039996 52.65400140289663966, 4.78374650768167431 52.64701934247384685, 4.77906004225582137 52.64348114888223762, 4.77792048835142769 52.64152569634708811, 4.77311423291249781 52.64264761537773296, 4.76893111968780836 52.6459579795273811, 4.77366937239094469 52.64835444960920086, 4.80050946717102978 52.66024091730539425, 4.8005659937079086 52.6578728282167603, 4.8005659937079086 52.6578728282167603)))</t>
  </si>
  <si>
    <t>MultiPolygon (((4.77155995862150029 52.63610382987374692, 4.77037930181158831 52.63293144229358944, 4.76379069088640783 52.63468725309801499, 4.76269132853646937 52.63612307810354451, 4.76957923653366933 52.63664640914670656, 4.77155995862150029 52.63610382987374692)))</t>
  </si>
  <si>
    <t>MultiPolygon (((4.77037930181158831 52.63293144229358944, 4.76965331437240625 52.6306010030423721, 4.76238269463728958 52.63297516475734028, 4.76379069088640783 52.63468725309801499, 4.77037930181158831 52.63293144229358944)))</t>
  </si>
  <si>
    <t>MultiPolygon (((4.76269132853646937 52.63612307810354451, 4.76379069088640783 52.63468725309801499, 4.76238269463728958 52.63297516475734028, 4.76965331437240625 52.6306010030423721, 4.76933854662655055 52.62954084595200754, 4.77050125285652715 52.62928502954988375, 4.76965151155438249 52.62832287107056572, 4.75839773600046456 52.63099283417501084, 4.75964943046620448 52.63630662421971351, 4.76269132853646937 52.63612307810354451, 4.76269132853646937 52.63612307810354451)))</t>
  </si>
  <si>
    <t>MultiPolygon (((4.75839773600046456 52.63099283417501084, 4.76965151155438249 52.62832287107056572, 4.7728508671522869 52.62691365091991713, 4.77542119556783806 52.62445182596181326, 4.77857867317118767 52.62354673778936842, 4.77337688058323284 52.61671959348080918, 4.76791890888389247 52.6156393788624257, 4.76819863755201645 52.61694041614635609, 4.76939713255398434 52.6216234034108794, 4.76472003366817898 52.62411905064043083, 4.75819802200165132 52.62691709620578706, 4.75497145581056468 52.62830107916332878, 4.75659507589918817 52.63088853329592354, 4.75839773600046456 52.63099283417501084, 4.75839773600046456 52.63099283417501084)))</t>
  </si>
  <si>
    <t>MultiPolygon (((4.77814001997231408 52.63557006478589528, 4.77654116971222997 52.62902953978126419, 4.7728508671522869 52.62691365091991713, 4.76965151155438249 52.62832287107056572, 4.77050125285652715 52.62928502954988375, 4.76933854662655055 52.62954084595200754, 4.76965331437240625 52.6306010030423721, 4.77037930181158831 52.63293144229358944, 4.77155995862150029 52.63610382987374692, 4.77219948431267316 52.63691895891662398, 4.77814001997231408 52.63557006478589528, 4.77814001997231408 52.63557006478589528)))</t>
  </si>
  <si>
    <t>MultiPolygon (((4.77311423291249781 52.64264761537773296, 4.77792048835142769 52.64152569634708811, 4.78669845082303169 52.6406028276953819, 4.78636354869398595 52.64015974364483696, 4.78527897617077791 52.63811468086748846, 4.78840321957998594 52.63888951826419316, 4.79164315834243926 52.63823358017478427, 4.79056817295655257 52.63649712142783699, 4.78318468825556664 52.63117438199975595, 4.77857867317118767 52.62354673778936842, 4.77542119556783806 52.62445182596181326, 4.7728508671522869 52.62691365091991713, 4.77654116971222997 52.62902953978126419, 4.77814001997231408 52.63557006478589528, 4.77219948431267316 52.63691895891662398, 4.77155995862150029 52.63610382987374692, 4.76957923653366933 52.63664640914670656, 4.76269132853646937 52.63612307810354451, 4.76481993824241989 52.63959991753323209, 4.76195123983457957 52.64286810227127233, 4.76893111968780836 52.6459579795273811, 4.77311423291249781 52.64264761537773296, 4.77311423291249781 52.64264761537773296)))</t>
  </si>
  <si>
    <t>MultiPolygon (((4.76481993824241989 52.63959991753323209, 4.76269132853646937 52.63612307810354451, 4.75964943046620448 52.63630662421971351, 4.75839773600046456 52.63099283417501084, 4.75659507589918817 52.63088853329592354, 4.75283069903446531 52.63276344037273446, 4.75350577308732092 52.63511298529455473, 4.75824841092735884 52.63949699087532963, 4.75651435553799828 52.64045930248397553, 4.76195123983457957 52.64286810227127233, 4.76481993824241989 52.63959991753323209)))</t>
  </si>
  <si>
    <t>MultiPolygon (((4.74148222171365585 52.62402770257538265, 4.73948456701240683 52.6227876215192083, 4.73871302861592003 52.62113534733660458, 4.73756741420882932 52.61973427727468078, 4.7348571043472214 52.61901937491310832, 4.73318813099138946 52.61765487541035213, 4.73126421292133958 52.61868482735688701, 4.73660037943550805 52.62326116762486805, 4.73792024472129647 52.6251713940910264, 4.74148222171365585 52.62402770257538265, 4.74148222171365585 52.62402770257538265)))</t>
  </si>
  <si>
    <t>MultiPolygon (((4.73937224239114929 52.6352687565488111, 4.73278921624012572 52.63125805409116964, 4.73051388929604499 52.63230529090256482, 4.7329377551326548 52.63496703156489787, 4.73559555559482259 52.63690710963210506, 4.73937224239114929 52.6352687565488111, 4.73937224239114929 52.6352687565488111)))</t>
  </si>
  <si>
    <t>MultiPolygon (((4.73278921624012572 52.63125805409116964, 4.73040309729146013 52.62733436445645196, 4.72900752722629569 52.62657511755192985, 4.72554312411590338 52.62434874322092782, 4.72387204729881116 52.62507433279741775, 4.72790216008323139 52.62948347073798772, 4.73051388929604499 52.63230529090256482, 4.73278921624012572 52.63125805409116964, 4.73278921624012572 52.63125805409116964)))</t>
  </si>
  <si>
    <t>MultiPolygon (((4.73660037943550805 52.62326116762486805, 4.73126421292133958 52.61868482735688701, 4.72152987114461187 52.62250901319905694, 4.72387204729881116 52.62507433279741775, 4.72554312411590338 52.62434874322092782, 4.72900752722629569 52.62657511755192985, 4.73660037943550805 52.62326116762486805)))</t>
  </si>
  <si>
    <t>MultiPolygon (((4.74203952936860151 52.63410533177021478, 4.73942273561447092 52.63361169414078233, 4.74099927724801606 52.62959071093737151, 4.7428267852389725 52.62940915587981294, 4.73792024472129647 52.6251713940910264, 4.73660037943550805 52.62326116762486805, 4.72900752722629569 52.62657511755192985, 4.73040309729146013 52.62733436445645196, 4.73278921624012572 52.63125805409116964, 4.73937224239114929 52.6352687565488111, 4.74203952936860151 52.63410533177021478, 4.74203952936860151 52.63410533177021478)))</t>
  </si>
  <si>
    <t>MultiPolygon (((4.74655400606067257 52.62765127917994334, 4.74419471952540928 52.62542711638651127, 4.74148222171365585 52.62402770257538265, 4.73792024472129647 52.6251713940910264, 4.7428267852389725 52.62940915587981294, 4.74655400606067257 52.62765127917994334, 4.74655400606067257 52.62765127917994334)))</t>
  </si>
  <si>
    <t>MultiPolygon (((4.74666329099258988 52.62408526510960627, 4.74776144370005326 52.62236061682671107, 4.74683313034935317 52.6212869381429158, 4.74148222171365585 52.62402770257538265, 4.74419471952540928 52.62542711638651127, 4.74666329099258988 52.62408526510960627, 4.74666329099258988 52.62408526510960627)))</t>
  </si>
  <si>
    <t>MultiPolygon (((4.74734128672529554 52.62761754782908241, 4.75272883572549176 52.62657347465142266, 4.75171376418822167 52.62498337591737396, 4.74774224310516768 52.62046251872138924, 4.74683313034935317 52.6212869381429158, 4.74776144370005326 52.62236061682671107, 4.74666329099258988 52.62408526510960627, 4.74419471952540928 52.62542711638651127, 4.74655400606067257 52.62765127917994334, 4.74734128672529554 52.62761754782908241, 4.74734128672529554 52.62761754782908241)))</t>
  </si>
  <si>
    <t>MultiPolygon (((4.74683313034935317 52.6212869381429158, 4.74774224310516768 52.62046251872138924, 4.74511675425005297 52.61879371034309827, 4.74333680143592584 52.62031828966512137, 4.73871302861592003 52.62113534733660458, 4.73948456701240683 52.6227876215192083, 4.74148222171365585 52.62402770257538265, 4.74683313034935317 52.6212869381429158)))</t>
  </si>
  <si>
    <t>MultiPolygon (((4.74333680143592584 52.62031828966512137, 4.74511675425005297 52.61879371034309827, 4.73999302179538695 52.6144419742360796, 4.73945107509912766 52.61386817333627874, 4.73318813099138946 52.61765487541035213, 4.7348571043472214 52.61901937491310832, 4.73756741420882932 52.61973427727468078, 4.73871302861592003 52.62113534733660458, 4.74333680143592584 52.62031828966512137, 4.74333680143592584 52.62031828966512137)))</t>
  </si>
  <si>
    <t>MultiPolygon (((5.25672429821694998 52.68671302150014668, 5.25636376067152344 52.68601172065248051, 5.25426520838173783 52.68665676731356484, 5.24648003251125417 52.68551202893576146, 5.24605586960689951 52.68584389902809306, 5.24601707935056538 52.68639330716005986, 5.25174930272680918 52.6872136328030507, 5.25602451604968746 52.68781699853253286, 5.25465299904820959 52.68840207520461405, 5.25413957990344915 52.69565556275956197, 5.2589797059646326 52.6959568939101004, 5.25924840399111648 52.68690557525029305, 5.25672429821694998 52.68671302150014668)))</t>
  </si>
  <si>
    <t>MultiPolygon (((5.25895903849725688 52.69661623506783599, 5.2589797059646326 52.6959568939101004, 5.25413957990344915 52.69565556275956197, 5.25465299904820959 52.68840207520461405, 5.25602451604968746 52.68781699853253286, 5.25174930272680918 52.6872136328030507, 5.25209176997909299 52.69518180703573051, 5.25264785463654782 52.69605338611219736, 5.25895659623283418 52.69675573355540621, 5.25895903849725688 52.69661623506783599, 5.25895903849725688 52.69661623506783599)))</t>
  </si>
  <si>
    <t>MultiPolygon (((5.25174930272680918 52.6872136328030507, 5.24601707935056538 52.68639330716005986, 5.24342120721624116 52.68624367335641523, 5.24243842087981715 52.69238224914989388, 5.24283229500627002 52.693715148827728, 5.24561242366281455 52.69483580872826423, 5.25209176997909299 52.69518180703573051, 5.25174930272680918 52.6872136328030507)))</t>
  </si>
  <si>
    <t>MultiPolygon (((5.25264785463654782 52.69605338611219736, 5.25209176997909299 52.69518180703573051, 5.24561242366281455 52.69483580872826423, 5.24283229500627002 52.693715148827728, 5.24243842087981715 52.69238224914989388, 5.23472244373646767 52.69216164260905799, 5.23562417259803414 52.69252522005850636, 5.23542961715402644 52.69435759440019496, 5.23320265164526255 52.69437690668652863, 5.23315699501839315 52.69507877817494546, 5.23930545405901693 52.69520499524670498, 5.24528251247082622 52.6954702788591689, 5.25264785463654782 52.69605338611219736, 5.25264785463654782 52.69605338611219736)))</t>
  </si>
  <si>
    <t>MultiPolygon (((5.24243842087981715 52.69238224914989388, 5.24342120721624116 52.68624367335641523, 5.23543259527898286 52.6860292518534834, 5.23472244373646767 52.69216164260905799, 5.24243842087981715 52.69238224914989388, 5.24243842087981715 52.69238224914989388)))</t>
  </si>
  <si>
    <t>MultiPolygon (((5.23472244373646767 52.69216164260905799, 5.23543259527898286 52.6860292518534834, 5.23316893887216228 52.68589921998103165, 5.23302609941185892 52.69206287638407815, 5.23472244373646767 52.69216164260905799, 5.23472244373646767 52.69216164260905799)))</t>
  </si>
  <si>
    <t>MultiPolygon (((5.23302609941185892 52.69206287638407815, 5.23316893887216228 52.68589921998103165, 5.2248614886300162 52.68523668948509453, 5.22497888251289222 52.69239013639609226, 5.23302609941185892 52.69206287638407815, 5.23302609941185892 52.69206287638407815)))</t>
  </si>
  <si>
    <t>MultiPolygon (((5.21928202942972508 52.69008514160447731, 5.21970199897549669 52.68744387686804487, 5.21902805286224236 52.68537562237283112, 5.21530784112787948 52.68492115181656743, 5.21510970535736185 52.68498834411123255, 5.21591751437509377 52.69014230144530586, 5.21928202942972508 52.69008514160447731, 5.21928202942972508 52.69008514160447731)))</t>
  </si>
  <si>
    <t>MultiPolygon (((5.22497888251289222 52.69239013639609226, 5.2248614886300162 52.68523668948509453, 5.21523608091728619 52.68442211276069997, 5.21530784112787948 52.68492115181656743, 5.21902805286224236 52.68537562237283112, 5.21970199897549669 52.68744387686804487, 5.21928202942972508 52.69008514160447731, 5.21591751437509377 52.69014230144530586, 5.21631246168059803 52.69263581991430101, 5.22497888251289222 52.69239013639609226, 5.22497888251289222 52.69239013639609226)))</t>
  </si>
  <si>
    <t>MultiPolygon (((5.21631246168059803 52.69263581991430101, 5.21591751437509377 52.69014230144530586, 5.21510970535736185 52.68498834411123255, 5.21530784112787948 52.68492115181656743, 5.21523608091728619 52.68442211276069997, 5.21443547002265362 52.68434639276325271, 5.21499984890991275 52.68563641088207561, 5.21188185198833409 52.68595592126049354, 5.21246700594923595 52.6889433391869062, 5.21098219097652837 52.69049060667568085, 5.20898570621820056 52.69049451060201505, 5.20958687188791814 52.69312586089713335, 5.21057957834027441 52.69329461098421774, 5.21631246168059803 52.69263581991430101, 5.21631246168059803 52.69263581991430101)))</t>
  </si>
  <si>
    <t>MultiPolygon (((5.22333488723288841 52.69532455886629663, 5.23242586825702904 52.69515872701820314, 5.23315699501839315 52.69507877817494546, 5.23320265164526255 52.69437690668652863, 5.23542961715402644 52.69435759440019496, 5.23562417259803414 52.69252522005850636, 5.23472244373646767 52.69216164260905799, 5.23302609941185892 52.69206287638407815, 5.22497888251289222 52.69239013639609226, 5.21631246168059803 52.69263581991430101, 5.21057957834027441 52.69329461098421774, 5.21135491405805418 52.69542847596268587, 5.22333488723288841 52.69532455886629663)))</t>
  </si>
  <si>
    <t>MultiPolygon (((5.20470006167913191 52.67794061076470058, 5.20459513486143699 52.67761367221063296, 5.19569484734750642 52.69221480441718342, 5.19599960227059388 52.69227752055775227, 5.19580568324173786 52.69260822111773024, 5.21135491405805418 52.69542847596268587, 5.21057957834027441 52.69329461098421774, 5.20958687188791814 52.69312586089713335, 5.20898570621820056 52.69049451060201505, 5.21098219097652837 52.69049060667568085, 5.21246700594923595 52.6889433391869062, 5.21188185198833409 52.68595592126049354, 5.21499984890991275 52.68563641088207561, 5.21443547002265362 52.68434639276325271, 5.2087904221611856 52.68380924143431088, 5.20623156082595262 52.68259453561660877, 5.20470006167913191 52.67794061076470058)))</t>
  </si>
  <si>
    <t>MultiPolygon (((5.25618993319009675 52.7009295784139411, 5.25024942934654604 52.69977077777549823, 5.25009605736564211 52.70354045703670209, 5.25581781338026754 52.70398794294906963, 5.25618993319009675 52.7009295784139411)))</t>
  </si>
  <si>
    <t>MultiPolygon (((5.25874290439268677 52.70068820934422149, 5.25895659623283418 52.69675573355540621, 5.25264785463654782 52.69605338611219736, 5.24528251247082622 52.6954702788591689, 5.24438242057043524 52.69729971159800641, 5.23661138438242979 52.69685985670535899, 5.23662697626347384 52.6959496268496963, 5.23526486373202005 52.69817135041899547, 5.23874237709201829 52.69812824117521188, 5.24755280052235396 52.6993561521722782, 5.24765384189575013 52.70005901063763787, 5.25024942934654604 52.69977077777549823, 5.25618993319009675 52.7009295784139411, 5.25874290439268677 52.70068820934422149, 5.25874290439268677 52.70068820934422149)))</t>
  </si>
  <si>
    <t>MultiPolygon (((5.24438242057043524 52.69729971159800641, 5.24528251247082622 52.6954702788591689, 5.23930545405901693 52.69520499524670498, 5.23662697626347384 52.6959496268496963, 5.23661138438242979 52.69685985670535899, 5.24438242057043524 52.69729971159800641)))</t>
  </si>
  <si>
    <t>MultiPolygon (((5.23526486373202005 52.69817135041899547, 5.23662697626347384 52.6959496268496963, 5.23930545405901693 52.69520499524670498, 5.23315699501839315 52.69507877817494546, 5.23242586825702904 52.69515872701820314, 5.23218123960743053 52.69631530912911899, 5.23210010125908109 52.69821125359859337, 5.23249601347139048 52.69892514674317852, 5.23526486373202005 52.69817135041899547, 5.23526486373202005 52.69817135041899547)))</t>
  </si>
  <si>
    <t>MultiPolygon (((5.25009605736564211 52.70354045703670209, 5.25024942934654604 52.69977077777549823, 5.24765384189575013 52.70005901063763787, 5.24755280052235396 52.6993561521722782, 5.23874237709201829 52.69812824117521188, 5.23526486373202005 52.69817135041899547, 5.23249601347139048 52.69892514674317852, 5.23146511826208105 52.70285389949682298, 5.23324639073952103 52.70289706665229801, 5.25009605736564211 52.70354045703670209, 5.25009605736564211 52.70354045703670209)))</t>
  </si>
  <si>
    <t>MultiPolygon (((5.23218123960743053 52.69631530912911899, 5.23242586825702904 52.69515872701820314, 5.22333488723288841 52.69532455886629663, 5.2238289395508124 52.69655449433754058, 5.23218123960743053 52.69631530912911899, 5.23218123960743053 52.69631530912911899)))</t>
  </si>
  <si>
    <t>MultiPolygon (((5.23146511826208105 52.70285389949682298, 5.23249601347139048 52.69892514674317852, 5.23210010125908109 52.69821125359859337, 5.22554137826074871 52.69843787298546545, 5.22566527152169513 52.70279362846079607, 5.23146511826208105 52.70285389949682298, 5.23146511826208105 52.70285389949682298)))</t>
  </si>
  <si>
    <t>MultiPolygon (((5.22566527152169513 52.70279362846079607, 5.22554137826074871 52.69843787298546545, 5.21912143293528974 52.69872609119072848, 5.21907745818769797 52.7029626670819269, 5.22566527152169513 52.70279362846079607, 5.22566527152169513 52.70279362846079607)))</t>
  </si>
  <si>
    <t>MultiPolygon (((5.21912143293528974 52.69872609119072848, 5.22554137826074871 52.69843787298546545, 5.23210010125908109 52.69821125359859337, 5.23218123960743053 52.69631530912911899, 5.2238289395508124 52.69655449433754058, 5.22333488723288841 52.69532455886629663, 5.21135491405805418 52.69542847596268587, 5.20961261434432732 52.69544592792058069, 5.20828028766161566 52.69807569929241708, 5.21041846215234283 52.69939332649181551, 5.21912143293528974 52.69872609119072848, 5.21912143293528974 52.69872609119072848)))</t>
  </si>
  <si>
    <t>MultiPolygon (((5.21907745818769797 52.7029626670819269, 5.21912143293528974 52.69872609119072848, 5.21041846215234283 52.69939332649181551, 5.21072797086761508 52.70102951211397624, 5.20851478835762993 52.70359841079320518, 5.21907745818769797 52.7029626670819269, 5.21907745818769797 52.7029626670819269)))</t>
  </si>
  <si>
    <t>MultiPolygon (((5.20851478835762993 52.70359841079320518, 5.21072797086761508 52.70102951211397624, 5.21041846215234283 52.69939332649181551, 5.20828028766161566 52.69807569929241708, 5.20961261434432732 52.69544592792058069, 5.21135491405805418 52.69542847596268587, 5.19580568324173786 52.69260822111773024, 5.19573027524998565 52.69274680689466095, 5.19343661603349727 52.69659440969653019, 5.19276646968687672 52.69784363107702063, 5.19033758879580898 52.7019029996652506, 5.2009091191453507 52.70332652490096592, 5.20851478835762993 52.70359841079320518, 5.20851478835762993 52.70359841079320518)))</t>
  </si>
  <si>
    <t>MultiPolygon (((5.25750140668199961 52.7161807737785324, 5.25815825551033456 52.7090479583927376, 5.25845962809317857 52.70470102042845184, 5.25874290439268677 52.70068820934422149, 5.25618993319009675 52.7009295784139411, 5.25581781338026754 52.70398794294906963, 5.25009605736564211 52.70354045703670209, 5.23324639073952103 52.70289706665229801, 5.23025111899761441 52.71736986401567293, 5.25750140668199961 52.7161807737785324)))</t>
  </si>
  <si>
    <t>MultiPolygon (((5.23025111899761441 52.71736986401567293, 5.23324639073952103 52.70289706665229801, 5.23146511826208105 52.70285389949682298, 5.22566527152169513 52.70279362846079607, 5.21907745818769797 52.7029626670819269, 5.20851478835762993 52.70359841079320518, 5.21287580662985928 52.70363411479662119, 5.21349917324913203 52.70590177342729277, 5.211058234717175 52.70919415950948661, 5.21126874264888773 52.71489761035465449, 5.2103856742781014 52.71677626936678962, 5.22013356106705295 52.71769637400260677, 5.23025111899761441 52.71736986401567293)))</t>
  </si>
  <si>
    <t>MultiPolygon (((5.21126874264888773 52.71489761035465449, 5.211058234717175 52.70919415950948661, 5.21349917324913203 52.70590177342729277, 5.21287580662985928 52.70363411479662119, 5.20851478835762993 52.70359841079320518, 5.2009091191453507 52.70332652490096592, 5.19033758879580898 52.7019029996652506, 5.19024722989903609 52.70205690211884786, 5.18702310539804667 52.70745180008073305, 5.18537341832868037 52.71022807934514987, 5.2103856742781014 52.71677626936678962, 5.21126874264888773 52.71489761035465449)))</t>
  </si>
  <si>
    <t>MultiPolygon (((5.20124403568916449 52.6466909987248286, 5.20552872292918067 52.64530029537063172, 5.20708117538484583 52.64457410698948081, 5.20135655368346228 52.64104502319893442, 5.19852538417906729 52.6363126227744047, 5.1901056571831452 52.63671247560640154, 5.18543332163632176 52.63588035284296041, 5.18921484097215036 52.64062935167091695, 5.19011774565970807 52.64644417300100798, 5.19105504802615236 52.64707741148173881, 5.20124403568916449 52.6466909987248286, 5.20124403568916449 52.6466909987248286)))</t>
  </si>
  <si>
    <t>MultiPolygon (((5.20392422380770991 52.66007572962104177, 5.20362281364238299 52.65697188108973847, 5.22059544717336355 52.6573784646226386, 5.2200681652168397 52.6533201623724878, 5.21914084087231078 52.65019258757860143, 5.21276215172145108 52.64887686648424392, 5.20781745827551568 52.64911042199247504, 5.20183019417952242 52.64815201825854984, 5.20124403568916449 52.6466909987248286, 5.19105504802615236 52.64707741148173881, 5.19115230854343412 52.64815420036668314, 5.18366947635783948 52.64844071590842134, 5.1837306830482115 52.64737549753920831, 5.16795180165132439 52.6466154020824888, 5.167930389759543 52.6532151257951142, 5.16919131540163512 52.65291482610370366, 5.17002091938731567 52.65521252785320883, 5.1975975362125526 52.66021175016269495, 5.20392422380770991 52.66007572962104177, 5.20392422380770991 52.66007572962104177)))</t>
  </si>
  <si>
    <t>MultiPolygon (((5.18424542561777102 52.66382179139529995, 5.1965682637844024 52.66371113577917384, 5.19637159380561808 52.66174901275171294, 5.19766050358495235 52.66170349511471471, 5.1975975362125526 52.66021175016269495, 5.17002091938731567 52.65521252785320883, 5.16919131540163512 52.65291482610370366, 5.167930389759543 52.6532151257951142, 5.16572209751513522 52.6554191947314294, 5.16714047149200528 52.65655190002900099, 5.18418699266132688 52.66265205341024114, 5.18424542561777102 52.66382179139529995, 5.18424542561777102 52.66382179139529995)))</t>
  </si>
  <si>
    <t>MultiPolygon (((5.199827163895967 52.67536703498618778, 5.20287765542431302 52.6757987499694309, 5.20512690144991996 52.67350203204582471, 5.2052002096517862 52.67104213935661505, 5.18421709452285295 52.67028595155789361, 5.18424542561777102 52.66382179139529995, 5.18418699266132688 52.66265205341024114, 5.16714047149200528 52.65655190002900099, 5.16572209751513522 52.6554191947314294, 5.15883136949311893 52.65603062233712706, 5.15947994078919692 52.66047036467058007, 5.15458355087563902 52.66092211678304835, 5.15343234630302316 52.66463862253385741, 5.15105183345694861 52.66371559433587635, 5.1478571585995514 52.66411068872061918, 5.17159437539288724 52.67294395390199924, 5.19878743506885233 52.67671290005358031, 5.199827163895967 52.67536703498618778)))</t>
  </si>
  <si>
    <t>MultiPolygon (((5.13655292923021456 52.65443078915632213, 5.1381056352171175 52.65221462976504796, 5.13751573207379852 52.64932623457434602, 5.13404329290473527 52.6462866843071069, 5.13818871433522251 52.6403659530436201, 5.13626324706360204 52.6398041336982061, 5.14041283209631317 52.63309130351411369, 5.14501679884019403 52.63411519201824973, 5.1453412131412346 52.62988444755174555, 5.13803190753790506 52.6283489509188982, 5.14221969387540323 52.62238293128084621, 5.1278902536551092 52.61987970198354247, 5.12540793624754887 52.62190305801124879, 5.1262857064881322 52.62338085769705032, 5.12805988256975187 52.62431037353834284, 5.12869004504834969 52.626093203776378, 5.12733518436044289 52.6268294459902819, 5.12537674987692071 52.62960076226883643, 5.12102706841545352 52.6326178713532471, 5.11721946231610225 52.63288916050382937, 5.1116094051981964 52.63228138683292201, 5.10900902635877152 52.63138423487214368, 5.1065479282263313 52.63157416904865471, 5.10126427463508048 52.63367669986025987, 5.10075439602889702 52.63473710155274432, 5.10604522722974963 52.63558981925557845, 5.1036050846397405 52.64173657788197147, 5.10196412693094459 52.64702846361098665, 5.10519221929938016 52.64779064061332292, 5.11707837811608979 52.64998580324416366, 5.11644118438237427 52.65062295195588149, 5.11941404110163312 52.65116322804460935, 5.12070945873455852 52.65138660694695716, 5.12171073782187403 52.65036970560462493, 5.13655292923021456 52.65443078915632213)))</t>
  </si>
  <si>
    <t>MultiPolygon (((5.19115230854343412 52.64815420036668314, 5.19105504802615236 52.64707741148173881, 5.19011774565970807 52.64644417300100798, 5.18921484097215036 52.64062935167091695, 5.18543332163632176 52.63588035284296041, 5.17773020534334094 52.63420282499711078, 5.1665225487160642 52.63550817553571193, 5.1686164940299939 52.64219672764215829, 5.16795180165132439 52.6466154020824888, 5.1837306830482115 52.64737549753920831, 5.18366947635783948 52.64844071590842134, 5.19115230854343412 52.64815420036668314)))</t>
  </si>
  <si>
    <t>MultiPolygon (((5.15458355087563902 52.66092211678304835, 5.15947994078919692 52.66047036467058007, 5.15883136949311893 52.65603062233712706, 5.16572209751513522 52.6554191947314294, 5.167930389759543 52.6532151257951142, 5.16795180165132439 52.6466154020824888, 5.1686164940299939 52.64219672764215829, 5.1665225487160642 52.63550817553571193, 5.17773020534334094 52.63420282499711078, 5.17456103545101076 52.63301976609173494, 5.16420339998549061 52.62689394532266363, 5.15931402378299531 52.62318203961670093, 5.14965639896481964 52.62363978341184634, 5.14704127289847424 52.62267028302851912, 5.14594513258071284 52.62312776890259158, 5.14221969387540323 52.62238293128084621, 5.13803190753790506 52.6283489509188982, 5.1453412131412346 52.62988444755174555, 5.14501679884019403 52.63411519201824973, 5.14041283209631317 52.63309130351411369, 5.13626324706360204 52.6398041336982061, 5.13818871433522251 52.6403659530436201, 5.13404329290473527 52.6462866843071069, 5.13751573207379852 52.64932623457434602, 5.1381056352171175 52.65221462976504796, 5.13655292923021456 52.65443078915632213, 5.12171073782187403 52.65036970560462493, 5.12070945873455852 52.65138660694695716, 5.13509263877053712 52.65567513995360827, 5.14158411548113214 52.65831950703562114, 5.1478571585995514 52.66411068872061918, 5.15105183345694861 52.66371559433587635, 5.15343234630302316 52.66463862253385741, 5.15458355087563902 52.66092211678304835)))</t>
  </si>
  <si>
    <t>MultiPolygon (((5.24266497579824442 52.67263143052979757, 5.23818104847321298 52.66535100814140691, 5.23578218087614378 52.65706906467318049, 5.23064369147113783 52.65276879314978231, 5.20708117538484583 52.64457410698948081, 5.20552872292918067 52.64530029537063172, 5.21239044322808365 52.64699630675429631, 5.22805289286618535 52.65283858250150217, 5.23408796310256452 52.65724758034203035, 5.23566602939313075 52.65976145713477763, 5.23683673096300062 52.66455738475502102, 5.23510899120049711 52.6647597338999347, 5.23604735961720547 52.66750106365162765, 5.23708870832157469 52.67126343038688674, 5.24029618973003419 52.67276376035684393, 5.24174914225424882 52.67732811321800312, 5.24323295997027472 52.67765183810131191, 5.24266497579824442 52.67263143052979757)))</t>
  </si>
  <si>
    <t>MultiPolygon (((5.23510899120049711 52.6647597338999347, 5.23683673096300062 52.66455738475502102, 5.23566602939313075 52.65976145713477763, 5.23408796310256452 52.65724758034203035, 5.22805289286618535 52.65283858250150217, 5.21239044322808365 52.64699630675429631, 5.20552872292918067 52.64530029537063172, 5.20124403568916449 52.6466909987248286, 5.20183019417952242 52.64815201825854984, 5.20781745827551568 52.64911042199247504, 5.21276215172145108 52.64887686648424392, 5.21914084087231078 52.65019258757860143, 5.2200681652168397 52.6533201623724878, 5.22059544717336355 52.6573784646226386, 5.20362281364238299 52.65697188108973847, 5.20392422380770991 52.66007572962104177, 5.20481408114373334 52.66274475616800288, 5.21579522131053164 52.66363534104700506, 5.21672500703425257 52.66719137608991019, 5.23604735961720547 52.66750106365162765, 5.23510899120049711 52.6647597338999347)))</t>
  </si>
  <si>
    <t>MultiPolygon (((5.20627476270681022 52.67518187862081191, 5.21519791737381855 52.67510888624827459, 5.21426085648768023 52.66789463821372408, 5.19693855132428606 52.66805807280263707, 5.1965682637844024 52.66371113577917384, 5.18424542561777102 52.66382179139529995, 5.18421709452285295 52.67028595155789361, 5.2052002096517862 52.67104213935661505, 5.20512690144991996 52.67350203204582471, 5.20287765542431302 52.6757987499694309, 5.20459513486143699 52.67761367221063296, 5.20470006167913191 52.67794061076470058, 5.20627476270681022 52.67518187862081191, 5.20627476270681022 52.67518187862081191)))</t>
  </si>
  <si>
    <t>MultiPolygon (((5.23604735961720547 52.66750106365162765, 5.21672500703425257 52.66719137608991019, 5.21426085648768023 52.66789463821372408, 5.21519791737381855 52.67510888624827459, 5.20627476270681022 52.67518187862081191, 5.20470006167913191 52.67794061076470058, 5.20623156082595262 52.68259453561660877, 5.2087904221611856 52.68380924143431088, 5.21443547002265362 52.68434639276325271, 5.21523608091728619 52.68442211276069997, 5.2248614886300162 52.68523668948509453, 5.23316893887216228 52.68589921998103165, 5.23543259527898286 52.6860292518534834, 5.24342120721624116 52.68624367335641523, 5.24601707935056538 52.68639330716005986, 5.24605586960689951 52.68584389902809306, 5.24648003251125417 52.68551202893576146, 5.24570913547260798 52.68498770644073659, 5.24527393274191045 52.68215661004728645, 5.24383009298797553 52.68165817842641729, 5.24323295997027472 52.67765183810131191, 5.24174914225424882 52.67732811321800312, 5.24029618973003419 52.67276376035684393, 5.23708870832157469 52.67126343038688674, 5.23604735961720547 52.66750106365162765)))</t>
  </si>
  <si>
    <t>MultiPolygon (((5.21426085648768023 52.66789463821372408, 5.21672500703425257 52.66719137608991019, 5.21579522131053164 52.66363534104700506, 5.20481408114373334 52.66274475616800288, 5.20392422380770991 52.66007572962104177, 5.1975975362125526 52.66021175016269495, 5.19766050358495235 52.66170349511471471, 5.19637159380561808 52.66174901275171294, 5.1965682637844024 52.66371113577917384, 5.19693855132428606 52.66805807280263707, 5.21426085648768023 52.66789463821372408, 5.21426085648768023 52.66789463821372408)))</t>
  </si>
  <si>
    <t>MultiPolygon (((5.13466215914569446 52.67726777564071483, 5.1478571585995514 52.66411068872061918, 5.14158411548113214 52.65831950703562114, 5.13509263877053712 52.65567513995360827, 5.12070945873455852 52.65138660694695716, 5.11941404110163312 52.65116322804460935, 5.11611565039783667 52.65431163920047197, 5.11475898723087052 52.65378291530824839, 5.11068537951798341 52.65670546079626035, 5.11133964110120598 52.65722196091651597, 5.107591186260386 52.65972005132157818, 5.10807237891251997 52.65994856466998897, 5.10800394967143401 52.66026951068597128, 5.10823152564283323 52.66040162355567844, 5.10803998763608913 52.6606928213821206, 5.10832514293093354 52.66079580736731458, 5.10723291974557458 52.66199570666763208, 5.1076346836778308 52.6621574741061238, 5.10655406364969355 52.66314988375508932, 5.10627133926784538 52.66300451384099546, 5.10486191684733281 52.664295833166058, 5.10405275945914827 52.66395549430931311, 5.10341152342969639 52.66456755564974657, 5.10309982928173422 52.66489598937965155, 5.10278369060727854 52.66477261526095788, 5.10141975593817509 52.66603188889464349, 5.10088877020911724 52.66581995676755668, 5.09874960518535669 52.66743637215834184, 5.09626610236928723 52.66972285976412849, 5.0962077871085727 52.66981365675701454, 5.09693403517355659 52.67010764309307547, 5.09666960744676079 52.67034600827291513, 5.09881827286268585 52.67126186030611734, 5.09648450800543795 52.67433037595483825, 5.09787975342053823 52.6747389549707421, 5.10669556096168709 52.66560966832834367, 5.11165894909190133 52.6682271031146314, 5.13466215914569446 52.67726777564071483)))</t>
  </si>
  <si>
    <t>MultiPolygon (((5.17159437539288724 52.67294395390199924, 5.1478571585995514 52.66411068872061918, 5.13466215914569446 52.67726777564071483, 5.14758810851042981 52.68081471521439596, 5.15615127946600804 52.68401325329017482, 5.16257582066037113 52.68648431901237217, 5.17159437539288724 52.67294395390199924)))</t>
  </si>
  <si>
    <t>MultiPolygon (((5.128577547391167 52.68687876632534284, 5.12740599727563851 52.68616989657773786, 5.13466215914569446 52.67726777564071483, 5.11165894909190133 52.6682271031146314, 5.10669556096168709 52.66560966832834367, 5.09787975342053823 52.6747389549707421, 5.09648450800543795 52.67433037595483825, 5.09610517403399665 52.67488900189761836, 5.09175230420984448 52.67892372303617066, 5.12517957548513436 52.69107580737657059, 5.128577547391167 52.68687876632534284, 5.128577547391167 52.68687876632534284)))</t>
  </si>
  <si>
    <t>MultiPolygon (((5.14951408629146723 52.68997745267216715, 5.15271365731064179 52.68841548548142839, 5.15615127946600804 52.68401325329017482, 5.14758810851042981 52.68081471521439596, 5.13466215914569446 52.67726777564071483, 5.12740599727563851 52.68616989657773786, 5.128577547391167 52.68687876632534284, 5.12517957548513436 52.69107580737657059, 5.14449752442022223 52.69632481646398503, 5.14951408629146723 52.68997745267216715, 5.14951408629146723 52.68997745267216715)))</t>
  </si>
  <si>
    <t>MultiPolygon (((5.20459513486143699 52.67761367221063296, 5.20287765542431302 52.6757987499694309, 5.199827163895967 52.67536703498618778, 5.19878743506885233 52.67671290005358031, 5.17159437539288724 52.67294395390199924, 5.16257582066037113 52.68648431901237217, 5.16495881367682852 52.68709425483703512, 5.17511077895629334 52.68895275542510603, 5.17826467726532425 52.68952704526574138, 5.17955575247235966 52.68976210697109508, 5.19573027524998565 52.69274680689466095, 5.19580568324173786 52.69260822111773024, 5.19599960227059388 52.69227752055775227, 5.19569484734750642 52.69221480441718342, 5.20459513486143699 52.67761367221063296)))</t>
  </si>
  <si>
    <t>MultiPolygon (((5.16260049033748292 52.69125688916275152, 5.16495881367682852 52.68709425483703512, 5.16257582066037113 52.68648431901237217, 5.15615127946600804 52.68401325329017482, 5.15271365731064179 52.68841548548142839, 5.16260049033748292 52.69125688916275152, 5.16260049033748292 52.69125688916275152)))</t>
  </si>
  <si>
    <t>MultiPolygon (((5.1730368411937846 52.69304473271338196, 5.17511077895629334 52.68895275542510603, 5.16495881367682852 52.68709425483703512, 5.16260049033748292 52.69125688916275152, 5.1730368411937846 52.69304473271338196, 5.1730368411937846 52.69304473271338196)))</t>
  </si>
  <si>
    <t>MultiPolygon (((5.17633171754307586 52.69343640448713728, 5.17826467726532425 52.68952704526574138, 5.17511077895629334 52.68895275542510603, 5.1730368411937846 52.69304473271338196, 5.17423806964920452 52.69366386729144835, 5.17633171754307586 52.69343640448713728, 5.17633171754307586 52.69343640448713728)))</t>
  </si>
  <si>
    <t>MultiPolygon (((5.19343661603349727 52.69659440969653019, 5.19573027524998565 52.69274680689466095, 5.17955575247235966 52.68976210697109508, 5.17770797676403749 52.6934941429600201, 5.1803379215389338 52.69468778752413129, 5.19343661603349727 52.69659440969653019, 5.19343661603349727 52.69659440969653019)))</t>
  </si>
  <si>
    <t>MultiPolygon (((5.19343661603349727 52.69659440969653019, 5.1803379215389338 52.69468778752413129, 5.17770797676403749 52.6934941429600201, 5.17955575247235966 52.68976210697109508, 5.17826467726532425 52.68952704526574138, 5.17633171754307586 52.69343640448713728, 5.17423806964920452 52.69366386729144835, 5.1730368411937846 52.69304473271338196, 5.16260049033748292 52.69125688916275152, 5.15271365731064179 52.68841548548142839, 5.14951408629146723 52.68997745267216715, 5.15954681385784575 52.69245845655328253, 5.16455065632921784 52.69294930689535761, 5.17220444403092738 52.69422772689877377, 5.17478170430748197 52.69557889231093384, 5.17989164818728565 52.6962316309099208, 5.18160770169627227 52.69576641497318548, 5.19276646968687672 52.69784363107702063, 5.19343661603349727 52.69659440969653019, 5.19343661603349727 52.69659440969653019)))</t>
  </si>
  <si>
    <t>MultiPolygon (((5.19033758879580898 52.7019029996652506, 5.19276646968687672 52.69784363107702063, 5.18160770169627227 52.69576641497318548, 5.17989164818728565 52.6962316309099208, 5.17824253255976075 52.69991125199204873, 5.19024722989903609 52.70205690211884786, 5.19033758879580898 52.7019029996652506, 5.19033758879580898 52.7019029996652506)))</t>
  </si>
  <si>
    <t>MultiPolygon (((5.17989164818728565 52.6962316309099208, 5.17478170430748197 52.69557889231093384, 5.17220444403092738 52.69422772689877377, 5.17015886039570294 52.69837712330664203, 5.17824253255976075 52.69991125199204873, 5.17989164818728565 52.6962316309099208, 5.17989164818728565 52.6962316309099208)))</t>
  </si>
  <si>
    <t>MultiPolygon (((5.17220444403092738 52.69422772689877377, 5.16455065632921784 52.69294930689535761, 5.16113945245215966 52.69689195435068996, 5.17015886039570294 52.69837712330664203, 5.17220444403092738 52.69422772689877377, 5.17220444403092738 52.69422772689877377)))</t>
  </si>
  <si>
    <t>MultiPolygon (((5.16113945245215966 52.69689195435068996, 5.16455065632921784 52.69294930689535761, 5.15954681385784575 52.69245845655328253, 5.14951408629146723 52.68997745267216715, 5.14449752442022223 52.69632481646398503, 5.14579543763052083 52.69667678802044009, 5.15317439535706701 52.69891471128396176, 5.16113945245215966 52.69689195435068996)))</t>
  </si>
  <si>
    <t>MultiPolygon (((5.19024722989903609 52.70205690211884786, 5.17824253255976075 52.69991125199204873, 5.17015886039570294 52.69837712330664203, 5.16113945245215966 52.69689195435068996, 5.15317439535706701 52.69891471128396176, 5.16012176638444497 52.70100766774243795, 5.18702310539804667 52.70745180008073305, 5.19024722989903609 52.70205690211884786, 5.19024722989903609 52.70205690211884786)))</t>
  </si>
  <si>
    <t>MultiPolygon (((5.22250711319089511 52.80510854413480359, 5.23794066416105064 52.79537067418892349, 5.23649184900965636 52.79451264369279784, 5.23521390000809017 52.79342808076407323, 5.23467768881282414 52.79342739644764748, 5.23221066492606912 52.79392367016912146, 5.22967072507150554 52.79467745297621661, 5.22058067098066036 52.79820567850871527, 5.22132724837894902 52.79966147886000272, 5.21813362172292017 52.8018886784699788, 5.22163892941050101 52.80544922764218541, 5.22250711319089511 52.80510854413480359)))</t>
  </si>
  <si>
    <t>MultiPolygon (((5.28688343449055775 52.68989547488342851, 5.28219815746214572 52.6877166762946274, 5.28607009597043476 52.6903552799780357, 5.28294674582751966 52.69194066962548817, 5.28172420780681939 52.69123038567685313, 5.28002137825612738 52.69151863864327368, 5.28243118707312309 52.69328812101964132, 5.28369581022217005 52.69353019677921424, 5.28412681927220174 52.69272691547533327, 5.28681359890086089 52.69080213619231756, 5.28742493464287033 52.69116497883661765, 5.28688343449055775 52.68989547488342851)))</t>
  </si>
  <si>
    <t>MultiPolygon (((5.28369035820650357 52.69878283324181467, 5.28366445325657708 52.69831745542812484, 5.28378682080576212 52.69743152030125799, 5.2841527331301652 52.69683007942008857, 5.27964428402305863 52.69596003180955535, 5.27942932462687597 52.69474270164391072, 5.27891105714305375 52.69418367988925667, 5.27654155348124654 52.69471531572337142, 5.27303986637346256 52.69272392959262419, 5.2744496069895721 52.69510404893127742, 5.27403676754424566 52.69805992271723483, 5.28369035820650357 52.69878283324181467)))</t>
  </si>
  <si>
    <t>MultiPolygon (((5.27891105714305375 52.69418367988925667, 5.27942932462687597 52.69474270164391072, 5.28243118707312309 52.69328812101964132, 5.28002137825612738 52.69151863864327368, 5.27947029974512816 52.69195222065000195, 5.27415330200373322 52.68874329057305772, 5.27109069324734048 52.68763849215703488, 5.26957838612327567 52.68740450061085312, 5.2664157274875727 52.68788519324711928, 5.26331469611391789 52.68785591159328874, 5.27303986637346256 52.69272392959262419, 5.27654155348124654 52.69471531572337142, 5.27891105714305375 52.69418367988925667)))</t>
  </si>
  <si>
    <t>MultiPolygon (((5.2744496069895721 52.69510404893127742, 5.27303986637346256 52.69272392959262419, 5.26331469611391789 52.68785591159328874, 5.2664157274875727 52.68788519324711928, 5.26113014283301084 52.686625760414735, 5.25924840399111648 52.68690557525029305, 5.2589797059646326 52.6959568939101004, 5.25895903849725688 52.69661623506783599, 5.2738581010329364 52.69804537655616627, 5.27403676754424566 52.69805992271723483, 5.2744496069895721 52.69510404893127742)))</t>
  </si>
  <si>
    <t>MultiPolygon (((5.27443428608195397 52.70769161526910551, 5.27437926632040099 52.70754586604485326, 5.27382721510652352 52.70129435835538345, 5.2738581010329364 52.69804537655616627, 5.25895903849725688 52.69661623506783599, 5.25895659623283418 52.69675573355540621, 5.25874290439268677 52.70068820934422149, 5.25845962809317857 52.70470102042845184, 5.26688861148730325 52.7076138071535425, 5.27443428608195397 52.70769161526910551)))</t>
  </si>
  <si>
    <t>MultiPolygon (((5.25943221889563173 52.74486170426235532, 5.26990352279059948 52.74517153648534418, 5.27196572884073333 52.74632700689102194, 5.27808263423890178 52.74306062718948596, 5.28265807177080493 52.74232912283977726, 5.28284886510579188 52.7404931617167847, 5.28680425848507252 52.73593318709724542, 5.28722446904390964 52.73310357877088705, 5.28435565169467747 52.73223368583294501, 5.28371067521642779 52.73082893602015275, 5.28753882937542841 52.72841332928614833, 5.28486711458241221 52.72723061756800433, 5.28494900546744084 52.72221613727327849, 5.28363818934127938 52.72198251607415642, 5.28301007391934707 52.72198071064963187, 5.28255487135759161 52.71794889453938282, 5.27890097854927198 52.71776872203726327, 5.2762823007550681 52.72104310440635544, 5.26758580626965411 52.7196635211058009, 5.2616025890202085 52.71948625659933896, 5.25734007020898186 52.71984905323323289, 5.2550664796609281 52.74215936896229806, 5.25431562965764165 52.7469767523042492, 5.25943221889563173 52.74486170426235532)))</t>
  </si>
  <si>
    <t>MultiPolygon (((5.28857766682178898 52.71900464198439096, 5.28799847827990455 52.71480393650747942, 5.28918085740374799 52.71410938769274424, 5.28959354216834043 52.71422455956437148, 5.29096971791504167 52.71336967739845392, 5.2907273011019651 52.71320093096438342, 5.29565129762089803 52.71027913942103282, 5.30172741801764236 52.70830993242698526, 5.30463933259752896 52.7082388687366219, 5.30703068486659646 52.70885235400830027, 5.30777098728597085 52.70831880599782693, 5.30745788072351576 52.70682488685338996, 5.30693276323146534 52.70620777200810636, 5.30606102935949142 52.70585759316322338, 5.30516999111657395 52.70652858317847489, 5.30006249247446526 52.70793894237649369, 5.29793907036656453 52.70662883489927708, 5.29682617252221899 52.70692550273408017, 5.28970750134252388 52.7092176511099737, 5.28778110019140613 52.71136924357819709, 5.28663165373573385 52.71305201470984514, 5.2829500693510747 52.71318542537629526, 5.28244625899386921 52.71553910341567928, 5.28255487135759161 52.71794889453938282, 5.28301007391934707 52.72198071064963187, 5.28363818934127938 52.72198251607415642, 5.28515565910554486 52.72171940356882658, 5.28609526217163417 52.71979408084233398, 5.28857766682178898 52.71900464198439096)))</t>
  </si>
  <si>
    <t>MultiPolygon (((5.28244625899386921 52.71553910341567928, 5.2829500693510747 52.71318542537629526, 5.28663165373573385 52.71305201470984514, 5.28778110019140613 52.71136924357819709, 5.28806241726816939 52.70994117766576892, 5.28495942297393473 52.70989833677180769, 5.28215229860651903 52.70893297890081186, 5.28015652978462757 52.71599384823347378, 5.28244625899386921 52.71553910341567928, 5.28244625899386921 52.71553910341567928)))</t>
  </si>
  <si>
    <t>MultiPolygon (((5.28015652978462757 52.71599384823347378, 5.28215229860651903 52.70893297890081186, 5.28210636495927499 52.70892399376883475, 5.2786805628588418 52.70755916424633369, 5.27437926632040099 52.70754586604485326, 5.27443428608195397 52.70769161526910551, 5.27529839107790099 52.71080395348616321, 5.27409386416458137 52.71604543759224981, 5.28015652978462757 52.71599384823347378, 5.28015652978462757 52.71599384823347378)))</t>
  </si>
  <si>
    <t>MultiPolygon (((5.27409386416458137 52.71604543759224981, 5.27529839107790099 52.71080395348616321, 5.26807751239936817 52.71010399565047067, 5.26785968794213044 52.71626578089502146, 5.27409386416458137 52.71604543759224981, 5.27409386416458137 52.71604543759224981)))</t>
  </si>
  <si>
    <t>MultiPolygon (((5.26785968794213044 52.71626578089502146, 5.26807751239936817 52.71010399565047067, 5.26779780791595975 52.70913674633972335, 5.26245557368319172 52.70906730170915466, 5.26225327451925118 52.71601890054201789, 5.26785968794213044 52.71626578089502146, 5.26785968794213044 52.71626578089502146)))</t>
  </si>
  <si>
    <t>MultiPolygon (((5.27443428608195397 52.70769161526910551, 5.26688861148730325 52.7076138071535425, 5.25845962809317857 52.70470102042845184, 5.25815825551033456 52.7090479583927376, 5.26245557368319172 52.70906730170915466, 5.26779780791595975 52.70913674633972335, 5.26807751239936817 52.71010399565047067, 5.27529839107790099 52.71080395348616321, 5.27443428608195397 52.70769161526910551, 5.27443428608195397 52.70769161526910551)))</t>
  </si>
  <si>
    <t>MultiPolygon (((5.2616025890202085 52.71948625659933896, 5.26225327451925118 52.71601890054201789, 5.26245557368319172 52.70906730170915466, 5.25815825551033456 52.7090479583927376, 5.25750140668199961 52.7161807737785324, 5.25734007020898186 52.71984905323323289, 5.2616025890202085 52.71948625659933896, 5.2616025890202085 52.71948625659933896)))</t>
  </si>
  <si>
    <t>MultiPolygon (((5.2762823007550681 52.72104310440635544, 5.27890097854927198 52.71776872203726327, 5.28255487135759161 52.71794889453938282, 5.28244625899386921 52.71553910341567928, 5.28015652978462757 52.71599384823347378, 5.27409386416458137 52.71604543759224981, 5.26785968794213044 52.71626578089502146, 5.26225327451925118 52.71601890054201789, 5.2616025890202085 52.71948625659933896, 5.26758580626965411 52.7196635211058009, 5.2762823007550681 52.72104310440635544, 5.2762823007550681 52.72104310440635544)))</t>
  </si>
  <si>
    <t>MultiPolygon (((5.28527709060578044 52.69895298918970639, 5.28369035820650357 52.69878283324181467, 5.27403676754424566 52.69805992271723483, 5.2738581010329364 52.69804537655616627, 5.27382721510652352 52.70129435835538345, 5.28445845552420312 52.70280823867286557, 5.28527709060578044 52.69895298918970639, 5.28527709060578044 52.69895298918970639)))</t>
  </si>
  <si>
    <t>MultiPolygon (((5.28445845552420312 52.70280823867286557, 5.27382721510652352 52.70129435835538345, 5.27437926632040099 52.70754586604485326, 5.2786805628588418 52.70755916424633369, 5.28210636495927499 52.70892399376883475, 5.28445845552420312 52.70280823867286557, 5.28445845552420312 52.70280823867286557)))</t>
  </si>
  <si>
    <t>MultiPolygon (((5.28970750134252388 52.7092176511099737, 5.29682617252221899 52.70692550273408017, 5.29366541480981034 52.70563926231472607, 5.2937233932694534 52.70459592664077064, 5.28445845552420312 52.70280823867286557, 5.28210636495927499 52.70892399376883475, 5.28215229860651903 52.70893297890081186, 5.28495942297393473 52.70989833677180769, 5.28806241726816939 52.70994117766576892, 5.28778110019140613 52.71136924357819709, 5.28970750134252388 52.7092176511099737)))</t>
  </si>
  <si>
    <t>MultiPolygon (((5.2841527331301652 52.69683007942008857, 5.28378682080576212 52.69743152030125799, 5.28366445325657708 52.69831745542812484, 5.28579338408243782 52.69798753256665691, 5.28898163932630272 52.69859027342462099, 5.2841527331301652 52.69683007942008857)),((5.29793907036656453 52.70662883489927708, 5.29931021961425586 52.70597863343822098, 5.29854076832310916 52.70588678394219784, 5.29840834970827679 52.70532837335812815, 5.29911325769397035 52.70568635591562412, 5.29910867021380305 52.70524131207509555, 5.29799452882143918 52.70382399916815785, 5.29934167309557314 52.7027417233921156, 5.29402105846589244 52.69970021783232283, 5.28969607692890609 52.7006167795348972, 5.28919329750140754 52.70010982516237874, 5.29297879586025655 52.69923398766226086, 5.28970810445474893 52.69944129132746014, 5.28982647468719502 52.69869560202528191, 5.29102911138263554 52.69880625011516884, 5.29083464253961822 52.69798364948764657, 5.28649658183974402 52.69558001262318214, 5.28569500888885369 52.69578286542075318, 5.28975367929002527 52.69800914358151545, 5.28923486270050258 52.69944241309666921, 5.28527709060578044 52.69895298918970639, 5.28445845552420312 52.70280823867286557, 5.2937233932694534 52.70459592664077064, 5.29366541480981034 52.70563926231472607, 5.29682617252221899 52.70692550273408017, 5.29793907036656453 52.70662883489927708)))</t>
  </si>
  <si>
    <t>MultiPolygon (((4.87270615685701358 52.73158436947342409, 4.89161584722273357 52.71631778865702245, 4.90450999265129894 52.72267261700846319, 4.90718696500291074 52.72117226821107039, 4.89725055670421483 52.71631459730036795, 4.90392037404123649 52.71163406230439819, 4.89866940886416113 52.70683194117476233, 4.87770335264261412 52.71198823808914824, 4.87201304917546008 52.71628958096537332, 4.86121083193830916 52.72072638569961356, 4.85809264993643808 52.72334534244753712, 4.86053237036839558 52.72365336768202582, 4.86603976731600962 52.72567702743100426, 4.86196864074659185 52.72862170407332627, 4.87051439459640001 52.73307142849103002, 4.87270615685701358 52.73158436947342409),(4.87533743789607232 52.719426853507521, 4.86907888534560218 52.71900241698794076, 4.87192308383214723 52.71708772033786516, 4.88215974993741764 52.71859696731328881, 4.87989645255246351 52.72077635963486841, 4.87533743789607232 52.719426853507521, 4.87533743789607232 52.719426853507521)))</t>
  </si>
  <si>
    <t>MultiPolygon (((4.88215974993741764 52.71859696731328881, 4.87192308383214723 52.71708772033786516, 4.86907888534560218 52.71900241698794076, 4.87533743789607232 52.719426853507521, 4.87989645255246351 52.72077635963486841, 4.88215974993741764 52.71859696731328881)))</t>
  </si>
  <si>
    <t>MultiPolygon (((4.82701738322633478 52.75899221332564082, 4.82968329177166744 52.75580930961854875, 4.83850311702226055 52.75659570635064455, 4.83956057116190852 52.75565002264487191, 4.84090108181419687 52.74918377351995957, 4.83759739507458786 52.74752317156040249, 4.83993095563511044 52.74549565325022371, 4.84254605719694542 52.74483172950156273, 4.84513595296187827 52.74092800964190531, 4.84701848826347437 52.73639049793664668, 4.84422549447905837 52.73557466606261102, 4.84427850339218224 52.73510525658758752, 4.84700214139443197 52.73036994715969428, 4.85547102093131411 52.72307287116383634, 4.85215204286220292 52.72244772173395688, 4.84768531286956428 52.72025936718061701, 4.84951236690027798 52.72575123007312925, 4.84317642652896385 52.73288555076505446, 4.84006529313716527 52.734433789117233, 4.83670154044966782 52.74012760126671395, 4.83037965556436077 52.74720271503219493, 4.81563110189894772 52.7600454123979361, 4.82053141729628898 52.75959194836341482, 4.82506320714637393 52.76009619523978245, 4.82701738322633478 52.75899221332564082),(4.83328748421242249 52.74611851362811876, 4.83820945531117452 52.74235302621093524, 4.83883133515922559 52.7405886794953247, 4.8417770871031891 52.73755422230439649, 4.8424489312802379 52.73772955069877355, 4.83818509609601932 52.74462242455470573, 4.83376426320725372 52.7467947706312259, 4.83328748421242249 52.74611851362811876)))</t>
  </si>
  <si>
    <t>MultiPolygon (((4.83376426320725372 52.7467947706312259, 4.83818509609601932 52.74462242455470573, 4.8424489312802379 52.73772955069877355, 4.8417770871031891 52.73755422230439649, 4.83883133515922559 52.7405886794953247, 4.83820945531117452 52.74235302621093524, 4.83328748421242249 52.74611851362811876, 4.83376426320725372 52.7467947706312259, 4.83376426320725372 52.7467947706312259)))</t>
  </si>
  <si>
    <t>MultiPolygon (((4.85355247326543982 52.75995301373886548, 4.85751501482625514 52.7607433017903702, 4.86046182471570543 52.75847970848223412, 4.86811667511363222 52.75819044098991384, 4.86986282106607504 52.75768457706298165, 4.87230871760909778 52.75377938948288659, 4.86881189467166653 52.75314205974721915, 4.86669279741383143 52.7448535974366024, 4.86822078341777864 52.74348406518915766, 4.87641281166874307 52.74635173954727918, 4.87806970176017085 52.74458984240257564, 4.87821744808416291 52.74075187703546419, 4.87414023352679227 52.73856928154874169, 4.87692143921510279 52.7365626673549599, 4.87691916921289526 52.73374547615843966, 4.87270615685701358 52.73158436947342409, 4.87051439459640001 52.73307142849103002, 4.86196864074659185 52.72862170407332627, 4.86603976731600962 52.72567702743100426, 4.86053237036839558 52.72365336768202582, 4.85809264993643808 52.72334534244753712, 4.85547102093131411 52.72307287116383634, 4.84700214139443197 52.73036994715969428, 4.84427850339218224 52.73510525658758752, 4.84422549447905837 52.73557466606261102, 4.84701848826347437 52.73639049793664668, 4.84513595296187827 52.74092800964190531, 4.84254605719694542 52.74483172950156273, 4.83993095563511044 52.74549565325022371, 4.83759739507458786 52.74752317156040249, 4.84090108181419687 52.74918377351995957, 4.83956057116190852 52.75565002264487191, 4.83850311702226055 52.75659570635064455, 4.82968329177166744 52.75580930961854875, 4.82701738322633478 52.75899221332564082, 4.82981913320905409 52.75973479705977809, 4.83112406034270325 52.76188706583970855, 4.83634866388038986 52.76230792858198981, 4.83890970322399916 52.76360669665879044, 4.83854060834777311 52.76515413710063029, 4.84807848073642944 52.76678407104988366, 4.85017550346248605 52.76805365825121186, 4.8509915550642253 52.77101877944750896, 4.85355247326543982 52.75995301373886548),(4.85134569135157889 52.74191027513775509, 4.8524538739991554 52.74084091881951508, 4.84885234596699899 52.7396329320085826, 4.8510541346502567 52.73586557458850876, 4.8484637557338548 52.73502653867541312, 4.84457425801591413 52.73494496085847061, 4.84598700383040182 52.73335588360915693, 4.85558605778647312 52.73679377436685201, 4.86438096701434119 52.74133768155622448, 4.86607719950066109 52.74138668590050116, 4.8638666430442008 52.74331401033386157, 4.86351764043237367 52.74661822388994636, 4.85134569135157889 52.74191027513775509)))</t>
  </si>
  <si>
    <t>MultiPolygon (((4.8638666430442008 52.74331401033386157, 4.85325746550157877 52.74064708822381675, 4.8524538739991554 52.74084091881951508, 4.85134569135157889 52.74191027513775509, 4.86351764043237367 52.74661822388994636, 4.8638666430442008 52.74331401033386157, 4.8638666430442008 52.74331401033386157)))</t>
  </si>
  <si>
    <t>MultiPolygon (((4.86607719950066109 52.74138668590050116, 4.86438096701434119 52.74133768155622448, 4.85558605778647312 52.73679377436685201, 4.84598700383040182 52.73335588360915693, 4.84457425801591413 52.73494496085847061, 4.8484637557338548 52.73502653867541312, 4.8510541346502567 52.73586557458850876, 4.84885234596699899 52.7396329320085826, 4.8524538739991554 52.74084091881951508, 4.85325746550157877 52.74064708822381675, 4.8638666430442008 52.74331401033386157, 4.86607719950066109 52.74138668590050116)))</t>
  </si>
  <si>
    <t>MultiPolygon (((4.87491339604282015 52.75700020841169646, 4.87831460386909743 52.75638830635642051, 4.88054309968668854 52.75764768568755869, 4.88383257587033892 52.75502866087818887, 4.88762029651865682 52.75584291187968944, 4.89111754411521726 52.75404989710404635, 4.88687729194565623 52.75205976045928935, 4.89214550088330746 52.74988592189063041, 4.88866740356922591 52.74647357494620081, 4.89100768647488948 52.7456404614542933, 4.89591915628030794 52.75042640734145749, 4.89662339300024918 52.750070281887524, 4.89561178220524784 52.74879106112064164, 4.90085049110022286 52.74734570714829118, 4.89884559587494106 52.74551344820922338, 4.89710241661348356 52.74598556575054431, 4.8948280679129903 52.74395419522232231, 4.89934027047010812 52.74204771022103699, 4.89622515569070238 52.7395396107870198, 4.8933592062593787 52.74061932552731946, 4.89039612378640953 52.73877645047966212, 4.88935645247607464 52.73622747674682643, 4.88788925032168908 52.73547274516703709, 4.88373758072631503 52.73707026344281701, 4.88211849787121999 52.73493458240108112, 4.88365567733997974 52.73144345060155302, 4.88853619577839282 52.73291142502573337, 4.88960853835370113 52.73484484727646304, 4.89434382340103191 52.73639156677793238, 4.90644809393392478 52.74374184659060205, 4.9074712394629767 52.74411273810450496, 4.90892448890469879 52.74363504192243113, 4.91052352820641858 52.74554271170980257, 4.91306036552236147 52.74631928226040856, 4.91621247343786916 52.74815869245916389, 4.92321150414179964 52.743093613252654, 4.92332539964237181 52.74162116256619726, 4.92573158937022448 52.7381085306912496, 4.92736316109386685 52.7373484448937262, 4.90392037404123649 52.71163406230439819, 4.89725055670421483 52.71631459730036795, 4.90718696500291074 52.72117226821107039, 4.90450999265129894 52.72267261700846319, 4.89161584722273357 52.71631778865702245, 4.87270615685701358 52.73158436947342409, 4.87691916921289526 52.73374547615843966, 4.87692143921510279 52.7365626673549599, 4.87414023352679227 52.73856928154874169, 4.87821744808416291 52.74075187703546419, 4.87806970176017085 52.74458984240257564, 4.87641281166874307 52.74635173954727918, 4.86822078341777864 52.74348406518915766, 4.86669279741383143 52.7448535974366024, 4.86881189467166653 52.75314205974721915, 4.87230871760909778 52.75377938948288659, 4.86986282106607504 52.75768457706298165, 4.86811667511363222 52.75819044098991384, 4.8722650963836962 52.75942460634028208, 4.87491339604282015 52.75700020841169646)))</t>
  </si>
  <si>
    <t>MultiPolygon (((4.90319258356447474 52.74390260516719309, 4.89934027047010812 52.74204771022103699, 4.8948280679129903 52.74395419522232231, 4.89710241661348356 52.74598556575054431, 4.89884559587494106 52.74551344820922338, 4.90085049110022286 52.74734570714829118, 4.90319258356447474 52.74390260516719309, 4.90319258356447474 52.74390260516719309)))</t>
  </si>
  <si>
    <t>MultiPolygon (((4.90205500649324044 52.74808863946752524, 4.90438595046367087 52.74929011690721836, 4.91052352820641858 52.74554271170980257, 4.90892448890469879 52.74363504192243113, 4.9074712394629767 52.74411273810450496, 4.90644809393392478 52.74374184659060205, 4.89434382340103191 52.73639156677793238, 4.88960853835370113 52.73484484727646304, 4.88853619577839282 52.73291142502573337, 4.88365567733997974 52.73144345060155302, 4.88211849787121999 52.73493458240108112, 4.88373758072631503 52.73707026344281701, 4.88788925032168908 52.73547274516703709, 4.88935645247607464 52.73622747674682643, 4.89039612378640953 52.73877645047966212, 4.8933592062593787 52.74061932552731946, 4.89622515569070238 52.7395396107870198, 4.89934027047010812 52.74204771022103699, 4.90319258356447474 52.74390260516719309, 4.90085049110022286 52.74734570714829118, 4.89561178220524784 52.74879106112064164, 4.89662339300024918 52.750070281887524, 4.90205500649324044 52.74808863946752524)))</t>
  </si>
  <si>
    <t>MultiPolygon (((4.93059864170799411 52.77750682442270147, 4.93462644920407012 52.77498985702837331, 4.93746944390430098 52.7715128869653185, 4.94696860468972321 52.76381580550005168, 4.94641922021885705 52.75395230597955276, 4.94438607519727658 52.75365900166206501, 4.94461387346310399 52.75278346465488966, 4.94032778406041917 52.75042134640062841, 4.93277613509784363 52.74888177031505165, 4.93142448002622746 52.74199917905693979, 4.92736316109386685 52.7373484448937262, 4.92573158937022448 52.7381085306912496, 4.92332539964237181 52.74162116256619726, 4.92321150414179964 52.743093613252654, 4.91621247343786916 52.74815869245916389, 4.91306036552236147 52.74631928226040856, 4.90649902197415688 52.75102213730335876, 4.90822499617999242 52.75359634692122768, 4.91205795086241537 52.75770234217331023, 4.91397763243895103 52.75882748725965143, 4.91621035505481974 52.75898175637505005, 4.91625400792883482 52.75985046604178308, 4.91112260070191553 52.75911202151441159, 4.90241839398368651 52.75598457595174295, 4.89715216505639805 52.76029352499951841, 4.89583175785807256 52.75988385799149682, 4.89089386965108819 52.76354633651801151, 4.88773992625897868 52.76187589008099366, 4.88611465503875486 52.76010791958867685, 4.88600730604795608 52.75883598685244635, 4.89297029056706645 52.75421578070562845, 4.89508711454517798 52.75204906499894975, 4.89591915628030794 52.75042640734145749, 4.89100768647488948 52.7456404614542933, 4.88866740356922591 52.74647357494620081, 4.89214550088330746 52.74988592189063041, 4.88687729194565623 52.75205976045928935, 4.89111754411521726 52.75404989710404635, 4.88762029651865682 52.75584291187968944, 4.88383257587033892 52.75502866087818887, 4.88054309968668854 52.75764768568755869, 4.88348761160605349 52.75910249929265916, 4.88976286088407619 52.76427278596647596, 4.89827495643965438 52.76660910925001957, 4.90174834835789675 52.76850731952487905, 4.90466361547523189 52.76673975815673856, 4.90695772319112855 52.76679800431831069, 4.92938588094820851 52.77743909352390261, 4.93059864170799411 52.77750682442270147, 4.93059864170799411 52.77750682442270147)))</t>
  </si>
  <si>
    <t>MultiPolygon (((4.89583175785807256 52.75988385799149682, 4.89248616982105489 52.75842371342956483, 4.89759705682102897 52.75423858359264528, 4.89508711454517798 52.75204906499894975, 4.89297029056706645 52.75421578070562845, 4.88600730604795608 52.75883598685244635, 4.88611465503875486 52.76010791958867685, 4.88773992625897868 52.76187589008099366, 4.89089386965108819 52.76354633651801151, 4.89583175785807256 52.75988385799149682, 4.89583175785807256 52.75988385799149682)))</t>
  </si>
  <si>
    <t>MultiPolygon (((4.91306036552236147 52.74631928226040856, 4.91052352820641858 52.74554271170980257, 4.90438595046367087 52.74929011690721836, 4.90406901541106865 52.7497990778706054, 4.90649902197415688 52.75102213730335876, 4.91306036552236147 52.74631928226040856, 4.91306036552236147 52.74631928226040856)))</t>
  </si>
  <si>
    <t>MultiPolygon (((4.90241839398368651 52.75598457595174295, 4.89842283478854768 52.75407768546021714, 4.89759705682102897 52.75423858359264528, 4.89248616982105489 52.75842371342956483, 4.89583175785807256 52.75988385799149682, 4.89715216505639805 52.76029352499951841, 4.90241839398368651 52.75598457595174295)))</t>
  </si>
  <si>
    <t>MultiPolygon (((4.90822499617999242 52.75359634692122768, 4.90649902197415688 52.75102213730335876, 4.90406901541106865 52.7497990778706054, 4.90046847207980818 52.75250923718559903, 4.90194466162303399 52.75390411463829565, 4.90658494458305139 52.75547150065674629, 4.90822499617999242 52.75359634692122768, 4.90822499617999242 52.75359634692122768)))</t>
  </si>
  <si>
    <t>MultiPolygon (((4.91625400792883482 52.75985046604178308, 4.91621035505481974 52.75898175637505005, 4.91397763243895103 52.75882748725965143, 4.91205795086241537 52.75770234217331023, 4.90822499617999242 52.75359634692122768, 4.90658494458305139 52.75547150065674629, 4.90194466162303399 52.75390411463829565, 4.90046847207980818 52.75250923718559903, 4.90406901541106865 52.7497990778706054, 4.90438595046367087 52.74929011690721836, 4.90205500649324044 52.74808863946752524, 4.89662339300024918 52.750070281887524, 4.89591915628030794 52.75042640734145749, 4.89508711454517798 52.75204906499894975, 4.89759705682102897 52.75423858359264528, 4.89842283478854768 52.75407768546021714, 4.90241839398368651 52.75598457595174295, 4.91112260070191553 52.75911202151441159, 4.91625400792883482 52.75985046604178308, 4.91625400792883482 52.75985046604178308)))</t>
  </si>
  <si>
    <t>MultiPolygon (((4.90814968376329386 52.79113586376681155, 4.91113709492143435 52.79037451554916771, 4.91403930811960965 52.79076510726197569, 4.92253633497465426 52.78257501255337303, 4.93059864170799411 52.77750682442270147, 4.92938588094820851 52.77743909352390261, 4.90695772319112855 52.76679800431831069, 4.90466361547523189 52.76673975815673856, 4.90174834835789675 52.76850731952487905, 4.89827495643965438 52.76660910925001957, 4.88976286088407619 52.76427278596647596, 4.88348761160605349 52.75910249929265916, 4.88054309968668854 52.75764768568755869, 4.87831460386909743 52.75638830635642051, 4.87491339604282015 52.75700020841169646, 4.8722650963836962 52.75942460634028208, 4.86811667511363222 52.75819044098991384, 4.86046182471570543 52.75847970848223412, 4.85751501482625514 52.7607433017903702, 4.85355247326543982 52.75995301373886548, 4.8509915550642253 52.77101877944750896, 4.85672399023974144 52.77252857942689701, 4.86165842086939914 52.77360968874892677, 4.86320998487702205 52.77561367673852999, 4.86973458795911984 52.77932042357372211, 4.87728951702668301 52.78773987958078351, 4.87980417297931091 52.78726523056328546, 4.88535857850819877 52.78390160184367375, 4.88835431850479463 52.78284312430670866, 4.89088256066210292 52.78063608299535758, 4.89260351680130423 52.78037857402194533, 4.90199960778654287 52.79130708324873211, 4.90814968376329386 52.79113586376681155),(4.87960049091782189 52.76973556811620369, 4.88318668799806233 52.7668286984440229, 4.88129350128533535 52.76596575430723135, 4.88069063226458244 52.76461278423422385, 4.88466944266212355 52.76028190981789834, 4.88758994907387301 52.76300048231183126, 4.88497888589427909 52.7648470641291496, 4.88872157499962956 52.7660876080029837, 4.89021572645109259 52.76868140387970385, 4.88960988116975681 52.76911838096803109, 4.88725242669103199 52.76785631975113233, 4.8811638128587127 52.7715932824587739, 4.87960049091782189 52.76973556811620369)))</t>
  </si>
  <si>
    <t>MultiPolygon (((4.88725242669103199 52.76785631975113233, 4.88960988116975681 52.76911838096803109, 4.89021572645109259 52.76868140387970385, 4.88872157499962956 52.7660876080029837, 4.88497888589427909 52.7648470641291496, 4.88758994907387301 52.76300048231183126, 4.88466944266212355 52.76028190981789834, 4.88069063226458244 52.76461278423422385, 4.88129350128533535 52.76596575430723135, 4.88318668799806233 52.7668286984440229, 4.87960049091782189 52.76973556811620369, 4.8811638128587127 52.7715932824587739, 4.88725242669103199 52.76785631975113233)))</t>
  </si>
  <si>
    <t>MultiPolygon (((4.85326699063384126 52.77707046302696625, 4.85483502008225543 52.7732198368984271, 4.85672399023974144 52.77252857942689701, 4.8509915550642253 52.77101877944750896, 4.85017550346248605 52.76805365825121186, 4.84807848073642944 52.76678407104988366, 4.83854060834777311 52.76515413710063029, 4.83890970322399916 52.76360669665879044, 4.83634866388038986 52.76230792858198981, 4.83112406034270325 52.76188706583970855, 4.82981913320905409 52.75973479705977809, 4.82701738322633478 52.75899221332564082, 4.82506320714637393 52.76009619523978245, 4.82053141729628898 52.75959194836341482, 4.81563110189894772 52.7600454123979361, 4.81251888161080821 52.76276505645448367, 4.80900285155365825 52.76611096122444167, 4.80684253131917139 52.77031704966525183, 4.81333647139245091 52.77133366539528225, 4.81549275490003126 52.77024129806152786, 4.82075396624434749 52.76960717879892826, 4.81984939267614809 52.77412947998463011, 4.82712885349022791 52.77503893888302144, 4.82760033398731103 52.77269446352083548, 4.82664955220371539 52.77090537832817319, 4.83094952293110147 52.77124045993887336, 4.82899657123226689 52.77533749732486967, 4.82899638135259757 52.77535240571461372, 4.84129244208252008 52.77604516165464332, 4.84247500270778897 52.7745909476945485, 4.8494449378047273 52.77492210887307067, 4.84912332163752158 52.7774723952629401, 4.85326699063384126 52.77707046302696625, 4.85326699063384126 52.77707046302696625)))</t>
  </si>
  <si>
    <t>MultiPolygon (((4.83094952293110147 52.77124045993887336, 4.82664955220371539 52.77090537832817319, 4.82760033398731103 52.77269446352083548, 4.82712885349022791 52.77503893888302144, 4.82846851964992485 52.7753128161256484, 4.82899657123226689 52.77533749732486967, 4.83094952293110147 52.77124045993887336, 4.83094952293110147 52.77124045993887336)))</t>
  </si>
  <si>
    <t>MultiPolygon (((4.83457335853283166 52.80777848095018356, 4.84356184653363631 52.80603590782558143, 4.85402553905124812 52.80223084784383758, 4.86297411941535795 52.80074404548631861, 4.86501949025212888 52.8011079918267896, 4.87604547745901229 52.8001945250650806, 4.87834111641326107 52.79936283748195081, 4.8744855942460541 52.79817064531400916, 4.87973861199805725 52.79693110098809683, 4.88108359259983438 52.79435006852678214, 4.87720492124898186 52.78998991326709955, 4.87595187138540442 52.78923719990308427, 4.87445438035825607 52.78985598270120505, 4.87282214669059233 52.78789458111265986, 4.87728951702668301 52.78773987958078351, 4.86973458795911984 52.77932042357372211, 4.86320998487702205 52.77561367673852999, 4.86165842086939914 52.77360968874892677, 4.85672399023974144 52.77252857942689701, 4.85483502008225543 52.7732198368984271, 4.85326699063384126 52.77707046302696625, 4.84912332163752158 52.7774723952629401, 4.8494449378047273 52.77492210887307067, 4.84247500270778897 52.7745909476945485, 4.84129244208252008 52.77604516165464332, 4.82899638135259757 52.77535240571461372, 4.82740916530073694 52.78356527679479626, 4.83125622893745543 52.7838199437191804, 4.83220763835077882 52.79939406624077236, 4.8343064772322677 52.80777935563949654, 4.83457335853283166 52.80777848095018356, 4.83457335853283166 52.80777848095018356),(4.84972901956221225 52.78439486798750124, 4.84532391988267008 52.78541806151035587, 4.83662917839579176 52.78624775164755079, 4.83391750714271851 52.78433634482109937, 4.84196520820519805 52.78496506608104255, 4.84731868269396848 52.78431697308514003, 4.85426154646016528 52.78251024254475254, 4.85542391024469833 52.78274390300966701, 4.85533037148255975 52.78395353365453246, 4.85982363559115704 52.78469615376964441, 4.86184649377582101 52.78403026047514857, 4.86208478658825527 52.78252744646347594, 4.86701170970273278 52.78308047868239328, 4.87269793970893605 52.78545857403502595, 4.87147181459668666 52.78745835093839389, 4.86551062547162072 52.78493081146260124, 4.86216512720240068 52.7847990734451713, 4.85733171966002075 52.78584366091697433, 4.8579170168995649 52.78733057902073966, 4.85705745875748196 52.78744827950605156, 4.84972901956221225 52.78439486798750124)))</t>
  </si>
  <si>
    <t>MultiPolygon (((4.8579170168995649 52.78733057902073966, 4.85733171966002075 52.78584366091697433, 4.86216512720240068 52.7847990734451713, 4.86551062547162072 52.78493081146260124, 4.87147181459668666 52.78745835093839389, 4.87269793970893605 52.78545857403502595, 4.86701170970273278 52.78308047868239328, 4.86208478658825527 52.78252744646347594, 4.86184649377582101 52.78403026047514857, 4.85982363559115704 52.78469615376964441, 4.85533037148255975 52.78395353365453246, 4.85542391024469833 52.78274390300966701, 4.85426154646016528 52.78251024254475254, 4.84731868269396848 52.78431697308514003, 4.84196520820519805 52.78496506608104255, 4.83391750714271851 52.78433634482109937, 4.83662917839579176 52.78624775164755079, 4.84532391988267008 52.78541806151035587, 4.84972901956221225 52.78439486798750124, 4.85705745875748196 52.78744827950605156, 4.8579170168995649 52.78733057902073966, 4.8579170168995649 52.78733057902073966)))</t>
  </si>
  <si>
    <t>MultiPolygon (((4.91043826791976734 52.80381722231471997, 4.91425661024621263 52.79624356555902409, 4.91403930811960965 52.79076510726197569, 4.91113709492143435 52.79037451554916771, 4.90814968376329386 52.79113586376681155, 4.90199960778654287 52.79130708324873211, 4.89260351680130423 52.78037857402194533, 4.89088256066210292 52.78063608299535758, 4.88835431850479463 52.78284312430670866, 4.88535857850819877 52.78390160184367375, 4.87980417297931091 52.78726523056328546, 4.87728951702668301 52.78773987958078351, 4.87282214669059233 52.78789458111265986, 4.87445438035825607 52.78985598270120505, 4.87595187138540442 52.78923719990308427, 4.87720492124898186 52.78998991326709955, 4.88108359259983438 52.79435006852678214, 4.87973861199805725 52.79693110098809683, 4.8744855942460541 52.79817064531400916, 4.87834111641326107 52.79936283748195081, 4.88029116397061102 52.79918968362214571, 4.88077920803703336 52.80092843180702289, 4.90524416423221865 52.79806598947964602, 4.90700848534884582 52.80416555471383333, 4.91043826791976734 52.80381722231471997),(4.8914670257083257 52.79833005922965583, 4.88541549657717233 52.79400915293032881, 4.88547769405684829 52.79065612714924072, 4.89137544003357139 52.7896027218054158, 4.8926774972081235 52.79214517901132808, 4.89381126617810391 52.79293217816353945, 4.89635507308055651 52.79319464988710564, 4.89835496316308205 52.79177519561245191, 4.89915012573435327 52.78908988173052563, 4.90015503839621669 52.79040857331371939, 4.89979108994919166 52.79182590683241472, 4.89301051860400094 52.79574238440140022, 4.89336865220211692 52.79792970719216072, 4.8914670257083257 52.79833005922965583, 4.8914670257083257 52.79833005922965583)))</t>
  </si>
  <si>
    <t>MultiPolygon (((4.89336865220211692 52.79792970719216072, 4.89301051860400094 52.79574238440140022, 4.89979108994919166 52.79182590683241472, 4.90015503839621669 52.79040857331371939, 4.89915012573435327 52.78908988173052563, 4.89835496316308205 52.79177519561245191, 4.89635507308055651 52.79319464988710564, 4.89381126617810391 52.79293217816353945, 4.8926774972081235 52.79214517901132808, 4.89137544003357139 52.7896027218054158, 4.88547769405684829 52.79065612714924072, 4.88541549657717233 52.79400915293032881, 4.8914670257083257 52.79833005922965583, 4.89336865220211692 52.79792970719216072, 4.89336865220211692 52.79792970719216072)))</t>
  </si>
  <si>
    <t>MultiPolygon (((5.02292232480529588 52.83518007732912025, 5.02313101777149473 52.82316508792882814, 5.04335681090312615 52.80576753201439288, 5.01778442899346988 52.79514384277989336, 5.03045754293985148 52.78426114947799164, 5.03320457524168763 52.78099675944320524, 5.02631034018050027 52.77805616889352791, 5.03215399301626132 52.77303166895980979, 5.03451799792863675 52.77304093686901609, 5.03376083991322609 52.75216772954707523, 5.04132021412545228 52.75271918283159067, 5.04122919575820383 52.76005462534670443, 5.05087310188018002 52.76014841991958804, 5.05982536713111841 52.76776493491410491, 5.05983717540445799 52.77309530148008321, 5.08128471411011162 52.77313459502440196, 5.07531239892543162 52.77827364527884413, 5.08886090456357731 52.7770684990733514, 5.08939335889356848 52.77576839341961801, 5.09669673159309156 52.77502120982259726, 5.09963176454662559 52.7733095343865557, 5.09867295808223631 52.77235475864564052, 5.09366588713396329 52.76969187826484387, 5.09210784630835267 52.76928520752794327, 5.08358243996741432 52.76961480178978547, 5.0762114404602352 52.76924538473948445, 5.06972297669858385 52.76810316765509867, 5.06746078999120453 52.76667085246049993, 5.06429257493964347 52.76258764761172415, 5.06172466020707112 52.76066335208594893, 5.05692052204475839 52.7574980600875989, 5.04499869262487888 52.75313302573028551, 5.03992671100471767 52.75238979676640838, 5.02592630827393094 52.75157109353689577, 4.99686045152288472 52.75206533072229576, 4.98744058821444813 52.75241704347870808, 4.95582156504116167 52.7532785987103523, 4.95434216734473143 52.75529633282095432, 4.94641922021885705 52.75395230597955276, 4.94696860468972321 52.76381580550005168, 4.93746944390430098 52.7715128869653185, 4.93462644920407012 52.77498985702837331, 4.93059864170799411 52.77750682442270147, 4.92253633497465426 52.78257501255337303, 4.91403930811960965 52.79076510726197569, 4.91425661024621263 52.79624356555902409, 4.91043826791976734 52.80381722231471997, 4.91180620640206911 52.81191835551781821, 4.97852188858535616 52.82815344478666475, 5.0016320083383814 52.82665089729599117, 5.00568833764298216 52.82508921035297078, 5.01412393884506358 52.83313072882827299, 5.02185271965782309 52.83033007120261715, 5.02104074567567693 52.83529621261601505, 5.02292232480529588 52.83518007732912025),(4.99916217558999598 52.8203143076582009, 4.99701733527722691 52.82112575208897454, 4.99251612034062298 52.81679278984810821, 4.99388263594866633 52.81627305873222156, 4.99350434228208506 52.81489372376358915, 4.99116552891886034 52.81263450648933855, 4.99228673184567118 52.81220970866151987, 4.98993068122378158 52.80931677504923272, 4.99550681795904516 52.80443794783789713, 4.99834234637985464 52.80199354607307782, 5.00524459642324615 52.80452112557038191, 5.00422037483276938 52.80566238138772661, 5.00768128218881081 52.80904834135215964, 5.00286736598883675 52.81089967576963318, 5.00284137170058507 52.81355195314929318, 4.99964602722157814 52.81478001894634389, 4.99970263028613982 52.81545411387194378, 4.99682213454303525 52.81655388397116013, 5.00377773375302226 52.82326068697084764, 5.00211499373917245 52.82389575477201049, 4.99916217558999598 52.8203143076582009)))</t>
  </si>
  <si>
    <t>MultiPolygon (((5.00377773375302226 52.82326068697084764, 4.99682213454303525 52.81655388397116013, 4.99970263028613982 52.81545411387194378, 4.99964602722157814 52.81478001894634389, 4.99762124184298973 52.81360517593130055, 4.9953662060863806 52.81170582460167395, 4.99228673184567118 52.81220970866151987, 4.99116552891886034 52.81263450648933855, 4.99350434228208506 52.81489372376358915, 4.99388263594866633 52.81627305873222156, 4.99251612034062298 52.81679278984810821, 4.99701733527722691 52.82112575208897454, 4.99916217558999598 52.8203143076582009, 5.00211499373917245 52.82389575477201049, 5.00377773375302226 52.82326068697084764, 5.00377773375302226 52.82326068697084764)))</t>
  </si>
  <si>
    <t>MultiPolygon (((5.06671674489387325 52.7856570637987943, 5.07531239892543162 52.77827364527884413, 5.08128471411011162 52.77313459502440196, 5.05983717540445799 52.77309530148008321, 5.05982536713111841 52.76776493491410491, 5.05087310188018002 52.76014841991958804, 5.04122919575820383 52.76005462534670443, 5.04132021412545228 52.75271918283159067, 5.03376083991322609 52.75216772954707523, 5.03451799792863675 52.77304093686901609, 5.03215399301626132 52.77303166895980979, 5.02631034018050027 52.77805616889352791, 5.03320457524168763 52.78099675944320524, 5.03045754293985148 52.78426114947799164, 5.01778442899346988 52.79514384277989336, 5.04335681090312615 52.80576753201439288, 5.06671674489387325 52.7856570637987943)))</t>
  </si>
  <si>
    <t>MultiPolygon (((5.00284137170058507 52.81355195314929318, 5.00286736598883675 52.81089967576963318, 5.00768128218881081 52.80904834135215964, 5.00422037483276938 52.80566238138772661, 5.00524459642324615 52.80452112557038191, 4.99834234637985464 52.80199354607307782, 4.99550681795904516 52.80443794783789713, 5.0025914930671691 52.80663888309346987, 5.00418440412699805 52.80819648203318195, 4.99852145330020114 52.8107324034089487, 5.00011623034550645 52.8126269876019947, 4.99762124184298973 52.81360517593130055, 4.99964602722157814 52.81478001894634389, 5.00284137170058507 52.81355195314929318, 5.00284137170058507 52.81355195314929318)))</t>
  </si>
  <si>
    <t>MultiPolygon (((5.00011623034550645 52.8126269876019947, 4.99852145330020114 52.8107324034089487, 5.00418440412699805 52.80819648203318195, 5.0025914930671691 52.80663888309346987, 4.99550681795904516 52.80443794783789713, 4.98993068122378158 52.80931677504923272, 4.99228673184567118 52.81220970866151987, 4.9953662060863806 52.81170582460167395, 4.99762124184298973 52.81360517593130055, 5.00011623034550645 52.8126269876019947, 5.00011623034550645 52.8126269876019947)))</t>
  </si>
  <si>
    <t>MultiPolygon (((5.03531005105164109 52.92223355874030943, 5.03538117843436339 52.92223795587523227, 5.03532905740366132 52.92210269768411735, 5.03464014786889091 52.91653564459202386, 5.0320453816845907 52.91028842151483502, 5.02704493399413366 52.90739476962754395, 5.01999752096895513 52.85893069281575407, 5.01863088452082184 52.84946844996593285, 5.01770271147430158 52.84305783482602692, 5.00985950692368576 52.84331610837942605, 5.0083133962933708 52.83250854004766239, 5.01151452398466102 52.8339383677173231, 5.01412393884506358 52.83313072882827299, 5.00568833764298216 52.82508921035297078, 5.0016320083383814 52.82665089729599117, 4.97852188858535616 52.82815344478666475, 4.91180620640206911 52.81191835551781821, 4.91199247277871631 52.81596156410411425, 4.89314001642641383 52.83666664570645111, 4.89238639289630228 52.83952147313291192, 4.8923697824784389 52.84045657488417191, 4.89151170113234723 52.84796799800974298, 4.90145659762256258 52.85668126378383391, 4.90977129048887928 52.87195353627753747, 4.90274982332386156 52.87522131467108721, 4.89134308637233328 52.87700760520409915, 4.88150489000173504 52.88121901918564305, 4.87632166732181904 52.88418930524925088, 4.87888228508551514 52.88687063194628024, 4.90426030424075599 52.89141551272402353, 4.91900558602868543 52.88423645065849144, 4.93192151187865679 52.88377217089082194, 4.93466824206756272 52.8849783671703122, 4.93295122899706495 52.88640906089487714, 4.93443571556217808 52.88836660015474678, 4.93815288081471682 52.88948421435152625, 4.94260972541729249 52.89023596550173067, 4.95361878642560693 52.89063369927853842, 4.9632807249453279 52.89155218192441055, 4.96627360572927667 52.88974099908636362, 4.96984194896306963 52.89007845093004079, 4.97617005193645223 52.89219612450042973, 4.97868752877254384 52.89478261242429369, 4.98385029977910765 52.8980013400046758, 4.99002667043212256 52.89800029273399673, 5.01750208134479525 52.90614476681567169, 5.0286877328989279 52.9122249584494071, 5.03085115493619739 52.91399951677817626, 5.03305191082118508 52.91746463973691306, 5.03385084471819511 52.92166381604491221, 5.03393375278585342 52.92222961336269549, 5.03526725740804526 52.92248073838493383, 5.03531005105164109 52.92223355874030943),(4.95879506801032655 52.84524386840369914, 4.96183626119551402 52.84550605334010243, 4.96664185965541183 52.84485453437520874, 4.97220735179125661 52.83652754644742799, 4.97388962571696069 52.83694704372548046, 4.97530112135940517 52.84570709460078319, 4.97164885271249446 52.84699593567535203, 4.96813745501462822 52.8460446662521619, 4.96730168044653997 52.84728731596957374, 4.95879506801032655 52.84524386840369914)))</t>
  </si>
  <si>
    <t>MultiPolygon (((4.96813745501462822 52.8460446662521619, 4.97164885271249446 52.84699593567535203, 4.97530112135940517 52.84570709460078319, 4.97388962571696069 52.83694704372548046, 4.97220735179125661 52.83652754644742799, 4.96664185965541183 52.84485453437520874, 4.96183626119551402 52.84550605334010243, 4.95879506801032655 52.84524386840369914, 4.96730168044653997 52.84728731596957374, 4.96813745501462822 52.8460446662521619, 4.96813745501462822 52.8460446662521619)))</t>
  </si>
  <si>
    <t>MultiPolygon (((5.08526713880338743 52.84281134693699045, 5.08482872154110321 52.83947870091430588, 5.07991720955128567 52.83973018128098431, 5.08058113080308971 52.84449294349694526, 5.08164702550654379 52.84573023043352435, 5.08259068920497903 52.84595882665266942, 5.08526713880338743 52.84281134693699045, 5.08526713880338743 52.84281134693699045)))</t>
  </si>
  <si>
    <t>MultiPolygon (((5.04859078549680973 52.92406856868780807, 5.07390075839615839 52.89381971330127641, 5.07682366639441085 52.89291154181542964, 5.07948371748309579 52.89003547755066137, 5.07915120082608773 52.88752767381646436, 5.10190210948740663 52.86033925976889947, 5.10530488291267748 52.85690836418922345, 5.10690301260421808 52.85727623725227886, 5.10933342856155637 52.85669729205092437, 5.11094077767366262 52.85489782712330964, 5.11132991602005582 52.85428688618780058, 5.10784542870201363 52.85326444029051629, 5.11393620575402608 52.84582959498658994, 5.10414829091746913 52.77445227409697992, 5.09963176454662559 52.7733095343865557, 5.09669673159309156 52.77502120982259726, 5.08939335889356848 52.77576839341961801, 5.08886090456357731 52.7770684990733514, 5.07531239892543162 52.77827364527884413, 5.06671674489387325 52.7856570637987943, 5.04335681090312615 52.80576753201439288, 5.02313101777149473 52.82316508792882814, 5.02292232480529588 52.83518007732912025, 5.02550421637121314 52.83504579413928326, 5.02414082218539626 52.83807016438498039, 5.0248758777483582 52.84254788822022419, 5.02824408221219432 52.84241274163820634, 5.02845022818551968 52.84381041547562319, 5.02988160824412667 52.84513539422962225, 5.03280430284222469 52.84774609235945064, 5.03500224719419442 52.84850441179036551, 5.03612138195232362 52.84885540877760235, 5.04228497561913347 52.85081102020580346, 5.03888994499277043 52.85457127699714164, 5.03697388836878979 52.8569960269632233, 5.03079721217459319 52.85509800108275158, 5.0297548301282422 52.85629826787398144, 5.02302210101283197 52.85896576293830407, 5.01999752096895513 52.85893069281575407, 5.02704493399413366 52.90739476962754395, 5.0320453816845907 52.91028842151483502, 5.03464014786889091 52.91653564459202386, 5.03532905740366132 52.92210269768411735, 5.03538117843436339 52.92223795587523227, 5.03531005105164109 52.92223355874030943, 5.03526725740804526 52.92248073838493383, 5.03612613367477824 52.9226219194207772, 5.03629526339671862 52.92270756896391504, 5.03727934041237191 52.92268251529205259, 5.03744081603184579 52.92266005651234906, 5.03785266508634511 52.92152097500239449, 5.03909720880803391 52.9214872570957553, 5.04637133304160823 52.92359701342849831, 5.0456224203500728 52.92424329557368878, 5.04188627920090404 52.92309968752925897, 5.04159224680873397 52.9234367818454885, 5.04734997483324754 52.92517850119395462, 5.04859078549680973 52.92406856868780807),(5.08164702550654379 52.84573023043352435, 5.08058113080308971 52.84449294349694526, 5.07991720955128567 52.83973018128098431, 5.08482872154110321 52.83947870091430588, 5.08526713880338743 52.84281134693699045, 5.08259068920497903 52.84595882665266942, 5.08164702550654379 52.84573023043352435)))</t>
  </si>
  <si>
    <t>MultiPolygon (((5.01770271147430158 52.84305783482602692, 5.0248758777483582 52.84254788822022419, 5.02414082218539626 52.83807016438498039, 5.02550421637121314 52.83504579413928326, 5.02292232480529588 52.83518007732912025, 5.02104074567567693 52.83529621261601505, 5.02185271965782309 52.83033007120261715, 5.01412393884506358 52.83313072882827299, 5.01151452398466102 52.8339383677173231, 5.0083133962933708 52.83250854004766239, 5.00985950692368576 52.84331610837942605, 5.01770271147430158 52.84305783482602692, 5.01770271147430158 52.84305783482602692)))</t>
  </si>
  <si>
    <t>MultiPolygon (((5.0298962560944549 52.84877752494710279, 5.03500224719419442 52.84850441179036551, 5.03280430284222469 52.84774609235945064, 5.02988160824412667 52.84513539422962225, 5.02845022818551968 52.84381041547562319, 5.02824408221219432 52.84241274163820634, 5.0248758777483582 52.84254788822022419, 5.01770271147430158 52.84305783482602692, 5.01863088452082184 52.84946844996593285, 5.0298962560944549 52.84877752494710279, 5.0298962560944549 52.84877752494710279)))</t>
  </si>
  <si>
    <t>MultiPolygon (((5.04228497561913347 52.85081102020580346, 5.03612138195232362 52.84885540877760235, 5.03283026202147443 52.85274317501683328, 5.03888994499277043 52.85457127699714164, 5.04228497561913347 52.85081102020580346)))</t>
  </si>
  <si>
    <t>MultiPolygon (((5.03697388836878979 52.8569960269632233, 5.03888994499277043 52.85457127699714164, 5.03283026202147443 52.85274317501683328, 5.03176865475382495 52.85241302147236553, 5.03079721217459319 52.85509800108275158, 5.03697388836878979 52.8569960269632233)))</t>
  </si>
  <si>
    <t>MultiPolygon (((5.03612138195232362 52.84885540877760235, 5.03500224719419442 52.84850441179036551, 5.0298962560944549 52.84877752494710279, 5.02963324011040314 52.85138187248351471, 5.03176865475382495 52.85241302147236553, 5.03283026202147443 52.85274317501683328, 5.03612138195232362 52.84885540877760235, 5.03612138195232362 52.84885540877760235)))</t>
  </si>
  <si>
    <t>MultiPolygon (((5.02302210101283197 52.85896576293830407, 5.0297548301282422 52.85629826787398144, 5.03079721217459319 52.85509800108275158, 5.03176865475382495 52.85241302147236553, 5.02963324011040314 52.85138187248351471, 5.0298962560944549 52.84877752494710279, 5.01863088452082184 52.84946844996593285, 5.01999752096895513 52.85893069281575407, 5.02302210101283197 52.85896576293830407, 5.02302210101283197 52.85896576293830407)))</t>
  </si>
  <si>
    <t>MultiPolygon (((5.16676243721782846 52.99925907611944353, 5.05471248973975396 52.94034713776592582, 5.05366381506070361 52.93685405359259732, 5.05049430450293091 52.93796206161243134, 5.04916103916603376 52.93778573246968477, 5.04411607479948376 52.93530627820906176, 5.04412951535565401 52.93448227065402989, 5.04871877248848655 52.93054083253684183, 5.04664396841553042 52.92972439800985285, 5.04712081470650453 52.92880558463736662, 5.04205775422563551 52.93240197823579507, 5.03886152628992967 52.93126535798251098, 5.03842266701763997 52.93018893774941347, 5.03959949017076347 52.92906607292765386, 5.03832834416469044 52.92840772091449963, 5.03911829270148193 52.92578816636808625, 5.03800416838077414 52.92268040142896268, 5.03744081603184579 52.92266005651234906, 5.03727934041237191 52.92268251529205259, 5.03629526339671862 52.92270756896391504, 5.03612613367477824 52.9226219194207772, 5.03526725740804526 52.92248073838493383, 5.03393375278585342 52.92222961336269549, 5.03385084471819511 52.92166381604491221, 5.03240205700999965 52.92178331976619887, 5.03206506471243475 52.92023631012925478, 5.02767138012991133 52.91806538088110301, 5.02439416008747486 52.91909710167645642, 5.03059170121719124 52.92212958733737338, 5.02478836752900815 52.92312947078659846, 5.01692492803737533 52.92414275480800967, 5.01462740142839802 52.92332665370185651, 5.00948960868747406 52.92398833340339337, 5.00325920500351629 52.92175981380459859, 5.00206050675979785 52.92291267310069003, 5.00266995064135855 52.92383917932654924, 5.00119656522829015 52.92638859009482388, 4.99697926656610747 52.92779796550038185, 4.99558848805471811 52.92688101355668095, 4.99292452174263701 52.92940308459345999, 4.99078583683843835 52.93293812173649826, 4.9968817467848714 52.93473802516516713, 5.00295979477737873 52.93566774986448564, 5.00516903229503729 52.93571439096813691, 5.01204658622989374 52.93396076122793659, 5.01732154431309407 52.93443666249835644, 5.01780413465398212 52.93294144262245737, 5.02138522564023138 52.93289932024542566, 5.02414070914732491 52.92933831112355847, 5.02566218519643204 52.92828771098960772, 5.02747059669396457 52.92824196692586014, 5.03375363281853527 52.92972676924225084, 5.04113377384009897 52.9343417021173579, 5.04199506234972894 52.93475463511281021, 5.04196714485233333 52.93566363348166703, 5.03967044228763683 52.93801504470260966, 5.04290026811631176 52.93575000668813857, 5.04387204842840209 52.93572375025526355, 5.04889917074878447 52.93806420299216597, 5.04953944510473907 52.93889676436059233, 5.04826866236501726 52.94026194152487363, 5.04911207014704022 52.94078316152030794, 5.05415163337767037 52.9411418724840459, 5.16588307062717966 52.99986718892512982, 5.16676243721782846 52.99925907611944353),(5.01055235948095046 52.93295970142346363, 5.00836045769985105 52.93280022829691234, 5.00695102995586794 52.93133401190421239, 5.01260540762718687 52.92789366641650162, 5.01272806340432986 52.92620670953871098, 5.01529424945180047 52.92634747735437628, 5.01055235948095046 52.93295970142346363)))</t>
  </si>
  <si>
    <t>MultiPolygon (((5.01055235948095046 52.93295970142346363, 5.01529424945180047 52.92634747735437628, 5.01272806340432986 52.92620670953871098, 5.01260540762718687 52.92789366641650162, 5.00695102995586794 52.93133401190421239, 5.00836045769985105 52.93280022829691234, 5.01055235948095046 52.93295970142346363, 5.01055235948095046 52.93295970142346363)))</t>
  </si>
  <si>
    <t>MultiPolygon (((5.02716503403867243 52.9415617408739223, 5.02931917958078945 52.94177165417627151, 5.03063677655669306 52.94284903168892242, 5.03504896285393944 52.94120029924352622, 5.03717544542478723 52.93981051109056324, 5.03622489542702567 52.93965473025189539, 5.03179445561026739 52.94218637054716226, 5.03009041933460566 52.94193776482100589, 5.02914080540844832 52.94091877032042248, 5.033851795265055 52.93847332910914361, 5.03138434961313941 52.93712554870221254, 5.03343631933082936 52.93676940327918601, 5.03804215561134772 52.93341765575964075, 5.03947943027075063 52.9340773072402655, 5.03516638787873205 52.93750848368087958, 5.03930697653408277 52.93472674390365285, 5.04113377384009897 52.9343417021173579, 5.03375363281853527 52.92972676924225084, 5.02747059669396457 52.92824196692586014, 5.02566218519643204 52.92828771098960772, 5.02414070914732491 52.92933831112355847, 5.02138522564023138 52.93289932024542566, 5.01780413465398212 52.93294144262245737, 5.01732154431309407 52.93443666249835644, 5.02100366714815838 52.93488938498288121, 5.02630125673603168 52.93733696172161274, 5.02730969297609942 52.94090476041839111, 5.02716503403867243 52.9415617408739223)))</t>
  </si>
  <si>
    <t>MultiPolygon (((4.99292452174263701 52.92940308459345999, 4.99558848805471811 52.92688101355668095, 4.99697926656610747 52.92779796550038185, 5.00119656522829015 52.92638859009482388, 5.00266995064135855 52.92383917932654924, 5.00206050675979785 52.92291267310069003, 5.00325920500351629 52.92175981380459859, 5.00948960868747406 52.92398833340339337, 5.01462740142839802 52.92332665370185651, 5.01692492803737533 52.92414275480800967, 5.02478836752900815 52.92312947078659846, 5.03059170121719124 52.92212958733737338, 5.02439416008747486 52.91909710167645642, 5.02767138012991133 52.91806538088110301, 5.03206506471243475 52.92023631012925478, 5.03240205700999965 52.92178331976619887, 5.03385084471819511 52.92166381604491221, 5.03305191082118508 52.91746463973691306, 5.03085115493619739 52.91399951677817626, 5.0286877328989279 52.9122249584494071, 5.01750208134479525 52.90614476681567169, 4.99002667043212256 52.89800029273399673, 4.98385029977910765 52.8980013400046758, 4.97868752877254384 52.89478261242429369, 4.97617005193645223 52.89219612450042973, 4.96984194896306963 52.89007845093004079, 4.96627360572927667 52.88974099908636362, 4.9632807249453279 52.89155218192441055, 4.95361878642560693 52.89063369927853842, 4.95154549742221395 52.89889530785599447, 4.94928313974690948 52.89976934909791595, 4.93938991190240273 52.89772971588810435, 4.93848787147241541 52.89809241468802981, 4.93752053928267642 52.89904610320665768, 4.9400278122543666 52.90187547389962219, 4.93986323764949553 52.90366193639844994, 4.93830475497613275 52.90463109902177763, 4.93635292455468999 52.90647592779262709, 4.94276492153974178 52.91040171454226737, 4.94563795505613513 52.91006199503116392, 4.95459251632421527 52.91669120233886758, 4.95686744490702935 52.9201000462222737, 4.95841439144573748 52.92513877578617354, 4.96848803643349246 52.93033493483480356, 4.9699013063456281 52.92780066910036396, 4.97223824201067099 52.92825040194562547, 4.97316576996371307 52.92664475440076188, 4.97222287549901232 52.92412638638749911, 4.9793121101929172 52.92715650255832571, 4.98210675574869022 52.9290175152341007, 4.98630011566751463 52.92902136506296529, 4.98698210622782234 52.9274654433637437, 4.9886876787984944 52.92798565446829429, 4.9865714054344954 52.92936845494197939, 4.98156935221955788 52.92972075992084768, 4.97643568847875795 52.92837215065564038, 4.977115447631828 52.92750333971675047, 4.9740958932038728 52.926811594634259, 4.97234234800480035 52.93098123358129214, 4.9867706382992667 52.93181845572476618, 4.99078583683843835 52.93293812173649826, 4.99292452174263701 52.92940308459345999),(4.9623753558800745 52.91019397289016268, 4.95941461099530745 52.90890749392606551, 4.95768560966232474 52.91005071291478146, 4.95530533831926423 52.90932846620904684, 4.95482787192125151 52.90616984280251245, 4.94736417899361935 52.90445829031718006, 4.94561846759118673 52.90287672713323985, 4.94674655718910916 52.89932055527145138, 4.96340823957146515 52.90418782590062818, 4.97056781507987466 52.90648865966618786, 4.97722939212260762 52.90851989924364318, 4.97591209253758482 52.91126425995571481, 4.97484246395260943 52.91096980550894102, 4.97220665806959516 52.91264352746748756, 4.96876203278497286 52.91597374385345631, 4.96591542198132352 52.91577451700563017, 4.96391732849755485 52.91425374092214184, 4.96471251866300367 52.91311150143140196, 4.9623753558800745 52.91019397289016268)))</t>
  </si>
  <si>
    <t>MultiPolygon (((4.9740958932038728 52.926811594634259, 4.977115447631828 52.92750333971675047, 4.97643568847875795 52.92837215065564038, 4.98156935221955788 52.92972075992084768, 4.9865714054344954 52.92936845494197939, 4.9886876787984944 52.92798565446829429, 4.98698210622782234 52.9274654433637437, 4.98630011566751463 52.92902136506296529, 4.98210675574869022 52.9290175152341007, 4.9793121101929172 52.92715650255832571, 4.97222287549901232 52.92412638638749911, 4.97316576996371307 52.92664475440076188, 4.97223824201067099 52.92825040194562547, 4.9699013063456281 52.92780066910036396, 4.96848803643349246 52.93033493483480356, 4.9702089790419679 52.93068776754586935, 4.97234234800480035 52.93098123358129214, 4.9740958932038728 52.926811594634259)))</t>
  </si>
  <si>
    <t>MultiPolygon (((4.96876203278497286 52.91597374385345631, 4.97220665806959516 52.91264352746748756, 4.97484246395260943 52.91096980550894102, 4.97591209253758482 52.91126425995571481, 4.97722939212260762 52.90851989924364318, 4.97056781507987466 52.90648865966618786, 4.96893280335122522 52.90779726871404165, 4.96471251866300367 52.91311150143140196, 4.96391732849755485 52.91425374092214184, 4.96591542198132352 52.91577451700563017, 4.96876203278497286 52.91597374385345631, 4.96876203278497286 52.91597374385345631)))</t>
  </si>
  <si>
    <t>MultiPolygon (((4.95941461099530745 52.90890749392606551, 4.95949876627619002 52.90650624184750228, 4.96340823957146515 52.90418782590062818, 4.94674655718910916 52.89932055527145138, 4.94561846759118673 52.90287672713323985, 4.94736417899361935 52.90445829031718006, 4.95482787192125151 52.90616984280251245, 4.95530533831926423 52.90932846620904684, 4.95768560966232474 52.91005071291478146, 4.95941461099530745 52.90890749392606551, 4.95941461099530745 52.90890749392606551)))</t>
  </si>
  <si>
    <t>MultiPolygon (((4.96893280335122522 52.90779726871404165, 4.97056781507987466 52.90648865966618786, 4.96340823957146515 52.90418782590062818, 4.95949876627619002 52.90650624184750228, 4.95941461099530745 52.90890749392606551, 4.9623753558800745 52.91019397289016268, 4.96471251866300367 52.91311150143140196, 4.96893280335122522 52.90779726871404165)))</t>
  </si>
  <si>
    <t>MultiPolygon (((4.93986323764949553 52.90366193639844994, 4.9400278122543666 52.90187547389962219, 4.93752053928267642 52.89904610320665768, 4.93848787147241541 52.89809241468802981, 4.93938991190240273 52.89772971588810435, 4.94928313974690948 52.89976934909791595, 4.95154549742221395 52.89889530785599447, 4.95361878642560693 52.89063369927853842, 4.94260972541729249 52.89023596550173067, 4.93815288081471682 52.88948421435152625, 4.93808611682618714 52.89031674246252379, 4.93580330921535637 52.89130725846104752, 4.92924500833030343 52.88913194403779983, 4.93236187926027547 52.88612149897057435, 4.93295122899706495 52.88640906089487714, 4.93466824206756272 52.8849783671703122, 4.93192151187865679 52.88377217089082194, 4.91900558602868543 52.88423645065849144, 4.90426030424075599 52.89141551272402353, 4.87888228508551514 52.88687063194628024, 4.87493719121531743 52.88829044374192989, 4.88289470543485482 52.88891749500002959, 4.90865892308523666 52.89424521862147088, 4.91047321683304894 52.89551299394435091, 4.91180009084871827 52.89569113932654432, 4.92087127956153836 52.89986572110555585, 4.93830475497613275 52.90463109902177763, 4.93986323764949553 52.90366193639844994),(4.92977299256801782 52.89515077972803425, 4.92399405850781147 52.89029237982678211, 4.91396911748861687 52.8895170671533279, 4.91072794066450591 52.89068200382789797, 4.9116789537593144 52.89123905421801908, 4.91095058944124929 52.8917513371754211, 4.909276362873082 52.8907659731403399, 4.91239186518312554 52.88841383832032506, 4.91349337061504698 52.88953262721256721, 4.9150378980853473 52.88898345263029199, 4.92437046953105728 52.88915373948808707, 4.92748581520079121 52.89196508143027131, 4.92934692843223665 52.89033623101244075, 4.93585028115921443 52.8916265001724355, 4.93726684848126407 52.89216663075806224, 4.93605961787339709 52.89347452623012202, 4.93480265811602337 52.89321014120313436, 4.93382621103695751 52.89424596199120288, 4.9342794496946043 52.89551651633969698, 4.93545193004080485 52.89598599878725338, 4.93767316949709567 52.89546599802051929, 4.93628146980774485 52.89678879904517572, 4.92977299256801782 52.89515077972803425)))</t>
  </si>
  <si>
    <t>MultiPolygon (((4.93808611682618714 52.89031674246252379, 4.93815288081471682 52.88948421435152625, 4.93443571556217808 52.88836660015474678, 4.93295122899706495 52.88640906089487714, 4.93236187926027547 52.88612149897057435, 4.92924500833030343 52.88913194403779983, 4.93580330921535637 52.89130725846104752, 4.93808611682618714 52.89031674246252379, 4.93808611682618714 52.89031674246252379)))</t>
  </si>
  <si>
    <t>MultiPolygon (((4.93628146980774485 52.89678879904517572, 4.93767316949709567 52.89546599802051929, 4.93545193004080485 52.89598599878725338, 4.9342794496946043 52.89551651633969698, 4.93382621103695751 52.89424596199120288, 4.93480265811602337 52.89321014120313436, 4.93605961787339709 52.89347452623012202, 4.93726684848126407 52.89216663075806224, 4.93585028115921443 52.8916265001724355, 4.92934692843223665 52.89033623101244075, 4.92748581520079121 52.89196508143027131, 4.92437046953105728 52.88915373948808707, 4.9150378980853473 52.88898345263029199, 4.91349337061504698 52.88953262721256721, 4.91239186518312554 52.88841383832032506, 4.909276362873082 52.8907659731403399, 4.91095058944124929 52.8917513371754211, 4.9116789537593144 52.89123905421801908, 4.91072794066450591 52.89068200382789797, 4.91396911748861687 52.8895170671533279, 4.92399405850781147 52.89029237982678211, 4.92977299256801782 52.89515077972803425, 4.93628146980774485 52.89678879904517572, 4.93628146980774485 52.89678879904517572)))</t>
  </si>
  <si>
    <t>MultiPolygon (((4.86040552907594936 52.8436256720455404, 4.86139915077483042 52.84241466107451402, 4.85880739306920795 52.83591148963142103, 4.85162620410427259 52.83586034517436048, 4.84949161552547814 52.83487166149078718, 4.87476885187272035 52.83285198755461209, 4.87550275258754429 52.83211360248541411, 4.87607891690048145 52.83336739961661266, 4.87354533366824505 52.83433780500796217, 4.86666281909487974 52.83483040627352523, 4.8661108922733991 52.83728917002486725, 4.86696400401033547 52.84068104488449791, 4.86593342281443242 52.84200727002209419, 4.86431940664889062 52.84218278776530298, 4.86235788227732879 52.84343238978608781, 4.89053491594015988 52.84064304095456066, 4.88943656209415423 52.83454460629437932, 4.89034246799387073 52.83451754399251854, 4.89238639289630228 52.83952147313291192, 4.89314001642641383 52.83666664570645111, 4.91199247277871631 52.81596156410411425, 4.91180620640206911 52.81191835551781821, 4.91043826791976734 52.80381722231471997, 4.90700848534884582 52.80416555471383333, 4.90524416423221865 52.79806598947964602, 4.88077920803703336 52.80092843180702289, 4.88029116397061102 52.79918968362214571, 4.87834111641326107 52.79936283748195081, 4.87604547745901229 52.8001945250650806, 4.86501949025212888 52.8011079918267896, 4.86297411941535795 52.80074404548631861, 4.85402553905124812 52.80223084784383758, 4.84356184653363631 52.80603590782558143, 4.83457335853283166 52.80777848095018356, 4.81288216364063981 52.83231965951788567, 4.8128229242513294 52.83262998799246901, 4.84699356324018815 52.84504999190044572, 4.86040552907594936 52.8436256720455404)))</t>
  </si>
  <si>
    <t>MultiPolygon (((4.8923697824784389 52.84045657488417191, 4.89238639289630228 52.83952147313291192, 4.89034246799387073 52.83451754399251854, 4.88943656209415423 52.83454460629437932, 4.89053491594015988 52.84064304095456066, 4.8923697824784389 52.84045657488417191, 4.8923697824784389 52.84045657488417191)))</t>
  </si>
  <si>
    <t>MultiPolygon (((4.86235788227732879 52.84343238978608781, 4.86431940664889062 52.84218278776530298, 4.86593342281443242 52.84200727002209419, 4.86696400401033547 52.84068104488449791, 4.8661108922733991 52.83728917002486725, 4.86666281909487974 52.83483040627352523, 4.87354533366824505 52.83433780500796217, 4.87607891690048145 52.83336739961661266, 4.87550275258754429 52.83211360248541411, 4.87476885187272035 52.83285198755461209, 4.84949161552547814 52.83487166149078718, 4.85162620410427259 52.83586034517436048, 4.85880739306920795 52.83591148963142103, 4.86139915077483042 52.84241466107451402, 4.86040552907594936 52.8436256720455404, 4.86235788227732879 52.84343238978608781, 4.86235788227732879 52.84343238978608781)))</t>
  </si>
  <si>
    <t>MultiPolygon (((4.84199870320764436 52.89910476309175635, 4.8462088219278332 52.89953641209385182, 4.84948308386428195 52.899147837368659, 4.8504855699991456 52.89836756619870783, 4.85100286282060189 52.89675456871176351, 4.86135794107057606 52.8924105668310176, 4.87367358191553368 52.8885087811546768, 4.8679213128590435 52.88242760590375013, 4.86281002047417488 52.88172600127862921, 4.86134658809559017 52.88065884550229612, 4.8612977015172909 52.87908155718670855, 4.86394574833845361 52.87814629162575386, 4.86067070469041429 52.87463339936920192, 4.8546989384876813 52.87087479657355971, 4.82714497659289155 52.88037569970748564, 4.82582016329965136 52.88037755607404478, 4.82422531792188458 52.87868471489760225, 4.81949283309291143 52.87988967367076043, 4.81553096147247928 52.87909898321708368, 4.81184988976296513 52.87519697129290108, 4.80914568631353934 52.87345280208839426, 4.80634203894965406 52.87440837845036867, 4.80410975413829977 52.87299768815987022, 4.80371134742042383 52.87270478105634908, 4.80170360302390709 52.87339678471087012, 4.80132882961058716 52.87462603560368279, 4.78338247609220168 52.88032878154821503, 4.78138323075222793 52.87842094871867715, 4.78355482062219206 52.87768949030418497, 4.78488120490913449 52.87829660900898432, 4.78927502753599299 52.87686715971796048, 4.79335748317937504 52.87539147860998412, 4.79276222131221274 52.87477255268783694, 4.79724276257484483 52.87322617299317074, 4.79786247367302288 52.87389095043337761, 4.79924666390273114 52.87354503110592674, 4.79832572833264326 52.87285505834582722, 4.7974532674439665 52.87194072229679875, 4.77208593396383218 52.88024892174772162, 4.78229600424544543 52.89468578892002881, 4.78765491972075186 52.90234642089485817, 4.79490920061880033 52.91257827258462498, 4.79730016648891677 52.91211403243850242, 4.80453178542579806 52.91048704583803897, 4.80672504971656434 52.91271434931154971, 4.8087005695026166 52.91124669109044731, 4.84199870320764436 52.89910476309175635),(4.798776391111228 52.88492273417125489, 4.797574962341141 52.88480719172328293, 4.8069628859557314 52.88217025345216626, 4.81061685345949641 52.88605251637373073, 4.80874891063314358 52.88671929733995114, 4.80863917889069281 52.88886602609640164, 4.81364458086276681 52.88980392002872577, 4.81245470084541971 52.89302575268464324, 4.80875168482202309 52.89581799623206848, 4.798776391111228 52.88492273417125489)))</t>
  </si>
  <si>
    <t>MultiPolygon (((4.80132882961058716 52.87462603560368279, 4.80170360302390709 52.87339678471087012, 4.80371134742042383 52.87270478105634908, 4.80294714784069043 52.87214292722114095, 4.80153531516251064 52.87174098012233969, 4.79832572833264326 52.87285505834582722, 4.79924666390273114 52.87354503110592674, 4.79786247367302288 52.87389095043337761, 4.79724276257484483 52.87322617299317074, 4.79276222131221274 52.87477255268783694, 4.79335748317937504 52.87539147860998412, 4.78927502753599299 52.87686715971796048, 4.78488120490913449 52.87829660900898432, 4.78355482062219206 52.87768949030418497, 4.78138323075222793 52.87842094871867715, 4.78338247609220168 52.88032878154821503, 4.80132882961058716 52.87462603560368279)))</t>
  </si>
  <si>
    <t>MultiPolygon (((4.81245470084541971 52.89302575268464324, 4.81364458086276681 52.88980392002872577, 4.80863917889069281 52.88886602609640164, 4.80874891063314358 52.88671929733995114, 4.81061685345949641 52.88605251637373073, 4.8069628859557314 52.88217025345216626, 4.797574962341141 52.88480719172328293, 4.798776391111228 52.88492273417125489, 4.80875168482202309 52.89581799623206848, 4.81245470084541971 52.89302575268464324)))</t>
  </si>
  <si>
    <t>MultiPolygon (((4.89134308637233328 52.87700760520409915, 4.90274982332386156 52.87522131467108721, 4.90977129048887928 52.87195353627753747, 4.90145659762256258 52.85668126378383391, 4.89151170113234723 52.84796799800974298, 4.8923697824784389 52.84045657488417191, 4.89053491594015988 52.84064304095456066, 4.86235788227732879 52.84343238978608781, 4.86040552907594936 52.8436256720455404, 4.84699356324018815 52.84504999190044572, 4.8128229242513294 52.83262998799246901, 4.81069615282225982 52.83518700831464088, 4.80987312905579412 52.83626119022515866, 4.80947142420127793 52.84544481272096306, 4.81100744916771461 52.85030339875790162, 4.81768620944221393 52.85309307804760692, 4.83069949615990701 52.85527946283821876, 4.8372708250095835 52.85920908226461279, 4.84490819784110727 52.86182140428132215, 4.8537292130316283 52.86598218796459037, 4.86554028971131558 52.8738804614763751, 4.87315027320554339 52.88016388444466287, 4.88150489000173504 52.88121901918564305, 4.89134308637233328 52.87700760520409915)))</t>
  </si>
  <si>
    <t>MultiPolygon (((4.87315027320554339 52.88016388444466287, 4.86554028971131558 52.8738804614763751, 4.8537292130316283 52.86598218796459037, 4.84490819784110727 52.86182140428132215, 4.8372708250095835 52.85920908226461279, 4.83069949615990701 52.85527946283821876, 4.81768620944221393 52.85309307804760692, 4.81100744916771461 52.85030339875790162, 4.80947142420127793 52.84544481272096306, 4.80987312905579412 52.83626119022515866, 4.7994573654697783 52.84377115495401966, 4.79442289084039253 52.84737364822114358, 4.78256256877185493 52.85143550627252296, 4.75965144098936577 52.84839574779137905, 4.75885526035007445 52.84868928048319248, 4.77093891953755822 52.87862622477847907, 4.77208593396383218 52.88024892174772162, 4.7974532674439665 52.87194072229679875, 4.79832572833264326 52.87285505834582722, 4.80153531516251064 52.87174098012233969, 4.80294714784069043 52.87214292722114095, 4.80223606705460693 52.87150036666714925, 4.80954480028943898 52.86930112861912789, 4.80593695283116595 52.86641587991719859, 4.80869204741464085 52.8654727593801681, 4.8049854718277123 52.86151753236741513, 4.80928354676407199 52.86004852445522317, 4.81037858324759426 52.85966217413692192, 4.81517213198995542 52.85736084373000665, 4.8195668309404045 52.85640514825981029, 4.82362991978952405 52.85507565662576468, 4.82841265172810008 52.85576907269879143, 4.83041743898105214 52.8566813933319537, 4.83810800465598589 52.86196476111039289, 4.83441553553026715 52.86427727025088785, 4.83347320229114175 52.86334967227326587, 4.82406297327481681 52.86641940576364362, 4.82138841490366499 52.86642518979478922, 4.81572205661070551 52.86849381908912449, 4.81124568511481421 52.87203745801286914, 4.80410975413829977 52.87299768815987022, 4.80634203894965406 52.87440837845036867, 4.80914568631353934 52.87345280208839426, 4.81184988976296513 52.87519697129290108, 4.81553096147247928 52.87909898321708368, 4.81949283309291143 52.87988967367076043, 4.82422531792188458 52.87868471489760225, 4.82582016329965136 52.88037755607404478, 4.82714497659289155 52.88037569970748564, 4.8546989384876813 52.87087479657355971, 4.86067070469041429 52.87463339936920192, 4.86394574833845361 52.87814629162575386, 4.8612977015172909 52.87908155718670855, 4.86134658809559017 52.88065884550229612, 4.86281002047417488 52.88172600127862921, 4.8679213128590435 52.88242760590375013, 4.87315027320554339 52.88016388444466287, 4.87315027320554339 52.88016388444466287)))</t>
  </si>
  <si>
    <t>MultiPolygon (((4.81175195863234961 52.86966828164600685, 4.80928354676407199 52.86004852445522317, 4.8049854718277123 52.86151753236741513, 4.80869204741464085 52.8654727593801681, 4.80593695283116595 52.86641587991719859, 4.80954480028943898 52.86930112861912789, 4.81175195863234961 52.86966828164600685, 4.81175195863234961 52.86966828164600685)))</t>
  </si>
  <si>
    <t>MultiPolygon (((4.81833697913102288 52.86219665792045674, 4.81925535235916325 52.86173056901642298, 4.81517213198995542 52.85736084373000665, 4.81037858324759426 52.85966217413692192, 4.81097574276807105 52.86246714376685674, 4.8130243298616584 52.86399902835436393, 4.81833697913102288 52.86219665792045674, 4.81833697913102288 52.86219665792045674)))</t>
  </si>
  <si>
    <t>MultiPolygon (((4.82269038241177839 52.86053150865990347, 4.8195668309404045 52.85640514825981029, 4.81517213198995542 52.85736084373000665, 4.81925535235916325 52.86173056901642298, 4.82269038241177839 52.86053150865990347, 4.82269038241177839 52.86053150865990347)))</t>
  </si>
  <si>
    <t>MultiPolygon (((4.82352945099041364 52.86024758745971752, 4.82541894743509037 52.85869367750072456, 4.83041743898105214 52.8566813933319537, 4.82841265172810008 52.85576907269879143, 4.82362991978952405 52.85507565662576468, 4.8195668309404045 52.85640514825981029, 4.82269038241177839 52.86053150865990347, 4.82352945099041364 52.86024758745971752, 4.82352945099041364 52.86024758745971752)))</t>
  </si>
  <si>
    <t>MultiPolygon (((4.82686700560032289 52.86385350734574473, 4.82352945099041364 52.86024758745971752, 4.82269038241177839 52.86053150865990347, 4.81925535235916325 52.86173056901642298, 4.81833697913102288 52.86219665792045674, 4.82160170911297925 52.86563738126922374, 4.82686700560032289 52.86385350734574473)))</t>
  </si>
  <si>
    <t>MultiPolygon (((4.81769211213328674 52.86699203099550459, 4.82105889179945013 52.86607352718524311, 4.82160170911297925 52.86563738126922374, 4.81833697913102288 52.86219665792045674, 4.8130243298616584 52.86399902835436393, 4.81769211213328674 52.86699203099550459, 4.81769211213328674 52.86699203099550459)))</t>
  </si>
  <si>
    <t>MultiPolygon (((4.87493719121531743 52.88829044374192989, 4.87888228508551514 52.88687063194628024, 4.87632166732181904 52.88418930524925088, 4.88150489000173504 52.88121901918564305, 4.87315027320554339 52.88016388444466287, 4.8679213128590435 52.88242760590375013, 4.87367358191553368 52.8885087811546768, 4.87493719121531743 52.88829044374192989, 4.87493719121531743 52.88829044374192989)))</t>
  </si>
  <si>
    <t>MultiPolygon (((4.81124568511481421 52.87203745801286914, 4.81572205661070551 52.86849381908912449, 4.82138841490366499 52.86642518979478922, 4.82105889179945013 52.86607352718524311, 4.81769211213328674 52.86699203099550459, 4.8130243298616584 52.86399902835436393, 4.81097574276807105 52.86246714376685674, 4.81037858324759426 52.85966217413692192, 4.80928354676407199 52.86004852445522317, 4.81175195863234961 52.86966828164600685, 4.80954480028943898 52.86930112861912789, 4.80223606705460693 52.87150036666714925, 4.80294714784069043 52.87214292722114095, 4.80371134742042383 52.87270478105634908, 4.80410975413829977 52.87299768815987022, 4.81124568511481421 52.87203745801286914)))</t>
  </si>
  <si>
    <t>MultiPolygon (((4.82406297327481681 52.86641940576364362, 4.83347320229114175 52.86334967227326587, 4.83441553553026715 52.86427727025088785, 4.83810800465598589 52.86196476111039289, 4.83041743898105214 52.8566813933319537, 4.82541894743509037 52.85869367750072456, 4.82352945099041364 52.86024758745971752, 4.82686700560032289 52.86385350734574473, 4.82160170911297925 52.86563738126922374, 4.82105889179945013 52.86607352718524311, 4.82138841490366499 52.86642518979478922, 4.82406297327481681 52.86641940576364362)))</t>
  </si>
  <si>
    <t>MultiPolygon (((5.60826025560761732 53.19939203343841427, 5.60872197539055772 53.19824808393840243, 5.60954248138460976 53.19537714759292157, 5.61828858306937828 53.1914506579635642, 5.61509361710528587 53.18862709347597217, 5.61012213549824157 53.18587285745828552, 5.60469904428316124 53.183870103548891, 5.6012258430013171 53.18273603224595547, 5.59392442353224073 53.18574664250932216, 5.5902782020793973 53.18568796344835903, 5.58905259927264098 53.18637974585988104, 5.58896462027388186 53.18778367780865324, 5.59025287749435407 53.1889252049445389, 5.58728979591268882 53.19063420780744877, 5.5848973782013811 53.19019188762640482, 5.58436209662391914 53.19127196291406534, 5.5931519169536843 53.19253932600929602, 5.60086083661937106 53.193636899001568, 5.59989833182102892 53.19566636288500661, 5.5974357292713508 53.19760743323493557, 5.60159272436958755 53.19895126659254458, 5.60826025560761732 53.19939203343841427, 5.60826025560761732 53.19939203343841427)))</t>
  </si>
  <si>
    <t>MultiPolygon (((5.607906474679484 53.16975589101954114, 5.6126328739957474 53.1681102463517874, 5.60898415369716652 53.16525777237384887, 5.60677330687751496 53.16450200233323642, 5.60275465306467435 53.16701291835992293, 5.607906474679484 53.16975589101954114, 5.607906474679484 53.16975589101954114)))</t>
  </si>
  <si>
    <t>MultiPolygon (((5.6012258430013171 53.18273603224595547, 5.60469904428316124 53.183870103548891, 5.60714169628452108 53.18248841252926695, 5.60712067375066159 53.17952469641928559, 5.62032459061382106 53.17472611956982576, 5.61889009509004911 53.17404074056605623, 5.61978559913131814 53.17178664952586331, 5.62349729814847699 53.16829598696902082, 5.6170942662897394 53.16488816185150057, 5.6157863070534626 53.16317988929442606, 5.60396459446617801 53.15735937839088621, 5.60744910118837048 53.15475569253072763, 5.60775246417896511 53.15290344879480955, 5.60664707955939701 53.15249436231774638, 5.60030356941352192 53.15155831129816733, 5.60047987937054437 53.1498742956754171, 5.59908956872012542 53.14969680867317692, 5.59881398616928205 53.15123658393812178, 5.59211608043305652 53.15056970505326461, 5.59065907208932167 53.15869805508840074, 5.5877040503930635 53.1612874416096659, 5.57908902597068668 53.16251720161096728, 5.57936443158193462 53.16473424718017071, 5.57967865175727873 53.16763802396307881, 5.58096003279031994 53.16745623547087263, 5.58280421031518337 53.1683017055283571, 5.58851210584354963 53.1719332316071629, 5.58866735359401723 53.17710438842627241, 5.6012258430013171 53.18273603224595547, 5.6012258430013171 53.18273603224595547),(5.607906474679484 53.16975589101954114, 5.60275465306467435 53.16701291835992293, 5.60677330687751496 53.16450200233323642, 5.60898415369716652 53.16525777237384887, 5.6126328739957474 53.1681102463517874, 5.607906474679484 53.16975589101954114, 5.607906474679484 53.16975589101954114)))</t>
  </si>
  <si>
    <t>MultiPolygon (((5.62829401465343615 53.15210447550425954, 5.62605438446540695 53.15325356820621749, 5.62367728560055813 53.15724535350928193, 5.62679984579151693 53.15898464942205237, 5.62798493212050577 53.15888113917169022, 5.63141712051505561 53.15736515289316344, 5.62968553906834934 53.15564798778533628, 5.62726181014950555 53.15552994348328752, 5.63078157170475713 53.15343060397613328, 5.62829401465343615 53.15210447550425954, 5.62829401465343615 53.15210447550425954)))</t>
  </si>
  <si>
    <t>MultiPolygon (((5.62829401465343615 53.15210447550425954, 5.63078157170475713 53.15343060397613328, 5.62726181014950555 53.15552994348328752, 5.62968553906834934 53.15564798778533628, 5.63454806902597571 53.15508489367496026, 5.6400176364225052 53.15034623538087288, 5.63485012849451472 53.14849779082091885, 5.63000813790030552 53.14778807637897273, 5.62607510908289488 53.14996581445866752, 5.62829401465343615 53.15210447550425954, 5.62829401465343615 53.15210447550425954)))</t>
  </si>
  <si>
    <t>MultiPolygon (((5.65353715467113993 53.16592571515833754, 5.65514013094640244 53.16514204525625331, 5.65608418750033337 53.1657335204410586, 5.66029663733929045 53.16427765851776854, 5.66098523614259008 53.16311268517205946, 5.65750249190037557 53.15861505551242061, 5.65808577441185978 53.15873593563551225, 5.65943523979618135 53.1576235854801169, 5.65765941485830304 53.15723802928104647, 5.65665870568764362 53.1554336333199231, 5.65693419354362792 53.15444187437568502, 5.65795324193796301 53.15432096380548188, 5.66190401833701884 53.15496757284064699, 5.66157721017524818 53.15310426834469126, 5.66281384655143505 53.15232407964131056, 5.66197361302890201 53.15091994188676949, 5.66332014735503986 53.14982125560372594, 5.65847189704986775 53.14941841807304002, 5.65544766655323272 53.14772744428245943, 5.65205111149483486 53.14870073049154087, 5.64968031715824459 53.14761043816965724, 5.64918276185163393 53.14686265089813588, 5.65245041339496979 53.14428013244359761, 5.65412432865704151 53.14163897412191773, 5.64976366479347902 53.13932375063563285, 5.64810690573290586 53.13837059667705631, 5.6470407183888085 53.13806292532107989, 5.64707583594595697 53.13798900013611615, 5.64652138213171906 53.13791305498713768, 5.64482715297026338 53.13780954074405827, 5.63943816226852057 53.13621003379398644, 5.63821351763455159 53.13656446405599354, 5.63199313490017506 53.13301956610585819, 5.63618325762324979 53.13064591301620254, 5.63520463829633389 53.12959966543584045, 5.63729956865175286 53.12807850887033823, 5.63837142149858117 53.12796901969662855, 5.6383174294062357 53.12716977062095935, 5.63748356991440325 53.12714353431121594, 5.63734790464719193 53.12414909636098059, 5.63540026345276512 53.12541421363776095, 5.6321867671903405 53.12558926146070348, 5.63208871985645043 53.12627023839060314, 5.62742372563909665 53.12670299206817504, 5.62750227266600067 53.12820535799114197, 5.62448133062381217 53.12820016558047342, 5.62189372533123954 53.12694563039021745, 5.62448279013684527 53.12848029603429723, 5.62623601942038931 53.13200770969730513, 5.62420950398967445 53.13389079800785453, 5.62541348774541206 53.13418743939122635, 5.62221591499869877 53.13824792039584111, 5.61875263027178384 53.14099732944298893, 5.61582210961953798 53.14729383530681872, 5.61352632244667937 53.14878958168529266, 5.61102182778093272 53.14771929239334014, 5.60664707955939701 53.15249436231774638, 5.60775246417896511 53.15290344879480955, 5.60744910118837048 53.15475569253072763, 5.60396459446617801 53.15735937839088621, 5.6157863070534626 53.16317988929442606, 5.63353009484635248 53.1575186801842392, 5.64316997516132091 53.16020755238936601, 5.64588258363931406 53.16149093006369242, 5.64733956266982862 53.16322102682120487, 5.65353715467113993 53.16592571515833754),(5.62798493212050577 53.15888113917169022, 5.62679984579151693 53.15898464942205237, 5.62367728560055813 53.15724535350928193, 5.62605438446540695 53.15325356820621749, 5.62829401465343615 53.15210447550425954, 5.62607510908289488 53.14996581445866752, 5.63000813790030552 53.14778807637897273, 5.63485012849451472 53.14849779082091885, 5.6400176364225052 53.15034623538087288, 5.63454806902597571 53.15508489367496026, 5.62968553906834934 53.15564798778533628, 5.63141712051505561 53.15736515289316344, 5.62798493212050577 53.15888113917169022)))</t>
  </si>
  <si>
    <t>MultiPolygon (((5.61783838295599036 53.25576205074445113, 5.63060075155788997 53.2533145345899257, 5.63446765785260872 53.2517708325179342, 5.6383252639849637 53.25115845985744301, 5.63875584883189429 53.24900444715969883, 5.6366733385089729 53.24801979816833608, 5.6365608406894312 53.24498681768203312, 5.63957741341035668 53.24305029986108906, 5.63322394918283553 53.24075269301494018, 5.62829430153408428 53.24006936203635121, 5.61415689696653164 53.24861772460425868, 5.61745440491722903 53.25060114131494515, 5.61646920596228671 53.25305290691295568, 5.61783838295599036 53.25576205074445113, 5.61783838295599036 53.25576205074445113)))</t>
  </si>
  <si>
    <t>MultiPolygon (((5.55610100805782103 53.2736280181209878, 5.56424069372345897 53.2780626322793367, 5.56772822744862328 53.27871142925392434, 5.56988057882612519 53.27639785203176359, 5.57133977847533579 53.27695667858547068, 5.56899368487979185 53.27958446120874214, 5.57809612881906247 53.28295483208125205, 5.57711626052770271 53.28407796623550752, 5.57904362074592353 53.28485060788213445, 5.58249656959559459 53.28344340470942342, 5.58716571057787803 53.28280891702905109, 5.59306136456818681 53.28474720415442789, 5.59043714311889239 53.29457765592982099, 5.59447422659888094 53.2954785341884687, 5.59927521738306222 53.27951526702385365, 5.59918346171173287 53.2769705075718889, 5.59809528491327058 53.27682030160163862, 5.5987232664848916 53.27519087307447165, 5.59642536125148915 53.2754113134175995, 5.58513989738144012 53.27412879368552012, 5.57644995105821462 53.27216593292575908, 5.5748532252319265 53.27074414636521738, 5.55362397419709808 53.26783492719246738, 5.55379278789104713 53.26719641459156662, 5.55199763814531888 53.26580666704467149, 5.54496290325793328 53.26476612297506819, 5.54491347507600096 53.26225549171236651, 5.53997155340111203 53.26316873035162303, 5.53811945214665169 53.26561652548279113, 5.54635282488494674 53.27174517907469209, 5.55285081187726082 53.27477434195391481, 5.55610100805782103 53.2736280181209878)))</t>
  </si>
  <si>
    <t>MultiPolygon (((5.69675604095363397 53.28156042260321357, 5.70139268056859194 53.28183674910501821, 5.70461840919139984 53.28033439640917379, 5.71051728153877125 53.28057796872663232, 5.71277395917835573 53.28158294618270929, 5.71598301051780222 53.28109389660539108, 5.71732144448230439 53.27967166977676072, 5.71580667042331125 53.27957868319086998, 5.71531822959866087 53.28027183313304249, 5.71209520858623598 53.28013316391113108, 5.7043249801117426 53.27881689716586777, 5.69588779539202861 53.27836009569385567, 5.69345856671979522 53.28271026661018794, 5.69620580584983482 53.28287360089046842, 5.69675604095363397 53.28156042260321357)))</t>
  </si>
  <si>
    <t>MultiPolygon (((5.71059155555172637 53.28942457864525295, 5.71566025931814004 53.2886134058482881, 5.72180456558515615 53.28969712828975958, 5.72549903090535128 53.28914628936609432, 5.72484912311407701 53.2877329812673608, 5.72635009809466755 53.28760727840888478, 5.72135770604311578 53.27957217991536965, 5.72142698133900929 53.27612425094738313, 5.72012939055575931 53.27491665526854803, 5.72230646640575991 53.27153241457074984, 5.7273399452324254 53.26834552391679978, 5.73538679678284158 53.26471366877922264, 5.72983578628345569 53.26123576341355914, 5.73595689496082173 53.25147004097264869, 5.73613297955168644 53.2489024820666117, 5.7336195995158592 53.24851398650572776, 5.72002904981347804 53.24733834789450526, 5.70946732504600352 53.24511948168689202, 5.70782005334118292 53.24464300672603656, 5.70630436542782693 53.24382367702997243, 5.7062290907595985 53.24376633297207206, 5.70616475639202925 53.24368757514022121, 5.69656149832457359 53.24504245528943613, 5.68941451047266344 53.24582561201337683, 5.69011316356322272 53.25518977596668435, 5.69227164217920656 53.25874254082668102, 5.69116235759652422 53.26414897989501185, 5.6892156019504192 53.26426597799591178, 5.68737575472986467 53.26873777110017016, 5.68340964151242822 53.28701020275348554, 5.68940986445519403 53.28743056797527089, 5.6890251250079622 53.28923549480624189, 5.69226530389635954 53.28978330521196938, 5.7074668730814837 53.29061547328106485, 5.71059155555172637 53.28942457864525295, 5.71059155555172637 53.28942457864525295),(5.69345856671979522 53.28271026661018794, 5.69588779539202861 53.27836009569385567, 5.7043249801117426 53.27881689716586777, 5.71209520858623598 53.28013316391113108, 5.71531822959866087 53.28027183313304249, 5.71580667042331125 53.27957868319086998, 5.71732144448230439 53.27967166977676072, 5.71598301051780222 53.28109389660539108, 5.71277395917835573 53.28158294618270929, 5.71051728153877125 53.28057796872663232, 5.70461840919139984 53.28033439640917379, 5.70139268056859194 53.28183674910501821, 5.69675604095363397 53.28156042260321357, 5.69620580584983482 53.28287360089046842, 5.69345856671979522 53.28271026661018794, 5.69345856671979522 53.28271026661018794)))</t>
  </si>
  <si>
    <t>MultiPolygon (((5.54236337065741669 53.2359711168062617, 5.54219467118277542 53.23634178909404824, 5.55725054277311958 53.24043456040935496, 5.55655670733080242 53.23903762429667097, 5.55171434637287486 53.23569484007063579, 5.55447384477644057 53.23316318457781193, 5.55080931789560239 53.23145228545745056, 5.54946197520592044 53.23139228668259904, 5.54455082152944367 53.2336415515636574, 5.54236337065741669 53.2359711168062617, 5.54236337065741669 53.2359711168062617)))</t>
  </si>
  <si>
    <t>MultiPolygon (((5.54236337065741669 53.2359711168062617, 5.53929434356169015 53.23519620309884459, 5.53835503059739587 53.23624210775887633, 5.54385303817402519 53.23899945760786778, 5.54216689076421254 53.24092309574341897, 5.54336774767792217 53.24196036785514252, 5.54468920996338355 53.24068113782534795, 5.5471824115325381 53.24028917097564317, 5.54958508708763532 53.2410960466757075, 5.55725054277311958 53.24043456040935496, 5.54219467118277542 53.23634178909404824, 5.54236337065741669 53.2359711168062617, 5.54236337065741669 53.2359711168062617)))</t>
  </si>
  <si>
    <t>MultiPolygon (((5.51928009685596965 53.25435375035706187, 5.52436552559016203 53.25578158412736229, 5.5272886317861305 53.25734422351033004, 5.53638483389435621 53.26408068528814255, 5.58333646772296444 53.22751534885194502, 5.58029867412552782 53.22677749800865143, 5.58092446046863699 53.22627635391748413, 5.57323953949025519 53.22360929398003293, 5.57078101873741627 53.22149441693538563, 5.56885384806533956 53.22028022306004402, 5.56552539317552686 53.21956593457010598, 5.56162067288211759 53.22331154324920277, 5.55994713594632017 53.22360170971197846, 5.5574815580217507 53.22353797045201418, 5.5533591123051762 53.22117325977189495, 5.53764376403019654 53.21624373390321949, 5.53645919449252677 53.21905806100316028, 5.53052299421893245 53.21788560077988706, 5.53022000156665339 53.21825890790453428, 5.52924394057085067 53.22355369368929701, 5.53387085905408416 53.22425558075953944, 5.53264098277413119 53.22672872837177493, 5.53090963951815073 53.22650693265266852, 5.53104294485558334 53.23143664141137776, 5.52821670821974553 53.2310519322160971, 5.52515378920054179 53.23439877742380588, 5.52523228086458662 53.23560763209725621, 5.52938685634195437 53.2359997930877924, 5.52721762609164458 53.24083186634327092, 5.52510360209770113 53.24032803791072865, 5.52144152390489396 53.24680440240326362, 5.52448260456148166 53.24760234640497458, 5.51928009685596965 53.25435375035706187, 5.51928009685596965 53.25435375035706187),(5.54236337065741669 53.2359711168062617, 5.54455082152944367 53.2336415515636574, 5.54946197520592044 53.23139228668259904, 5.55080931789560239 53.23145228545745056, 5.55447384477644057 53.23316318457781193, 5.55171434637287486 53.23569484007063579, 5.55655670733080242 53.23903762429667097, 5.55725054277311958 53.24043456040935496, 5.54958508708763532 53.2410960466757075, 5.5471824115325381 53.24028917097564317, 5.54468920996338355 53.24068113782534795, 5.54336774767792217 53.24196036785514252, 5.54216689076421254 53.24092309574341897, 5.54385303817402519 53.23899945760786778, 5.53835503059739587 53.23624210775887633, 5.53929434356169015 53.23519620309884459, 5.54236337065741669 53.2359711168062617, 5.54236337065741669 53.2359711168062617)))</t>
  </si>
  <si>
    <t>MultiPolygon (((5.56189623604791894 53.16186471594259899, 5.56731603709880662 53.16019352194694392, 5.56845050692126708 53.15553807218910265, 5.5628539576465359 53.1534047299616077, 5.55926639442943227 53.15853852020426729, 5.5598394600673231 53.16045110749639946, 5.56189623604791894 53.16186471594259899, 5.56189623604791894 53.16186471594259899)))</t>
  </si>
  <si>
    <t>MultiPolygon (((5.55254023777829442 53.16560151283987068, 5.55609573135511692 53.16407055445329632, 5.56075071446695191 53.16671407479177702, 5.56645802277338486 53.16693745751806688, 5.57936443158193462 53.16473424718017071, 5.57908902597068668 53.16251720161096728, 5.5877040503930635 53.1612874416096659, 5.59065907208932167 53.15869805508840074, 5.59211608043305652 53.15056970505326461, 5.59881398616928205 53.15123658393812178, 5.59908956872012542 53.14969680867317692, 5.60047987937054437 53.1498742956754171, 5.60248956170741241 53.1470270047699529, 5.60377121680492252 53.14661054005394192, 5.60473065904449808 53.14433682828363459, 5.60281142828951317 53.14254097602214699, 5.60212468338933434 53.14330187754790558, 5.59796935793488259 53.14301850869998844, 5.59669342879329967 53.14100930583431648, 5.58735196642943688 53.13814478700539468, 5.58845613226899918 53.13497878479852687, 5.59150791985726681 53.13227369608174655, 5.58995010228106803 53.13100153975592121, 5.58976640401055214 53.13098114642382086, 5.58764130742074716 53.13033513414612941, 5.58661600210066034 53.13124608478891986, 5.5859195293701287 53.130997284201257, 5.58286081337307571 53.13247727035190593, 5.58403361262573483 53.13394927250465116, 5.58245595730596555 53.13310994807501686, 5.58175638822596554 53.1337497978978277, 5.57799460747663822 53.13401954805490846, 5.57760296063308392 53.13369298927894135, 5.57531098816219473 53.13429169657884898, 5.57436095538264098 53.13350938946774704, 5.5739805814498391 53.13120572555693855, 5.57133726662337558 53.12991983432522858, 5.56520001756443783 53.1296004233139243, 5.56260447475464481 53.13023170624222757, 5.56360308276845128 53.13124252667010694, 5.56229730259558863 53.1315862284624032, 5.55992945323640786 53.1346365820307156, 5.55812689960456652 53.13428684456210505, 5.55744876064659188 53.13472723423227961, 5.55538073806805954 53.13460362779481727, 5.55419078703795499 53.13293809488640562, 5.5508477762478714 53.1340876365300403, 5.54731706180361783 53.13736545669178213, 5.54382534998443166 53.13850960043760097, 5.54217750086053318 53.1399470436543524, 5.53966560566969424 53.1409530813820723, 5.53918235645534551 53.14198454388598947, 5.53765675945876712 53.14210379784133664, 5.53795206090337455 53.1444650394824265, 5.5312123326758913 53.1478887956694237, 5.52549632241020294 53.1497558630711211, 5.52652381003827387 53.15040426069248269, 5.52788505545617426 53.15027506252781109, 5.53000569845510181 53.15300652792017644, 5.5324619213198245 53.15347361776144197, 5.5356200726469762 53.16033644274276071, 5.53903976413735499 53.1638803010304386, 5.54007986453503065 53.16533069120120558, 5.53931709260630356 53.16644540447516221, 5.54152384341549809 53.16894659095491704, 5.54433258375351556 53.17175256824273077, 5.54650651320909915 53.17213374554420824, 5.55778456012011279 53.17049994916607147, 5.55254023777829442 53.16560151283987068, 5.55254023777829442 53.16560151283987068),(5.55926639442943227 53.15853852020426729, 5.5628539576465359 53.1534047299616077, 5.56845050692126708 53.15553807218910265, 5.56731603709880662 53.16019352194694392, 5.56189623604791894 53.16186471594259899, 5.5598394600673231 53.16045110749639946, 5.55926639442943227 53.15853852020426729, 5.55926639442943227 53.15853852020426729)))</t>
  </si>
  <si>
    <t>MultiPolygon (((5.60884993382311237 53.14485472020867718, 5.61083286876268339 53.1433478566075479, 5.60872929885614013 53.14155416756667449, 5.60500149125298286 53.14020638714383438, 5.60208140783790576 53.14032118047094144, 5.60157413177051566 53.14140511094464614, 5.60884993382311237 53.14485472020867718, 5.60884993382311237 53.14485472020867718)))</t>
  </si>
  <si>
    <t>MultiPolygon (((5.60664707955939701 53.15249436231774638, 5.61102182778093272 53.14771929239334014, 5.61352632244667937 53.14878958168529266, 5.61582210961953798 53.14729383530681872, 5.61875263027178384 53.14099732944298893, 5.62221591499869877 53.13824792039584111, 5.61887182854117828 53.13611798800807406, 5.59633144392866733 53.12596357584021689, 5.5944205407341423 53.12946984287012242, 5.59123168517529923 53.12881776324985594, 5.58995010228106803 53.13100153975592121, 5.59150791985726681 53.13227369608174655, 5.58845613226899918 53.13497878479852687, 5.58735196642943688 53.13814478700539468, 5.59669342879329967 53.14100930583431648, 5.59796935793488259 53.14301850869998844, 5.60212468338933434 53.14330187754790558, 5.60281142828951317 53.14254097602214699, 5.60473065904449808 53.14433682828363459, 5.60377121680492252 53.14661054005394192, 5.60248956170741241 53.1470270047699529, 5.60047987937054437 53.1498742956754171, 5.60030356941352192 53.15155831129816733, 5.60664707955939701 53.15249436231774638, 5.60664707955939701 53.15249436231774638),(5.60884993382311237 53.14485472020867718, 5.60157413177051566 53.14140511094464614, 5.60208140783790576 53.14032118047094144, 5.60500149125298286 53.14020638714383438, 5.60872929885614013 53.14155416756667449, 5.61083286876268339 53.1433478566075479, 5.60884993382311237 53.14485472020867718, 5.60884993382311237 53.14485472020867718)))</t>
  </si>
  <si>
    <t>MultiPolygon (((5.60963473178619587 53.22110625496415537, 5.62121483507549424 53.22694123740863859, 5.62075657727787181 53.22718935882588909, 5.62301540536821243 53.22879192288388595, 5.62582462648884896 53.22960421339110582, 5.63096099956763041 53.22714078775405966, 5.63564984136782066 53.22412654274705091, 5.62943566608000179 53.22068744077868274, 5.62993332963858784 53.21612219484087092, 5.63425557771422181 53.21289963844542115, 5.63049182099647716 53.2111574427154963, 5.62082933815949026 53.20801976457065763, 5.6191829906359283 53.20938272455487095, 5.61875290792714832 53.21089849105264591, 5.61511258357457077 53.21381728028530489, 5.611329211702758 53.21418254916565616, 5.60619080903139277 53.21883512119718063, 5.61081028789771707 53.21996443925735321, 5.60963473178619587 53.22110625496415537, 5.60963473178619587 53.22110625496415537)))</t>
  </si>
  <si>
    <t>MultiPolygon (((5.62082933815949026 53.20801976457065763, 5.63049182099647716 53.2111574427154963, 5.63558804787524448 53.20763845075740761, 5.63169826498566639 53.20596326059643388, 5.63377969477559137 53.20429501573729425, 5.63562323269169685 53.20543235672731441, 5.63877499869500287 53.20547338266826642, 5.63597715682798128 53.20361545029133765, 5.63410499836740541 53.20022463233355126, 5.60872197539055772 53.19824808393840243, 5.60826025560761732 53.19939203343841427, 5.60796043252318466 53.20089461326575986, 5.60465411873877528 53.20434882148469313, 5.62082933815949026 53.20801976457065763, 5.62082933815949026 53.20801976457065763)))</t>
  </si>
  <si>
    <t>MultiPolygon (((5.48356050965736497 53.20909434554855721, 5.50109026895666187 53.21088501080123478, 5.50198956445869225 53.2109483995473056, 5.50418829648086394 53.20277804908797492, 5.48955618124211053 53.20073880563711555, 5.48511261983789655 53.19988262994820616, 5.47934341483053622 53.19966934132963843, 5.48064216370287483 53.20403314085896085, 5.48356050965736497 53.20909434554855721, 5.48356050965736497 53.20909434554855721)))</t>
  </si>
  <si>
    <t>MultiPolygon (((5.48097801413826513 53.21286521917779311, 5.4873782469648793 53.21543971971799891, 5.49562081889030374 53.21462966806291917, 5.49999643422012419 53.21330175121320138, 5.50109026895666187 53.21088501080123478, 5.48356050965736497 53.20909434554855721, 5.48097801413826513 53.21286521917779311, 5.48097801413826513 53.21286521917779311)))</t>
  </si>
  <si>
    <t>MultiPolygon (((5.47569984601222615 53.21658423056105391, 5.48136488678925993 53.21771212658202899, 5.48114674547321012 53.21982674843118843, 5.48394863709024438 53.22182128448440608, 5.4897628009438586 53.22291620644900689, 5.49016858636088756 53.22064844898848435, 5.48844347425317647 53.22010305009868603, 5.48909687280721581 53.21642934080768583, 5.49339344731715506 53.21690501618490288, 5.49543341732172674 53.21606244015060128, 5.49562081889030374 53.21462966806291917, 5.4873782469648793 53.21543971971799891, 5.48097801413826513 53.21286521917779311, 5.47897046419360922 53.21705471511094032, 5.47569984601222615 53.21658423056105391, 5.47569984601222615 53.21658423056105391)))</t>
  </si>
  <si>
    <t>MultiPolygon (((5.48969453620407144 53.24203658795725858, 5.50639164253549218 53.22806476807255649, 5.51083353309002177 53.2163497810325552, 5.51266005478537569 53.20807468478746216, 5.52287638028693895 53.20877137572175997, 5.523544862879886 53.2077659665931435, 5.52261395806037925 53.20591089716645428, 5.52139632401248104 53.20554692181931244, 5.52349778168113481 53.20353115837935576, 5.52176765659891 53.20231566440394744, 5.51253921352247556 53.1988887430790669, 5.51027733036406442 53.19630628783855286, 5.49021914712027836 53.19299405937864123, 5.49016866812193882 53.19406840604894882, 5.48955618124211053 53.20073880563711555, 5.50418829648086394 53.20277804908797492, 5.50198956445869225 53.2109483995473056, 5.50109026895666187 53.21088501080123478, 5.49999643422012419 53.21330175121320138, 5.49562081889030374 53.21462966806291917, 5.49543341732172674 53.21606244015060128, 5.49339344731715506 53.21690501618490288, 5.48909687280721581 53.21642934080768583, 5.48844347425317647 53.22010305009868603, 5.49016858636088756 53.22064844898848435, 5.4897628009438586 53.22291620644900689, 5.48394863709024438 53.22182128448440608, 5.48114674547321012 53.21982674843118843, 5.48136488678925993 53.21771212658202899, 5.47569984601222615 53.21658423056105391, 5.47840616478168574 53.21834372696680049, 5.47642468033819529 53.22045319052381984, 5.46166647594014076 53.22647321843142976, 5.47325507800827715 53.23474354047151991, 5.4801265549816689 53.23792497425034753, 5.48271929791245416 53.24062346815360769, 5.48969453620407144 53.24203658795725858)))</t>
  </si>
  <si>
    <t>MultiPolygon (((5.5742307426398483 53.21063505260394777, 5.58398863092095166 53.21277105065912849, 5.58553381501498869 53.20632338567889263, 5.58391094700780677 53.20503497256806469, 5.58336862137436185 53.20117316489226056, 5.58603645755568223 53.19980306431208561, 5.5931519169536843 53.19253932600929602, 5.58436209662391914 53.19127196291406534, 5.58288886714265242 53.19101472805049013, 5.58237104386078009 53.18999315896343205, 5.57782219527142509 53.18745328240797932, 5.57068081175329866 53.18799185838985011, 5.56715970162652418 53.18883323956495701, 5.56326462042790482 53.19072966649259371, 5.56574782382623656 53.20344869548436861, 5.56618849680402228 53.20842819567680237, 5.5742307426398483 53.21063505260394777, 5.5742307426398483 53.21063505260394777)))</t>
  </si>
  <si>
    <t>MultiPolygon (((5.59449450731605058 53.2255440076405506, 5.5954146942334182 53.22478619038604819, 5.59411508112418332 53.22140075264748305, 5.58655339161520637 53.22180637295183203, 5.58592976962826882 53.22247313838438032, 5.58951744673974193 53.22446895788582566, 5.59449450731605058 53.2255440076405506, 5.59449450731605058 53.2255440076405506)))</t>
  </si>
  <si>
    <t>MultiPolygon (((5.58333646772296444 53.22751534885194502, 5.58716866573432736 53.22848024909566078, 5.59007594017744847 53.2261130515019758, 5.59158569793379989 53.2264122882445605, 5.59259856299278457 53.22546710947386117, 5.59512294883940431 53.22621708702752841, 5.60055670893445523 53.22976356138078557, 5.60975850977806978 53.22298232635530724, 5.60825571564900116 53.22227362930824768, 5.60963473178619587 53.22110625496415537, 5.61081028789771707 53.21996443925735321, 5.60619080903139277 53.21883512119718063, 5.58398863092095166 53.21277105065912849, 5.5742307426398483 53.21063505260394777, 5.57259066171956441 53.21969808093103893, 5.57078101873741627 53.22149441693538563, 5.57323953949025519 53.22360929398003293, 5.58092446046863699 53.22627635391748413, 5.58029867412552782 53.22677749800865143, 5.58333646772296444 53.22751534885194502, 5.58333646772296444 53.22751534885194502),(5.59449450731605058 53.2255440076405506, 5.58951744673974193 53.22446895788582566, 5.58592976962826882 53.22247313838438032, 5.58655339161520637 53.22180637295183203, 5.59411508112418332 53.22140075264748305, 5.5954146942334182 53.22478619038604819, 5.59449450731605058 53.2255440076405506, 5.59449450731605058 53.2255440076405506)))</t>
  </si>
  <si>
    <t>MultiPolygon (((5.47840616478168574 53.21834372696680049, 5.47569984601222615 53.21658423056105391, 5.47897046419360922 53.21705471511094032, 5.48097801413826513 53.21286521917779311, 5.48356050965736497 53.20909434554855721, 5.48064216370287483 53.20403314085896085, 5.47934341483053622 53.19966934132963843, 5.4668427916784168 53.19935180738099234, 5.46245839834622604 53.19994169941688256, 5.46169938759693974 53.20111405719977427, 5.45800752610723983 53.20007097671592788, 5.45621306399451456 53.20303101529628265, 5.43798928089861988 53.2098381239166045, 5.44877539951498058 53.22029920350365018, 5.45267771385541966 53.2226944498687331, 5.46166647594014076 53.22647321843142976, 5.47642468033819529 53.22045319052381984, 5.47840616478168574 53.21834372696680049, 5.47840616478168574 53.21834372696680049)))</t>
  </si>
  <si>
    <t>MultiPolygon (((5.58398863092095166 53.21277105065912849, 5.60619080903139277 53.21883512119718063, 5.611329211702758 53.21418254916565616, 5.61511258357457077 53.21381728028530489, 5.61875290792714832 53.21089849105264591, 5.6191829906359283 53.20938272455487095, 5.62082933815949026 53.20801976457065763, 5.60465411873877528 53.20434882148469313, 5.60796043252318466 53.20089461326575986, 5.60826025560761732 53.19939203343841427, 5.60159272436958755 53.19895126659254458, 5.5974357292713508 53.19760743323493557, 5.59989833182102892 53.19566636288500661, 5.60086083661937106 53.193636899001568, 5.5931519169536843 53.19253932600929602, 5.58603645755568223 53.19980306431208561, 5.58336862137436185 53.20117316489226056, 5.58391094700780677 53.20503497256806469, 5.58553381501498869 53.20632338567889263, 5.58398863092095166 53.21277105065912849, 5.58398863092095166 53.21277105065912849)))</t>
  </si>
  <si>
    <t>MultiPolygon (((5.71750483162265777 53.30782749036443136, 5.71788858813233336 53.30500381653264697, 5.72131323890315802 53.30033741305113182, 5.72341885065943412 53.30059380269246816, 5.72624711921565677 53.29932386832264513, 5.72565755964262468 53.29786201259170042, 5.72256622886175847 53.29802865490160713, 5.72257390450483872 53.29917595482557147, 5.71360426996439319 53.29892815668463868, 5.70860769061453333 53.29984590736357575, 5.71258059201872737 53.30412569779129939, 5.71548382990540915 53.30425484357033383, 5.71559312124849406 53.30276605939656065, 5.71811798267481297 53.30276701980604059, 5.71625817658175617 53.30646429586417412, 5.71750483162265777 53.30782749036443136, 5.71750483162265777 53.30782749036443136)))</t>
  </si>
  <si>
    <t>MultiPolygon (((5.722391244223755 53.32231374492308618, 5.72141454775365244 53.31603321574743859, 5.72968215986847706 53.31745216722724479, 5.74930109900479636 53.31355527318687137, 5.7471641310617132 53.30992333479234446, 5.74477002848030693 53.30878864466786382, 5.73939331213066772 53.30398758965350225, 5.73538364724345495 53.2947209967926625, 5.73515606692343116 53.29436999539409925, 5.73057151599256276 53.29446844212011314, 5.72813047289120458 53.29160860904716657, 5.72722467347236552 53.28899678732710044, 5.72549903090535128 53.28914628936609432, 5.72180456558515615 53.28969712828975958, 5.71566025931814004 53.2886134058482881, 5.71059155555172637 53.28942457864525295, 5.7074668730814837 53.29061547328106485, 5.69226530389635954 53.28978330521196938, 5.6890251250079622 53.28923549480624189, 5.68940986445519403 53.28743056797527089, 5.68340964151242822 53.28701020275348554, 5.67991194493974749 53.30594567244128257, 5.67974082596295826 53.30872735147556796, 5.68255285151159306 53.30909550004567876, 5.68034742178347063 53.32810910340693766, 5.71736894220698755 53.33891484828542673, 5.722391244223755 53.32231374492308618, 5.722391244223755 53.32231374492308618),(5.71625817658175617 53.30646429586417412, 5.71811798267481297 53.30276701980604059, 5.71559312124849406 53.30276605939656065, 5.71548382990540915 53.30425484357033383, 5.71258059201872737 53.30412569779129939, 5.70860769061453333 53.29984590736357575, 5.71360426996439319 53.29892815668463868, 5.72257390450483872 53.29917595482557147, 5.72256622886175847 53.29802865490160713, 5.72565755964262468 53.29786201259170042, 5.72624711921565677 53.29932386832264513, 5.72341885065943412 53.30059380269246816, 5.72131323890315802 53.30033741305113182, 5.71788858813233336 53.30500381653264697, 5.71750483162265777 53.30782749036443136, 5.71625817658175617 53.30646429586417412, 5.71625817658175617 53.30646429586417412)))</t>
  </si>
  <si>
    <t>MultiPolygon (((5.51575995956625231 53.23543839818366052, 5.51508051085946693 53.23532379592211328, 5.51570026543060266 53.23415185563692376, 5.50534351403661226 53.23194993651846119, 5.50752926279657551 53.23291191614648454, 5.51056442874860775 53.23696123666744029, 5.51419701791185979 53.23779168401539152, 5.51604208172788457 53.23750872141572898, 5.51575995956625231 53.23543839818366052, 5.51575995956625231 53.23543839818366052)))</t>
  </si>
  <si>
    <t>MultiPolygon (((5.48969453620407144 53.24203658795725858, 5.50444058263857006 53.24870949786350849, 5.51527240804326357 53.25200591793633009, 5.51618290031780134 53.25327490095602911, 5.51928009685596965 53.25435375035706187, 5.52448260456148166 53.24760234640497458, 5.52144152390489396 53.24680440240326362, 5.52510360209770113 53.24032803791072865, 5.5257458859857449 53.23930746304352368, 5.52436884110887672 53.23898310651670585, 5.52261073553857873 53.23961159967851842, 5.52011638218554701 53.23629426996640035, 5.51575995956625231 53.23543839818366052, 5.51604208172788457 53.23750872141572898, 5.51419701791185979 53.23779168401539152, 5.51056442874860775 53.23696123666744029, 5.50752926279657551 53.23291191614648454, 5.50534351403661226 53.23194993651846119, 5.51570026543060266 53.23415185563692376, 5.5166041317317811 53.22838727261414249, 5.51760692312719048 53.22779046414086679, 5.51956029194712539 53.22144612135472386, 5.5175059232499688 53.22080974280898857, 5.52024642167093216 53.21483073113088125, 5.52477536894166565 53.21612709582259981, 5.52499605893612866 53.21378265382472961, 5.52653051075485191 53.21405486783758221, 5.52722323039939756 53.20878921774974657, 5.52287638028693895 53.20877137572175997, 5.51266005478537569 53.20807468478746216, 5.51083353309002177 53.2163497810325552, 5.50639164253549218 53.22806476807255649, 5.48969453620407144 53.24203658795725858, 5.48969453620407144 53.24203658795725858)))</t>
  </si>
  <si>
    <t>MultiPolygon (((5.65823063634712753 53.29520287914827747, 5.65087534074637077 53.29423080139201829, 5.64923083840429019 53.29453246271441458, 5.65109106649938386 53.29467826525027618, 5.65065434577315262 53.29946532944602922, 5.65334219792387138 53.29962991831077801, 5.65823063634712753 53.29520287914827747, 5.65823063634712753 53.29520287914827747)))</t>
  </si>
  <si>
    <t>MultiPolygon (((5.60072478726573042 53.25411465384102883, 5.60310515498197326 53.25363313196962878, 5.60300902476469975 53.25234461889479576, 5.59740381228622841 53.25017202433852503, 5.5949909387518586 53.24788667671290199, 5.59302208664954303 53.24821749197375453, 5.59235433322598752 53.24900391198062977, 5.58602106764224526 53.24864645703068078, 5.59724291404026797 53.25216511355886695, 5.60072478726573042 53.25411465384102883, 5.60072478726573042 53.25411465384102883)))</t>
  </si>
  <si>
    <t>MultiPolygon (((5.59765595996723153 53.25602997853589926, 5.60072478726573042 53.25411465384102883, 5.59724291404026797 53.25216511355886695, 5.58602106764224526 53.24864645703068078, 5.58960327772312926 53.25034389683621328, 5.58697606760349164 53.25228774920039143, 5.58564626758007154 53.25541666963384557, 5.58922926645140183 53.25619596508557407, 5.59238963562656721 53.25365357784725262, 5.59765595996723153 53.25602997853589926, 5.59765595996723153 53.25602997853589926)))</t>
  </si>
  <si>
    <t>MultiPolygon (((5.59765595996723153 53.25602997853589926, 5.59956009516398368 53.25848645340329313, 5.60114538103299964 53.2580782143727447, 5.60381973408538503 53.25637403469368536, 5.60461863732568766 53.25434521061775683, 5.60310515498197326 53.25363313196962878, 5.60072478726573042 53.25411465384102883, 5.59765595996723153 53.25602997853589926, 5.59765595996723153 53.25602997853589926)))</t>
  </si>
  <si>
    <t>MultiPolygon (((5.55104029464168924 53.2621791185966984, 5.55760376271627443 53.26366259930098579, 5.5676020138912401 53.26420909736711451, 5.5785884508270307 53.2638824681377514, 5.58521947616139069 53.26305007364371846, 5.59125062337756695 53.26352707971532396, 5.58995847303110072 53.26108655342999043, 5.59656416073846419 53.26078005760012246, 5.6020096825376271 53.25795835004790035, 5.60803618201456366 53.25809781000749865, 5.61184356477042101 53.2629681850768435, 5.61092133425001727 53.26515855196388571, 5.62035215712200831 53.26148826608343256, 5.61783838295599036 53.25576205074445113, 5.61646920596228671 53.25305290691295568, 5.61745440491722903 53.25060114131494515, 5.61415689696653164 53.24861772460425868, 5.62829430153408428 53.24006936203635121, 5.61703421819962756 53.23451850867180468, 5.6087987042556593 53.23283051985311687, 5.60055670893445523 53.22976356138078557, 5.59512294883940431 53.22621708702752841, 5.59259856299278457 53.22546710947386117, 5.59158569793379989 53.2264122882445605, 5.55104029464168924 53.2621791185966984, 5.55104029464168924 53.2621791185966984),(5.59765595996723153 53.25602997853589926, 5.59238963562656721 53.25365357784725262, 5.58922926645140183 53.25619596508557407, 5.58564626758007154 53.25541666963384557, 5.58697606760349164 53.25228774920039143, 5.58960327772312926 53.25034389683621328, 5.58602106764224526 53.24864645703068078, 5.59235433322598752 53.24900391198062977, 5.59302208664954303 53.24821749197375453, 5.5949909387518586 53.24788667671290199, 5.59740381228622841 53.25017202433852503, 5.60300902476469975 53.25234461889479576, 5.60310515498197326 53.25363313196962878, 5.60461863732568766 53.25434521061775683, 5.60381973408538503 53.25637403469368536, 5.60114538103299964 53.2580782143727447, 5.59956009516398368 53.25848645340329313, 5.59765595996723153 53.25602997853589926, 5.59765595996723153 53.25602997853589926)))</t>
  </si>
  <si>
    <t>MultiPolygon (((5.65966127139352437 53.22096734068114188, 5.66320803342866608 53.21914916807932627, 5.65938373220817326 53.21615264233240339, 5.65819043789074971 53.21345494011637101, 5.65679560814573623 53.21188893748466597, 5.65231244065874083 53.21312634607199499, 5.65259677421126128 53.21700455383806627, 5.65615376665211045 53.22044503569356522, 5.65844669812406931 53.21974277145452703, 5.65966127139352437 53.22096734068114188, 5.65966127139352437 53.22096734068114188)))</t>
  </si>
  <si>
    <t>MultiPolygon (((5.66320803342866608 53.21914916807932627, 5.66580812728623417 53.21895264464571085, 5.67086466752641805 53.21591058293127929, 5.67029360562572826 53.21367195761232693, 5.66609499205719569 53.21021595692844386, 5.66492336407973429 53.20946714634138885, 5.65984140209467501 53.21175283026890668, 5.66013089306301342 53.21254737057343931, 5.65819043789074971 53.21345494011637101, 5.65938373220817326 53.21615264233240339, 5.66320803342866608 53.21914916807932627, 5.66320803342866608 53.21914916807932627)))</t>
  </si>
  <si>
    <t>MultiPolygon (((5.65966127139352437 53.22096734068114188, 5.66319636156072637 53.22474945341816976, 5.66736621488359926 53.22028905327120896, 5.66580812728623417 53.21895264464571085, 5.66320803342866608 53.21914916807932627, 5.65966127139352437 53.22096734068114188, 5.65966127139352437 53.22096734068114188)))</t>
  </si>
  <si>
    <t>MultiPolygon (((5.65809347325439749 53.23087578180616219, 5.66145813449745638 53.2288158917731451, 5.66863827233098316 53.23155698189894736, 5.67628858823306803 53.233374206619132, 5.68222142314307987 53.22950892603315509, 5.69033422071113826 53.23174245955171813, 5.69262442229588395 53.23062419463686012, 5.69493740044617436 53.22603514264306312, 5.69037713201084028 53.22421141438029935, 5.69361891794847974 53.22103685647744697, 5.70101911049746857 53.22343319489637992, 5.70679205925487043 53.2177128486400548, 5.692638167794704 53.21445925052359627, 5.69432670300748534 53.21128855321902762, 5.69641734841385983 53.21126420392597112, 5.69779189921728157 53.20855074169931243, 5.69468709845355914 53.20622896639626731, 5.68807658787373605 53.20534217395312027, 5.68554705542137295 53.20137372433868705, 5.68765932869097846 53.19995178280893811, 5.68824844209494884 53.19810550646312919, 5.68635882241240154 53.19732102571596499, 5.68754382853071316 53.19465564879204322, 5.68923946668017066 53.19027726448175741, 5.68286603380574373 53.19128193423286888, 5.68302338286530428 53.19347815539256175, 5.67455743483579678 53.19906111470227472, 5.66842862332040198 53.1989614108882094, 5.66281054857408517 53.2020361854538919, 5.65320669730496572 53.20084997217593781, 5.65313821788883608 53.20523355491582151, 5.64865205421599725 53.20719272320519622, 5.64047694319012205 53.20674403176553113, 5.63877499869500287 53.20547338266826642, 5.63562323269169685 53.20543235672731441, 5.63377969477559137 53.20429501573729425, 5.63169826498566639 53.20596326059643388, 5.63558804787524448 53.20763845075740761, 5.63049182099647716 53.2111574427154963, 5.63425557771422181 53.21289963844542115, 5.62993332963858784 53.21612219484087092, 5.62943566608000179 53.22068744077868274, 5.63564984136782066 53.22412654274705091, 5.63096099956763041 53.22714078775405966, 5.63993157141654944 53.23026032648272832, 5.64655691866150811 53.22780263839973713, 5.65161994037976889 53.2291800415398626, 5.65556187233537955 53.2285438273393936, 5.65809347325439749 53.23087578180616219, 5.65809347325439749 53.23087578180616219),(5.65966127139352437 53.22096734068114188, 5.65844669812406931 53.21974277145452703, 5.65615376665211045 53.22044503569356522, 5.65259677421126128 53.21700455383806627, 5.65231244065874083 53.21312634607199499, 5.65679560814573623 53.21188893748466597, 5.65819043789074971 53.21345494011637101, 5.66013089306301342 53.21254737057343931, 5.65984140209467501 53.21175283026890668, 5.66492336407973429 53.20946714634138885, 5.66609499205719569 53.21021595692844386, 5.67029360562572826 53.21367195761232693, 5.67086466752641805 53.21591058293127929, 5.66580812728623417 53.21895264464571085, 5.66736621488359926 53.22028905327120896, 5.66319636156072637 53.22474945341816976, 5.65966127139352437 53.22096734068114188, 5.65966127139352437 53.22096734068114188)))</t>
  </si>
  <si>
    <t>MultiPolygon (((5.72928379149310185 53.21600985538429995, 5.73018932635778988 53.21407730238480838, 5.73375255149885721 53.21417830283624539, 5.733383756579431 53.2089603516697025, 5.7272698732555849 53.20776892347203813, 5.72243431454753004 53.20877237629158429, 5.72153839298608879 53.2105036766233539, 5.72453314880606001 53.21288715025688987, 5.72566147396439717 53.21229540435432881, 5.72736050554698384 53.21330107470330262, 5.72928379149310185 53.21600985538429995, 5.72928379149310185 53.21600985538429995)))</t>
  </si>
  <si>
    <t>MultiPolygon (((5.72613462116916061 53.22172057513228083, 5.72882689797543954 53.22157031916639625, 5.73359651207548193 53.22231666117067306, 5.73416233646957707 53.21580462984560711, 5.74561165799060802 53.21587634186965943, 5.74536945110161756 53.2155210818404143, 5.74710720174718581 53.21514436996297093, 5.74402251912476114 53.21261232380305017, 5.74390503184958945 53.21137913438546008, 5.7347405777231879 53.21121967586654478, 5.73609021893898863 53.20608474135468668, 5.73740033212343103 53.20621728934337824, 5.73838229626425633 53.20420322261024637, 5.74241123393472552 53.20009512660455187, 5.73877236883101194 53.19941480670225786, 5.73379280307318684 53.20049426469108766, 5.72383399378747271 53.20075048245824689, 5.72392532823090328 53.20012667518067673, 5.71748722565669798 53.19701192615868024, 5.7123040588273728 53.19736356496194674, 5.7093676151977979 53.19962968510862567, 5.70170054870843401 53.19665849697318549, 5.69571043820866407 53.19676519960985672, 5.68754382853071316 53.19465564879204322, 5.68635882241240154 53.19732102571596499, 5.68824844209494884 53.19810550646312919, 5.68765932869097846 53.19995178280893811, 5.68554705542137295 53.20137372433868705, 5.68807658787373605 53.20534217395312027, 5.69468709845355914 53.20622896639626731, 5.69779189921728157 53.20855074169931243, 5.69641734841385983 53.21126420392597112, 5.69432670300748534 53.21128855321902762, 5.692638167794704 53.21445925052359627, 5.70679205925487043 53.2177128486400548, 5.70960080279798188 53.2183615420555185, 5.71299112095832751 53.22048243645609489, 5.72057965832844495 53.22252521065881581, 5.72555755426958779 53.22289175125938243, 5.72613462116916061 53.22172057513228083, 5.72613462116916061 53.22172057513228083),(5.72736050554698384 53.21330107470330262, 5.72566147396439717 53.21229540435432881, 5.72453314880606001 53.21288715025688987, 5.72153839298608879 53.2105036766233539, 5.72243431454753004 53.20877237629158429, 5.7272698732555849 53.20776892347203813, 5.733383756579431 53.2089603516697025, 5.73375255149885721 53.21417830283624539, 5.73018932635778988 53.21407730238480838, 5.72928379149310185 53.21600985538429995, 5.72736050554698384 53.21330107470330262, 5.72736050554698384 53.21330107470330262)))</t>
  </si>
  <si>
    <t>MultiPolygon (((5.51575995956625231 53.23543839818366052, 5.52011638218554701 53.23629426996640035, 5.52261073553857873 53.23961159967851842, 5.52436884110887672 53.23898310651670585, 5.5257458859857449 53.23930746304352368, 5.52510360209770113 53.24032803791072865, 5.52721762609164458 53.24083186634327092, 5.52938685634195437 53.2359997930877924, 5.52523228086458662 53.23560763209725621, 5.52515378920054179 53.23439877742380588, 5.52821670821974553 53.2310519322160971, 5.53104294485558334 53.23143664141137776, 5.53090963951815073 53.22650693265266852, 5.53264098277413119 53.22672872837177493, 5.53387085905408416 53.22425558075953944, 5.52924394057085067 53.22355369368929701, 5.53022000156665339 53.21825890790453428, 5.53052299421893245 53.21788560077988706, 5.53645919449252677 53.21905806100316028, 5.53764376403019654 53.21624373390321949, 5.53950426967916254 53.21268379375559476, 5.53667334696965163 53.21134781522614787, 5.53603189823202158 53.21277188258786595, 5.53276084547153246 53.21242578549981772, 5.53343920453491833 53.21064397488611775, 5.5315120941771232 53.21041796905664256, 5.52980187813024493 53.21446962219653187, 5.52653051075485191 53.21405486783758221, 5.52499605893612866 53.21378265382472961, 5.52477536894166565 53.21612709582259981, 5.52024642167093216 53.21483073113088125, 5.5175059232499688 53.22080974280898857, 5.51956029194712539 53.22144612135472386, 5.51760692312719048 53.22779046414086679, 5.5166041317317811 53.22838727261414249, 5.51570026543060266 53.23415185563692376, 5.51508051085946693 53.23532379592211328, 5.51575995956625231 53.23543839818366052, 5.51575995956625231 53.23543839818366052)))</t>
  </si>
  <si>
    <t>MultiPolygon (((5.59879760589162867 53.2723252895877053, 5.61024037305881684 53.27312119376662025, 5.61411167858158766 53.27342340466153559, 5.61389655492934647 53.27166240197585978, 5.61144771549933452 53.27051851357796153, 5.60441591840892706 53.26940526679737786, 5.60455200712086032 53.26878846830226877, 5.5989060377022577 53.27127146990079609, 5.59879760589162867 53.2723252895877053, 5.59879760589162867 53.2723252895877053)))</t>
  </si>
  <si>
    <t>MultiPolygon (((5.5987232664848916 53.27519087307447165, 5.61205227747513913 53.27765131461404735, 5.61411167858158766 53.27342340466153559, 5.61024037305881684 53.27312119376662025, 5.59879760589162867 53.2723252895877053, 5.5987232664848916 53.27519087307447165, 5.5987232664848916 53.27519087307447165)))</t>
  </si>
  <si>
    <t>MultiPolygon (((5.5987232664848916 53.27519087307447165, 5.59809528491327058 53.27682030160163862, 5.59918346171173287 53.2769705075718889, 5.59927521738306222 53.27951526702385365, 5.59447422659888094 53.2954785341884687, 5.59043714311889239 53.29457765592982099, 5.59306136456818681 53.28474720415442789, 5.58716571057787803 53.28280891702905109, 5.58249656959559459 53.28344340470942342, 5.57904362074592353 53.28485060788213445, 5.57711626052770271 53.28407796623550752, 5.57809612881906247 53.28295483208125205, 5.56899368487979185 53.27958446120874214, 5.57133977847533579 53.27695667858547068, 5.56988057882612519 53.27639785203176359, 5.56772822744862328 53.27871142925392434, 5.56424069372345897 53.2780626322793367, 5.55610100805782103 53.2736280181209878, 5.55285081187726082 53.27477434195391481, 5.56174620034346301 53.28505049361544366, 5.5785093740117313 53.29602019504719124, 5.58701641492311474 53.30046713005535963, 5.61743293922636155 53.30976254155893201, 5.62567376396691543 53.31073379108552501, 5.62878814089747426 53.31100506968745378, 5.63031129837337918 53.31237449989106381, 5.63280270420882534 53.31157347902632182, 5.63495319932208272 53.29376939577978334, 5.63565320586595231 53.29356928355640832, 5.63790217566287843 53.28216282677745852, 5.63881676863800596 53.28067066036240362, 5.64106262887378396 53.28082738229115023, 5.6409369702489105 53.27374672178466852, 5.64358095477974508 53.26314120265765695, 5.65067018369889151 53.2623186706165086, 5.65296765451090977 53.24935130381934556, 5.65147990334946826 53.25019136278010023, 5.64928531672635525 53.2488493320990699, 5.64169157020955225 53.25222867224997714, 5.6383252639849637 53.25115845985744301, 5.63446765785260872 53.2517708325179342, 5.63060075155788997 53.2533145345899257, 5.61783838295599036 53.25576205074445113, 5.62035215712200831 53.26148826608343256, 5.61092133425001727 53.26515855196388571, 5.61184356477042101 53.2629681850768435, 5.60803618201456366 53.25809781000749865, 5.6020096825376271 53.25795835004790035, 5.59656416073846419 53.26078005760012246, 5.58995847303110072 53.26108655342999043, 5.59125062337756695 53.26352707971532396, 5.58521947616139069 53.26305007364371846, 5.5785884508270307 53.2638824681377514, 5.5676020138912401 53.26420909736711451, 5.55760376271627443 53.26366259930098579, 5.55104029464168924 53.2621791185966984, 5.54491347507600096 53.26225549171236651, 5.54496290325793328 53.26476612297506819, 5.55199763814531888 53.26580666704467149, 5.55379278789104713 53.26719641459156662, 5.55362397419709808 53.26783492719246738, 5.5748532252319265 53.27074414636521738, 5.57644995105821462 53.27216593292575908, 5.58513989738144012 53.27412879368552012, 5.59642536125148915 53.2754113134175995, 5.5987232664848916 53.27519087307447165),(5.5987232664848916 53.27519087307447165, 5.59879760589162867 53.2723252895877053, 5.5989060377022577 53.27127146990079609, 5.60455200712086032 53.26878846830226877, 5.60441591840892706 53.26940526679737786, 5.61144771549933452 53.27051851357796153, 5.61389655492934647 53.27166240197585978, 5.61411167858158766 53.27342340466153559, 5.61205227747513913 53.27765131461404735, 5.5987232664848916 53.27519087307447165)))</t>
  </si>
  <si>
    <t>MultiPolygon (((5.71452182481255111 53.22812111188323314, 5.71801851770669423 53.22953063083007663, 5.71844249966780893 53.22901604343837079, 5.72027546266893605 53.2269022967304366, 5.71756814888524101 53.2245770891357779, 5.71360288696436669 53.22326583076963402, 5.71271761980134318 53.22585199577731885, 5.71598809060019519 53.22751988538674794, 5.71452182481255111 53.22812111188323314, 5.71452182481255111 53.22812111188323314)))</t>
  </si>
  <si>
    <t>MultiPolygon (((5.7325518249755314 53.23032293829150063, 5.73359651207548193 53.22231666117067306, 5.72882689797543954 53.22157031916639625, 5.72613462116916061 53.22172057513228083, 5.72555755426958779 53.22289175125938243, 5.72057965832844495 53.22252521065881581, 5.71299112095832751 53.22048243645609489, 5.70960080279798188 53.2183615420555185, 5.70679205925487043 53.2177128486400548, 5.70101911049746857 53.22343319489637992, 5.70119213242379175 53.2254771232397772, 5.70370295032803121 53.22646898473838917, 5.70321798888422027 53.22734505361276547, 5.70835620426358492 53.23007963676781173, 5.71105465016522551 53.2285415299824578, 5.71380610246035125 53.22777347862108854, 5.71452182481255111 53.22812111188323314, 5.71598809060019519 53.22751988538674794, 5.71271761980134318 53.22585199577731885, 5.71360288696436669 53.22326583076963402, 5.71756814888524101 53.2245770891357779, 5.72027546266893605 53.2269022967304366, 5.71844249966780893 53.22901604343837079, 5.72000175419494283 53.22984850990161476, 5.72298456328031779 53.22825231341064978, 5.72732477025728315 53.23008493461444601, 5.72510392860947182 53.23183124723732362, 5.72548989401302943 53.23460672563665241, 5.72789475510782164 53.23611188547039319, 5.72976881963091778 53.23525439561009875, 5.73814764945002675 53.23128337059088722, 5.733625103564159 53.23089471436800579, 5.7325518249755314 53.23032293829150063, 5.7325518249755314 53.23032293829150063)))</t>
  </si>
  <si>
    <t>MultiPolygon (((5.50218330109724008 53.17066990156283879, 5.50340310507580721 53.17252818535900616, 5.50798722743061919 53.17257821084959346, 5.51027541488151673 53.1750447680115883, 5.51952615096706545 53.17258020690113796, 5.52304071151776643 53.1748036249996332, 5.52542618381720363 53.17539080576551669, 5.52653303139990015 53.1757171501729502, 5.53031641894064308 53.17521408387803206, 5.53306922956666192 53.17402928167582843, 5.52437931773338864 53.16492572909366032, 5.5309734079871351 53.16368457201798492, 5.53212551268072072 53.16475661627184479, 5.53561744500083819 53.16486137292177006, 5.53903976413735499 53.1638803010304386, 5.5356200726469762 53.16033644274276071, 5.5324619213198245 53.15347361776144197, 5.53000569845510181 53.15300652792017644, 5.52850773965369413 53.15326579126739404, 5.5289586524143477 53.15437577873482411, 5.5184294843719055 53.15520121377977603, 5.51240008138762771 53.15150587884764377, 5.50991220656454672 53.15262221006549481, 5.50839794218365597 53.15388623944792812, 5.5104369421645778 53.15584656109626849, 5.5101256621527126 53.15810965755682105, 5.50624429348166089 53.16010503932513842, 5.5057105781432174 53.16205864049610597, 5.49998906432545631 53.16344876532247099, 5.49674422121018935 53.16507026478562636, 5.50218330109724008 53.17066990156283879, 5.50218330109724008 53.17066990156283879)))</t>
  </si>
  <si>
    <t>MultiPolygon (((5.51027733036406442 53.19630628783855286, 5.5063435096310398 53.19112309132441396, 5.51083756726722473 53.19076626525870211, 5.50767917417486252 53.18687014067827334, 5.50688927169894438 53.18373700075497368, 5.50487119695668614 53.17927649982336646, 5.50289107445224346 53.17714622077483, 5.49636720809687596 53.17780531533374955, 5.49637255363543353 53.17838273812930083, 5.48186045833901758 53.17615711982023896, 5.48023726747730588 53.1759607524135518, 5.48013542040003898 53.17631947012398541, 5.47940934241514999 53.17668463118228317, 5.48160730941488072 53.1800372920884854, 5.48093231049453866 53.18005558703205793, 5.4836391462963272 53.18379299543362748, 5.48169965968240813 53.18378038930973162, 5.48215776902185326 53.18520455401694846, 5.48760475254776381 53.19364411547232407, 5.49016866812193882 53.19406840604894882, 5.49021914712027836 53.19299405937864123, 5.51027733036406442 53.19630628783855286, 5.51027733036406442 53.19630628783855286)))</t>
  </si>
  <si>
    <t>MultiPolygon (((5.54109964481888984 53.19703714962594177, 5.53077927223695642 53.19675486163929889, 5.53006927841956752 53.19459752683444265, 5.52515215271043125 53.19517061957159854, 5.52634303896785717 53.19747285489054889, 5.52574891972767634 53.19839624220112739, 5.53674695015420149 53.19980826887175596, 5.54086452519175143 53.19945207366217232, 5.54131176658441049 53.1985110027050041, 5.54109964481888984 53.19703714962594177, 5.54109964481888984 53.19703714962594177)))</t>
  </si>
  <si>
    <t>MultiPolygon (((5.53783352433776788 53.18527438161873278, 5.54537501288942902 53.18462895610796437, 5.53441114062363138 53.18027421837930291, 5.52729381941217124 53.1793224814534824, 5.52546651694960023 53.17997384541287431, 5.52972009680504595 53.18432756891448321, 5.53783352433776788 53.18527438161873278, 5.53783352433776788 53.18527438161873278)))</t>
  </si>
  <si>
    <t>MultiPolygon (((5.52515215271043125 53.19517061957159854, 5.53006927841956752 53.19459752683444265, 5.53046483515031895 53.19344553822571697, 5.52858551777798191 53.18996875263432145, 5.52312152182505844 53.19137674197565246, 5.52515215271043125 53.19517061957159854, 5.52515215271043125 53.19517061957159854)))</t>
  </si>
  <si>
    <t>MultiPolygon (((5.54864181595599604 53.18444011496833213, 5.55351691253870783 53.18436418200257521, 5.55574360280667623 53.18223641666720169, 5.55452536871899927 53.18072441717740162, 5.54750203206005921 53.18179122690563787, 5.5477224317480065 53.18237399332727477, 5.54864181595599604 53.18444011496833213, 5.54864181595599604 53.18444011496833213)))</t>
  </si>
  <si>
    <t>MultiPolygon (((5.53006927841956752 53.19459752683444265, 5.53077927223695642 53.19675486163929889, 5.54109964481888984 53.19703714962594177, 5.54087124810727527 53.19388971743171624, 5.53684499754701331 53.19363779681200555, 5.53487989946681846 53.19245545293647126, 5.53046483515031895 53.19344553822571697, 5.53006927841956752 53.19459752683444265, 5.53006927841956752 53.19459752683444265)))</t>
  </si>
  <si>
    <t>MultiPolygon (((5.54792316501177574 53.1932902558757732, 5.54799325481234273 53.19349759504881803, 5.55123181131750254 53.19335688540493123, 5.55159241385358015 53.1939915852595604, 5.55329937546325514 53.19415223104165591, 5.5557772395712588 53.1939301512027356, 5.55563493763978311 53.19300164170104495, 5.56338771077704219 53.19289675052447564, 5.56295987466672504 53.19010294317971699, 5.56336606064042893 53.18863788494883948, 5.5564868383370003 53.1876232653844383, 5.55485208062438041 53.18742048409279732, 5.55415600931632891 53.19002702229497004, 5.55224386846341833 53.19193873178048193, 5.54792316501177574 53.1932902558757732, 5.54792316501177574 53.1932902558757732)))</t>
  </si>
  <si>
    <t>MultiPolygon (((5.54087124810727527 53.19388971743171624, 5.54792316501177574 53.1932902558757732, 5.5459796300319617 53.18837856756243809, 5.53944700299914405 53.18872399769787762, 5.53576325745165132 53.18963766585055453, 5.53742363144550964 53.19222355305133476, 5.53487989946681846 53.19245545293647126, 5.53684499754701331 53.19363779681200555, 5.54087124810727527 53.19388971743171624, 5.54087124810727527 53.19388971743171624)))</t>
  </si>
  <si>
    <t>MultiPolygon (((5.52312152182505844 53.19137674197565246, 5.52858551777798191 53.18996875263432145, 5.52628523911217506 53.18835844961080284, 5.53074609370476544 53.18790084250835548, 5.52972009680504595 53.18432756891448321, 5.51729089754342095 53.18410373364884691, 5.52312152182505844 53.19137674197565246, 5.52312152182505844 53.19137674197565246)))</t>
  </si>
  <si>
    <t>MultiPolygon (((5.53046483515031895 53.19344553822571697, 5.53487989946681846 53.19245545293647126, 5.53074609370476544 53.18790084250835548, 5.52628523911217506 53.18835844961080284, 5.52858551777798191 53.18996875263432145, 5.53046483515031895 53.19344553822571697, 5.53046483515031895 53.19344553822571697)))</t>
  </si>
  <si>
    <t>MultiPolygon (((5.53487989946681846 53.19245545293647126, 5.53742363144550964 53.19222355305133476, 5.53576325745165132 53.18963766585055453, 5.53944700299914405 53.18872399769787762, 5.53783352433776788 53.18527438161873278, 5.52972009680504595 53.18432756891448321, 5.53074609370476544 53.18790084250835548, 5.53487989946681846 53.19245545293647126, 5.53487989946681846 53.19245545293647126)))</t>
  </si>
  <si>
    <t>MultiPolygon (((5.54537501288942902 53.18462895610796437, 5.54805334126998329 53.18449457765157007, 5.54864181595599604 53.18444011496833213, 5.5477224317480065 53.18237399332727477, 5.54285470091548937 53.1816694702041346, 5.53713817075341996 53.17988886511881219, 5.53441114062363138 53.18027421837930291, 5.54537501288942902 53.18462895610796437, 5.54537501288942902 53.18462895610796437)))</t>
  </si>
  <si>
    <t>MultiPolygon (((5.55351691253870783 53.18436418200257521, 5.56165366057585242 53.18362543529659803, 5.56928711697168577 53.18134559547282691, 5.56819763104290821 53.17963597929443154, 5.55574360280667623 53.18223641666720169, 5.55351691253870783 53.18436418200257521, 5.55351691253870783 53.18436418200257521)))</t>
  </si>
  <si>
    <t>MultiPolygon (((5.51729089754342095 53.18410373364884691, 5.52972009680504595 53.18432756891448321, 5.52546651694960023 53.17997384541287431, 5.52729381941217124 53.1793224814534824, 5.52422678320161253 53.17714756175008262, 5.52542618381720363 53.17539080576551669, 5.52304071151776643 53.1748036249996332, 5.51952615096706545 53.17258020690113796, 5.51027541488151673 53.1750447680115883, 5.50798722743061919 53.17257821084959346, 5.50340310507580721 53.17252818535900616, 5.50218330109724008 53.17066990156283879, 5.49905755910382954 53.17347544185861352, 5.49399620373213704 53.17429730159800982, 5.49636720809687596 53.17780531533374955, 5.50289107445224346 53.17714622077483, 5.50487119695668614 53.17927649982336646, 5.50688927169894438 53.18373700075497368, 5.51729089754342095 53.18410373364884691, 5.51729089754342095 53.18410373364884691)))</t>
  </si>
  <si>
    <t>MultiPolygon (((5.54109964481888984 53.19703714962594177, 5.54131176658441049 53.1985110027050041, 5.54968374565545197 53.19942726957599888, 5.54799325481234273 53.19349759504881803, 5.54792316501177574 53.1932902558757732, 5.54087124810727527 53.19388971743171624, 5.54109964481888984 53.19703714962594177, 5.54109964481888984 53.19703714962594177)))</t>
  </si>
  <si>
    <t>MultiPolygon (((5.5459796300319617 53.18837856756243809, 5.54792316501177574 53.1932902558757732, 5.55224386846341833 53.19193873178048193, 5.55415600931632891 53.19002702229497004, 5.55485208062438041 53.18742048409279732, 5.5564868383370003 53.1876232653844383, 5.5617320012802729 53.18753606577062953, 5.56398045015249743 53.18341997398221821, 5.56165366057585242 53.18362543529659803, 5.55351691253870783 53.18436418200257521, 5.54864181595599604 53.18444011496833213, 5.54805334126998329 53.18449457765157007, 5.54823960286975382 53.18672195981209683, 5.5459796300319617 53.18837856756243809, 5.5459796300319617 53.18837856756243809)))</t>
  </si>
  <si>
    <t>MultiPolygon (((5.53944700299914405 53.18872399769787762, 5.5459796300319617 53.18837856756243809, 5.54823960286975382 53.18672195981209683, 5.54805334126998329 53.18449457765157007, 5.54537501288942902 53.18462895610796437, 5.53783352433776788 53.18527438161873278, 5.53944700299914405 53.18872399769787762, 5.53944700299914405 53.18872399769787762)))</t>
  </si>
  <si>
    <t>MultiPolygon (((5.5477224317480065 53.18237399332727477, 5.54750203206005921 53.18179122690563787, 5.55452536871899927 53.18072441717740162, 5.55432372078263636 53.17986391670390134, 5.55674400790954426 53.1789115131571819, 5.55669837944869727 53.17799692616286222, 5.55104369117499452 53.17422129139394116, 5.5336452630780526 53.17474094557711339, 5.53990276357637068 53.17889608765771214, 5.53713817075341996 53.17988886511881219, 5.54285470091548937 53.1816694702041346, 5.5477224317480065 53.18237399332727477, 5.5477224317480065 53.18237399332727477)))</t>
  </si>
  <si>
    <t>MultiPolygon (((5.55629558155069425 53.20181154774905252, 5.56097162303106263 53.20184508083234931, 5.56574782382623656 53.20344869548436861, 5.56326462042790482 53.19072966649259371, 5.56715970162652418 53.18883323956495701, 5.57068081175329866 53.18799185838985011, 5.57782219527142509 53.18745328240797932, 5.58237104386078009 53.18999315896343205, 5.58288886714265242 53.19101472805049013, 5.58436209662391914 53.19127196291406534, 5.5848973782013811 53.19019188762640482, 5.58728979591268882 53.19063420780744877, 5.59025287749435407 53.1889252049445389, 5.58896462027388186 53.18778367780865324, 5.58905259927264098 53.18637974585988104, 5.5902782020793973 53.18568796344835903, 5.59392442353224073 53.18574664250932216, 5.6012258430013171 53.18273603224595547, 5.58866735359401723 53.17710438842627241, 5.58851210584354963 53.1719332316071629, 5.58280421031518337 53.1683017055283571, 5.58096003279031994 53.16745623547087263, 5.57967865175727873 53.16763802396307881, 5.57936443158193462 53.16473424718017071, 5.56645802277338486 53.16693745751806688, 5.56075071446695191 53.16671407479177702, 5.55609573135511692 53.16407055445329632, 5.55254023777829442 53.16560151283987068, 5.55778456012011279 53.17049994916607147, 5.54650651320909915 53.17213374554420824, 5.54433258375351556 53.17175256824273077, 5.54152384341549809 53.16894659095491704, 5.53931709260630356 53.16644540447516221, 5.54007986453503065 53.16533069120120558, 5.53903976413735499 53.1638803010304386, 5.53561744500083819 53.16486137292177006, 5.53212551268072072 53.16475661627184479, 5.5309734079871351 53.16368457201798492, 5.52437931773338864 53.16492572909366032, 5.53306922956666192 53.17402928167582843, 5.53031641894064308 53.17521408387803206, 5.52653303139990015 53.1757171501729502, 5.52542618381720363 53.17539080576551669, 5.52422678320161253 53.17714756175008262, 5.52729381941217124 53.1793224814534824, 5.53441114062363138 53.18027421837930291, 5.53713817075341996 53.17988886511881219, 5.53990276357637068 53.17889608765771214, 5.5336452630780526 53.17474094557711339, 5.55104369117499452 53.17422129139394116, 5.55669837944869727 53.17799692616286222, 5.55674400790954426 53.1789115131571819, 5.55432372078263636 53.17986391670390134, 5.55452536871899927 53.18072441717740162, 5.55574360280667623 53.18223641666720169, 5.56819763104290821 53.17963597929443154, 5.56928711697168577 53.18134559547282691, 5.56165366057585242 53.18362543529659803, 5.56398045015249743 53.18341997398221821, 5.5617320012802729 53.18753606577062953, 5.5564868383370003 53.1876232653844383, 5.56336606064042893 53.18863788494883948, 5.56295987466672504 53.19010294317971699, 5.56338771077704219 53.19289675052447564, 5.55563493763978311 53.19300164170104495, 5.5557772395712588 53.1939301512027356, 5.55329937546325514 53.19415223104165591, 5.55159241385358015 53.1939915852595604, 5.55123181131750254 53.19335688540493123, 5.54799325481234273 53.19349759504881803, 5.54968374565545197 53.19942726957599888, 5.54131176658441049 53.1985110027050041, 5.54086452519175143 53.19945207366217232, 5.53674695015420149 53.19980826887175596, 5.52574891972767634 53.19839624220112739, 5.52634303896785717 53.19747285489054889, 5.52515215271043125 53.19517061957159854, 5.52312152182505844 53.19137674197565246, 5.51729089754342095 53.18410373364884691, 5.50688927169894438 53.18373700075497368, 5.50767917417486252 53.18687014067827334, 5.51083756726722473 53.19076626525870211, 5.5063435096310398 53.19112309132441396, 5.51027733036406442 53.19630628783855286, 5.51253921352247556 53.1988887430790669, 5.52176765659891 53.20231566440394744, 5.52349778168113481 53.20353115837935576, 5.52602988206866108 53.20419448868970136, 5.52890928495862255 53.20123040994565855, 5.52737010789397321 53.19937512961951853, 5.53690259840064591 53.20069553776412619, 5.54073459987128558 53.20225095006010463, 5.54473860440651212 53.20224575432713721, 5.54771365280027506 53.20153779438576436, 5.55629558155069425 53.20181154774905252, 5.55629558155069425 53.20181154774905252)))</t>
  </si>
  <si>
    <t>MultiPolygon (((5.53811945214665169 53.26561652548279113, 5.53997155340111203 53.26316873035162303, 5.54491347507600096 53.26225549171236651, 5.55104029464168924 53.2621791185966984, 5.59158569793379989 53.2264122882445605, 5.59007594017744847 53.2261130515019758, 5.58716866573432736 53.22848024909566078, 5.58333646772296444 53.22751534885194502, 5.53638483389435621 53.26408068528814255, 5.53811945214665169 53.26561652548279113, 5.53811945214665169 53.26561652548279113)))</t>
  </si>
  <si>
    <t>MultiPolygon (((5.63690135688844407 53.19835668611270307, 5.64223752222218256 53.19904981141286981, 5.64072908173426768 53.19289212143157641, 5.63344780813189772 53.19457584278683271, 5.63267625950009432 53.19476071417448537, 5.63511384716473618 53.1959313619925922, 5.63690135688844407 53.19835668611270307, 5.63690135688844407 53.19835668611270307)))</t>
  </si>
  <si>
    <t>MultiPolygon (((5.6487207141750444 53.19988876272915945, 5.65457981694185197 53.2006007747505052, 5.65310161964561786 53.1993906686514606, 5.65318021881139199 53.19762112314752756, 5.65859517593746641 53.19529364835096175, 5.65500687730101781 53.19089422585553706, 5.64767756227040607 53.19248776116959476, 5.64954579133577983 53.19543143057443757, 5.64629428689505097 53.19634444273568619, 5.6487207141750444 53.19988876272915945, 5.6487207141750444 53.19988876272915945)))</t>
  </si>
  <si>
    <t>MultiPolygon (((5.64223752222218256 53.19904981141286981, 5.6487207141750444 53.19988876272915945, 5.64629428689505097 53.19634444273568619, 5.64954579133577983 53.19543143057443757, 5.64767756227040607 53.19248776116959476, 5.65500687730101781 53.19089422585553706, 5.65502545089331399 53.18925979983677621, 5.64816915931679286 53.18934176511844925, 5.64282009072196722 53.18782320186141277, 5.64220664320612375 53.18656554426734573, 5.63926333169937433 53.18703448625318231, 5.63771921806072918 53.18787487269739245, 5.63991334097670283 53.1899286671724596, 5.63344780813189772 53.19457584278683271, 5.64072908173426768 53.19289212143157641, 5.64223752222218256 53.19904981141286981, 5.64223752222218256 53.19904981141286981)))</t>
  </si>
  <si>
    <t>MultiPolygon (((5.63690135688844407 53.19835668611270307, 5.63511384716473618 53.1959313619925922, 5.63267625950009432 53.19476071417448537, 5.62825646394122892 53.19565074231214652, 5.62409735951602308 53.19251702097504619, 5.6185024868582838 53.1958366947835728, 5.63690135688844407 53.19835668611270307, 5.63690135688844407 53.19835668611270307)))</t>
  </si>
  <si>
    <t>MultiPolygon (((5.65313821788883608 53.20523355491582151, 5.65320669730496572 53.20084997217593781, 5.66281054857408517 53.2020361854538919, 5.66842862332040198 53.1989614108882094, 5.67455743483579678 53.19906111470227472, 5.68302338286530428 53.19347815539256175, 5.68286603380574373 53.19128193423286888, 5.68923946668017066 53.19027726448175741, 5.69078957733694146 53.19007375064760623, 5.69081420849931874 53.18931795680749985, 5.69003295848871549 53.18827849228810578, 5.68684230614932851 53.18701222239868542, 5.68624896555021664 53.18359055165055338, 5.6859127096025821 53.1816858022222263, 5.6846420478685511 53.18182584985050454, 5.67939821684952939 53.17913285511833976, 5.67729119220293033 53.17639267712372941, 5.67458635332857408 53.17780789123536778, 5.67235200807655726 53.17575780025600096, 5.67283610750943623 53.17532607023554903, 5.66900611636942386 53.17333283116050069, 5.66791310172937113 53.17404387485084527, 5.66823956283898323 53.17502730611742123, 5.66595988121415317 53.17546975752141947, 5.66199952118203687 53.17195356425649067, 5.66264842858212436 53.17183340029068006, 5.6619649274440107 53.17121109057305972, 5.66252552429501055 53.17072044162645739, 5.65870023925679089 53.16831629417329452, 5.65629269683658098 53.1679610009903314, 5.65284017187988397 53.1662591861487428, 5.6463248822139116 53.16926585076843992, 5.63973234314372274 53.17133165055682298, 5.63722605863534465 53.16955226137334733, 5.63307989426198308 53.16801293280790475, 5.62852875218681969 53.16982068472943723, 5.62349729814847699 53.16829598696902082, 5.61978559913131814 53.17178664952586331, 5.61889009509004911 53.17404074056605623, 5.62032459061382106 53.17472611956982576, 5.60712067375066159 53.17952469641928559, 5.60714169628452108 53.18248841252926695, 5.60469904428316124 53.183870103548891, 5.61012213549824157 53.18587285745828552, 5.61509361710528587 53.18862709347597217, 5.61828858306937828 53.1914506579635642, 5.60954248138460976 53.19537714759292157, 5.60872197539055772 53.19824808393840243, 5.63410499836740541 53.20022463233355126, 5.63597715682798128 53.20361545029133765, 5.63877499869500287 53.20547338266826642, 5.64047694319012205 53.20674403176553113, 5.64865205421599725 53.20719272320519622, 5.65313821788883608 53.20523355491582151, 5.65313821788883608 53.20523355491582151),(5.6185024868582838 53.1958366947835728, 5.62409735951602308 53.19251702097504619, 5.62825646394122892 53.19565074231214652, 5.63267625950009432 53.19476071417448537, 5.63344780813189772 53.19457584278683271, 5.63991334097670283 53.1899286671724596, 5.63771921806072918 53.18787487269739245, 5.63926333169937433 53.18703448625318231, 5.64220664320612375 53.18656554426734573, 5.64282009072196722 53.18782320186141277, 5.64816915931679286 53.18934176511844925, 5.65502545089331399 53.18925979983677621, 5.65500687730101781 53.19089422585553706, 5.65859517593746641 53.19529364835096175, 5.65318021881139199 53.19762112314752756, 5.65310161964561786 53.1993906686514606, 5.65457981694185197 53.2006007747505052, 5.6487207141750444 53.19988876272915945, 5.64223752222218256 53.19904981141286981, 5.63690135688844407 53.19835668611270307, 5.6185024868582838 53.1958366947835728, 5.6185024868582838 53.1958366947835728)))</t>
  </si>
  <si>
    <t>MultiPolygon (((5.54480792299054759 53.21061216175328212, 5.54681500891175272 53.2090144133802383, 5.54687124218702454 53.20777129102674508, 5.54197793516933146 53.20666645275317563, 5.54024635843721569 53.20744161610712553, 5.53999275495529631 53.20980998145797258, 5.54480792299054759 53.21061216175328212, 5.54480792299054759 53.21061216175328212)))</t>
  </si>
  <si>
    <t>MultiPolygon (((5.53764376403019654 53.21624373390321949, 5.5533591123051762 53.22117325977189495, 5.55693354970928954 53.21543326786302686, 5.55437084858780139 53.21249347511122352, 5.55639757242658483 53.20977100366440737, 5.55740983042950187 53.20590253401033465, 5.55754098293672971 53.20322659908473639, 5.55630982792677042 53.20319211229934098, 5.55629558155069425 53.20181154774905252, 5.54771365280027506 53.20153779438576436, 5.54473860440651212 53.20224575432713721, 5.54073459987128558 53.20225095006010463, 5.53690259840064591 53.20069553776412619, 5.52737010789397321 53.19937512961951853, 5.52890928495862255 53.20123040994565855, 5.52602988206866108 53.20419448868970136, 5.52349778168113481 53.20353115837935576, 5.52139632401248104 53.20554692181931244, 5.52261395806037925 53.20591089716645428, 5.523544862879886 53.2077659665931435, 5.52287638028693895 53.20877137572175997, 5.52722323039939756 53.20878921774974657, 5.52653051075485191 53.21405486783758221, 5.52980187813024493 53.21446962219653187, 5.5315120941771232 53.21041796905664256, 5.53343920453491833 53.21064397488611775, 5.53276084547153246 53.21242578549981772, 5.53603189823202158 53.21277188258786595, 5.53667334696965163 53.21134781522614787, 5.53950426967916254 53.21268379375559476, 5.53764376403019654 53.21624373390321949, 5.53764376403019654 53.21624373390321949),(5.54480792299054759 53.21061216175328212, 5.53999275495529631 53.20980998145797258, 5.54024635843721569 53.20744161610712553, 5.54197793516933146 53.20666645275317563, 5.54687124218702454 53.20777129102674508, 5.54681500891175272 53.2090144133802383, 5.54480792299054759 53.21061216175328212, 5.54480792299054759 53.21061216175328212)))</t>
  </si>
  <si>
    <t>MultiPolygon (((5.73036913341067855 53.19477509860263353, 5.72940190010511241 53.19414022994921254, 5.72839072568152563 53.19022172668361748, 5.73014651235390993 53.18969074462815882, 5.73231201017893177 53.19008851913675784, 5.73411929791283725 53.19170893219214946, 5.73578389405394606 53.19130963276804636, 5.73725508649219851 53.18991396600662114, 5.72289911300711207 53.1881925827778943, 5.72077071682193949 53.18964133770170832, 5.71882109430829377 53.19346993848937188, 5.72341389584638716 53.19440551512434467, 5.73036913341067855 53.19477509860263353, 5.73036913341067855 53.19477509860263353)))</t>
  </si>
  <si>
    <t>MultiPolygon (((5.73379280307318684 53.20049426469108766, 5.73877236883101194 53.19941480670225786, 5.74241123393472552 53.20009512660455187, 5.74457424527778748 53.19780481196743693, 5.73997196594614856 53.19123346021122245, 5.74238876419653543 53.19141127810215863, 5.74070036600150413 53.18744702372818267, 5.73354929249557888 53.18776245430465366, 5.73379632012569829 53.18896939147569469, 5.72888592926512619 53.18864100445219378, 5.68624896555021664 53.18359055165055338, 5.68684230614932851 53.18701222239868542, 5.69003295848871549 53.18827849228810578, 5.69081420849931874 53.18931795680749985, 5.69078957733694146 53.19007375064760623, 5.68923946668017066 53.19027726448175741, 5.68754382853071316 53.19465564879204322, 5.69571043820866407 53.19676519960985672, 5.70170054870843401 53.19665849697318549, 5.7093676151977979 53.19962968510862567, 5.7123040588273728 53.19736356496194674, 5.71748722565669798 53.19701192615868024, 5.72392532823090328 53.20012667518067673, 5.72383399378747271 53.20075048245824689, 5.73379280307318684 53.20049426469108766, 5.73379280307318684 53.20049426469108766),(5.72077071682193949 53.18964133770170832, 5.72289911300711207 53.1881925827778943, 5.73725508649219851 53.18991396600662114, 5.73578389405394606 53.19130963276804636, 5.73411929791283725 53.19170893219214946, 5.73231201017893177 53.19008851913675784, 5.73014651235390993 53.18969074462815882, 5.72839072568152563 53.19022172668361748, 5.72940190010511241 53.19414022994921254, 5.73036913341067855 53.19477509860263353, 5.72341389584638716 53.19440551512434467, 5.71882109430829377 53.19346993848937188, 5.72077071682193949 53.18964133770170832, 5.72077071682193949 53.18964133770170832)))</t>
  </si>
  <si>
    <t>MultiPolygon (((5.73583838004115432 53.17776275098629668, 5.72887186237511337 53.17474377132628405, 5.72552657084714234 53.17546186573378719, 5.7244746872271266 53.177087823564122, 5.72521403400112305 53.17760756029957747, 5.72746869144883597 53.17714503921797586, 5.73012511179629058 53.17972978882332313, 5.73398908644940697 53.18060561846712631, 5.7357181831809898 53.17953544553298428, 5.73583838004115432 53.17776275098629668)))</t>
  </si>
  <si>
    <t>MultiPolygon (((5.7419875098402251 53.18083132617907438, 5.73778614527587827 53.17254669954565571, 5.73481268818416545 53.1714742112041634, 5.73332591582666407 53.16947362182467174, 5.73238298596939888 53.16938870294391961, 5.73134566362426057 53.17074327755157981, 5.72821699042301979 53.16978523603918205, 5.72833393364682308 53.16792455574623233, 5.72492474386712313 53.16607900178334489, 5.72352947105402166 53.1684227352954224, 5.72375785942021587 53.16997907320620698, 5.72012720573206668 53.17052726115095851, 5.71878724162559848 53.16948279808070055, 5.71324405872037566 53.17522963732825048, 5.71491855833556439 53.17753527433676197, 5.72468162078674503 53.18132146614915712, 5.72726944838845142 53.18432584974618038, 5.72888592926512619 53.18864100445219378, 5.73379632012569829 53.18896939147569469, 5.73354929249557888 53.18776245430465366, 5.74070036600150413 53.18744702372818267, 5.74034248700694061 53.18537189463206971, 5.7454090029174365 53.18523128031984726, 5.74142298389033012 53.1808951407504793, 5.7419875098402251 53.18083132617907438),(5.73012511179629058 53.17972978882332313, 5.72746869144883597 53.17714503921797586, 5.72521403400112305 53.17760756029957747, 5.7244746872271266 53.177087823564122, 5.72552657084714234 53.17546186573378719, 5.72887186237511337 53.17474377132628405, 5.73583838004115432 53.17776275098629668, 5.7357181831809898 53.17953544553298428, 5.73398908644940697 53.18060561846712631, 5.73012511179629058 53.17972978882332313)))</t>
  </si>
  <si>
    <t>MultiPolygon (((5.5533591123051762 53.22117325977189495, 5.5574815580217507 53.22353797045201418, 5.55994713594632017 53.22360170971197846, 5.56162067288211759 53.22331154324920277, 5.56552539317552686 53.21956593457010598, 5.56885384806533956 53.22028022306004402, 5.57078101873741627 53.22149441693538563, 5.57259066171956441 53.21969808093103893, 5.5742307426398483 53.21063505260394777, 5.56618849680402228 53.20842819567680237, 5.56574782382623656 53.20344869548436861, 5.56097162303106263 53.20184508083234931, 5.55629558155069425 53.20181154774905252, 5.55630982792677042 53.20319211229934098, 5.55754098293672971 53.20322659908473639, 5.55740983042950187 53.20590253401033465, 5.55639757242658483 53.20977100366440737, 5.55437084858780139 53.21249347511122352, 5.55693354970928954 53.21543326786302686, 5.5533591123051762 53.22117325977189495, 5.5533591123051762 53.22117325977189495)))</t>
  </si>
  <si>
    <t>MultiPolygon (((5.72468162078674503 53.18132146614915712, 5.71491855833556439 53.17753527433676197, 5.71324405872037566 53.17522963732825048, 5.70769478563228283 53.17438948490089246, 5.70609868020785171 53.17338306285289207, 5.69929121301975261 53.17370983806337392, 5.69790133922237096 53.17447904165290851, 5.69729868821077545 53.17771722270784807, 5.6926862462551453 53.1799322273185382, 5.68709595320063688 53.1800389227062027, 5.6859127096025821 53.1816858022222263, 5.68624896555021664 53.18359055165055338, 5.72888592926512619 53.18864100445219378, 5.72726944838845142 53.18432584974618038, 5.72468162078674503 53.18132146614915712, 5.72468162078674503 53.18132146614915712)))</t>
  </si>
  <si>
    <t>MultiPolygon (((5.70616475639202925 53.24368757514022121, 5.7062290907595985 53.24376633297207206, 5.70630436542782693 53.24382367702997243, 5.70802486192284597 53.24456707983555503, 5.70551949889257148 53.23766606115879085, 5.7064770243445242 53.23622664783282943, 5.71301082135134752 53.23429386831527665, 5.71102376769679676 53.23126766368381624, 5.70905993948679402 53.23360669512261012, 5.70231119123613173 53.2322247669815809, 5.70045824421969805 53.23221406505850695, 5.69968562243989396 53.23314661480593202, 5.70020485877381855 53.23560333036594727, 5.70267952506906006 53.23646271459984547, 5.70616475639202925 53.24368757514022121, 5.70616475639202925 53.24368757514022121)))</t>
  </si>
  <si>
    <t>MultiPolygon (((5.74391588877368431 53.24109812016327226, 5.73601187496057374 53.23743492462718052, 5.73495378666864308 53.23805408108830051, 5.72976881963091778 53.23525439561009875, 5.72789475510782164 53.23611188547039319, 5.72548989401302943 53.23460672563665241, 5.72510392860947182 53.23183124723732362, 5.72732477025728315 53.23008493461444601, 5.72298456328031779 53.22825231341064978, 5.72000175419494283 53.22984850990161476, 5.71844249966780893 53.22901604343837079, 5.71801851770669423 53.22953063083007663, 5.71452182481255111 53.22812111188323314, 5.71380610246035125 53.22777347862108854, 5.71105465016522551 53.2285415299824578, 5.70835620426358492 53.23007963676781173, 5.70321798888422027 53.22734505361276547, 5.70370295032803121 53.22646898473838917, 5.70119213242379175 53.2254771232397772, 5.69420224323253255 53.23190390717719112, 5.69566460838094279 53.23252776146370735, 5.69664254366328304 53.23188818544288381, 5.69761269931541481 53.23237066577232213, 5.69495541138348926 53.23432503040185537, 5.69246000772104477 53.23658659666413939, 5.69326085226758938 53.23647611911000865, 5.69402755616426948 53.23637347803039432, 5.69656149832457359 53.24504245528943613, 5.70616475639202925 53.24368757514022121, 5.70267952506906006 53.23646271459984547, 5.70020485877381855 53.23560333036594727, 5.69968562243989396 53.23314661480593202, 5.70045824421969805 53.23221406505850695, 5.70231119123613173 53.2322247669815809, 5.70905993948679402 53.23360669512261012, 5.71102376769679676 53.23126766368381624, 5.71301082135134752 53.23429386831527665, 5.7064770243445242 53.23622664783282943, 5.70551949889257148 53.23766606115879085, 5.70802486192284597 53.24456707983555503, 5.70630436542782693 53.24382367702997243, 5.70782005334118292 53.24464300672603656, 5.70946732504600352 53.24511948168689202, 5.72002904981347804 53.24733834789450526, 5.7336195995158592 53.24851398650572776, 5.74391588877368431 53.24109812016327226)))</t>
  </si>
  <si>
    <t>MultiPolygon (((5.69326085226758938 53.23647611911000865, 5.69246000772104477 53.23658659666413939, 5.69495541138348926 53.23432503040185537, 5.68833758863188965 53.23347504043821488, 5.68675749445571554 53.23476161051240751, 5.67860250952992196 53.23823815919428171, 5.67982516554638828 53.23862201974234409, 5.68710283158489016 53.23824250015778858, 5.69326085226758938 53.23647611911000865, 5.69326085226758938 53.23647611911000865)))</t>
  </si>
  <si>
    <t>MultiPolygon (((5.68941451047266344 53.24582561201337683, 5.69656149832457359 53.24504245528943613, 5.69402755616426948 53.23637347803039432, 5.69326085226758938 53.23647611911000865, 5.68710283158489016 53.23824250015778858, 5.67982516554638828 53.23862201974234409, 5.67860250952992196 53.23823815919428171, 5.68675749445571554 53.23476161051240751, 5.68833758863188965 53.23347504043821488, 5.69495541138348926 53.23432503040185537, 5.69761269931541481 53.23237066577232213, 5.69664254366328304 53.23188818544288381, 5.69566460838094279 53.23252776146370735, 5.69420224323253255 53.23190390717719112, 5.70119213242379175 53.2254771232397772, 5.70101911049746857 53.22343319489637992, 5.69361891794847974 53.22103685647744697, 5.69037713201084028 53.22421141438029935, 5.69493740044617436 53.22603514264306312, 5.69262442229588395 53.23062419463686012, 5.69033422071113826 53.23174245955171813, 5.68222142314307987 53.22950892603315509, 5.67628858823306803 53.233374206619132, 5.66863827233098316 53.23155698189894736, 5.66633717517867375 53.23352115217512193, 5.66591920329527454 53.23508151895963891, 5.67050780423496104 53.23638306426127542, 5.67195620996511884 53.23974580311035254, 5.6701692937865813 53.24039658358486093, 5.67369732749632494 53.2424540455475821, 5.68890924508957774 53.24078978134825491, 5.68941451047266344 53.24582561201337683, 5.68941451047266344 53.24582561201337683)))</t>
  </si>
  <si>
    <t>MultiPolygon (((5.65929517949817917 53.24289392780487873, 5.66034549112043806 53.24285910389136234, 5.6701692937865813 53.24039658358486093, 5.67195620996511884 53.23974580311035254, 5.67050780423496104 53.23638306426127542, 5.66591920329527454 53.23508151895963891, 5.66633717517867375 53.23352115217512193, 5.66863827233098316 53.23155698189894736, 5.66145813449745638 53.2288158917731451, 5.65809347325439749 53.23087578180616219, 5.65017811962550365 53.23592052177617262, 5.65263533165464072 53.23714478450382614, 5.65063695550082823 53.23875145916539964, 5.65814252153947805 53.24122554533293794, 5.65929517949817917 53.24289392780487873, 5.65929517949817917 53.24289392780487873)))</t>
  </si>
  <si>
    <t>MultiPolygon (((5.6382115611432182 53.2382052399904353, 5.64111601169785981 53.23989376961032605, 5.64223624796297063 53.23918791781245119, 5.6438626402210188 53.24000825965926254, 5.64765302611588993 53.23749847862885076, 5.64129939203796926 53.23641481790912877, 5.6382115611432182 53.2382052399904353, 5.6382115611432182 53.2382052399904353)))</t>
  </si>
  <si>
    <t>MultiPolygon (((5.6438626402210188 53.24000825965926254, 5.64228585851943887 53.24105219829930746, 5.65387431511002703 53.24438717832590129, 5.65929517949817917 53.24289392780487873, 5.65814252153947805 53.24122554533293794, 5.65063695550082823 53.23875145916539964, 5.65263533165464072 53.23714478450382614, 5.65017811962550365 53.23592052177617262, 5.64765302611588993 53.23749847862885076, 5.6438626402210188 53.24000825965926254, 5.6438626402210188 53.24000825965926254)))</t>
  </si>
  <si>
    <t>MultiPolygon (((5.65929517949817917 53.24289392780487873, 5.65387431511002703 53.24438717832590129, 5.64228585851943887 53.24105219829930746, 5.6438626402210188 53.24000825965926254, 5.64223624796297063 53.23918791781245119, 5.64111601169785981 53.23989376961032605, 5.6382115611432182 53.2382052399904353, 5.63565015911795442 53.24011951666916787, 5.64096364338312917 53.24144148665864407, 5.64138901116583913 53.24361269726151136, 5.64638096803669409 53.24534766772152494, 5.64482550571899644 53.2467483336692311, 5.64698184445396212 53.24802140385634175, 5.65230055430110312 53.2464489738106721, 5.65875587129513136 53.24640237139266219, 5.66192031580783439 53.24493001981592499, 5.66034549112043806 53.24285910389136234, 5.65929517949817917 53.24289392780487873, 5.65929517949817917 53.24289392780487873)))</t>
  </si>
  <si>
    <t>MultiPolygon (((5.6383252639849637 53.25115845985744301, 5.64169157020955225 53.25222867224997714, 5.64928531672635525 53.2488493320990699, 5.65147990334946826 53.25019136278010023, 5.65296765451090977 53.24935130381934556, 5.65493270059074238 53.24871825718224727, 5.6559691274813888 53.24861006440823985, 5.65650818541372935 53.24923084053661171, 5.66305233008659581 53.24828323742248415, 5.66281700609333516 53.24530966785122388, 5.66511649058335287 53.2441666466201653, 5.670519934524898 53.24285750929487193, 5.67038854719865881 53.24342312497610408, 5.67372939163478041 53.24290463749304791, 5.67369732749632494 53.2424540455475821, 5.6701692937865813 53.24039658358486093, 5.66034549112043806 53.24285910389136234, 5.66192031580783439 53.24493001981592499, 5.65875587129513136 53.24640237139266219, 5.65230055430110312 53.2464489738106721, 5.64698184445396212 53.24802140385634175, 5.64482550571899644 53.2467483336692311, 5.64638096803669409 53.24534766772152494, 5.64138901116583913 53.24361269726151136, 5.64096364338312917 53.24144148665864407, 5.63565015911795442 53.24011951666916787, 5.6382115611432182 53.2382052399904353, 5.64129939203796926 53.23641481790912877, 5.64765302611588993 53.23749847862885076, 5.65017811962550365 53.23592052177617262, 5.65809347325439749 53.23087578180616219, 5.65556187233537955 53.2285438273393936, 5.65161994037976889 53.2291800415398626, 5.64655691866150811 53.22780263839973713, 5.63993157141654944 53.23026032648272832, 5.63096099956763041 53.22714078775405966, 5.62582462648884896 53.22960421339110582, 5.62301540536821243 53.22879192288388595, 5.62075657727787181 53.22718935882588909, 5.62121483507549424 53.22694123740863859, 5.60963473178619587 53.22110625496415537, 5.60825571564900116 53.22227362930824768, 5.60975850977806978 53.22298232635530724, 5.60055670893445523 53.22976356138078557, 5.6087987042556593 53.23283051985311687, 5.61703421819962756 53.23451850867180468, 5.62829430153408428 53.24006936203635121, 5.63322394918283553 53.24075269301494018, 5.63957741341035668 53.24305029986108906, 5.6365608406894312 53.24498681768203312, 5.6366733385089729 53.24801979816833608, 5.63875584883189429 53.24900444715969883, 5.6383252639849637 53.25115845985744301, 5.6383252639849637 53.25115845985744301)))</t>
  </si>
  <si>
    <t>MultiPolygon (((5.62349729814847699 53.16829598696902082, 5.62852875218681969 53.16982068472943723, 5.63307989426198308 53.16801293280790475, 5.63722605863534465 53.16955226137334733, 5.63973234314372274 53.17133165055682298, 5.6463248822139116 53.16926585076843992, 5.65284017187988397 53.1662591861487428, 5.65353715467113993 53.16592571515833754, 5.64733956266982862 53.16322102682120487, 5.64588258363931406 53.16149093006369242, 5.64316997516132091 53.16020755238936601, 5.63353009484635248 53.1575186801842392, 5.6157863070534626 53.16317988929442606, 5.6170942662897394 53.16488816185150057, 5.62349729814847699 53.16829598696902082, 5.62349729814847699 53.16829598696902082)))</t>
  </si>
  <si>
    <t>MultiPolygon (((5.65821944337489313 53.27145886472096947, 5.65933617263651012 53.27158245341387044, 5.66440063896834367 53.27189612451400791, 5.66772307370142947 53.26969984809709757, 5.66850403778320722 53.26569612237024387, 5.65910229433212919 53.26575119383181089, 5.65818477082077465 53.27010248797465408, 5.65821944337489313 53.27145886472096947, 5.65821944337489313 53.27145886472096947)))</t>
  </si>
  <si>
    <t>MultiPolygon (((5.64611676661795858 53.27574597867435102, 5.65703786896376748 53.2764703038402061, 5.65821944337489313 53.27145886472096947, 5.65818477082077465 53.27010248797465408, 5.65230693105064752 53.27004479788016766, 5.64885517915310764 53.27113336215237638, 5.64778355416807987 53.27579252726489756, 5.64611676661795858 53.27574597867435102, 5.64611676661795858 53.27574597867435102)))</t>
  </si>
  <si>
    <t>MultiPolygon (((5.65577051679796394 53.28305957429910222, 5.66250237402855294 53.28119271168150561, 5.67085612118150095 53.27751020387490399, 5.66632147432920963 53.27719156994800187, 5.65715857010806555 53.27647817867648428, 5.65577051679796394 53.28305957429910222, 5.65577051679796394 53.28305957429910222)))</t>
  </si>
  <si>
    <t>MultiPolygon (((5.65577051679796394 53.28305957429910222, 5.65715857010806555 53.27647817867648428, 5.65703786896376748 53.2764703038402061, 5.64611676661795858 53.27574597867435102, 5.64505783044643294 53.27576869770487633, 5.64482569019506553 53.27693885300879373, 5.64678401540717001 53.28016182125534073, 5.65342373885633975 53.2803499663040725, 5.65351872475052897 53.28134473515002156, 5.65577051679796394 53.28305957429910222, 5.65577051679796394 53.28305957429910222)))</t>
  </si>
  <si>
    <t>MultiPolygon (((5.65715857010806555 53.27647817867648428, 5.66632147432920963 53.27719156994800187, 5.66667864392580167 53.27538644430209303, 5.66721106796183616 53.27266833501165877, 5.6642812298519658 53.27248135477289281, 5.66415197168720219 53.27312509001619389, 5.65936039140376135 53.27285970125203107, 5.65933617263651012 53.27158245341387044, 5.65821944337489313 53.27145886472096947, 5.65703786896376748 53.2764703038402061, 5.65715857010806555 53.27647817867648428, 5.65715857010806555 53.27647817867648428)))</t>
  </si>
  <si>
    <t>MultiPolygon (((5.66632147432920963 53.27719156994800187, 5.67085612118150095 53.27751020387490399, 5.67340841785600247 53.27756752384513561, 5.67349235287304854 53.27568817749730101, 5.66667864392580167 53.27538644430209303, 5.66632147432920963 53.27719156994800187, 5.66632147432920963 53.27719156994800187)))</t>
  </si>
  <si>
    <t>MultiPolygon (((5.68255285151159306 53.30909550004567876, 5.67974082596295826 53.30872735147556796, 5.67991194493974749 53.30594567244128257, 5.68340964151242822 53.28701020275348554, 5.68737575472986467 53.26873777110017016, 5.6892156019504192 53.26426597799591178, 5.69116235759652422 53.26414897989501185, 5.69227164217920656 53.25874254082668102, 5.69011316356322272 53.25518977596668435, 5.68941451047266344 53.24582561201337683, 5.68890924508957774 53.24078978134825491, 5.67369732749632494 53.2424540455475821, 5.67372939163478041 53.24290463749304791, 5.67038854719865881 53.24342312497610408, 5.670519934524898 53.24285750929487193, 5.66511649058335287 53.2441666466201653, 5.66281700609333516 53.24530966785122388, 5.66305233008659581 53.24828323742248415, 5.65650818541372935 53.24923084053661171, 5.6559691274813888 53.24861006440823985, 5.65493270059074238 53.24871825718224727, 5.65296765451090977 53.24935130381934556, 5.65067018369889151 53.2623186706165086, 5.64358095477974508 53.26314120265765695, 5.6409369702489105 53.27374672178466852, 5.64106262887378396 53.28082738229115023, 5.63881676863800596 53.28067066036240362, 5.63790217566287843 53.28216282677745852, 5.63565320586595231 53.29356928355640832, 5.63495319932208272 53.29376939577978334, 5.63280270420882534 53.31157347902632182, 5.63031129837337918 53.31237449989106381, 5.62878814089747426 53.31100506968745378, 5.62567376396691543 53.31073379108552501, 5.6283351822877794 53.31272090139898978, 5.63412690207164246 53.31453439977030939, 5.64344550314620985 53.31903724749344065, 5.68034742178347063 53.32810910340693766, 5.68255285151159306 53.30909550004567876),(5.64923083840429019 53.29453246271441458, 5.65087534074637077 53.29423080139201829, 5.65823063634712753 53.29520287914827747, 5.65334219792387138 53.29962991831077801, 5.65065434577315262 53.29946532944602922, 5.65109106649938386 53.29467826525027618, 5.64923083840429019 53.29453246271441458, 5.64923083840429019 53.29453246271441458),(5.65577051679796394 53.28305957429910222, 5.65351872475052897 53.28134473515002156, 5.65342373885633975 53.2803499663040725, 5.64678401540717001 53.28016182125534073, 5.64482569019506553 53.27693885300879373, 5.64505783044643294 53.27576869770487633, 5.64611676661795858 53.27574597867435102, 5.64778355416807987 53.27579252726489756, 5.64885517915310764 53.27113336215237638, 5.65230693105064752 53.27004479788016766, 5.65818477082077465 53.27010248797465408, 5.65910229433212919 53.26575119383181089, 5.66850403778320722 53.26569612237024387, 5.66772307370142947 53.26969984809709757, 5.66440063896834367 53.27189612451400791, 5.65933617263651012 53.27158245341387044, 5.65936039140376135 53.27285970125203107, 5.66415197168720219 53.27312509001619389, 5.6642812298519658 53.27248135477289281, 5.66721106796183616 53.27266833501165877, 5.66667864392580167 53.27538644430209303, 5.67349235287304854 53.27568817749730101, 5.67340841785600247 53.27756752384513561, 5.67085612118150095 53.27751020387490399, 5.66250237402855294 53.28119271168150561, 5.65577051679796394 53.28305957429910222, 5.65577051679796394 53.28305957429910222)))</t>
  </si>
  <si>
    <t>MultiPolygon (((5.47644160561823057 53.1504207599995766, 5.47672264706757161 53.15034436448335242, 5.47678567676847727 53.15076261159610738, 5.4828823999569245 53.15010489058128229, 5.48764335167461237 53.15031485041864556, 5.49088320654408957 53.14757959423501177, 5.48847745183730495 53.1466927206948867, 5.47603579630344228 53.14770854884051943, 5.47554665092180137 53.14902432536763399, 5.47644160561823057 53.1504207599995766, 5.47644160561823057 53.1504207599995766)))</t>
  </si>
  <si>
    <t>MultiPolygon (((5.50991220656454672 53.15262221006549481, 5.51240008138762771 53.15150587884764377, 5.5184294843719055 53.15520121377977603, 5.5289586524143477 53.15437577873482411, 5.52850773965369413 53.15326579126739404, 5.53000569845510181 53.15300652792017644, 5.52788505545617426 53.15027506252781109, 5.52652381003827387 53.15040426069248269, 5.52549632241020294 53.1497558630711211, 5.5312123326758913 53.1478887956694237, 5.52765666138825562 53.14594957063034286, 5.52464563704016065 53.14554403309328023, 5.52085652489615342 53.14641499935648028, 5.51159694059466521 53.14576652901561715, 5.51019875878996057 53.14454088731492476, 5.51239572248090326 53.14314901546239156, 5.51170469519080353 53.14216561491905821, 5.51250545265737646 53.14187130420111771, 5.51129343217008305 53.1408369287844522, 5.51042601632336826 53.14010137872018902, 5.5129403919705382 53.13858076078973625, 5.50498554252698469 53.13472725724795254, 5.50473757333474811 53.13533916360574949, 5.50106878534514276 53.1362251054438417, 5.50288824304173652 53.13784858303230862, 5.50080661622874167 53.13847063162958051, 5.50094080955120113 53.13897989439225711, 5.49791855418276132 53.14073541686175162, 5.49687166469401678 53.14039147986652267, 5.49251862903976296 53.14201241461603331, 5.48827057197697155 53.13830548425194422, 5.48432167023545247 53.13698817755341963, 5.48119562752072209 53.13861568894905218, 5.48302414983357611 53.13886080823915137, 5.48419180226896508 53.13982001529016941, 5.48663533333528708 53.14033181619100077, 5.48710166768231389 53.14100021166296273, 5.48462949679153411 53.14171860429200223, 5.48280172697098855 53.14146694943075033, 5.47966467951447012 53.14298996767463024, 5.47726946629014311 53.14294249871029052, 5.4784974825069872 53.14529152362248965, 5.47219184225531663 53.14661448649404463, 5.47283450888808609 53.14885548705569818, 5.47480976134353003 53.15080647911455003, 5.47644160561823057 53.1504207599995766, 5.47554665092180137 53.14902432536763399, 5.47603579630344228 53.14770854884051943, 5.48847745183730495 53.1466927206948867, 5.49088320654408957 53.14757959423501177, 5.48764335167461237 53.15031485041864556, 5.4828823999569245 53.15010489058128229, 5.47678567676847727 53.15076261159610738, 5.48025115044198596 53.1573381426739644, 5.48279533704671884 53.15913471914952737, 5.48668423145393014 53.16501602080307265, 5.48474379701931714 53.16583468709441007, 5.48604544450885978 53.16774892016651677, 5.48540191088879325 53.16787475521830686, 5.48601059013823988 53.16967948818836476, 5.48826596485951246 53.16988717875626236, 5.48940510799811854 53.17211655699167494, 5.49166381834069117 53.17222809686660412, 5.49343476189916746 53.17302635401605215, 5.49399620373213704 53.17429730159800982, 5.49905755910382954 53.17347544185861352, 5.50218330109724008 53.17066990156283879, 5.49674422121018935 53.16507026478562636, 5.49998906432545631 53.16344876532247099, 5.5057105781432174 53.16205864049610597, 5.50624429348166089 53.16010503932513842, 5.5101256621527126 53.15810965755682105, 5.5104369421645778 53.15584656109626849, 5.50839794218365597 53.15388623944792812, 5.50991220656454672 53.15262221006549481, 5.50991220656454672 53.15262221006549481)))</t>
  </si>
  <si>
    <t>MultiPolygon (((6.64420029521764466 53.14117666044916888, 6.64710160155964669 53.13722829758311406, 6.64605603976289405 53.13686721643706079, 6.64657055988774381 53.13517967302383482, 6.64619180322976 53.13502571745677727, 6.64527437171985902 53.13666214353096962, 6.63779491463266158 53.14041073464998277, 6.63853539314195196 53.14102166133380223, 6.64420029521764466 53.14117666044916888, 6.64420029521764466 53.14117666044916888)))</t>
  </si>
  <si>
    <t>MultiPolygon (((6.63605982925955384 53.14155465083657504, 6.63779491463266158 53.14041073464998277, 6.64527437171985902 53.13666214353096962, 6.64619180322976 53.13502571745677727, 6.64304492703332361 53.13264257277334934, 6.64051971717091316 53.13432155070572094, 6.63909699850771329 53.13678796117834224, 6.63544163190572611 53.1397803915969007, 6.63435369518624274 53.14050779902431998, 6.63258645080043152 53.14046066992025885, 6.63252813041528988 53.14265229011303404, 6.63605982925955384 53.14155465083657504)))</t>
  </si>
  <si>
    <t>MultiPolygon (((6.64990086117257384 53.12313447056330773, 6.65029317664332265 53.11895334645851818, 6.65364824214937212 53.11162476149016953, 6.65190936211650996 53.11115954411184958, 6.64350212012148411 53.10866234086627458, 6.63856296210140773 53.11946468434395285, 6.64529470709871717 53.12039180078018319, 6.64522564003718763 53.1210005723003178, 6.64049183866269832 53.12040927658165401, 6.640309145319085 53.12186226082887686, 6.64312588608540011 53.12225727378501006, 6.6428958293820779 53.12331139214234099, 6.64772263126765939 53.12390199926059609, 6.64990086117257384 53.12313447056330773, 6.64990086117257384 53.12313447056330773)))</t>
  </si>
  <si>
    <t>MultiPolygon (((6.68606924601845343 53.14740104929892084, 6.68905276004546678 53.1446644272865143, 6.69536692827613589 53.12117601511283738, 6.69461735181294504 53.12105783039302054, 6.67877187783528115 53.11810818734132056, 6.67865087296508175 53.11983052161545515, 6.6729388685086688 53.12822986413478787, 6.67396501021972455 53.12936484478086641, 6.67943870452431643 53.13107682436111645, 6.6809588875429915 53.13416963373555291, 6.68051172082551492 53.13634223732419315, 6.68422438469635694 53.13696134335503984, 6.68391225761784291 53.13900167889177339, 6.68047739543035934 53.14291312135537737, 6.68222981333823007 53.14330843954968486, 6.67994389749425377 53.14668259326079891, 6.68606924601845343 53.14740104929892084, 6.68606924601845343 53.14740104929892084)))</t>
  </si>
  <si>
    <t>MultiPolygon (((6.68222981333823007 53.14330843954968486, 6.68047739543035934 53.14291312135537737, 6.68391225761784291 53.13900167889177339, 6.68422438469635694 53.13696134335503984, 6.68051172082551492 53.13634223732419315, 6.6809588875429915 53.13416963373555291, 6.67943870452431643 53.13107682436111645, 6.67396501021972455 53.12936484478086641, 6.6729388685086688 53.12822986413478787, 6.67865087296508175 53.11983052161545515, 6.67877187783528115 53.11810818734132056, 6.6706024808119162 53.11651630792878365, 6.65364824214937212 53.11162476149016953, 6.65029317664332265 53.11895334645851818, 6.64990086117257384 53.12313447056330773, 6.64772263126765939 53.12390199926059609, 6.6428958293820779 53.12331139214234099, 6.64312588608540011 53.12225727378501006, 6.640309145319085 53.12186226082887686, 6.64049183866269832 53.12040927658165401, 6.64522564003718763 53.1210005723003178, 6.64529470709871717 53.12039180078018319, 6.63856296210140773 53.11946468434395285, 6.64350212012148411 53.10866234086627458, 6.63483625781678832 53.10620207653089864, 6.63567097713917331 53.10784807671399932, 6.63708635884533749 53.10830088905207447, 6.63659724380269012 53.11284287284797756, 6.63352776898901642 53.11438137898527856, 6.62966061985389121 53.11473868029905532, 6.62817952148274703 53.11599141475733177, 6.62793774442194117 53.11717911317025909, 6.63057568985208867 53.11938529718075586, 6.63259796709078486 53.12037096992651897, 6.63516735830914062 53.12414798824428885, 6.63758511179433608 53.12347574841196263, 6.64248230815632468 53.12679015250679271, 6.64842924868845486 53.12932639083424391, 6.64928608073694427 53.13009609857636661, 6.64689611992518259 53.1326482829757154, 6.64840793058708268 53.13349022805048349, 6.65457386190932798 53.13601367832020372, 6.65617640679139111 53.13450185885588439, 6.66057544677602298 53.1363648423053192, 6.65993269452535941 53.13710817266301234, 6.66339749895527333 53.13979863411660887, 6.67516484505404772 53.14658487412076227, 6.67994389749425377 53.14668259326079891, 6.68222981333823007 53.14330843954968486),(6.66144360218444564 53.12566168523058963, 6.66422922377748517 53.1229223523025027, 6.65859835915181186 53.12141227842759861, 6.65659527739446144 53.12005039190268718, 6.65715067314131392 53.11920731370147308, 6.66133741800444046 53.12015472971268792, 6.66279190722319203 53.11959813255193552, 6.66528590903482687 53.11629774368077506, 6.6698349710859004 53.11727433847232049, 6.67152575351631949 53.11848582463366597, 6.67177875604127379 53.11960943454190698, 6.6668780599607862 53.12414551313695199, 6.66243811633126626 53.12610362015295351, 6.66144360218444564 53.12566168523058963)))</t>
  </si>
  <si>
    <t>MultiPolygon (((6.65724092321493721 53.18076933468675094, 6.65724117121275061 53.1807690687516299, 6.65763575040754141 53.18035332249211677, 6.6602648990504596 53.17662241719361305, 6.66133532176376519 53.17271505121002662, 6.6627257031953393 53.17098836961860542, 6.66500461957957402 53.1696002753912822, 6.66959012850612432 53.16893932114232513, 6.67234825825739453 53.16666764183333527, 6.67833036036459227 53.16463745834286669, 6.67939062216899782 53.16364440156133497, 6.67970326894702282 53.16326572488149793, 6.68449123462950823 53.15963704073194407, 6.68871424653214053 53.15461112692570822, 6.690269590896329 53.15115500034493579, 6.69021555013817526 53.15039321278826634, 6.68627813587700448 53.14814156930261646, 6.68905276004546678 53.1446644272865143, 6.68606924601845343 53.14740104929892084, 6.67994389749425377 53.14668259326079891, 6.67516484505404772 53.14658487412076227, 6.66339749895527333 53.13979863411660887, 6.65993269452535941 53.13710817266301234, 6.66057544677602298 53.1363648423053192, 6.65617640679139111 53.13450185885588439, 6.65457386190932798 53.13601367832020372, 6.64840793058708268 53.13349022805048349, 6.64657055988774381 53.13517967302383482, 6.64605603976289405 53.13686721643706079, 6.64710160155964669 53.13722829758311406, 6.64420029521764466 53.14117666044916888, 6.63853539314195196 53.14102166133380223, 6.63779491463266158 53.14041073464998277, 6.63605982925955384 53.14155465083657504, 6.6323723769951215 53.14399373207233879, 6.63272614305859154 53.14701835809666619, 6.63211142426405331 53.1526693731016735, 6.62952620788648073 53.15659353577456159, 6.63098899567268241 53.15749212996185946, 6.62937839725798739 53.16138967366975265, 6.6326163806548859 53.16709206460439674, 6.63129826834907465 53.16747923500659567, 6.63586111852526628 53.17135599534034895, 6.64422088450230497 53.18177997305323146, 6.6472512026286168 53.18378196602029107, 6.65724092321493721 53.18076933468675094),(6.6354397020944873 53.1598546823190361, 6.6388483150423836 53.15362498182926032, 6.64648199826161257 53.15496209035300268, 6.64271323639430022 53.16114709633451696, 6.6406489306223957 53.16124306765630791, 6.6354397020944873 53.1598546823190361)))</t>
  </si>
  <si>
    <t>MultiPolygon (((6.61604397866560845 53.15033488829222108, 6.61661226972986594 53.14932490844586255, 6.62483366514684668 53.14914249892932219, 6.62777817864187746 53.15012482805384053, 6.63134799819922982 53.14936916752119345, 6.63217725677825154 53.14701837271739038, 6.62416542375043349 53.14533841983876528, 6.62563883042569124 53.14196215561555192, 6.62324969954118359 53.14125826089203031, 6.62625032034446448 53.13728858649084685, 6.62322454224185808 53.13658255381569262, 6.62170013015426129 53.13527244506744296, 6.62683349678186229 53.13229086676690116, 6.631964975306615 53.13183313592691093, 6.63258645080043152 53.14046066992025885, 6.63435369518624274 53.14050779902431998, 6.63544163190572611 53.1397803915969007, 6.63909699850771329 53.13678796117834224, 6.64051971717091316 53.13432155070572094, 6.64304492703332361 53.13264257277334934, 6.64619180322976 53.13502571745677727, 6.64657055988774381 53.13517967302383482, 6.64840793058708268 53.13349022805048349, 6.64689611992518259 53.1326482829757154, 6.64928608073694427 53.13009609857636661, 6.64842924868845486 53.12932639083424391, 6.64248230815632468 53.12679015250679271, 6.63758511179433608 53.12347574841196263, 6.63516735830914062 53.12414798824428885, 6.63259796709078486 53.12037096992651897, 6.63057568985208867 53.11938529718075586, 6.62864844804956821 53.11949305046784531, 6.62733559120654192 53.12283322258437579, 6.62283421946097395 53.12537297561637217, 6.62176333346751989 53.12635071043676049, 6.62132024826516563 53.12830909942442759, 6.61897835038407667 53.12988007879546615, 6.61897687297799653 53.13158085523644303, 6.61708108491583236 53.13216301543537412, 6.61665170199258412 53.13293834731749143, 6.61364127523073542 53.13269428726556498, 6.61440044310587627 53.13555695740313922, 6.61062345209271829 53.13794370654247956, 6.60918154793156098 53.13840361813458912, 6.60883573808704483 53.13950793187524368, 6.61602627076247263 53.14128324241281831, 6.6118149875356389 53.14711195420780143, 6.61177124167640073 53.15048354868251579, 6.61343368473428672 53.15066671032907664, 6.61604397866560845 53.15033488829222108)))</t>
  </si>
  <si>
    <t>MultiPolygon (((6.6668780599607862 53.12414551313695199, 6.67177875604127379 53.11960943454190698, 6.67152575351631949 53.11848582463366597, 6.6698349710859004 53.11727433847232049, 6.66528590903482687 53.11629774368077506, 6.66279190722319203 53.11959813255193552, 6.66133741800444046 53.12015472971268792, 6.65715067314131392 53.11920731370147308, 6.65659527739446144 53.12005039190268718, 6.65859835915181186 53.12141227842759861, 6.66422922377748517 53.1229223523025027, 6.66144360218444564 53.12566168523058963, 6.66243811633126626 53.12610362015295351, 6.6668780599607862 53.12414551313695199)))</t>
  </si>
  <si>
    <t>MultiPolygon (((6.64271323639430022 53.16114709633451696, 6.64648199826161257 53.15496209035300268, 6.6388483150423836 53.15362498182926032, 6.6354397020944873 53.1598546823190361, 6.6406489306223957 53.16124306765630791, 6.64271323639430022 53.16114709633451696, 6.64271323639430022 53.16114709633451696)))</t>
  </si>
  <si>
    <t>MultiPolygon (((6.6323723769951215 53.14399373207233879, 6.63605982925955384 53.14155465083657504, 6.63252813041528988 53.14265229011303404, 6.63258645080043152 53.14046066992025885, 6.631964975306615 53.13183313592691093, 6.62683349678186229 53.13229086676690116, 6.62170013015426129 53.13527244506744296, 6.62322454224185808 53.13658255381569262, 6.62625032034446448 53.13728858649084685, 6.62324969954118359 53.14125826089203031, 6.62563883042569124 53.14196215561555192, 6.62416542375043349 53.14533841983876528, 6.63217725677825154 53.14701837271739038, 6.63272614305859154 53.14701835809666619, 6.6323723769951215 53.14399373207233879, 6.6323723769951215 53.14399373207233879)))</t>
  </si>
  <si>
    <t>MultiPolygon (((6.60673241000517386 53.19594377205934421, 6.62186675489186705 53.19143416539908742, 6.63545628321118119 53.18735586623264311, 6.63617595305406383 53.18646527045241612, 6.63946806939416501 53.18598074638704531, 6.6472512026286168 53.18378196602029107, 6.64422088450230497 53.18177997305323146, 6.63586111852526628 53.17135599534034895, 6.62859041055413822 53.17998844599498653, 6.62463353204476491 53.18130060607543186, 6.61955250684806451 53.17872584261786528, 6.6187661359444423 53.17599431746035066, 6.61952262179560691 53.17296062734066453, 6.61657794358100837 53.17760178225050538, 6.610642278911949 53.18684386552064325, 6.60627087940900637 53.19357876377733874, 6.60327084012630738 53.19636110691870812, 6.60673241000517386 53.19594377205934421, 6.60673241000517386 53.19594377205934421)))</t>
  </si>
  <si>
    <t>MultiPolygon (((6.63129826834907465 53.16747923500659567, 6.6326163806548859 53.16709206460439674, 6.62937839725798739 53.16138967366975265, 6.63098899567268241 53.15749212996185946, 6.62952620788648073 53.15659353577456159, 6.62751370449730892 53.15997253154678504, 6.62470388998483362 53.1646892738197252, 6.62896612921107131 53.16572848962088926, 6.63071308331130371 53.16720459072321603, 6.63129826834907465 53.16747923500659567, 6.63129826834907465 53.16747923500659567)))</t>
  </si>
  <si>
    <t>MultiPolygon (((6.62767546947670549 53.16909609410949145, 6.63071308331130371 53.16720459072321603, 6.62896612921107131 53.16572848962088926, 6.62470388998483362 53.1646892738197252, 6.62215317083312272 53.16882086722401368, 6.62767546947670549 53.16909609410949145, 6.62767546947670549 53.16909609410949145)))</t>
  </si>
  <si>
    <t>MultiPolygon (((6.62859041055413822 53.17998844599498653, 6.63586111852526628 53.17135599534034895, 6.63129826834907465 53.16747923500659567, 6.63071308331130371 53.16720459072321603, 6.62767546947670549 53.16909609410949145, 6.62215317083312272 53.16882086722401368, 6.61952262179560691 53.17296062734066453, 6.6187661359444423 53.17599431746035066, 6.61955250684806451 53.17872584261786528, 6.62463353204476491 53.18130060607543186, 6.62859041055413822 53.17998844599498653, 6.62859041055413822 53.17998844599498653)))</t>
  </si>
  <si>
    <t>MultiPolygon (((6.59210529348142504 53.16634858891764281, 6.59509830844673584 53.15965205392028281, 6.60585657942941928 53.14738228099990636, 6.60818032200694638 53.13889458298264401, 6.60652101580659856 53.13931385905044635, 6.60013026366936018 53.14460188317697487, 6.59608205523971147 53.14422931894858237, 6.59582358992020445 53.14544935593472985, 6.58805216690389006 53.14538500538575505, 6.58738643800682588 53.14868323617962886, 6.58464254982511044 53.15430518672305027, 6.58708933069317837 53.15622595793336558, 6.58345266483764213 53.15863541473077447, 6.58097216290980658 53.16217451663867166, 6.58149695763823228 53.16353068975768537, 6.59011884286980454 53.16640192524395303, 6.59210529348142504 53.16634858891764281)))</t>
  </si>
  <si>
    <t>MultiPolygon (((6.59989189291083722 53.16293575783779346, 6.60381085908192311 53.16221640811652804, 6.60560219250746172 53.16275406257562963, 6.60759197921435604 53.16119500374266238, 6.60768338135152611 53.15970459037463058, 6.60967868138893522 53.15701540570748307, 6.61343368473428672 53.15066671032907664, 6.61177124167640073 53.15048354868251579, 6.6118149875356389 53.14711195420780143, 6.61602627076247263 53.14128324241281831, 6.60883573808704483 53.13950793187524368, 6.60918154793156098 53.13840361813458912, 6.60818032200694638 53.13889458298264401, 6.60585657942941928 53.14738228099990636, 6.59509830844673584 53.15965205392028281, 6.59210529348142504 53.16634858891764281, 6.59568045244727852 53.16751321344393233, 6.59989189291083722 53.16293575783779346)))</t>
  </si>
  <si>
    <t>MultiPolygon (((6.61993561448321088 53.15711519234407234, 6.62338154603117069 53.15672143552337303, 6.62598789658110476 53.1573925427576981, 6.62419532935159605 53.15909954707016993, 6.62751370449730892 53.15997253154678504, 6.62952620788648073 53.15659353577456159, 6.63211142426405331 53.1526693731016735, 6.63272614305859154 53.14701835809666619, 6.63217725677825154 53.14701837271739038, 6.63134799819922982 53.14936916752119345, 6.62777817864187746 53.15012482805384053, 6.62483366514684668 53.14914249892932219, 6.61661226972986594 53.14932490844586255, 6.61604397866560845 53.15033488829222108, 6.61343368473428672 53.15066671032907664, 6.60967868138893522 53.15701540570748307, 6.61505366993796251 53.158575776593608, 6.61793263758011285 53.15934668816349529, 6.61993561448321088 53.15711519234407234)))</t>
  </si>
  <si>
    <t>MultiPolygon (((6.57072144775010081 53.18288909391585406, 6.5748776191690439 53.18279611101599613, 6.58732280613443955 53.17253356724047819, 6.58895575033836778 53.16980079364444833, 6.59011884286980454 53.16640192524395303, 6.58149695763823228 53.16353068975768537, 6.56474233872785096 53.15798966352512167, 6.56368746175537243 53.15763837451387275, 6.56058735632246126 53.16612699277084886, 6.55931943334830425 53.16934097786555924, 6.54857215428099959 53.18066992109094571, 6.54837759422946686 53.18088572739804931, 6.54885213861549964 53.18166426648966194, 6.55693573559047582 53.18383048198737839, 6.55778669967895045 53.18272034594963316, 6.56670136859610309 53.18453671852400788, 6.57072144775010081 53.18288909391585406)))</t>
  </si>
  <si>
    <t>MultiPolygon (((6.59368127666870407 53.17454434612243119, 6.59195120385339095 53.17231780650457296, 6.58958027518884659 53.17164800975969996, 6.58867038720760867 53.17256062809213546, 6.59368127666870407 53.17454434612243119, 6.59368127666870407 53.17454434612243119)))</t>
  </si>
  <si>
    <t>MultiPolygon (((6.58767467916255889 53.18598038442743103, 6.58339008045975849 53.18463193955102497, 6.58469644969386447 53.18270451519784103, 6.58766550085142111 53.18131232972908151, 6.59098839841090367 53.18228513056990181, 6.59307414116171042 53.17983759876965166, 6.59814057653590869 53.17643395553141517, 6.59368127666870407 53.17454434612243119, 6.58867038720760867 53.17256062809213546, 6.58958027518884659 53.17164800975969996, 6.58895575033836778 53.16980079364444833, 6.58732280613443955 53.17253356724047819, 6.5748776191690439 53.18279611101599613, 6.57578926765077565 53.1829315006305734, 6.58010367194765777 53.18325223981143068, 6.57972181561498548 53.18468458743281246, 6.581156343958523 53.18496738065265816, 6.58103810820821256 53.1858776778891027, 6.58655746379267715 53.18720136145945787, 6.58767467916255889 53.18598038442743103, 6.58767467916255889 53.18598038442743103)))</t>
  </si>
  <si>
    <t>MultiPolygon (((6.60627087940900637 53.19357876377733874, 6.610642278911949 53.18684386552064325, 6.60147311595491981 53.18472610189084548, 6.59961300063753686 53.1863623881112062, 6.59438416351530865 53.1865642644875436, 6.59254915576856071 53.18917848045568775, 6.59584032284638422 53.19012488446897891, 6.59871354286483758 53.19056076091675322, 6.59751536445488451 53.19237166224610291, 6.5979885162454508 53.19503901616815966, 6.60327084012630738 53.19636110691870812, 6.60627087940900637 53.19357876377733874)))</t>
  </si>
  <si>
    <t>MultiPolygon (((6.59438416351530865 53.1865642644875436, 6.59961300063753686 53.1863623881112062, 6.60147311595491981 53.18472610189084548, 6.610642278911949 53.18684386552064325, 6.61657794358100837 53.17760178225050538, 6.60789474081483785 53.17528105958299278, 6.60195460750205054 53.17397099754283829, 6.59945277849140766 53.17697073386894857, 6.59814057653590869 53.17643395553141517, 6.59307414116171042 53.17983759876965166, 6.59098839841090367 53.18228513056990181, 6.58766550085142111 53.18131232972908151, 6.58469644969386447 53.18270451519784103, 6.58339008045975849 53.18463193955102497, 6.58767467916255889 53.18598038442743103, 6.58655746379267715 53.18720136145945787, 6.59254915576856071 53.18917848045568775, 6.59438416351530865 53.1865642644875436)))</t>
  </si>
  <si>
    <t>MultiPolygon (((6.61952262179560691 53.17296062734066453, 6.62215317083312272 53.16882086722401368, 6.62470388998483362 53.1646892738197252, 6.62751370449730892 53.15997253154678504, 6.62419532935159605 53.15909954707016993, 6.62598789658110476 53.1573925427576981, 6.62338154603117069 53.15672143552337303, 6.61993561448321088 53.15711519234407234, 6.61793263758011285 53.15934668816349529, 6.61505366993796251 53.158575776593608, 6.60670036290191209 53.17032879041946103, 6.60607234156299672 53.17088142924671956, 6.60799868702865645 53.17208558941972996, 6.61043682818690481 53.17256706597036953, 6.60789474081483785 53.17528105958299278, 6.61657794358100837 53.17760178225050538, 6.61952262179560691 53.17296062734066453, 6.61952262179560691 53.17296062734066453)))</t>
  </si>
  <si>
    <t>MultiPolygon (((6.60195460750205054 53.17397099754283829, 6.59857309839307593 53.17256095808831162, 6.60120628074702687 53.16950434133131154, 6.60670036290191209 53.17032879041946103, 6.61505366993796251 53.158575776593608, 6.60967868138893522 53.15701540570748307, 6.60768338135152611 53.15970459037463058, 6.60759197921435604 53.16119500374266238, 6.60560219250746172 53.16275406257562963, 6.60381085908192311 53.16221640811652804, 6.59989189291083722 53.16293575783779346, 6.59568045244727852 53.16751321344393233, 6.59210529348142504 53.16634858891764281, 6.59011884286980454 53.16640192524395303, 6.58895575033836778 53.16980079364444833, 6.58958027518884659 53.17164800975969996, 6.59195120385339095 53.17231780650457296, 6.59368127666870407 53.17454434612243119, 6.59814057653590869 53.17643395553141517, 6.59945277849140766 53.17697073386894857, 6.60195460750205054 53.17397099754283829)))</t>
  </si>
  <si>
    <t>MultiPolygon (((6.61043682818690481 53.17256706597036953, 6.60799868702865645 53.17208558941972996, 6.60607234156299672 53.17088142924671956, 6.60670036290191209 53.17032879041946103, 6.60120628074702687 53.16950434133131154, 6.59857309839307593 53.17256095808831162, 6.60195460750205054 53.17397099754283829, 6.60789474081483785 53.17528105958299278, 6.61043682818690481 53.17256706597036953)))</t>
  </si>
  <si>
    <t>MultiPolygon (((6.74804826104554589 53.3029689201546546, 6.75308146575239121 53.29884706599732169, 6.75553859515981614 53.29963372882924943, 6.76068371848771221 53.29523618071935687, 6.76462057565645214 53.29813435720768666, 6.77218300016279784 53.2917194057723691, 6.77002484793189385 53.29076689588060844, 6.77230946140600931 53.28779264354789547, 6.76913687862087343 53.28662553055445272, 6.77252679202859653 53.28308659506245704, 6.75113649421051587 53.27539961003632385, 6.74477751950234072 53.27975314435849441, 6.74294970557123552 53.27852962892433197, 6.74475887095461069 53.2776426894116355, 6.74235601256116635 53.27608963136252385, 6.73496108910572833 53.27938821267822789, 6.73100327239401963 53.28506328288265337, 6.72354858852005144 53.27932848921840758, 6.72247518307546521 53.2797968849294179, 6.71095275278591075 53.28357074541808913, 6.70417960979311722 53.28742840490274091, 6.7106937036344938 53.2913310570814005, 6.71285801536893612 53.29174229718528011, 6.71768444823826449 53.29427954148714264, 6.72036976969443867 53.29741711848436125, 6.71706829465277089 53.29896818238366052, 6.72108771651733061 53.30349005627007841, 6.72435094814541845 53.30553893162066714, 6.7294487025962475 53.30535388767734872, 6.73104819531509868 53.30407039431931793, 6.73371939224218607 53.30382257023745041, 6.74479215726517545 53.30775363229405173, 6.74804826104554589 53.3029689201546546),(6.72325041333744178 53.3041649090085059, 6.72111793726298856 53.29988324817342971, 6.72441060660283441 53.29796666539117211, 6.72314057886619132 53.29267070750891833, 6.72451924716683092 53.29265536855722019, 6.72799516710394396 53.29446193401386722, 6.73401799460405037 53.29405327036691631, 6.73723554382290146 53.2961783765582453, 6.73505781771691137 53.29851643179635801, 6.73164801837135229 53.30008905517548357, 6.727062610733471 53.30065460384675902, 6.72633188980504837 53.30371906545238403, 6.72325041333744178 53.3041649090085059),(6.73705933934946266 53.29125558283501363, 6.73478091800821588 53.2889901777368209, 6.74141554917259445 53.28712688115111007, 6.74242231258782443 53.28508515461518869, 6.74576991427418005 53.28575443220812247, 6.75212623956473568 53.28112060539002215, 6.75410014009764925 53.28198010210865476, 6.74958261230035284 53.28538036304136938, 6.75149472467251854 53.28629523475302676, 6.74958958490976002 53.28759049012865745, 6.75272129029766255 53.2891029792356079, 6.74381376135082 53.29350403560591332, 6.73705933934946266 53.29125558283501363)))</t>
  </si>
  <si>
    <t>MultiPolygon (((6.75272129029766255 53.2891029792356079, 6.74958958490976002 53.28759049012865745, 6.75149472467251854 53.28629523475302676, 6.74958261230035284 53.28538036304136938, 6.75410014009764925 53.28198010210865476, 6.75212623956473568 53.28112060539002215, 6.74576991427418005 53.28575443220812247, 6.74242231258782443 53.28508515461518869, 6.74141554917259445 53.28712688115111007, 6.73478091800821588 53.2889901777368209, 6.73705933934946266 53.29125558283501363, 6.74381376135082 53.29350403560591332, 6.75272129029766255 53.2891029792356079, 6.75272129029766255 53.2891029792356079)))</t>
  </si>
  <si>
    <t>MultiPolygon (((6.74794833834019947 53.31178104470880896, 6.74935082303994704 53.30984305510725818, 6.74479215726517545 53.30775363229405173, 6.73371939224218607 53.30382257023745041, 6.73104819531509868 53.30407039431931793, 6.7294487025962475 53.30535388767734872, 6.73290078468500752 53.31140878840290043, 6.7376073154533902 53.31279473596087115, 6.74046696804912049 53.31217948280681895, 6.74268154115841245 53.31101974903040741, 6.74289556632770459 53.31135673804279662, 6.74367734925600271 53.31109927533429982, 6.74421846776223166 53.31191857494783903, 6.74705087473512677 53.31149024909630896, 6.74731037938072653 53.3119280158608646, 6.74794833834019947 53.31178104470880896)))</t>
  </si>
  <si>
    <t>MultiPolygon (((6.73496108910572833 53.27938821267822789, 6.74235601256116635 53.27608963136252385, 6.74475887095461069 53.2776426894116355, 6.74294970557123552 53.27852962892433197, 6.74477751950234072 53.27975314435849441, 6.75113649421051587 53.27539961003632385, 6.73229176729390488 53.26920862072218199, 6.71765761183498711 53.26316771515993764, 6.7106491962777719 53.26866069194164766, 6.71580522026031623 53.27309418735666213, 6.71443483740795344 53.27323916705989859, 6.72247518307546521 53.2797968849294179, 6.72354858852005144 53.27932848921840758, 6.73100327239401963 53.28506328288265337, 6.73496108910572833 53.27938821267822789)))</t>
  </si>
  <si>
    <t>MultiPolygon (((6.71810623076528479 53.30783953684167642, 6.72435094814541845 53.30553893162066714, 6.72108771651733061 53.30349005627007841, 6.71706829465277089 53.29896818238366052, 6.72036976969443867 53.29741711848436125, 6.71768444823826449 53.29427954148714264, 6.71285801536893612 53.29174229718528011, 6.7106937036344938 53.2913310570814005, 6.70417960979311722 53.28742840490274091, 6.70277423193698318 53.28823167274133965, 6.69362876061665535 53.29470394238688158, 6.6897355225559183 53.29753953074158801, 6.70531613774965152 53.30752507898333192, 6.70661789950206089 53.30703759105902861, 6.70900397503760093 53.31011854800425454, 6.71810623076528479 53.30783953684167642)))</t>
  </si>
  <si>
    <t>MultiPolygon (((6.72633188980504837 53.30371906545238403, 6.727062610733471 53.30065460384675902, 6.73164801837135229 53.30008905517548357, 6.73505781771691137 53.29851643179635801, 6.73723554382290146 53.2961783765582453, 6.73401799460405037 53.29405327036691631, 6.72799516710394396 53.29446193401386722, 6.72451924716683092 53.29265536855722019, 6.72314057886619132 53.29267070750891833, 6.72441060660283441 53.29796666539117211, 6.72111793726298856 53.29988324817342971, 6.72325041333744178 53.3041649090085059, 6.72633188980504837 53.30371906545238403, 6.72633188980504837 53.30371906545238403)))</t>
  </si>
  <si>
    <t>MultiPolygon (((6.70953686778018987 53.28193586982006025, 6.70898270750896319 53.28000068879736517, 6.70049695595141692 53.27430020624459672, 6.69908761640981787 53.27466359236810689, 6.70633104188514118 53.27943547008226233, 6.70429814164187832 53.2806268479277847, 6.70953686778018987 53.28193586982006025, 6.70953686778018987 53.28193586982006025)))</t>
  </si>
  <si>
    <t>MultiPolygon (((6.70277423193698318 53.28823167274133965, 6.68248311329693045 53.27592314384308736, 6.68618556260156183 53.27369705644348841, 6.68110180901755157 53.27068339177092327, 6.6790998335929892 53.27742656242816821, 6.6742614772352491 53.28331533441814116, 6.69362876061665535 53.29470394238688158, 6.70277423193698318 53.28823167274133965)))</t>
  </si>
  <si>
    <t>MultiPolygon (((6.65478138525759721 53.30842293567111057, 6.65576674788480549 53.30811724397236873, 6.65593676633672793 53.30832983415276516, 6.65675294343161283 53.30806303905844601, 6.65664904111042244 53.30793195785160066, 6.65704538976506299 53.3077457014006626, 6.66076603914590493 53.30669276386385746, 6.67682650603703376 53.30387026506856074, 6.6897355225559183 53.29753953074158801, 6.69362876061665535 53.29470394238688158, 6.6742614772352491 53.28331533441814116, 6.67066826591766482 53.28780374941562314, 6.66235081112740257 53.29424593258149656, 6.65883233391290918 53.29591654859691374, 6.65155802902669091 53.29059686260633555, 6.64276838887119148 53.29093350266273177, 6.64928835242777083 53.30228094126715632, 6.65405343654024062 53.30864456936206608, 6.65478138525759721 53.30842293567111057)))</t>
  </si>
  <si>
    <t>MultiPolygon (((6.66235081112740257 53.29424593258149656, 6.67066826591766482 53.28780374941562314, 6.6742614772352491 53.28331533441814116, 6.6790998335929892 53.27742656242816821, 6.68110180901755157 53.27068339177092327, 6.67650661521851863 53.26797761795648256, 6.66694882471122607 53.26211010379955013, 6.66006896405082927 53.2658018014175596, 6.65536526353456548 53.26287178055426352, 6.65620997834302575 53.26195088101636799, 6.63620615593328633 53.24907811883822006, 6.63504343808308406 53.25128474275774693, 6.63604549245079678 53.25143441588816273, 6.63567810189016249 53.25409439892707297, 6.6334518703487575 53.25976034374093615, 6.62645636598766963 53.26583672491706523, 6.63040444664434681 53.27282417595947805, 6.64276838887119148 53.29093350266273177, 6.65155802902669091 53.29059686260633555, 6.65883233391290918 53.29591654859691374, 6.66235081112740257 53.29424593258149656)))</t>
  </si>
  <si>
    <t>MultiPolygon (((6.66694882471122607 53.26211010379955013, 6.67399496727713348 53.25790275864457612, 6.67862333560468269 53.26098229681143437, 6.68058279748576922 53.2604918984606357, 6.68747272062894282 53.25712764201300331, 6.68778194847164809 53.25449583268056841, 6.68904620460217103 53.25281901571166543, 6.66781122164300832 53.24522068248445095, 6.65027333303650714 53.2372591658268064, 6.64362166128841647 53.23505562212138642, 6.64287273424861446 53.23639912902083893, 6.63620615593328633 53.24907811883822006, 6.65620997834302575 53.26195088101636799, 6.65536526353456548 53.26287178055426352, 6.66006896405082927 53.2658018014175596, 6.66694882471122607 53.26211010379955013, 6.66694882471122607 53.26211010379955013)))</t>
  </si>
  <si>
    <t>MultiPolygon (((6.72247518307546521 53.2797968849294179, 6.71443483740795344 53.27323916705989859, 6.71580522026031623 53.27309418735666213, 6.7106491962777719 53.26866069194164766, 6.71765761183498711 53.26316771515993764, 6.70751583080264968 53.25943048778714939, 6.69833035510540764 53.25614494891944162, 6.68904620460217103 53.25281901571166543, 6.68778194847164809 53.25449583268056841, 6.68747272062894282 53.25712764201300331, 6.68058279748576922 53.2604918984606357, 6.67862333560468269 53.26098229681143437, 6.67399496727713348 53.25790275864457612, 6.66694882471122607 53.26211010379955013, 6.67650661521851863 53.26797761795648256, 6.67841556536894743 53.26688367484194941, 6.68063345619656257 53.26822431952004422, 6.6833947796443347 53.26887564322714752, 6.68457830893568961 53.26807803369639771, 6.68398340626069665 53.2676925838935702, 6.68844661676977914 53.26596251638268598, 6.69718416890045543 53.27201261797178944, 6.70192705917978948 53.27005104199597696, 6.70555308200453126 53.27347062727937299, 6.70344089254717446 53.27451030536939669, 6.70200908427843167 53.27351926112639546, 6.70049695595141692 53.27430020624459672, 6.70898270750896319 53.28000068879736517, 6.70953686778018987 53.28193586982006025, 6.71095275278591075 53.28357074541808913, 6.72247518307546521 53.2797968849294179)))</t>
  </si>
  <si>
    <t>MultiPolygon (((6.70417960979311722 53.28742840490274091, 6.71095275278591075 53.28357074541808913, 6.70953686778018987 53.28193586982006025, 6.70429814164187832 53.2806268479277847, 6.70633104188514118 53.27943547008226233, 6.69908761640981787 53.27466359236810689, 6.70049695595141692 53.27430020624459672, 6.70200908427843167 53.27351926112639546, 6.70344089254717446 53.27451030536939669, 6.70555308200453126 53.27347062727937299, 6.70192705917978948 53.27005104199597696, 6.69718416890045543 53.27201261797178944, 6.68844661676977914 53.26596251638268598, 6.68398340626069665 53.2676925838935702, 6.68457830893568961 53.26807803369639771, 6.6833947796443347 53.26887564322714752, 6.68063345619656257 53.26822431952004422, 6.67841556536894743 53.26688367484194941, 6.67650661521851863 53.26797761795648256, 6.68110180901755157 53.27068339177092327, 6.68618556260156183 53.27369705644348841, 6.68248311329693045 53.27592314384308736, 6.70277423193698318 53.28823167274133965, 6.70417960979311722 53.28742840490274091, 6.70417960979311722 53.28742840490274091)))</t>
  </si>
  <si>
    <t>MultiPolygon (((6.66667315843761354 53.22459721389369491, 6.66748847633430941 53.22379220391619725, 6.66679015544451836 53.22210031773852279, 6.66382051384969998 53.22264563785943636, 6.65735538419801198 53.212293085305582, 6.65360208124870223 53.2134124046178556, 6.65057666808582137 53.2161172003462255, 6.66224437862299457 53.22527967621651612, 6.66667315843761354 53.22459721389369491, 6.66667315843761354 53.22459721389369491)))</t>
  </si>
  <si>
    <t>MultiPolygon (((6.67190927704406 53.22368223097872431, 6.66667315843761354 53.22459721389369491, 6.66224437862299457 53.22527967621651612, 6.66175757044892602 53.23545570639229396, 6.67805538802445842 53.23536146758520715, 6.67190927704406 53.22368223097872431)))</t>
  </si>
  <si>
    <t>MultiPolygon (((6.66224437862299457 53.22527967621651612, 6.65350588811141641 53.22927723035846981, 6.64899176775276501 53.22830477873171162, 6.64814197047045052 53.22881137045919786, 6.64844539449086103 53.230506566603772, 6.65434913297732145 53.23214686138049956, 6.65489378450273339 53.23352607194061648, 6.65310358329760732 53.23383168110004249, 6.65307987781133381 53.2355049814488126, 6.66175757044892602 53.23545570639229396, 6.66224437862299457 53.22527967621651612)))</t>
  </si>
  <si>
    <t>MultiPolygon (((6.65310358329760732 53.23383168110004249, 6.65489378450273339 53.23352607194061648, 6.65434913297732145 53.23214686138049956, 6.64844539449086103 53.230506566603772, 6.64814197047045052 53.22881137045919786, 6.64320258082614412 53.22738970675927561, 6.64331328313823022 53.23051320466363734, 6.64108895876061656 53.23110614222750314, 6.64004814733338655 53.23247271763708, 6.64365637108480911 53.23346399850634469, 6.6477998720480489 53.23481185278603789, 6.65214001864856108 53.2350984188514218, 6.65310358329760732 53.23383168110004249, 6.65310358329760732 53.23383168110004249)))</t>
  </si>
  <si>
    <t>MultiPolygon (((6.70385203036806576 53.25357272746035875, 6.70353743886964892 53.25194207207510289, 6.71433590904664435 53.24566969709319153, 6.71272070952726718 53.24461985276400355, 6.71768570422151434 53.24187250043654274, 6.70884700221283392 53.23532688912165156, 6.70887056819111649 53.23517723524638967, 6.67805538802445842 53.23536146758520715, 6.66175757044892602 53.23545570639229396, 6.65307987781133381 53.2355049814488126, 6.65310358329760732 53.23383168110004249, 6.65214001864856108 53.2350984188514218, 6.6477998720480489 53.23481185278603789, 6.64365637108480911 53.23346399850634469, 6.64359238952223841 53.23481147173755801, 6.64362166128841647 53.23505562212138642, 6.65027333303650714 53.2372591658268064, 6.66781122164300832 53.24522068248445095, 6.68904620460217103 53.25281901571166543, 6.69833035510540764 53.25614494891944162, 6.70385203036806576 53.25357272746035875)))</t>
  </si>
  <si>
    <t>MultiPolygon (((6.70654438113375662 53.23491098572150548, 6.70982451729775331 53.2327091211132668, 6.70945303810684646 53.23152924275473197, 6.70805585291616424 53.23223265779322588, 6.70682497792746801 53.23133106012344484, 6.70567223500979726 53.2282563124438326, 6.70879637538076157 53.22582405780359949, 6.70835843827917966 53.22478329047832091, 6.70704942128523385 53.22559920880427597, 6.70575999269164491 53.22501157018130868, 6.70636729225463668 53.22453039490184779, 6.70512358713458578 53.22370641188208396, 6.70554137156033114 53.22333396563909957, 6.70099211866206446 53.21972218441847247, 6.7014586511611105 53.21887551669312444, 6.69951493166952705 53.21840243839840667, 6.69854834706672175 53.21780623132406873, 6.69878980656566814 53.21730699284991317, 6.69751554032055818 53.21696558544696387, 6.69824526298275025 53.21466745102254947, 6.69330866389094403 53.21425203055911624, 6.69336127395766134 53.2129954908077778, 6.69077083750623025 53.21316097956103874, 6.69076801126592979 53.21245655094313776, 6.68991104152968852 53.21232000662668327, 6.68823229963816868 53.21263397171326659, 6.68819010410713144 53.21217995925262301, 6.68485115929755569 53.21159281883453218, 6.68475529259814483 53.21113743570723642, 6.68290559611071178 53.21105799900491462, 6.68265810344165789 53.21205929722045624, 6.68047300031253588 53.21169168552506079, 6.68069367510059475 53.21008106703664708, 6.68008124585959973 53.21002997461952333, 6.67976209336474369 53.20832227699576578, 6.68248429265435462 53.20848728748446632, 6.68401310447942354 53.20214695813290717, 6.683189401654686 53.20110221526778105, 6.67359694342552867 53.2006506369634522, 6.66687269657425485 53.20202034168583083, 6.66241594556005357 53.20513363750611546, 6.64969476176352359 53.21645518233125927, 6.64792290226373073 53.21863407253403011, 6.64350244666543155 53.22673071751191998, 6.64071073105581711 53.22885043432625451, 6.64331328313823022 53.23051320466363734, 6.64320258082614412 53.22738970675927561, 6.64782701988845304 53.22195361732928376, 6.64928765973349378 53.22197502725943252, 6.65288922461465759 53.21911725017839956, 6.65254814421072638 53.21769713111743982, 6.65021925702255157 53.21674564243235039, 6.65057666808582137 53.2161172003462255, 6.65360208124870223 53.2134124046178556, 6.65735538419801198 53.212293085305582, 6.66382051384969998 53.22264563785943636, 6.66679015544451836 53.22210031773852279, 6.66748847633430941 53.22379220391619725, 6.66667315843761354 53.22459721389369491, 6.67190927704406 53.22368223097872431, 6.67805538802445842 53.23536146758520715, 6.70887056819111649 53.23517723524638967, 6.70922883003773673 53.23495756264329515, 6.70654438113375662 53.23491098572150548)))</t>
  </si>
  <si>
    <t>MultiPolygon (((6.66224437862299457 53.22527967621651612, 6.65057666808582137 53.2161172003462255, 6.65021925702255157 53.21674564243235039, 6.65254814421072638 53.21769713111743982, 6.65288922461465759 53.21911725017839956, 6.64928765973349378 53.22197502725943252, 6.64782701988845304 53.22195361732928376, 6.64320258082614412 53.22738970675927561, 6.64814197047045052 53.22881137045919786, 6.64899176775276501 53.22830477873171162, 6.65350588811141641 53.22927723035846981, 6.66224437862299457 53.22527967621651612, 6.66224437862299457 53.22527967621651612)))</t>
  </si>
  <si>
    <t>MultiPolygon (((6.64365637108480911 53.23346399850634469, 6.64004814733338655 53.23247271763708, 6.64108895876061656 53.23110614222750314, 6.64331328313823022 53.23051320466363734, 6.64071073105581711 53.22885043432625451, 6.63571156612136193 53.23106542357367488, 6.63474459499395319 53.23236044763772412, 6.64359238952223841 53.23481147173755801, 6.64365637108480911 53.23346399850634469, 6.64365637108480911 53.23346399850634469)))</t>
  </si>
  <si>
    <t>MultiPolygon (((6.64969476176352359 53.21645518233125927, 6.66241594556005357 53.20513363750611546, 6.66687269657425485 53.20202034168583083, 6.6621558774870584 53.19981522209732105, 6.65046831466443855 53.19941103902072399, 6.6426457390971656 53.20029794074965679, 6.63494373327727782 53.20270320391917807, 6.63041411406775705 53.20568814618735587, 6.62582438281693786 53.20977570308779292, 6.63090781769821991 53.21157881103997056, 6.62948219850206044 53.21272137738623798, 6.64792290226373073 53.21863407253403011, 6.64969476176352359 53.21645518233125927)))</t>
  </si>
  <si>
    <t>MultiPolygon (((6.63571156612136193 53.23106542357367488, 6.64071073105581711 53.22885043432625451, 6.64350244666543155 53.22673071751191998, 6.64792290226373073 53.21863407253403011, 6.62948219850206044 53.21272137738623798, 6.63090781769821991 53.21157881103997056, 6.62582438281693786 53.20977570308779292, 6.61834683911791544 53.21718835685329907, 6.61214796063500376 53.22608441611031083, 6.62563608858607989 53.22986324075569087, 6.63474459499395319 53.23236044763772412, 6.63571156612136193 53.23106542357367488, 6.63571156612136193 53.23106542357367488)))</t>
  </si>
  <si>
    <t>MultiPolygon (((6.62563608858607989 53.22986324075569087, 6.61214796063500376 53.22608441611031083, 6.61038113380591152 53.22872162635138693, 6.61969670727856752 53.23083149554316407, 6.6249642613816917 53.23194204504942206, 6.62563608858607989 53.22986324075569087, 6.62563608858607989 53.22986324075569087)))</t>
  </si>
  <si>
    <t>MultiPolygon (((6.64362166128841647 53.23505562212138642, 6.64359238952223841 53.23481147173755801, 6.63474459499395319 53.23236044763772412, 6.62563608858607989 53.22986324075569087, 6.6249642613816917 53.23194204504942206, 6.63378526486124453 53.23379044356181566, 6.63512388453811131 53.23463951888381729, 6.64287273424861446 53.23639912902083893, 6.64362166128841647 53.23505562212138642, 6.64362166128841647 53.23505562212138642)))</t>
  </si>
  <si>
    <t>MultiPolygon (((6.61929696252265121 53.2494478923503749, 6.63504343808308406 53.25128474275774693, 6.63620615593328633 53.24907811883822006, 6.64287273424861446 53.23639912902083893, 6.63512388453811131 53.23463951888381729, 6.63378526486124453 53.23379044356181566, 6.63153350875644421 53.23775600373275552, 6.63008012924461276 53.23816347351068146, 6.6267896842256615 53.24322444351959405, 6.62485744891347927 53.2427780400603794, 6.62231409703429552 53.24541403658599847, 6.61226092003618682 53.24284370334078176, 6.6091312298696705 53.24642318174385736, 6.6067299749691788 53.24914081307111502, 6.60640723397953256 53.25141658769199893, 6.6183458008724374 53.25148592872655939, 6.61929696252265121 53.2494478923503749)))</t>
  </si>
  <si>
    <t>MultiPolygon (((6.62485744891347927 53.2427780400603794, 6.61451791036563375 53.24034303648870292, 6.61226092003618682 53.24284370334078176, 6.62231409703429552 53.24541403658599847, 6.62485744891347927 53.2427780400603794)))</t>
  </si>
  <si>
    <t>MultiPolygon (((6.61226092003618682 53.24284370334078176, 6.61451791036563375 53.24034303648870292, 6.61390669043096224 53.23959336682068511, 6.60950279007102015 53.23935949700034342, 6.60589329218332111 53.2383634807395012, 6.60411158199578185 53.23628838131544683, 6.60054541844534892 53.2376820019158572, 6.59819405969659645 53.23717701776016042, 6.59840261416918139 53.23594088513959122, 6.59289888088247178 53.23712155330073159, 6.58955387500930101 53.23900442881567585, 6.58759340158500351 53.24030547801502422, 6.59749568213399318 53.2444741936172008, 6.59808984421139133 53.24379593190710835, 6.6037962664877119 53.24578251138366625, 6.60540191006895228 53.24487049736863042, 6.6091312298696705 53.24642318174385736, 6.61226092003618682 53.24284370334078176, 6.61226092003618682 53.24284370334078176)))</t>
  </si>
  <si>
    <t>MultiPolygon (((6.60589329218332111 53.2383634807395012, 6.60470567287088794 53.23579592286685624, 6.60411158199578185 53.23628838131544683, 6.60589329218332111 53.2383634807395012, 6.60589329218332111 53.2383634807395012)))</t>
  </si>
  <si>
    <t>MultiPolygon (((6.60411158199578185 53.23628838131544683, 6.60470567287088794 53.23579592286685624, 6.60318037301764971 53.23490111598947294, 6.59840261416918139 53.23594088513959122, 6.59819405969659645 53.23717701776016042, 6.60054541844534892 53.2376820019158572, 6.60411158199578185 53.23628838131544683, 6.60411158199578185 53.23628838131544683)))</t>
  </si>
  <si>
    <t>MultiPolygon (((6.59289888088247178 53.23712155330073159, 6.59840261416918139 53.23594088513959122, 6.60318037301764971 53.23490111598947294, 6.60696126872359191 53.23295398186055394, 6.60359344792442116 53.23146721786198299, 6.5923399882057705 53.2287045016705207, 6.59178443864449282 53.22764410179513561, 6.58807550020402299 53.23065807457968646, 6.5845126881151419 53.23347956911957368, 6.57830816770826754 53.2360902142448893, 6.57856712729979254 53.2364591040766939, 6.58299916837218291 53.23749251235894064, 6.58541615294313587 53.23719704700096855, 6.58955387500930101 53.23900442881567585, 6.59289888088247178 53.23712155330073159)))</t>
  </si>
  <si>
    <t>MultiPolygon (((6.60985738536067213 53.2295079097098025, 6.61689458474910364 53.23120138607826135, 6.61969670727856752 53.23083149554316407, 6.61038113380591152 53.22872162635138693, 6.61214796063500376 53.22608441611031083, 6.60316149369723338 53.22352462971806375, 6.59826193944598849 53.22221623614770891, 6.59385338128438736 53.22591201737953526, 6.59178443864449282 53.22764410179513561, 6.5923399882057705 53.2287045016705207, 6.60359344792442116 53.23146721786198299, 6.60696126872359191 53.23295398186055394, 6.60985738536067213 53.2295079097098025)))</t>
  </si>
  <si>
    <t>MultiPolygon (((6.61390669043096224 53.23959336682068511, 6.61147955785498542 53.23661613291729822, 6.61451684331552148 53.23488533394133526, 6.61689458474910364 53.23120138607826135, 6.60985738536067213 53.2295079097098025, 6.60696126872359191 53.23295398186055394, 6.60318037301764971 53.23490111598947294, 6.60470567287088794 53.23579592286685624, 6.60589329218332111 53.2383634807395012, 6.60950279007102015 53.23935949700034342, 6.61390669043096224 53.23959336682068511, 6.61390669043096224 53.23959336682068511)))</t>
  </si>
  <si>
    <t>MultiPolygon (((6.63008012924461276 53.23816347351068146, 6.63153350875644421 53.23775600373275552, 6.63378526486124453 53.23379044356181566, 6.6249642613816917 53.23194204504942206, 6.61969670727856752 53.23083149554316407, 6.61689458474910364 53.23120138607826135, 6.61451684331552148 53.23488533394133526, 6.61636640060994274 53.23587015482821272, 6.63008012924461276 53.23816347351068146, 6.63008012924461276 53.23816347351068146)))</t>
  </si>
  <si>
    <t>MultiPolygon (((6.63008012924461276 53.23816347351068146, 6.61636640060994274 53.23587015482821272, 6.61451684331552148 53.23488533394133526, 6.61147955785498542 53.23661613291729822, 6.61390669043096224 53.23959336682068511, 6.61451791036563375 53.24034303648870292, 6.62485744891347927 53.2427780400603794, 6.6267896842256615 53.24322444351959405, 6.63008012924461276 53.23816347351068146)))</t>
  </si>
  <si>
    <t>MultiPolygon (((6.58759340158500351 53.24030547801502422, 6.58955387500930101 53.23900442881567585, 6.58541615294313587 53.23719704700096855, 6.58299916837218291 53.23749251235894064, 6.57856712729979254 53.2364591040766939, 6.58243452844715726 53.24037366168439434, 6.58553382109925955 53.24167402447212538, 6.58759340158500351 53.24030547801502422, 6.58759340158500351 53.24030547801502422)))</t>
  </si>
  <si>
    <t>MultiPolygon (((6.54955188251131837 53.26440901425156937, 6.55138716816246802 53.26237503847895027, 6.55239701047466649 53.26217862623662569, 6.56660118884740296 53.26360735321890871, 6.56723011107118992 53.2614940759695088, 6.58575233255020365 53.2615398528013344, 6.5857787538256618 53.26249148874872219, 6.58853395617245763 53.26254806623401095, 6.5863438182867835 53.25587481572713955, 6.58712662188583664 53.25571364889598414, 6.57886784771094657 53.24804812147041844, 6.57373297378964416 53.24984798453808565, 6.57143749358873741 53.25117080714945672, 6.57030695863472403 53.2511732368936137, 6.56840951852946642 53.24838702663810608, 6.56633393867198389 53.24822536866340528, 6.56570658777229088 53.24263449576271512, 6.56268136622916742 53.2407818848861254, 6.5566390595569386 53.24267132563012694, 6.53144402199351681 53.25024225107739539, 6.50824623654944201 53.25727386825921883, 6.50824035800727607 53.25757405119986743, 6.51098972384687258 53.25684003061483907, 6.51913876251441238 53.25843001819622913, 6.52316915013484344 53.25724171943438989, 6.52979934047019217 53.25822601666448008, 6.53930804842220503 53.26035974873251178, 6.53792618278815407 53.26409670059847912, 6.5409665942416586 53.26362363376681941, 6.55026314812963673 53.2649468995246238, 6.54955188251131837 53.26440901425156937)))</t>
  </si>
  <si>
    <t>MultiPolygon (((6.57886784771094657 53.24804812147041844, 6.5761823011664946 53.24512338649785903, 6.57078234753084267 53.24444661145545155, 6.57373297378964416 53.24984798453808565, 6.57886784771094657 53.24804812147041844, 6.57886784771094657 53.24804812147041844)))</t>
  </si>
  <si>
    <t>MultiPolygon (((6.57373297378964416 53.24984798453808565, 6.57078234753084267 53.24444661145545155, 6.5761823011664946 53.24512338649785903, 6.57123615121238647 53.24127727006727895, 6.56890283771456307 53.23894491845644694, 6.56792072490428591 53.23921239766701774, 6.56268136622916742 53.2407818848861254, 6.56570658777229088 53.24263449576271512, 6.56633393867198389 53.24822536866340528, 6.56840951852946642 53.24838702663810608, 6.57030695863472403 53.2511732368936137, 6.57143749358873741 53.25117080714945672, 6.57373297378964416 53.24984798453808565)))</t>
  </si>
  <si>
    <t>MultiPolygon (((6.5756794318691254 53.2402529214004403, 6.57797295590902298 53.23862801505631381, 6.57856712729979254 53.2364591040766939, 6.57830816770826754 53.2360902142448893, 6.57830801945376997 53.23609026963428903, 6.56890283771456307 53.23894491845644694, 6.57123615121238647 53.24127727006727895, 6.5756794318691254 53.2402529214004403)))</t>
  </si>
  <si>
    <t>MultiPolygon (((6.58108209153107104 53.24681798150659517, 6.58226313035105104 53.24415205879618185, 6.58553382109925955 53.24167402447212538, 6.58243452844715726 53.24037366168439434, 6.57856712729979254 53.2364591040766939, 6.57797295590902298 53.23862801505631381, 6.5756794318691254 53.2402529214004403, 6.57123615121238647 53.24127727006727895, 6.5761823011664946 53.24512338649785903, 6.57886784771094657 53.24804812147041844, 6.58108209153107104 53.24681798150659517)))</t>
  </si>
  <si>
    <t>MultiPolygon (((6.60635129129401388 53.25374084576130684, 6.60640723397953256 53.25141658769199893, 6.6067299749691788 53.24914081307111502, 6.6091312298696705 53.24642318174385736, 6.60540191006895228 53.24487049736863042, 6.6037962664877119 53.24578251138366625, 6.59808984421139133 53.24379593190710835, 6.59749568213399318 53.2444741936172008, 6.59325741398960918 53.25008200387537016, 6.59073659099836906 53.25532243452989434, 6.60635129129401388 53.25374084576130684)))</t>
  </si>
  <si>
    <t>MultiPolygon (((6.58756983526194073 53.25563676642784827, 6.59073659099836906 53.25532243452989434, 6.59325741398960918 53.25008200387537016, 6.59749568213399318 53.2444741936172008, 6.58759340158500351 53.24030547801502422, 6.58553382109925955 53.24167402447212538, 6.58226313035105104 53.24415205879618185, 6.58108209153107104 53.24681798150659517, 6.57886784771094657 53.24804812147041844, 6.58712662188583664 53.25571364889598414, 6.58756983526194073 53.25563676642784827, 6.58756983526194073 53.25563676642784827)))</t>
  </si>
  <si>
    <t>MultiPolygon (((6.55619974341040468 53.22984205668858237, 6.55066788193069893 53.22615794537163936, 6.54867657601160236 53.22925110170272234, 6.55002819521930846 53.23167420748854539, 6.55619974341040468 53.22984205668858237)))</t>
  </si>
  <si>
    <t>MultiPolygon (((6.5566390595569386 53.24267132563012694, 6.55884375183514479 53.23832667695932486, 6.55177937727963666 53.23819112039934964, 6.54365257685744961 53.23674299125696052, 6.54130647726828762 53.24225769127466634, 6.53144402199351681 53.25024225107739539, 6.5566390595569386 53.24267132563012694, 6.5566390595569386 53.24267132563012694)))</t>
  </si>
  <si>
    <t>MultiPolygon (((6.53144402199351681 53.25024225107739539, 6.54130647726828762 53.24225769127466634, 6.54365257685744961 53.23674299125696052, 6.54213031478965856 53.23650549301663659, 6.52999304451007045 53.23462108562811324, 6.52093940719947618 53.2475803884423371, 6.51765144915657935 53.25105955535189395, 6.5114424223694396 53.25411424016815687, 6.50824623654944201 53.25727386825921883, 6.53144402199351681 53.25024225107739539, 6.53144402199351681 53.25024225107739539)))</t>
  </si>
  <si>
    <t>MultiPolygon (((6.54607861660297718 53.22973793449587987, 6.53542771346363693 53.22730625957020578, 6.52999304451007045 53.23462108562811324, 6.54213031478965856 53.23650549301663659, 6.54607861660297718 53.22973793449587987)))</t>
  </si>
  <si>
    <t>MultiPolygon (((6.54867657601160236 53.22925110170272234, 6.55066788193069893 53.22615794537163936, 6.54884713453918366 53.22501105269861199, 6.54229377461212813 53.22095900707668648, 6.53828655923409041 53.22386424655553583, 6.53542771346363693 53.22730625957020578, 6.54607861660297718 53.22973793449587987, 6.54867657601160236 53.22925110170272234, 6.54867657601160236 53.22925110170272234)))</t>
  </si>
  <si>
    <t>MultiPolygon (((6.55884375183514479 53.23832667695932486, 6.55932476709536694 53.23503484437409128, 6.55803817186089333 53.23183114464909949, 6.55619974341040468 53.22984205668858237, 6.55002819521930846 53.23167420748854539, 6.54867657601160236 53.22925110170272234, 6.54607861660297718 53.22973793449587987, 6.54213031478965856 53.23650549301663659, 6.54365257685744961 53.23674299125696052, 6.55177937727963666 53.23819112039934964, 6.55884375183514479 53.23832667695932486)))</t>
  </si>
  <si>
    <t>MultiPolygon (((6.52387133005619368 53.21624825568508754, 6.52405382849411541 53.2146687061074104, 6.51923625368709647 53.21496555359772884, 6.50323020225480963 53.21854293104142641, 6.50389636443365848 53.22137011296431552, 6.508069677638467 53.22167163432035863, 6.51906741212802832 53.22208157640335457, 6.52061254474071283 53.224372699801485, 6.52387133005619368 53.21624825568508754)))</t>
  </si>
  <si>
    <t>MultiPolygon (((6.52061254474071283 53.224372699801485, 6.51906741212802832 53.22208157640335457, 6.508069677638467 53.22167163432035863, 6.5070803157173005 53.22349976793368143, 6.50735185197371724 53.23184556681650292, 6.50871446042408763 53.23251736949566038, 6.51767273154638893 53.23366844360187145, 6.52061254474071283 53.224372699801485)))</t>
  </si>
  <si>
    <t>MultiPolygon (((6.51765144915657935 53.25105955535189395, 6.52093940719947618 53.2475803884423371, 6.5142768171231209 53.24508400421255772, 6.51360962989492798 53.24583009707016856, 6.5116904321358513 53.24521257473362823, 6.51280976801250588 53.24391053276742269, 6.51472907517660271 53.24450801752382034, 6.51581133365192589 53.24218918371713727, 6.51279240165033091 53.24139847451981211, 6.5139772042694144 53.23742025522341947, 6.49400400827874158 53.24267254740222199, 6.48047460497230077 53.24550550488331879, 6.48092074103581695 53.25018528817825825, 6.4886016597102838 53.24901635243693221, 6.48872550912122925 53.24723139372873959, 6.49198547978857032 53.24555469691966181, 6.49454263519923813 53.24564382274675722, 6.49584665092111635 53.24582303132878991, 6.49923633003011325 53.24838326608651329, 6.50215140191115193 53.24770632705578066, 6.5114424223694396 53.25411424016815687, 6.51765144915657935 53.25105955535189395)))</t>
  </si>
  <si>
    <t>MultiPolygon (((6.52999304451007045 53.23462108562811324, 6.52802632915765013 53.23431451723214991, 6.52602266886352211 53.23423499584212948, 6.51995453687584892 53.23582155626430534, 6.5139772042694144 53.23742025522341947, 6.51279240165033091 53.24139847451981211, 6.51581133365192589 53.24218918371713727, 6.51472907517660271 53.24450801752382034, 6.51280976801250588 53.24391053276742269, 6.5116904321358513 53.24521257473362823, 6.51360962989492798 53.24583009707016856, 6.5142768171231209 53.24508400421255772, 6.52093940719947618 53.2475803884423371, 6.52999304451007045 53.23462108562811324)))</t>
  </si>
  <si>
    <t>MultiPolygon (((6.53542771346363693 53.22730625957020578, 6.53828655923409041 53.22386424655553583, 6.54229377461212813 53.22095900707668648, 6.54108918541709983 53.22008310496006089, 6.54017204444604339 53.21892962650633763, 6.53953935096472616 53.21884644200567038, 6.53932728521777751 53.22127867515479238, 6.53405195382701631 53.22691691865340147, 6.52802632915765013 53.23431451723214991, 6.52999304451007045 53.23462108562811324, 6.53542771346363693 53.22730625957020578, 6.53542771346363693 53.22730625957020578)))</t>
  </si>
  <si>
    <t>MultiPolygon (((6.54006709076512482 53.21645399546135735, 6.54264676953780899 53.21305884393727581, 6.54201140442169038 53.21291346347456397, 6.53401847949585424 53.21108420031109176, 6.5294085822631196 53.21431680539495801, 6.52405382849411541 53.2146687061074104, 6.52387133005619368 53.21624825568508754, 6.53026891542358534 53.21641941533186326, 6.53953935096472616 53.21884644200567038, 6.54017204444604339 53.21892962650633763, 6.54006709076512482 53.21645399546135735)))</t>
  </si>
  <si>
    <t>MultiPolygon (((6.53932728521777751 53.22127867515479238, 6.53953935096472616 53.21884644200567038, 6.53026891542358534 53.21641941533186326, 6.52387133005619368 53.21624825568508754, 6.52061254474071283 53.224372699801485, 6.53405195382701631 53.22691691865340147, 6.53932728521777751 53.22127867515479238)))</t>
  </si>
  <si>
    <t>MultiPolygon (((6.52602266886352211 53.23423499584212948, 6.52802632915765013 53.23431451723214991, 6.53405195382701631 53.22691691865340147, 6.52061254474071283 53.224372699801485, 6.51767273154638893 53.23366844360187145, 6.51995453687584892 53.23582155626430534, 6.52602266886352211 53.23423499584212948)))</t>
  </si>
  <si>
    <t>MultiPolygon (((6.52395575269678574 53.2004932886261841, 6.51996828382050264 53.19922624641132813, 6.51915664897498637 53.20146333683462103, 6.52465985447727093 53.20278101042346464, 6.52395575269678574 53.2004932886261841, 6.52395575269678574 53.2004932886261841)))</t>
  </si>
  <si>
    <t>MultiPolygon (((6.51996828382050264 53.19922624641132813, 6.52395575269678574 53.2004932886261841, 6.52486944956411108 53.1984585824433367, 6.53341448030709326 53.19747189648933983, 6.53395161779085143 53.19569465614566894, 6.53049198094059768 53.19555927328934786, 6.51571519822887524 53.19830814966962862, 6.51777959518116479 53.2009159575914552, 6.51915664897498637 53.20146333683462103, 6.51996828382050264 53.19922624641132813)))</t>
  </si>
  <si>
    <t>MultiPolygon (((6.53341448030709326 53.19747189648933983, 6.52486944956411108 53.1984585824433367, 6.52395575269678574 53.2004932886261841, 6.52465985447727093 53.20278101042346464, 6.53191164332510255 53.20465930072980143, 6.53341448030709326 53.19747189648933983)))</t>
  </si>
  <si>
    <t>MultiPolygon (((6.53131530068363375 53.20979413588850804, 6.5332892520913628 53.20504292569449234, 6.53191164332510255 53.20465930072980143, 6.52465985447727093 53.20278101042346464, 6.51915664897498637 53.20146333683462103, 6.51777959518116479 53.2009159575914552, 6.51657108806362562 53.20249736474301017, 6.51866912290909095 53.20342454499078855, 6.51360928939550199 53.21107429978803793, 6.53131530068363375 53.20979413588850804, 6.53131530068363375 53.20979413588850804)))</t>
  </si>
  <si>
    <t>MultiPolygon (((6.54858663744243596 53.20917125338125686, 6.5332892520913628 53.20504292569449234, 6.53131530068363375 53.20979413588850804, 6.54702118356882323 53.21019140306523099, 6.54858663744243596 53.20917125338125686, 6.54858663744243596 53.20917125338125686)))</t>
  </si>
  <si>
    <t>MultiPolygon (((6.51923625368709647 53.21496555359772884, 6.52405382849411541 53.2146687061074104, 6.5294085822631196 53.21431680539495801, 6.53401847949585424 53.21108420031109176, 6.54201140442169038 53.21291346347456397, 6.54702118356882323 53.21019140306523099, 6.53131530068363375 53.20979413588850804, 6.51360928939550199 53.21107429978803793, 6.51295392714397536 53.21481168627624214, 6.51923625368709647 53.21496555359772884, 6.51923625368709647 53.21496555359772884)))</t>
  </si>
  <si>
    <t>MultiPolygon (((6.5139772042694144 53.23742025522341947, 6.51995453687584892 53.23582155626430534, 6.51767273154638893 53.23366844360187145, 6.50871446042408763 53.23251736949566038, 6.50735185197371724 53.23184556681650292, 6.5070803157173005 53.22349976793368143, 6.508069677638467 53.22167163432035863, 6.50389636443365848 53.22137011296431552, 6.50426214226205612 53.22277755631274943, 6.50251369261824674 53.22291064165519003, 6.50090304756072701 53.22465999385767077, 6.50145878155907919 53.22643583892561736, 6.5001366607944604 53.22905012434395644, 6.49969690574898706 53.23494055302599293, 6.49548091986445186 53.23693352515234523, 6.49400400827874158 53.24267254740222199, 6.5139772042694144 53.23742025522341947)))</t>
  </si>
  <si>
    <t>MultiPolygon (((6.49400400827874158 53.24267254740222199, 6.49548091986445186 53.23693352515234523, 6.49969690574898706 53.23494055302599293, 6.5001366607944604 53.22905012434395644, 6.49885857048967353 53.22894921585707095, 6.49913153925175102 53.21870640651334128, 6.49789327372832481 53.21819794417750416, 6.48822091432794501 53.21876966013935828, 6.47719429074549602 53.23421434209895153, 6.47665490009416533 53.23650235020275545, 6.48047460497230077 53.24550550488331879, 6.49400400827874158 53.24267254740222199)))</t>
  </si>
  <si>
    <t>MultiPolygon (((6.47719429074549602 53.23421434209895153, 6.48822091432794501 53.21876966013935828, 6.49005546890091978 53.21391818837100374, 6.48939961856999581 53.21294920185898292, 6.48297442234484844 53.21409090366503847, 6.46976791492746894 53.22046863341575573, 6.47665490009416533 53.23650235020275545, 6.47719429074549602 53.23421434209895153)))</t>
  </si>
  <si>
    <t>MultiPolygon (((6.48297442234484844 53.21409090366503847, 6.48939961856999581 53.21294920185898292, 6.49002468276062583 53.20985894135382921, 6.48830291925420877 53.20951695365118184, 6.48721853865137543 53.21142538811810851, 6.4861642555907828 53.21174445715546142, 6.46467910290191039 53.2074594263320293, 6.46447361066095194 53.20761431803117603, 6.46976791492746894 53.22046863341575573, 6.48297442234484844 53.21409090366503847)))</t>
  </si>
  <si>
    <t>MultiPolygon (((6.48721853865137543 53.21142538811810851, 6.48830291925420877 53.20951695365118184, 6.49002468276062583 53.20985894135382921, 6.49340668676028177 53.20371518362414776, 6.48571682935419425 53.20382125781567595, 6.48151183153256039 53.2035534371686083, 6.46346142082945097 53.20005823095439723, 6.46274561567742989 53.20197878676165004, 6.46689964814231022 53.20430244813254461, 6.46700361267095314 53.20617038243896957, 6.46467910290191039 53.2074594263320293, 6.4861642555907828 53.21174445715546142, 6.48721853865137543 53.21142538811810851, 6.48721853865137543 53.21142538811810851)))</t>
  </si>
  <si>
    <t>MultiPolygon (((6.51360928939550199 53.21107429978803793, 6.51866912290909095 53.20342454499078855, 6.51657108806362562 53.20249736474301017, 6.51777959518116479 53.2009159575914552, 6.51571519822887524 53.19830814966962862, 6.51338598903973143 53.19693701780399664, 6.51333605488891365 53.19697354357589347, 6.5068447068421742 53.20014503853779075, 6.49642774892766006 53.19813743330674072, 6.49350490587698026 53.19849701868052705, 6.49269520123333344 53.20057685139208559, 6.48571682935419425 53.20382125781567595, 6.49340668676028177 53.20371518362414776, 6.49002468276062583 53.20985894135382921, 6.48939961856999581 53.21294920185898292, 6.51360928939550199 53.21107429978803793)))</t>
  </si>
  <si>
    <t>MultiPolygon (((6.50145878155907919 53.22643583892561736, 6.50090304756072701 53.22465999385767077, 6.50251369261824674 53.22291064165519003, 6.50426214226205612 53.22277755631274943, 6.50389636443365848 53.22137011296431552, 6.50323020225480963 53.21854293104142641, 6.51923625368709647 53.21496555359772884, 6.51295392714397536 53.21481168627624214, 6.51360928939550199 53.21107429978803793, 6.48939961856999581 53.21294920185898292, 6.49005546890091978 53.21391818837100374, 6.48822091432794501 53.21876966013935828, 6.49789327372832481 53.21819794417750416, 6.49913153925175102 53.21870640651334128, 6.49885857048967353 53.22894921585707095, 6.5001366607944604 53.22905012434395644, 6.50145878155907919 53.22643583892561736)))</t>
  </si>
  <si>
    <t>MultiPolygon (((6.53690367208425904 53.19359581370751755, 6.53039883036998781 53.19285651245797197, 6.52952892734361878 53.19519492026118002, 6.53049198094059768 53.19555927328934786, 6.53395161779085143 53.19569465614566894, 6.53669066219667005 53.19589256405770783, 6.53690367208425904 53.19359581370751755)))</t>
  </si>
  <si>
    <t>MultiPolygon (((6.54389516054270093 53.19148969260663051, 6.54432344142628875 53.18728969990478106, 6.54314652651641371 53.18551237124287923, 6.54682460780008135 53.18125212304385485, 6.54625371134191791 53.18027859966268522, 6.54348855922950534 53.17901598560971621, 6.5414959472733889 53.17906815511074825, 6.54064781974546783 53.18015834642305606, 6.53803252650543243 53.18231163341346956, 6.53428185959988461 53.18408513527354131, 6.53039883036998781 53.19285651245797197, 6.53690367208425904 53.19359581370751755, 6.53669066219667005 53.19589256405770783, 6.54042888924329713 53.19661399354986742, 6.54389516054270093 53.19148969260663051, 6.54389516054270093 53.19148969260663051)))</t>
  </si>
  <si>
    <t>MultiPolygon (((6.55521920632469524 53.19400505930894951, 6.55327324144208934 53.19026405582079775, 6.54432344142628875 53.18728969990478106, 6.54389516054270093 53.19148969260663051, 6.54600734535505513 53.1922533351118787, 6.54784324320780886 53.19465368126899563, 6.5494991508981828 53.19535592726414563, 6.55521920632469524 53.19400505930894951)))</t>
  </si>
  <si>
    <t>MultiPolygon (((6.54818830399555374 53.18109763702781834, 6.54625371134191791 53.18027859966268522, 6.54682460780008135 53.18125212304385485, 6.54314652651641371 53.18551237124287923, 6.54432344142628875 53.18728969990478106, 6.55327324144208934 53.19026405582079775, 6.54818830399555374 53.18109763702781834)))</t>
  </si>
  <si>
    <t>MultiPolygon (((6.56419352673519274 53.19280137243880802, 6.56822532306627505 53.18695839269786774, 6.57578926765077565 53.1829315006305734, 6.5748776191690439 53.18279611101599613, 6.57072144775010081 53.18288909391585406, 6.56670136859610309 53.18453671852400788, 6.55778669967895045 53.18272034594963316, 6.55693573559047582 53.18383048198737839, 6.54885213861549964 53.18166426648966194, 6.54837759422946686 53.18088572739804931, 6.54818830399555374 53.18109763702781834, 6.55327324144208934 53.19026405582079775, 6.55521920632469524 53.19400505930894951, 6.56419352673519274 53.19280137243880802)))</t>
  </si>
  <si>
    <t>MultiPolygon (((6.56545254132044853 53.20147232414919358, 6.56457960470890889 53.1997545831141565, 6.56300565496213828 53.19619382534599339, 6.56419352673519274 53.19280137243880802, 6.55521920632469524 53.19400505930894951, 6.5494991508981828 53.19535592726414563, 6.54784324320780886 53.19465368126899563, 6.54600734535505513 53.1922533351118787, 6.54389516054270093 53.19148969260663051, 6.54042888924329713 53.19661399354986742, 6.54640495700424019 53.19850922749126454, 6.55937233913077922 53.2021509236968555, 6.56346471174297186 53.20297002237836637, 6.56468976557219275 53.20322867144268741, 6.56545254132044853 53.20147232414919358)))</t>
  </si>
  <si>
    <t>MultiPolygon (((6.58132588571134569 53.19297235631643161, 6.58234654481988013 53.19100792566140967, 6.58005347453731204 53.1904287276778831, 6.57886253711712587 53.18702533367788732, 6.581156343958523 53.18496738065265816, 6.57972181561498548 53.18468458743281246, 6.58010367194765777 53.18325223981143068, 6.57578926765077565 53.1829315006305734, 6.56822532306627505 53.18695839269786774, 6.56419352673519274 53.19280137243880802, 6.57540624162818865 53.19332428728244366, 6.57748907666972382 53.19393854500195573, 6.57795899475015489 53.19407877497416592, 6.58132588571134569 53.19297235631643161)))</t>
  </si>
  <si>
    <t>MultiPolygon (((6.57089691957381916 53.20014439722774569, 6.57452708690124688 53.19795396734584614, 6.57748907666972382 53.19393854500195573, 6.57540624162818865 53.19332428728244366, 6.56419352673519274 53.19280137243880802, 6.56300565496213828 53.19619382534599339, 6.56457960470890889 53.1997545831141565, 6.56686476115601092 53.19972387020591498, 6.56937277149217369 53.20069891497086445, 6.57089691957381916 53.20014439722774569)))</t>
  </si>
  <si>
    <t>MultiPolygon (((6.58679221008247051 53.19402764062088806, 6.58630564041249844 53.19335995705026932, 6.58171928485721924 53.19486890159482328, 6.57795899475015489 53.19407877497416592, 6.57748907666972382 53.19393854500195573, 6.57452708690124688 53.19795396734584614, 6.57089691957381916 53.20014439722774569, 6.57258524285478885 53.20079577770143686, 6.5793492177407451 53.20110334114749406, 6.58377334182776064 53.20294738743899643, 6.58679221008247051 53.19402764062088806, 6.58679221008247051 53.19402764062088806)))</t>
  </si>
  <si>
    <t>MultiPolygon (((6.58630564041249844 53.19335995705026932, 6.58679221008247051 53.19402764062088806, 6.58993098717513526 53.1943963519686136, 6.59164465989309178 53.1911873986476138, 6.59485123642304938 53.19167165236713402, 6.59584032284638422 53.19012488446897891, 6.59254915576856071 53.18917848045568775, 6.58655746379267715 53.18720136145945787, 6.58103810820821256 53.1858776778891027, 6.581156343958523 53.18496738065265816, 6.57886253711712587 53.18702533367788732, 6.58005347453731204 53.1904287276778831, 6.58234654481988013 53.19100792566140967, 6.58132588571134569 53.19297235631643161, 6.57795899475015489 53.19407877497416592, 6.58171928485721924 53.19486890159482328, 6.58630564041249844 53.19335995705026932)))</t>
  </si>
  <si>
    <t>MultiPolygon (((6.60327084012630738 53.19636110691870812, 6.5979885162454508 53.19503901616815966, 6.59751536445488451 53.19237166224610291, 6.59871354286483758 53.19056076091675322, 6.59584032284638422 53.19012488446897891, 6.59485123642304938 53.19167165236713402, 6.59588998406059979 53.19196187717337665, 6.59295711339288459 53.19761357924492984, 6.59840316765803969 53.19885072872149578, 6.60327084012630738 53.19636110691870812, 6.60327084012630738 53.19636110691870812)))</t>
  </si>
  <si>
    <t>MultiPolygon (((6.58411424008350732 53.20555494081180115, 6.59334834274293602 53.20121673766028181, 6.59840316765803969 53.19885072872149578, 6.59295711339288459 53.19761357924492984, 6.59588998406059979 53.19196187717337665, 6.59485123642304938 53.19167165236713402, 6.59164465989309178 53.1911873986476138, 6.58993098717513526 53.1943963519686136, 6.58679221008247051 53.19402764062088806, 6.58377334182776064 53.20294738743899643, 6.58343917521333299 53.20587294704098014, 6.58411424008350732 53.20555494081180115, 6.58411424008350732 53.20555494081180115)))</t>
  </si>
  <si>
    <t>MultiPolygon (((6.58343917521333299 53.20587294704098014, 6.58377334182776064 53.20294738743899643, 6.5793492177407451 53.20110334114749406, 6.57258524285478885 53.20079577770143686, 6.57089691957381916 53.20014439722774569, 6.56937277149217369 53.20069891497086445, 6.56686476115601092 53.19972387020591498, 6.56457960470890889 53.1997545831141565, 6.56545254132044853 53.20147232414919358, 6.56468976557219275 53.20322867144268741, 6.57416425062382892 53.20535175510483583, 6.57758661201798223 53.20625966183950339, 6.579804370654184 53.20758664839764407, 6.58343917521333299 53.20587294704098014, 6.58343917521333299 53.20587294704098014)))</t>
  </si>
  <si>
    <t>MultiPolygon (((6.62932028050943867 53.19291407005556493, 6.64399299895835593 53.18736571541987246, 6.63946806939416501 53.18598074638704531, 6.63617595305406383 53.18646527045241612, 6.63545628321118119 53.18735586623264311, 6.62186675489186705 53.19143416539908742, 6.62499754236391514 53.19300218148448067, 6.62567218191600737 53.19459469727596002, 6.62932028050943867 53.19291407005556493, 6.62932028050943867 53.19291407005556493)))</t>
  </si>
  <si>
    <t>MultiPolygon (((6.63494373327727782 53.20270320391917807, 6.6426457390971656 53.20029794074965679, 6.65046831466443855 53.19941103902072399, 6.6621558774870584 53.19981522209732105, 6.64997443717897241 53.19319667714031397, 6.64261143427354916 53.19188234734790655, 6.64019777022403623 53.19051757961650395, 6.64682128604510503 53.18793735107024645, 6.64399299895835593 53.18736571541987246, 6.62932028050943867 53.19291407005556493, 6.63276008153070951 53.19461596722986485, 6.6301194418745677 53.19809272212405915, 6.62675306025316058 53.19934468569653774, 6.62467465387710952 53.20521733563906963, 6.63041411406775705 53.20568814618735587, 6.63494373327727782 53.20270320391917807)))</t>
  </si>
  <si>
    <t>MultiPolygon (((6.62467465387710952 53.20521733563906963, 6.62675306025316058 53.19934468569653774, 6.6301194418745677 53.19809272212405915, 6.63276008153070951 53.19461596722986485, 6.62932028050943867 53.19291407005556493, 6.62567218191600737 53.19459469727596002, 6.60938172554561021 53.20279880531493433, 6.61836060719852703 53.20485476126670221, 6.62467465387710952 53.20521733563906963, 6.62467465387710952 53.20521733563906963)))</t>
  </si>
  <si>
    <t>MultiPolygon (((6.60318916205967454 53.20262169564335153, 6.60585800861270478 53.20222749581400734, 6.60938172554561021 53.20279880531493433, 6.62567218191600737 53.19459469727596002, 6.62499754236391514 53.19300218148448067, 6.62186675489186705 53.19143416539908742, 6.60673241000517386 53.19594377205934421, 6.60327084012630738 53.19636110691870812, 6.59840316765803969 53.19885072872149578, 6.59334834274293602 53.20121673766028181, 6.59378969759062539 53.20443659286677018, 6.59594170564521054 53.20681853075895162, 6.60318916205967454 53.20262169564335153)))</t>
  </si>
  <si>
    <t>MultiPolygon (((6.60521302573153246 53.21227553106546537, 6.61239422178623126 53.2093206269070933, 6.61526876983432466 53.21086707874758304, 6.61741737064595181 53.21056849963382973, 6.62013836925708965 53.20877842948964087, 6.62210203398193809 53.20597662685288043, 6.62467465387710952 53.20521733563906963, 6.61836060719852703 53.20485476126670221, 6.60938172554561021 53.20279880531493433, 6.60287724510125074 53.20675924213420416, 6.59968237746903075 53.21401136427054723, 6.60253328619657243 53.21462420495216605, 6.60521302573153246 53.21227553106546537)))</t>
  </si>
  <si>
    <t>MultiPolygon (((6.61834683911791544 53.21718835685329907, 6.62582438281693786 53.20977570308779292, 6.63041411406775705 53.20568814618735587, 6.62467465387710952 53.20521733563906963, 6.62210203398193809 53.20597662685288043, 6.62013836925708965 53.20877842948964087, 6.61741737064595181 53.21056849963382973, 6.61526876983432466 53.21086707874758304, 6.61239422178623126 53.2093206269070933, 6.60521302573153246 53.21227553106546537, 6.60253328619657243 53.21462420495216605, 6.61187362394023115 53.21755070440148927, 6.61834683911791544 53.21718835685329907)))</t>
  </si>
  <si>
    <t>MultiPolygon (((6.61834683911791544 53.21718835685329907, 6.61187362394023115 53.21755070440148927, 6.60253328619657243 53.21462420495216605, 6.59968237746903075 53.21401136427054723, 6.59730589119799049 53.21963111826469373, 6.60454372227818087 53.22170274702941128, 6.60316149369723338 53.22352462971806375, 6.61214796063500376 53.22608441611031083, 6.61834683911791544 53.21718835685329907)))</t>
  </si>
  <si>
    <t>MultiPolygon (((6.60454372227818087 53.22170274702941128, 6.59730589119799049 53.21963111826469373, 6.59642614407600014 53.22173412516453084, 6.59826193944598849 53.22221623614770891, 6.60316149369723338 53.22352462971806375, 6.60454372227818087 53.22170274702941128, 6.60454372227818087 53.22170274702941128)))</t>
  </si>
  <si>
    <t>MultiPolygon (((6.5865843626225038 53.21742355100512611, 6.58179397961318813 53.21572918071814939, 6.5801452027246885 53.21705153617546813, 6.5854503619489666 53.21857869057870971, 6.5865843626225038 53.21742355100512611, 6.5865843626225038 53.21742355100512611)))</t>
  </si>
  <si>
    <t>MultiPolygon (((6.59730589119799049 53.21963111826469373, 6.59968237746903075 53.21401136427054723, 6.60287724510125074 53.20675924213420416, 6.60938172554561021 53.20279880531493433, 6.60585800861270478 53.20222749581400734, 6.60318916205967454 53.20262169564335153, 6.59594170564521054 53.20681853075895162, 6.58864269759007559 53.21144923119662451, 6.58179397961318813 53.21572918071814939, 6.5865843626225038 53.21742355100512611, 6.5854503619489666 53.21857869057870971, 6.59642614407600014 53.22173412516453084, 6.59730589119799049 53.21963111826469373, 6.59730589119799049 53.21963111826469373)))</t>
  </si>
  <si>
    <t>MultiPolygon (((6.59594170564521054 53.20681853075895162, 6.59378969759062539 53.20443659286677018, 6.59334834274293602 53.20121673766028181, 6.58411424008350732 53.20555494081180115, 6.58543871927958868 53.20580934521606764, 6.58675449740513308 53.20533457913101216, 6.58810817238756563 53.20611499912663334, 6.58477029521338686 53.20799027105786649, 6.58365051284950642 53.20959353725209695, 6.58864269759007559 53.21144923119662451, 6.59594170564521054 53.20681853075895162, 6.59594170564521054 53.20681853075895162)))</t>
  </si>
  <si>
    <t>MultiPolygon (((6.58477029521338686 53.20799027105786649, 6.58810817238756563 53.20611499912663334, 6.58675449740513308 53.20533457913101216, 6.58543871927958868 53.20580934521606764, 6.58411424008350732 53.20555494081180115, 6.58343917521333299 53.20587294704098014, 6.579804370654184 53.20758664839764407, 6.58365051284950642 53.20959353725209695, 6.58477029521338686 53.20799027105786649, 6.58477029521338686 53.20799027105786649)))</t>
  </si>
  <si>
    <t>MultiPolygon (((6.59826193944598849 53.22221623614770891, 6.59642614407600014 53.22173412516453084, 6.5854503619489666 53.21857869057870971, 6.5801452027246885 53.21705153617546813, 6.5785050278346846 53.21847935102236704, 6.58350644365644033 53.22052536916105936, 6.58914977257373113 53.22230534745888519, 6.59251536751390343 53.22359474845524119, 6.59385338128438736 53.22591201737953526, 6.59826193944598849 53.22221623614770891, 6.59826193944598849 53.22221623614770891)))</t>
  </si>
  <si>
    <t>MultiPolygon (((6.59178443864449282 53.22764410179513561, 6.59385338128438736 53.22591201737953526, 6.59251536751390343 53.22359474845524119, 6.58914977257373113 53.22230534745888519, 6.58583159194076728 53.22757007880753122, 6.584315832598433 53.22934113075985607, 6.58807550020402299 53.23065807457968646, 6.59178443864449282 53.22764410179513561, 6.59178443864449282 53.22764410179513561)))</t>
  </si>
  <si>
    <t>MultiPolygon (((6.58914977257373113 53.22230534745888519, 6.58350644365644033 53.22052536916105936, 6.58396221490936906 53.22219094821964802, 6.58060110555742916 53.22530217325962099, 6.58583159194076728 53.22757007880753122, 6.58914977257373113 53.22230534745888519, 6.58914977257373113 53.22230534745888519)))</t>
  </si>
  <si>
    <t>MultiPolygon (((6.58807550020402299 53.23065807457968646, 6.584315832598433 53.22934113075985607, 6.58583159194076728 53.22757007880753122, 6.58060110555742916 53.22530217325962099, 6.57543051694182168 53.229315675052149, 6.5845126881151419 53.23347956911957368, 6.58807550020402299 53.23065807457968646, 6.58807550020402299 53.23065807457968646)))</t>
  </si>
  <si>
    <t>MultiPolygon (((6.58060110555742916 53.22530217325962099, 6.58396221490936906 53.22219094821964802, 6.58350644365644033 53.22052536916105936, 6.5785050278346846 53.21847935102236704, 6.57876965569208583 53.22113141875810527, 6.57711207634708117 53.22388848406023243, 6.57162067345247269 53.22661269799770167, 6.57087280113047889 53.22719831587989603, 6.57543051694182168 53.229315675052149, 6.58060110555742916 53.22530217325962099, 6.58060110555742916 53.22530217325962099)))</t>
  </si>
  <si>
    <t>MultiPolygon (((6.57830816770826754 53.2360902142448893, 6.5845126881151419 53.23347956911957368, 6.57543051694182168 53.229315675052149, 6.57087280113047889 53.22719831587989603, 6.56640413208306306 53.22532821270425529, 6.5640924231366311 53.22647887497808483, 6.56121054217343858 53.22612671043953014, 6.5608598084658647 53.22668262254374838, 6.57631477864123681 53.23375210374037891, 6.57830801945376997 53.23609026963428903, 6.57830816770826754 53.2360902142448893, 6.57830816770826754 53.2360902142448893)))</t>
  </si>
  <si>
    <t>MultiPolygon (((6.56890283771456307 53.23894491845644694, 6.57830801945376997 53.23609026963428903, 6.57631477864123681 53.23375210374037891, 6.5608598084658647 53.22668262254374838, 6.56022814605444804 53.22768364210207181, 6.56002578845939155 53.22800431195157245, 6.56792072490428591 53.23921239766701774, 6.56890283771456307 53.23894491845644694, 6.56890283771456307 53.23894491845644694)))</t>
  </si>
  <si>
    <t>MultiPolygon (((6.56268136622916742 53.2407818848861254, 6.56792072490428591 53.23921239766701774, 6.56002578845939155 53.22800431195157245, 6.55619974341040468 53.22984205668858237, 6.55803817186089333 53.23183114464909949, 6.55932476709536694 53.23503484437409128, 6.55884375183514479 53.23832667695932486, 6.5566390595569386 53.24267132563012694, 6.56268136622916742 53.2407818848861254, 6.56268136622916742 53.2407818848861254)))</t>
  </si>
  <si>
    <t>MultiPolygon (((6.54981663748748844 53.21455959097275468, 6.54264676953780899 53.21305884393727581, 6.54006709076512482 53.21645399546135735, 6.54017204444604339 53.21892962650633763, 6.54108918541709983 53.22008310496006089, 6.54981663748748844 53.21455959097275468)))</t>
  </si>
  <si>
    <t>MultiPolygon (((6.54570542019091128 53.21915363838293445, 6.55334027005552322 53.21937170303189646, 6.55590652580472799 53.21918295856585956, 6.55681033882699182 53.21582744452118163, 6.55585817750173128 53.21402314402072875, 6.54981663748748844 53.21455959097275468, 6.54108918541709983 53.22008310496006089, 6.54229377461212813 53.22095900707668648, 6.54570542019091128 53.21915363838293445)))</t>
  </si>
  <si>
    <t>MultiPolygon (((6.56002578845939155 53.22800431195157245, 6.56022814605444804 53.22768364210207181, 6.55405492178078042 53.22604418235221146, 6.55272504261378597 53.22244674846387369, 6.54884713453918366 53.22501105269861199, 6.55066788193069893 53.22615794537163936, 6.55619974341040468 53.22984205668858237, 6.56002578845939155 53.22800431195157245, 6.56002578845939155 53.22800431195157245)))</t>
  </si>
  <si>
    <t>MultiPolygon (((6.55272504261378597 53.22244674846387369, 6.55334027005552322 53.21937170303189646, 6.54570542019091128 53.21915363838293445, 6.54229377461212813 53.22095900707668648, 6.54884713453918366 53.22501105269861199, 6.55272504261378597 53.22244674846387369, 6.55272504261378597 53.22244674846387369)))</t>
  </si>
  <si>
    <t>MultiPolygon (((6.55710030186272785 53.20376286304432512, 6.55832713112936894 53.20406409411715742, 6.55937233913077922 53.2021509236968555, 6.54640495700424019 53.19850922749126454, 6.54486583464510385 53.20028303898817512, 6.5525679630452025 53.20223426980717818, 6.55151785836573364 53.20390945716668085, 6.55619600886281795 53.20519695859144349, 6.55710030186272785 53.20376286304432512, 6.55710030186272785 53.20376286304432512)))</t>
  </si>
  <si>
    <t>MultiPolygon (((6.55026259232588526 53.20615610773127457, 6.55776051315835673 53.20806857893124686, 6.55832713112936894 53.20406409411715742, 6.55710030186272785 53.20376286304432512, 6.55619600886281795 53.20519695859144349, 6.55151785836573364 53.20390945716668085, 6.5525679630452025 53.20223426980717818, 6.54486583464510385 53.20028303898817512, 6.54640495700424019 53.19850922749126454, 6.54042888924329713 53.19661399354986742, 6.53669066219667005 53.19589256405770783, 6.53395161779085143 53.19569465614566894, 6.53341448030709326 53.19747189648933983, 6.53191164332510255 53.20465930072980143, 6.5332892520913628 53.20504292569449234, 6.54858663744243596 53.20917125338125686, 6.55026259232588526 53.20615610773127457, 6.55026259232588526 53.20615610773127457)))</t>
  </si>
  <si>
    <t>MultiPolygon (((6.55776051315835673 53.20806857893124686, 6.55026259232588526 53.20615610773127457, 6.54858663744243596 53.20917125338125686, 6.54702118356882323 53.21019140306523099, 6.55662972194007665 53.21047322547067893, 6.55776051315835673 53.20806857893124686, 6.55776051315835673 53.20806857893124686)))</t>
  </si>
  <si>
    <t>MultiPolygon (((6.54981663748748844 53.21455959097275468, 6.55585817750173128 53.21402314402072875, 6.55662972194007665 53.21047322547067893, 6.54702118356882323 53.21019140306523099, 6.54201140442169038 53.21291346347456397, 6.54264676953780899 53.21305884393727581, 6.54981663748748844 53.21455959097275468, 6.54981663748748844 53.21455959097275468)))</t>
  </si>
  <si>
    <t>MultiPolygon (((6.55866523914377186 53.21310309673908279, 6.55933408363064796 53.21056230964634892, 6.55662972194007665 53.21047322547067893, 6.55585817750173128 53.21402314402072875, 6.55866523914377186 53.21310309673908279, 6.55866523914377186 53.21310309673908279)))</t>
  </si>
  <si>
    <t>MultiPolygon (((6.56346471174297186 53.20297002237836637, 6.55937233913077922 53.2021509236968555, 6.55832713112936894 53.20406409411715742, 6.55776051315835673 53.20806857893124686, 6.55662972194007665 53.21047322547067893, 6.55933408363064796 53.21056230964634892, 6.56346471174297186 53.20297002237836637)))</t>
  </si>
  <si>
    <t>MultiPolygon (((6.57132035815078019 53.21073980903308609, 6.57416425062382892 53.20535175510483583, 6.56468976557219275 53.20322867144268741, 6.56346471174297186 53.20297002237836637, 6.55933408363064796 53.21056230964634892, 6.57132035815078019 53.21073980903308609, 6.57132035815078019 53.21073980903308609)))</t>
  </si>
  <si>
    <t>MultiPolygon (((6.579804370654184 53.20758664839764407, 6.57758661201798223 53.20625966183950339, 6.57416425062382892 53.20535175510483583, 6.57132035815078019 53.21073980903308609, 6.579804370654184 53.20758664839764407)))</t>
  </si>
  <si>
    <t>MultiPolygon (((6.57913639195834676 53.2148189027978944, 6.58365051284950642 53.20959353725209695, 6.579804370654184 53.20758664839764407, 6.57132035815078019 53.21073980903308609, 6.57014837761228421 53.21263177813200684, 6.57238854116173954 53.21311964878601941, 6.57660009877733476 53.21573678282059205, 6.57913639195834676 53.2148189027978944)))</t>
  </si>
  <si>
    <t>MultiPolygon (((6.58179397961318813 53.21572918071814939, 6.58864269759007559 53.21144923119662451, 6.58365051284950642 53.20959353725209695, 6.57913639195834676 53.2148189027978944, 6.57660009877733476 53.21573678282059205, 6.5801452027246885 53.21705153617546813, 6.58179397961318813 53.21572918071814939, 6.58179397961318813 53.21572918071814939)))</t>
  </si>
  <si>
    <t>MultiPolygon (((6.56581382189906204 53.21191769217193013, 6.57014837761228421 53.21263177813200684, 6.57132035815078019 53.21073980903308609, 6.55933408363064796 53.21056230964634892, 6.55866523914377186 53.21310309673908279, 6.56581382189906204 53.21191769217193013)))</t>
  </si>
  <si>
    <t>MultiPolygon (((6.57711207634708117 53.22388848406023243, 6.57876965569208583 53.22113141875810527, 6.57576328771765617 53.22027744977350494, 6.56971373239756051 53.22366240801594017, 6.56753334717381509 53.22475959031146431, 6.57162067345247269 53.22661269799770167, 6.57711207634708117 53.22388848406023243)))</t>
  </si>
  <si>
    <t>MultiPolygon (((6.57162067345247269 53.22661269799770167, 6.56753334717381509 53.22475959031146431, 6.56971373239756051 53.22366240801594017, 6.56627579545744844 53.22224112092461468, 6.55710329068006104 53.21932801848340944, 6.55689377740245938 53.21930262474512574, 6.55576815897084941 53.2229253112690941, 6.55666227936258394 53.22483601641917517, 6.5575383307630899 53.22568522452113626, 6.56121054217343858 53.22612671043953014, 6.5640924231366311 53.22647887497808483, 6.56640413208306306 53.22532821270425529, 6.57087280113047889 53.22719831587989603, 6.57162067345247269 53.22661269799770167, 6.57162067345247269 53.22661269799770167)))</t>
  </si>
  <si>
    <t>MultiPolygon (((6.5608598084658647 53.22668262254374838, 6.56121054217343858 53.22612671043953014, 6.5575383307630899 53.22568522452113626, 6.55666227936258394 53.22483601641917517, 6.55576815897084941 53.2229253112690941, 6.55689377740245938 53.21930262474512574, 6.55590652580472799 53.21918295856585956, 6.55334027005552322 53.21937170303189646, 6.55272504261378597 53.22244674846387369, 6.55405492178078042 53.22604418235221146, 6.56022814605444804 53.22768364210207181, 6.5608598084658647 53.22668262254374838, 6.5608598084658647 53.22668262254374838)))</t>
  </si>
  <si>
    <t>MultiPolygon (((6.55939793203167287 53.21661662881074051, 6.55866523914377186 53.21310309673908279, 6.55585817750173128 53.21402314402072875, 6.55681033882699182 53.21582744452118163, 6.55590652580472799 53.21918295856585956, 6.55689377740245938 53.21930262474512574, 6.55710329068006104 53.21932801848340944, 6.55939793203167287 53.21661662881074051, 6.55939793203167287 53.21661662881074051)))</t>
  </si>
  <si>
    <t>MultiPolygon (((6.57576328771765617 53.22027744977350494, 6.57876965569208583 53.22113141875810527, 6.5785050278346846 53.21847935102236704, 6.5801452027246885 53.21705153617546813, 6.57660009877733476 53.21573678282059205, 6.5727406622078135 53.21845948790348046, 6.57038598907921667 53.22137958332017149, 6.56627579545744844 53.22224112092461468, 6.56971373239756051 53.22366240801594017, 6.57576328771765617 53.22027744977350494)))</t>
  </si>
  <si>
    <t>MultiPolygon (((6.5727406622078135 53.21845948790348046, 6.57660009877733476 53.21573678282059205, 6.57238854116173954 53.21311964878601941, 6.57014837761228421 53.21263177813200684, 6.56581382189906204 53.21191769217193013, 6.55866523914377186 53.21310309673908279, 6.55939793203167287 53.21661662881074051, 6.5727406622078135 53.21845948790348046)))</t>
  </si>
  <si>
    <t>MultiPolygon (((6.57038598907921667 53.22137958332017149, 6.5727406622078135 53.21845948790348046, 6.55939793203167287 53.21661662881074051, 6.55710329068006104 53.21932801848340944, 6.56627579545744844 53.22224112092461468, 6.57038598907921667 53.22137958332017149)))</t>
  </si>
  <si>
    <t>MultiPolygon (((6.78206445681170589 53.41061285239481293, 6.78401484771364682 53.40971388894149641, 6.78398395697674061 53.40747219325700001, 6.78805796551277929 53.40785013659507285, 6.79245506450600978 53.40359593995262344, 6.77716633992931961 53.39796544202943807, 6.78054887628860392 53.3924883713448537, 6.79717566134899442 53.37557056011694101, 6.79708705356680998 53.37373848670432608, 6.79837679488638624 53.37138616454963369, 6.80105106493425371 53.36987275093064653, 6.80084204440149875 53.3660885918933019, 6.81164260289656376 53.36002392159637253, 6.81696054618425595 53.36088256079393943, 6.82239452362957177 53.36047823702625692, 6.82607898904178523 53.35604848079828599, 6.82418040837299777 53.35258157562399361, 6.82363924373273267 53.34931527359029957, 6.825776442717717 53.3473606468187711, 6.83113017661604083 53.34776196536540738, 6.83429882490610119 53.3433081354579457, 6.83315886250099425 53.34184762333735819, 6.83454244478060602 53.3347436498509424, 6.83622117419833941 53.33420066635054013, 6.83891991120026255 53.33057261360282553, 6.83814837336566583 53.32942547452454107, 6.83445688056358502 53.32711510929387799, 6.82344689598413012 53.32773955150202028, 6.8116985339465268 53.32524694319330649, 6.81023508237386643 53.32551599100057871, 6.81047659732853727 53.32649310474071314, 6.80738294336912908 53.32589603199004813, 6.80293997830070296 53.32522133450673607, 6.80196995273838212 53.32667058651157532, 6.79499974115637517 53.33123327622936216, 6.79136195727746372 53.33085177556459655, 6.79114104878972125 53.33010455300775021, 6.78685411898902924 53.32905764023450956, 6.78424281085110792 53.33175978519042104, 6.78399943227353841 53.33346272621333384, 6.77727608999681141 53.33199949172038146, 6.77321721890482475 53.33369086287660821, 6.76625034583176621 53.33886792797702725, 6.76305977984091644 53.33834620574858576, 6.75974047875424322 53.34118787932669647, 6.75330471576318558 53.33980089874079056, 6.74889998068342578 53.3399182632270481, 6.74598402965059218 53.34229611560777329, 6.74212300032277412 53.34384938313758795, 6.73941578726464385 53.34333057242523068, 6.73663899022399093 53.34538087206887269, 6.73762744291015281 53.35185785706259765, 6.73697094473487468 53.35419659730393249, 6.73395526285875068 53.35281563512347702, 6.7286750487818594 53.35499821053670644, 6.72621987442088365 53.35482057358857588, 6.7219774790285669 53.35600898372160827, 6.72525570124468697 53.3578680852542675, 6.71977704920919816 53.36227205537453244, 6.72630075739902544 53.36640570207524803, 6.73414288692248775 53.36629736102257482, 6.73623787380288697 53.36588859973103638, 6.7390768041312219 53.36429424939240818, 6.74849742464306424 53.36508549902648468, 6.74999122901778925 53.36628340970511175, 6.75075569151407251 53.36969512795275961, 6.74625949084555288 53.37495183002474164, 6.74266234083708138 53.3841672975711603, 6.7439475683014507 53.38631622996813775, 6.74135159664255479 53.38783492638327033, 6.73921048257518418 53.38812223843702043, 6.74825582268851676 53.39497120737294722, 6.75214643088077349 53.39675032329118665, 6.75777835344427125 53.39129710206778867, 6.7613962422007754 53.38926059288620252, 6.75546760494412712 53.39683136943293817, 6.7553356891445997 53.39720524405029778, 6.75482763023852062 53.39708789598930849, 6.75385576249994912 53.39747744683726438, 6.75406048545279791 53.39756384469193051, 6.75412971411752405 53.39779245380884731, 6.75510372450850305 53.39800410843518108, 6.75672588976755595 53.39844829322314723, 6.77010383497008927 53.4035575976358956, 6.77861420362110412 53.41078838418791008, 6.78206445681170589 53.41061285239481293),(6.76831899375779944 53.37050182404890109, 6.76998234518802899 53.36766965827757048, 6.77130250077158458 53.3679546421592832, 6.77499786048709218 53.36353913743123911, 6.77554821171086186 53.36259843655327728, 6.77437340161568802 53.36222625625678262, 6.77580926076248602 53.36079695426891334, 6.77712252065620468 53.36146312554649995, 6.77922878357516101 53.36867101653771073, 6.77835980319680953 53.36972350803090848, 6.77684266208306418 53.36994097489954925, 6.77426661692659238 53.36791442595293944, 6.77182078777426799 53.37154252331438897, 6.77222713137041588 53.37239208822714431, 6.77031922044929679 53.3728329521919278, 6.76831899375779944 53.37050182404890109),(6.75743369728196797 53.35056652549695855, 6.75260538993897885 53.34820482877602643, 6.7523855177434724 53.34698919299543007, 6.75643248541339592 53.34422608140481969, 6.76982541119856585 53.34810139252089556, 6.76846578455359893 53.34792560852291388, 6.7640435622703885 53.34995039232762792, 6.76272504699481658 53.35122763165149706, 6.75743369728196797 53.35056652549695855),(6.79656875881942568 53.3486945404416133, 6.79507181285252848 53.34766638962239682, 6.7947258847513492 53.34637917950627894, 6.79804299194983397 53.34103456582317193, 6.80090531364699213 53.3409146752524066, 6.80194715895052138 53.3414134177003163, 6.80125162991156262 53.34707634102089457, 6.7987169082461163 53.34852678965388861, 6.79656875881942568 53.3486945404416133),(6.81124383725569249 53.34025026680730974, 6.81248252977424329 53.33744505448631656, 6.81565407686099434 53.33541876881046306, 6.8158273981666504 53.33776207165171002, 6.81255559720277759 53.34017102809333721, 6.81325203116777889 53.34160072943703312, 6.81124383725569249 53.34025026680730974),(6.78162965265021711 53.33798097613143341, 6.78354192489777041 53.33866403240900667, 6.78598255095731329 53.34091621473234568, 6.78597739386661214 53.34289375871757244, 6.77780988398043149 53.34139788755469169, 6.77444706136663921 53.33988654852167599, 6.7750920216103685 53.33799839192714387, 6.78162965265021711 53.33798097613143341)))</t>
  </si>
  <si>
    <t>MultiPolygon (((6.78597739386661214 53.34289375871757244, 6.78598255095731329 53.34091621473234568, 6.78354192489777041 53.33866403240900667, 6.78162965265021711 53.33798097613143341, 6.7750920216103685 53.33799839192714387, 6.77444706136663921 53.33988654852167599, 6.77780988398043149 53.34139788755469169, 6.78597739386661214 53.34289375871757244, 6.78597739386661214 53.34289375871757244)))</t>
  </si>
  <si>
    <t>MultiPolygon (((6.81325203116777889 53.34160072943703312, 6.81255559720277759 53.34017102809333721, 6.8158273981666504 53.33776207165171002, 6.81565407686099434 53.33541876881046306, 6.81248252977424329 53.33744505448631656, 6.81124383725569249 53.34025026680730974, 6.81325203116777889 53.34160072943703312, 6.81325203116777889 53.34160072943703312)))</t>
  </si>
  <si>
    <t>MultiPolygon (((6.7987169082461163 53.34852678965388861, 6.80125162991156262 53.34707634102089457, 6.80194715895052138 53.3414134177003163, 6.80090531364699213 53.3409146752524066, 6.79804299194983397 53.34103456582317193, 6.7947258847513492 53.34637917950627894, 6.79507181285252848 53.34766638962239682, 6.79656875881942568 53.3486945404416133, 6.7987169082461163 53.34852678965388861, 6.7987169082461163 53.34852678965388861)))</t>
  </si>
  <si>
    <t>MultiPolygon (((6.75546760494412712 53.39683136943293817, 6.7613962422007754 53.38926059288620252, 6.75777835344427125 53.39129710206778867, 6.75214643088077349 53.39675032329118665, 6.75236649241229259 53.39684391057084412, 6.75385576249994912 53.39747744683726438, 6.75482763023852062 53.39708789598930849, 6.7553356891445997 53.39720524405029778, 6.75546760494412712 53.39683136943293817)))</t>
  </si>
  <si>
    <t>MultiPolygon (((6.7640435622703885 53.34995039232762792, 6.76846578455359893 53.34792560852291388, 6.76982541119856585 53.34810139252089556, 6.75643248541339592 53.34422608140481969, 6.7523855177434724 53.34698919299543007, 6.75260538993897885 53.34820482877602643, 6.75743369728196797 53.35056652549695855, 6.76272504699481658 53.35122763165149706, 6.7640435622703885 53.34995039232762792, 6.7640435622703885 53.34995039232762792)))</t>
  </si>
  <si>
    <t>MultiPolygon (((6.77031922044929679 53.3728329521919278, 6.77222713137041588 53.37239208822714431, 6.77182078777426799 53.37154252331438897, 6.77426661692659238 53.36791442595293944, 6.77684266208306418 53.36994097489954925, 6.77835980319680953 53.36972350803090848, 6.77922878357516101 53.36867101653771073, 6.77712252065620468 53.36146312554649995, 6.77580926076248602 53.36079695426891334, 6.77437340161568802 53.36222625625678262, 6.77554821171086186 53.36259843655327728, 6.77499786048709218 53.36353913743123911, 6.77130250077158458 53.3679546421592832, 6.76998234518802899 53.36766965827757048, 6.76831899375779944 53.37050182404890109, 6.77031922044929679 53.3728329521919278, 6.77031922044929679 53.3728329521919278)))</t>
  </si>
  <si>
    <t>MultiPolygon (((6.69164733669739764 53.36554952888603509, 6.69704805854944496 53.36290833090568952, 6.70148533398874058 53.36053231010191666, 6.69170982803225556 53.3535666245070459, 6.68601507837484554 53.35039773532985663, 6.68484329011276301 53.35053338387763944, 6.65478138525759721 53.30842293567111057, 6.65405343654024062 53.30864456936206608, 6.65036924567348375 53.30920589353956274, 6.64515470343054737 53.30840905688824449, 6.64197793775567824 53.30925139023725023, 6.6376749450493886 53.31463818942825128, 6.6373304224605727 53.3144624898080437, 6.61986234017911901 53.31442815342735742, 6.613005832208386 53.32321737151524843, 6.61433543211293173 53.32520296998838916, 6.61019354718070762 53.33011462926371848, 6.60527158169500339 53.3303834498957201, 6.60171058332766059 53.32939886401815244, 6.59802140244636437 53.33549484120992901, 6.59513610654349502 53.33540491663688243, 6.59262178387046305 53.33571581456859434, 6.59465990222121956 53.33639243478094727, 6.60536576840584111 53.33751569716739027, 6.60469444557325236 53.34080458285932735, 6.60144857782774963 53.34042355292302773, 6.59583100960662794 53.34714128213343542, 6.60313350831578472 53.34992190118733646, 6.60576928972586863 53.35011688871752256, 6.60609181413579005 53.34891962532994114, 6.61542450490880451 53.34919848564263134, 6.62249868300060118 53.35065185029711188, 6.62589220154375447 53.35070813377672749, 6.62774171605932327 53.35229736098214204, 6.62614762404969948 53.35824583718120095, 6.62589552894536205 53.36098715561109884, 6.62653890438214077 53.36088729945728204, 6.62718603301357945 53.36086468835165419, 6.62815957929235999 53.36158456728573896, 6.63039701773875301 53.36259685140290543, 6.63465974655629687 53.36271251555100292, 6.63595434705260789 53.36031966295924178, 6.63686137212113891 53.36050113328747813, 6.63561321788734393 53.36282604644890171, 6.63700147576295318 53.36286092324917263, 6.64239150035854919 53.36380005089510803, 6.64218146003972976 53.36565697426956945, 6.64502604790827789 53.36643718450923046, 6.64748493918262362 53.36456875542170053, 6.65118365324977745 53.36463269138765497, 6.65736118677076938 53.36629886599921946, 6.66421446479372737 53.36699533304895482, 6.66900357004982691 53.3652377553121724, 6.67200614445801676 53.3650419941332359, 6.67487560852004691 53.36567035101887058, 6.67574074514292537 53.36691249174107554, 6.6779100211927922 53.36717705953402202, 6.68454600138717225 53.36694850395803513, 6.69164733669739764 53.36554952888603509),(6.63286991794002212 53.35023498084400018, 6.6346829376770371 53.35016979601522991, 6.6410484109937995 53.35431498915576043, 6.6384046564936936 53.3545703345168647, 6.63736136293641099 53.35526328104773341, 6.63122220590302547 53.3523832008413379, 6.63286991794002212 53.35023498084400018),(6.64273912935785305 53.35027579455580593, 6.6353189102396577 53.34784960193224634, 6.63443449118402562 53.34640265420553362, 6.63637610099211273 53.34265022227306474, 6.64097184169096266 53.34098933526124142, 6.64490490225774177 53.34048298837617352, 6.64905951079219903 53.34178036355110919, 6.65145957958509992 53.34592867925931614, 6.64651391134626923 53.3509169659814475, 6.64467135617411753 53.35044440960094647, 6.64306346054592289 53.35231051443539485, 6.64218808032854735 53.35162157674704986, 6.64273912935785305 53.35027579455580593),(6.67373574797282743 53.34261277942695756, 6.67585862608974967 53.34202922295195748, 6.67789231267046546 53.34515616743786381, 6.67577014426657467 53.34670972230531305, 6.6742088811365603 53.34636942328709353, 6.67183092398475708 53.34715777567716088, 6.66985536325850781 53.34520664156114123, 6.67373574797282743 53.34261277942695756),(6.64359292181291305 53.33565706852980526, 6.64012847012712104 53.33278503711174068, 6.64687390517675425 53.33289202219765457, 6.64648312800434393 53.33518686858481317, 6.64559747399770107 53.33562711728389161, 6.64359292181291305 53.33565706852980526)))</t>
  </si>
  <si>
    <t>MultiPolygon (((6.63736136293641099 53.35526328104773341, 6.6384046564936936 53.3545703345168647, 6.6410484109937995 53.35431498915576043, 6.6346829376770371 53.35016979601522991, 6.63286991794002212 53.35023498084400018, 6.63122220590302547 53.3523832008413379, 6.63736136293641099 53.35526328104773341, 6.63736136293641099 53.35526328104773341)))</t>
  </si>
  <si>
    <t>MultiPolygon (((6.67183092398475708 53.34715777567716088, 6.6742088811365603 53.34636942328709353, 6.67577014426657467 53.34670972230531305, 6.67789231267046546 53.34515616743786381, 6.67585862608974967 53.34202922295195748, 6.67373574797282743 53.34261277942695756, 6.66985536325850781 53.34520664156114123, 6.67183092398475708 53.34715777567716088, 6.67183092398475708 53.34715777567716088)))</t>
  </si>
  <si>
    <t>MultiPolygon (((6.64559747399770107 53.33562711728389161, 6.64648312800434393 53.33518686858481317, 6.64687390517675425 53.33289202219765457, 6.64012847012712104 53.33278503711174068, 6.64359292181291305 53.33565706852980526, 6.64559747399770107 53.33562711728389161, 6.64559747399770107 53.33562711728389161)))</t>
  </si>
  <si>
    <t>MultiPolygon (((6.64306346054592289 53.35231051443539485, 6.64467135617411753 53.35044440960094647, 6.64651391134626923 53.3509169659814475, 6.65145957958509992 53.34592867925931614, 6.64905951079219903 53.34178036355110919, 6.64490490225774177 53.34048298837617352, 6.64097184169096266 53.34098933526124142, 6.63637610099211273 53.34265022227306474, 6.63443449118402562 53.34640265420553362, 6.6353189102396577 53.34784960193224634, 6.64273912935785305 53.35027579455580593, 6.64218808032854735 53.35162157674704986, 6.64306346054592289 53.35231051443539485, 6.64306346054592289 53.35231051443539485)))</t>
  </si>
  <si>
    <t>MultiPolygon (((6.74625949084555288 53.37495183002474164, 6.75075569151407251 53.36969512795275961, 6.74999122901778925 53.36628340970511175, 6.74849742464306424 53.36508549902648468, 6.7390768041312219 53.36429424939240818, 6.73623787380288697 53.36588859973103638, 6.73414288692248775 53.36629736102257482, 6.72630075739902544 53.36640570207524803, 6.71977704920919816 53.36227205537453244, 6.72525570124468697 53.3578680852542675, 6.7219774790285669 53.35600898372160827, 6.72060097871391093 53.35652298788023984, 6.71902701934518465 53.3557990651185392, 6.71950282649945319 53.35078959446006053, 6.72000703278832212 53.34902832346515567, 6.72069674555237118 53.34928801654839248, 6.72693370966066162 53.34286541012482274, 6.72623502668272888 53.3404362309549569, 6.72325246431306045 53.33921077174250058, 6.71710509322034444 53.33963107561905304, 6.71543050445103074 53.33912894574413599, 6.71474841201530293 53.33423896606694825, 6.70632778512619421 53.32899325308130756, 6.71228857754830077 53.32601501416274203, 6.71333503256422848 53.32353842025619173, 6.7157616221432006 53.32094715575643562, 6.72082348558297049 53.31720221157231521, 6.72190463091513468 53.31679200301287835, 6.7244253470843951 53.31706671034439182, 6.72871865984686579 53.31595173520079811, 6.7376073154533902 53.31279473596087115, 6.73290078468500752 53.31140878840290043, 6.7294487025962475 53.30535388767734872, 6.72435094814541845 53.30553893162066714, 6.71810623076528479 53.30783953684167642, 6.70900397503760093 53.31011854800425454, 6.70661789950206089 53.30703759105902861, 6.70531613774965152 53.30752507898333192, 6.6897355225559183 53.29753953074158801, 6.67682650603703376 53.30387026506856074, 6.66076603914590493 53.30669276386385746, 6.65704538976506299 53.3077457014006626, 6.65664904111042244 53.30793195785160066, 6.65675294343161283 53.30806303905844601, 6.65593676633672793 53.30832983415276516, 6.65576674788480549 53.30811724397236873, 6.65478138525759721 53.30842293567111057, 6.68484329011276301 53.35053338387763944, 6.68601507837484554 53.35039773532985663, 6.69170982803225556 53.3535666245070459, 6.70148533398874058 53.36053231010191666, 6.69704805854944496 53.36290833090568952, 6.70206771918099786 53.36667836186358471, 6.70766640753911147 53.36902867712269938, 6.70843501890063187 53.36910593386406987, 6.71319210538419942 53.36550715133986245, 6.71777038094533729 53.36763213964326269, 6.71683865462132967 53.36960112197852624, 6.71782830524370667 53.37002726683439136, 6.71810944413065947 53.37154427465827666, 6.71615273357358511 53.37266974642652428, 6.71208484776918013 53.36937516913982194, 6.70967608675956306 53.37003548252775431, 6.71187063829880604 53.37129842444836214, 6.72980867553622186 53.3811773826677225, 6.73921048257518418 53.38812223843702043, 6.74135159664255479 53.38783492638327033, 6.7439475683014507 53.38631622996813775, 6.74266234083708138 53.3841672975711603, 6.74625949084555288 53.37495183002474164),(6.70667089272625816 53.34503405103749429, 6.706892699243717 53.33936480332466346, 6.71135432063514603 53.33954445475444572, 6.71967349679030246 53.34381824804376748, 6.71743835612695595 53.34486778596856027, 6.71584549915264351 53.34418402204890697, 6.7115630025469466 53.34682352452730214, 6.70628630034857753 53.34664114282641378, 6.70530092941997147 53.3457446996853264, 6.70667089272625816 53.34503405103749429),(6.68535686241231719 53.32462541953722024, 6.68774414936952333 53.32368804846784371, 6.68884580992676625 53.32440877244643929, 6.69170274181008562 53.32359352663455354, 6.68891849554836782 53.32160818481684572, 6.68866978014226277 53.32048404051658963, 6.69010354938636453 53.31964028696462776, 6.69529672784477725 53.31953369107490914, 6.7007866288483644 53.32338503854833078, 6.69363916408079351 53.32624422598872371, 6.69131710334951535 53.3249869237031433, 6.68563533322795056 53.32623086159536996, 6.6871465028071233 53.32749902297529587, 6.68534896518233257 53.32617167986612117, 6.68535686241231719 53.32462541953722024)))</t>
  </si>
  <si>
    <t>MultiPolygon (((6.71810944413065947 53.37154427465827666, 6.71782830524370667 53.37002726683439136, 6.71683865462132967 53.36960112197852624, 6.71777038094533729 53.36763213964326269, 6.71319210538419942 53.36550715133986245, 6.70843501890063187 53.36910593386406987, 6.70856198594178021 53.36946335624036664, 6.70967608675956306 53.37003548252775431, 6.71208484776918013 53.36937516913982194, 6.71615273357358511 53.37266974642652428, 6.71810944413065947 53.37154427465827666)))</t>
  </si>
  <si>
    <t>MultiPolygon (((6.7115630025469466 53.34682352452730214, 6.71584549915264351 53.34418402204890697, 6.71743835612695595 53.34486778596856027, 6.71967349679030246 53.34381824804376748, 6.71135432063514603 53.33954445475444572, 6.706892699243717 53.33936480332466346, 6.70667089272625816 53.34503405103749429, 6.70530092941997147 53.3457446996853264, 6.70628630034857753 53.34664114282641378, 6.7115630025469466 53.34682352452730214, 6.7115630025469466 53.34682352452730214)))</t>
  </si>
  <si>
    <t>MultiPolygon (((6.68563533322795056 53.32623086159536996, 6.69131710334951535 53.3249869237031433, 6.69363916408079351 53.32624422598872371, 6.7007866288483644 53.32338503854833078, 6.69529672784477725 53.31953369107490914, 6.69010354938636453 53.31964028696462776, 6.68866978014226277 53.32048404051658963, 6.68891849554836782 53.32160818481684572, 6.69170274181008562 53.32359352663455354, 6.68884580992676625 53.32440877244643929, 6.68774414936952333 53.32368804846784371, 6.68535686241231719 53.32462541953722024, 6.68534896518233257 53.32617167986612117, 6.6871465028071233 53.32749902297529587, 6.68563533322795056 53.32623086159536996, 6.68563533322795056 53.32623086159536996)))</t>
  </si>
  <si>
    <t>MultiPolygon (((6.7219774790285669 53.35600898372160827, 6.72621987442088365 53.35482057358857588, 6.7286750487818594 53.35499821053670644, 6.73395526285875068 53.35281563512347702, 6.73697094473487468 53.35419659730393249, 6.73762744291015281 53.35185785706259765, 6.73663899022399093 53.34538087206887269, 6.73941578726464385 53.34333057242523068, 6.74212300032277412 53.34384938313758795, 6.74598402965059218 53.34229611560777329, 6.74889998068342578 53.3399182632270481, 6.75330471576318558 53.33980089874079056, 6.75974047875424322 53.34118787932669647, 6.76305977984091644 53.33834620574858576, 6.76625034583176621 53.33886792797702725, 6.77321721890482475 53.33369086287660821, 6.77727608999681141 53.33199949172038146, 6.78399943227353841 53.33346272621333384, 6.78424281085110792 53.33175978519042104, 6.78685411898902924 53.32905764023450956, 6.79114104878972125 53.33010455300775021, 6.79136195727746372 53.33085177556459655, 6.79499974115637517 53.33123327622936216, 6.80196995273838212 53.32667058651157532, 6.80293997830070296 53.32522133450673607, 6.80738294336912908 53.32589603199004813, 6.80660367675631583 53.32145867588040034, 6.80440919811618894 53.32018710560759445, 6.80473546860530476 53.3194296529119498, 6.80608464403481683 53.31708165310395486, 6.80333803106088109 53.31592010486939159, 6.80805156895077168 53.31167757563790133, 6.81160368255439685 53.30621872553504659, 6.80736930015298825 53.30479173163026729, 6.81434453119121653 53.29759166426953243, 6.77252679202859653 53.28308659506245704, 6.76913687862087343 53.28662553055445272, 6.77230946140600931 53.28779264354789547, 6.77002484793189385 53.29076689588060844, 6.77218300016279784 53.2917194057723691, 6.76462057565645214 53.29813435720768666, 6.76068371848771221 53.29523618071935687, 6.75553859515981614 53.29963372882924943, 6.75308146575239121 53.29884706599732169, 6.74804826104554589 53.3029689201546546, 6.74479215726517545 53.30775363229405173, 6.74935082303994704 53.30984305510725818, 6.74794833834019947 53.31178104470880896, 6.74731037938072653 53.3119280158608646, 6.74705087473512677 53.31149024909630896, 6.74421846776223166 53.31191857494783903, 6.74367734925600271 53.31109927533429982, 6.74289556632770459 53.31135673804279662, 6.74268154115841245 53.31101974903040741, 6.74046696804912049 53.31217948280681895, 6.7376073154533902 53.31279473596087115, 6.72871865984686579 53.31595173520079811, 6.7244253470843951 53.31706671034439182, 6.72190463091513468 53.31679200301287835, 6.72082348558297049 53.31720221157231521, 6.7157616221432006 53.32094715575643562, 6.71333503256422848 53.32353842025619173, 6.71228857754830077 53.32601501416274203, 6.70632778512619421 53.32899325308130756, 6.71474841201530293 53.33423896606694825, 6.71543050445103074 53.33912894574413599, 6.71710509322034444 53.33963107561905304, 6.72325246431306045 53.33921077174250058, 6.72623502668272888 53.3404362309549569, 6.72693370966066162 53.34286541012482274, 6.72069674555237118 53.34928801654839248, 6.72000703278832212 53.34902832346515567, 6.71950282649945319 53.35078959446006053, 6.71902701934518465 53.3557990651185392, 6.72060097871391093 53.35652298788023984, 6.7219774790285669 53.35600898372160827),(6.75050066927793591 53.33916167169704181, 6.75222140154837547 53.3374823746052229, 6.74539691697761867 53.33523414174324273, 6.73677812719900082 53.33556848572712994, 6.73617052139899108 53.33329134571107488, 6.73861996316862566 53.3307943060039733, 6.73728417322742157 53.3289593446075898, 6.7425827499375135 53.32681799935457434, 6.74574376302374112 53.3283933788586495, 6.75043759249951592 53.32701735905345686, 6.75917710644527148 53.33215409969224652, 6.75533285212840973 53.33293872729377938, 6.75316458667791775 53.33524739437199003, 6.75631088312326167 53.33635347242015001, 6.75305015039880008 53.33973544818269374, 6.75050066927793591 53.33916167169704181),(6.78080721938177877 53.32443696799939659, 6.77987229988382367 53.32186016615474244, 6.78390722516701317 53.32030560386199625, 6.78460373418591978 53.31570105577403496, 6.78080572793821279 53.31289562587667774, 6.78424977027232057 53.3122758314476215, 6.79053893107068074 53.31397279888208374, 6.7904341077679593 53.31436077850260347, 6.78799566436273416 53.31408874261790487, 6.78461435834454907 53.31692576368947556, 6.78470169029354331 53.32005858895260531, 6.78774576449144096 53.32255292657315238, 6.78625352587086006 53.32484619844762364, 6.78286283458819206 53.32510201682471518, 6.78080721938177877 53.32443696799939659),(6.77015901728683644 53.31231288990226602, 6.76375806351793596 53.31130012431084708, 6.75864500305832827 53.31149564953585696, 6.75504666788527519 53.31040854708799515, 6.75516990929826555 53.3097474571664165, 6.7568480877662882 53.30957197367212075, 6.76026658142535553 53.31037609456303272, 6.76726507577636305 53.31006587423007659, 6.76997537493177592 53.3086224992657236, 6.77264850307360433 53.30975174470651012, 6.77332825066532873 53.31211158747257883, 6.77015901728683644 53.31231288990226602)))</t>
  </si>
  <si>
    <t>MultiPolygon (((6.78286283458819206 53.32510201682471518, 6.78625352587086006 53.32484619844762364, 6.78774576449144096 53.32255292657315238, 6.78470169029354331 53.32005858895260531, 6.78461435834454907 53.31692576368947556, 6.78799566436273416 53.31408874261790487, 6.7904341077679593 53.31436077850260347, 6.79053893107068074 53.31397279888208374, 6.78424977027232057 53.3122758314476215, 6.78080572793821279 53.31289562587667774, 6.78460373418591978 53.31570105577403496, 6.78390722516701317 53.32030560386199625, 6.77987229988382367 53.32186016615474244, 6.78080721938177877 53.32443696799939659, 6.78286283458819206 53.32510201682471518, 6.78286283458819206 53.32510201682471518)))</t>
  </si>
  <si>
    <t>MultiPolygon (((6.77332825066532873 53.31211158747257883, 6.77264850307360433 53.30975174470651012, 6.76997537493177592 53.3086224992657236, 6.76726507577636305 53.31006587423007659, 6.76026658142535553 53.31037609456303272, 6.7568480877662882 53.30957197367212075, 6.75516990929826555 53.3097474571664165, 6.75504666788527519 53.31040854708799515, 6.75864500305832827 53.31149564953585696, 6.76375806351793596 53.31130012431084708, 6.77015901728683644 53.31231288990226602, 6.77332825066532873 53.31211158747257883, 6.77332825066532873 53.31211158747257883)))</t>
  </si>
  <si>
    <t>MultiPolygon (((6.75631088312326167 53.33635347242015001, 6.75316458667791775 53.33524739437199003, 6.75533285212840973 53.33293872729377938, 6.75917710644527148 53.33215409969224652, 6.75043759249951592 53.32701735905345686, 6.74574376302374112 53.3283933788586495, 6.7425827499375135 53.32681799935457434, 6.73728417322742157 53.3289593446075898, 6.73861996316862566 53.3307943060039733, 6.73617052139899108 53.33329134571107488, 6.73677812719900082 53.33556848572712994, 6.74539691697761867 53.33523414174324273, 6.75222140154837547 53.3374823746052229, 6.75050066927793591 53.33916167169704181, 6.75305015039880008 53.33973544818269374, 6.75631088312326167 53.33635347242015001)))</t>
  </si>
  <si>
    <t>MultiPolygon (((6.84899987766422402 53.30368107286851398, 6.84854645898038505 53.29678755424256309, 6.85095084125221732 53.29664943880511174, 6.84580557331834338 53.29012599149054807, 6.83827838802486276 53.29034817495319487, 6.82807244162423466 53.29109182404530998, 6.82516161865736937 53.29762229144932206, 6.81664928026366645 53.29518207576483491, 6.81455125056678579 53.29735753436548862, 6.82628241393598145 53.30121586689612201, 6.84803606929863395 53.30510644805354303, 6.84899987766422402 53.30368107286851398, 6.84899987766422402 53.30368107286851398)),((6.8881607716907034 53.30965499089806769, 6.88737704672119744 53.29788200261688758, 6.88663114297365464 53.29827483852196934, 6.87960893177362642 53.29784965391200302, 6.8775681096930974 53.29648904556550804, 6.87456666617605805 53.29561145267007305, 6.87322232286216916 53.29649375559379365, 6.86072318189314601 53.29498697446645394, 6.86025443192634032 53.29632572899181042, 6.8514956674696057 53.29678546230979919, 6.85464189085434761 53.30130731683419754, 6.87099034249923601 53.30281203046956762, 6.87277671338545115 53.30935264180711641, 6.87631187802665078 53.30996995149808981, 6.88471288495855394 53.31143644545325344, 6.88540215015896173 53.31001149698938946, 6.8881607716907034 53.30965499089806769, 6.8881607716907034 53.30965499089806769)))</t>
  </si>
  <si>
    <t>MultiPolygon (((6.87099034249923601 53.30281203046956762, 6.85464189085434761 53.30130731683419754, 6.85470828030573465 53.30623960365780079, 6.87009293974713131 53.30889044769488549, 6.87277671338545115 53.30935264180711641, 6.87099034249923601 53.30281203046956762)))</t>
  </si>
  <si>
    <t>MultiPolygon (((6.85464189085434761 53.30130731683419754, 6.8514956674696057 53.29678546230979919, 6.85095084125221732 53.29664943880511174, 6.84854645898038505 53.29678755424256309, 6.84899987766422402 53.30368107286851398, 6.84803606929863395 53.30510644805354303, 6.85470828030573465 53.30623960365780079, 6.85464189085434761 53.30130731683419754)))</t>
  </si>
  <si>
    <t>MultiPolygon (((6.88540511261199484 53.3451280251606903, 6.88550459248602298 53.34139726385533464, 6.88431563952654724 53.34100113770513474, 6.88255059516735823 53.33804134013442422, 6.88352813048775225 53.33655916705200895, 6.88189747216449454 53.3282038899543025, 6.88190639107737656 53.3281862192758922, 6.86674465331882722 53.32594327042702531, 6.86070071311072383 53.32587850848159405, 6.85476500789533727 53.32633731256324694, 6.85472586004637119 53.32570710640259648, 6.85217511957045744 53.32551396211883343, 6.84571679658731558 53.324257372897371, 6.84084929455478008 53.32329396844185965, 6.83514862605234175 53.32245266772874004, 6.83344126761763704 53.32411181418198254, 6.82935186612336143 53.32435148939085678, 6.82674083452531377 53.3235138123872261, 6.83140720335967355 53.32194260256709128, 6.83239998888805999 53.31950658469579452, 6.83896516761929618 53.3190597882813222, 6.84299303517936686 53.31734175513749108, 6.8419053858944654 53.3163082354218929, 6.84400085087962573 53.31247767730394571, 6.85112535968483272 53.31227866922655068, 6.84976268205312522 53.31068060786725482, 6.84723770475259208 53.30783527573784397, 6.84803606929863395 53.30510644805354303, 6.82628241393598145 53.30121586689612201, 6.81455125056678579 53.29735753436548862, 6.81434453119121653 53.29759166426953243, 6.80736930015298825 53.30479173163026729, 6.81160368255439685 53.30621872553504659, 6.80805156895077168 53.31167757563790133, 6.80333803106088109 53.31592010486939159, 6.80608464403481683 53.31708165310395486, 6.80916254913464591 53.31690027044565738, 6.81290713496860789 53.31784020702907867, 6.81143381029567507 53.32166205606273479, 6.80440919811618894 53.32018710560759445, 6.80660367675631583 53.32145867588040034, 6.80738294336912908 53.32589603199004813, 6.81047659732853727 53.32649310474071314, 6.81023508237386643 53.32551599100057871, 6.8116985339465268 53.32524694319330649, 6.82344689598413012 53.32773955150202028, 6.83445688056358502 53.32711510929387799, 6.83814837336566583 53.32942547452454107, 6.83891991120026255 53.33057261360282553, 6.83622117419833941 53.33420066635054013, 6.83454244478060602 53.3347436498509424, 6.83315886250099425 53.34184762333735819, 6.83429882490610119 53.3433081354579457, 6.83601740475765496 53.34460018868724518, 6.84173840015003343 53.34554146507456096, 6.84348446217806572 53.34450329729962448, 6.84992692332776443 53.34473370996570196, 6.86685454536164297 53.34204365668615111, 6.87380413150147085 53.3429577354122344, 6.8755401546035495 53.34544008230717793, 6.87436992069472552 53.3460412730973772, 6.87542925187642773 53.34735042364750512, 6.88540511261199484 53.3451280251606903),(6.81960533506252631 53.31256802438968379, 6.81999475337807848 53.31028476037359098, 6.82229603834157761 53.30987514805514138, 6.82384163236194574 53.31038751460052794, 6.82108476235322581 53.31228527927244443, 6.82321225525529051 53.31290003973902003, 6.82262857967166525 53.31357840456697517, 6.81960533506252631 53.31256802438968379),(6.8468437798018611 53.33677458770925739, 6.8453385592174385 53.33718336996064124, 6.8441538565632456 53.33663947437006669, 6.84222063798780766 53.33529703131980426, 6.8430010263072969 53.33444220692703652, 6.84871745125653852 53.33475646327971731, 6.8468437798018611 53.33677458770925739, 6.8468437798018611 53.33677458770925739),(6.87252568346669346 53.34004636490054452, 6.87241891337853605 53.33823998983042713, 6.8767807474247391 53.338188542901527, 6.87892692296792152 53.3396925296287634, 6.87583140828935413 53.34113707325389697, 6.87252568346669346 53.34004636490054452)))</t>
  </si>
  <si>
    <t>MultiPolygon (((6.81290713496860789 53.31784020702907867, 6.80916254913464591 53.31690027044565738, 6.80608464403481683 53.31708165310395486, 6.80473546860530476 53.3194296529119498, 6.80440919811618894 53.32018710560759445, 6.81143381029567507 53.32166205606273479, 6.81290713496860789 53.31784020702907867, 6.81290713496860789 53.31784020702907867)))</t>
  </si>
  <si>
    <t>MultiPolygon (((6.87583140828935413 53.34113707325389697, 6.87892692296792152 53.3396925296287634, 6.8767807474247391 53.338188542901527, 6.87241891337853605 53.33823998983042713, 6.87252568346669346 53.34004636490054452, 6.87583140828935413 53.34113707325389697, 6.87583140828935413 53.34113707325389697)))</t>
  </si>
  <si>
    <t>MultiPolygon (((6.82321225525529051 53.31290003973902003, 6.82108476235322581 53.31228527927244443, 6.82384163236194574 53.31038751460052794, 6.82229603834157761 53.30987514805514138, 6.81999475337807848 53.31028476037359098, 6.81960533506252631 53.31256802438968379, 6.82262857967166525 53.31357840456697517, 6.82321225525529051 53.31290003973902003, 6.82321225525529051 53.31290003973902003)))</t>
  </si>
  <si>
    <t>MultiPolygon (((6.8468437798018611 53.33677458770925739, 6.84871745125653852 53.33475646327971731, 6.8430010263072969 53.33444220692703652, 6.84222063798780766 53.33529703131980426, 6.8441538565632456 53.33663947437006669, 6.8453385592174385 53.33718336996064124, 6.8468437798018611 53.33677458770925739, 6.8468437798018611 53.33677458770925739)))</t>
  </si>
  <si>
    <t>MultiPolygon (((6.8560964140675269 53.31770496926891667, 6.85112535968483272 53.31227866922655068, 6.84400085087962573 53.31247767730394571, 6.8419053858944654 53.3163082354218929, 6.84299303517936686 53.31734175513749108, 6.84336774540214687 53.31764903972553071, 6.8466647592497667 53.31596297237767601, 6.85090431662193478 53.31592102880649264, 6.85251960724969678 53.31801067957116658, 6.8560964140675269 53.31770496926891667, 6.8560964140675269 53.31770496926891667)))</t>
  </si>
  <si>
    <t>MultiPolygon (((6.84578351146159125 53.320224620993109, 6.84705423451188366 53.31866477501574764, 6.85251960724969678 53.31801067957116658, 6.85090431662193478 53.31592102880649264, 6.8466647592497667 53.31596297237767601, 6.84336774540214687 53.31764903972553071, 6.84299303517936686 53.31734175513749108, 6.83896516761929618 53.3190597882813222, 6.84160929571560317 53.32057961482423991, 6.84256545740897781 53.3207121127675876, 6.84578351146159125 53.320224620993109, 6.84578351146159125 53.320224620993109)))</t>
  </si>
  <si>
    <t>MultiPolygon (((6.83344126761763704 53.32411181418198254, 6.83514862605234175 53.32245266772874004, 6.84084929455478008 53.32329396844185965, 6.84160929571560317 53.32057961482423991, 6.83896516761929618 53.3190597882813222, 6.83239998888805999 53.31950658469579452, 6.83140720335967355 53.32194260256709128, 6.82674083452531377 53.3235138123872261, 6.82935186612336143 53.32435148939085678, 6.83344126761763704 53.32411181418198254)))</t>
  </si>
  <si>
    <t>MultiPolygon (((6.85310522473710915 53.32017736785772399, 6.85623616863585017 53.31897485974419482, 6.8560964140675269 53.31770496926891667, 6.85251960724969678 53.31801067957116658, 6.84705423451188366 53.31866477501574764, 6.84578351146159125 53.320224620993109, 6.84699182667546591 53.32028167285724862, 6.85310522473710915 53.32017736785772399)))</t>
  </si>
  <si>
    <t>MultiPolygon (((6.84640782529241854 53.32126767703531556, 6.84256545740897781 53.3207121127675876, 6.84160929571560317 53.32057961482423991, 6.84084929455478008 53.32329396844185965, 6.84571679658731558 53.324257372897371, 6.84640782529241854 53.32126767703531556, 6.84640782529241854 53.32126767703531556)))</t>
  </si>
  <si>
    <t>MultiPolygon (((6.85284034478913995 53.32228170696858172, 6.84699182667546591 53.32028167285724862, 6.84578351146159125 53.320224620993109, 6.84256545740897781 53.3207121127675876, 6.84640782529241854 53.32126767703531556, 6.84571679658731558 53.324257372897371, 6.85217511957045744 53.32551396211883343, 6.85284034478913995 53.32228170696858172, 6.85284034478913995 53.32228170696858172)))</t>
  </si>
  <si>
    <t>MultiPolygon (((6.88197120726913081 53.3248249338781477, 6.88386259310582549 53.32342999869715783, 6.87915813468378801 53.32243761177257824, 6.87299017048085581 53.32316120214770905, 6.86824603457425198 53.32167758502005483, 6.86674465331882722 53.32594327042702531, 6.88190639107737656 53.3281862192758922, 6.88197120726913081 53.3248249338781477)))</t>
  </si>
  <si>
    <t>MultiPolygon (((6.87915813468378801 53.32243761177257824, 6.88082101708520177 53.31955748604311651, 6.87779368752925269 53.31928605632043627, 6.8753412100010376 53.31883423565376035, 6.86226125166548684 53.31997739548541659, 6.86738305657704995 53.32183463396386003, 6.86824603457425198 53.32167758502005483, 6.87299017048085581 53.32316120214770905, 6.87915813468378801 53.32243761177257824)))</t>
  </si>
  <si>
    <t>MultiPolygon (((6.8753412100010376 53.31883423565376035, 6.87779368752925269 53.31928605632043627, 6.87627582895139877 53.31518925912941853, 6.87294666170781632 53.31398688740843994, 6.86299574831344028 53.31566735842597637, 6.85917727436746816 53.3165745085215832, 6.85990419459531964 53.31769748897634997, 6.86226125166548684 53.31997739548541659, 6.8753412100010376 53.31883423565376035)))</t>
  </si>
  <si>
    <t>MultiPolygon (((6.87294666170781632 53.31398688740843994, 6.87055017850659677 53.31303181997260054, 6.86887611141327437 53.31036417340528999, 6.87009293974713131 53.30889044769488549, 6.85470828030573465 53.30623960365780079, 6.85517989417349938 53.30994773197528502, 6.85716392530974783 53.31214044283926512, 6.86115910173381494 53.31176670513252702, 6.86299574831344028 53.31566735842597637, 6.87294666170781632 53.31398688740843994, 6.87294666170781632 53.31398688740843994)))</t>
  </si>
  <si>
    <t>MultiPolygon (((6.85990419459531964 53.31769748897634997, 6.85917727436746816 53.3165745085215832, 6.86299574831344028 53.31566735842597637, 6.86115910173381494 53.31176670513252702, 6.85716392530974783 53.31214044283926512, 6.85517989417349938 53.30994773197528502, 6.84976268205312522 53.31068060786725482, 6.85112535968483272 53.31227866922655068, 6.8560964140675269 53.31770496926891667, 6.85990419459531964 53.31769748897634997, 6.85990419459531964 53.31769748897634997)))</t>
  </si>
  <si>
    <t>MultiPolygon (((6.87774248846771386 53.31362379841002053, 6.87631811405871929 53.31198945572160852, 6.87631187802665078 53.30996995149808981, 6.87277671338545115 53.30935264180711641, 6.87009293974713131 53.30889044769488549, 6.86887611141327437 53.31036417340528999, 6.87055017850659677 53.31303181997260054, 6.87294666170781632 53.31398688740843994, 6.87627582895139877 53.31518925912941853, 6.87774248846771386 53.31362379841002053)))</t>
  </si>
  <si>
    <t>MultiPolygon (((6.85517989417349938 53.30994773197528502, 6.85470828030573465 53.30623960365780079, 6.84803606929863395 53.30510644805354303, 6.84723770475259208 53.30783527573784397, 6.84976268205312522 53.31068060786725482, 6.85517989417349938 53.30994773197528502, 6.85517989417349938 53.30994773197528502)))</t>
  </si>
  <si>
    <t>MultiPolygon (((6.86674465331882722 53.32594327042702531, 6.86824603457425198 53.32167758502005483, 6.86738305657704995 53.32183463396386003, 6.86063086888658713 53.32256063973530047, 6.85931018705027906 53.3235057372082224, 6.86070071311072383 53.32587850848159405, 6.86674465331882722 53.32594327042702531, 6.86674465331882722 53.32594327042702531)))</t>
  </si>
  <si>
    <t>MultiPolygon (((6.86070071311072383 53.32587850848159405, 6.85931018705027906 53.3235057372082224, 6.85701575832736498 53.3220931985806601, 6.85462730424401112 53.32183143401167058, 6.85284034478913995 53.32228170696858172, 6.85217511957045744 53.32551396211883343, 6.85472586004637119 53.32570710640259648, 6.85476500789533727 53.32633731256324694, 6.86070071311072383 53.32587850848159405, 6.86070071311072383 53.32587850848159405)))</t>
  </si>
  <si>
    <t>MultiPolygon (((6.86063086888658713 53.32256063973530047, 6.86738305657704995 53.32183463396386003, 6.86226125166548684 53.31997739548541659, 6.85990419459531964 53.31769748897634997, 6.8560964140675269 53.31770496926891667, 6.85623616863585017 53.31897485974419482, 6.85310522473710915 53.32017736785772399, 6.84699182667546591 53.32028167285724862, 6.85284034478913995 53.32228170696858172, 6.85462730424401112 53.32183143401167058, 6.85701575832736498 53.3220931985806601, 6.85931018705027906 53.3235057372082224, 6.86063086888658713 53.32256063973530047, 6.86063086888658713 53.32256063973530047)))</t>
  </si>
  <si>
    <t>MultiPolygon (((6.88848342524700286 53.32420689513459422, 6.88842122142457836 53.32404135697314018, 6.88778982688957964 53.32328105729146728, 6.88885465663956076 53.32111586981793749, 6.88797517673162485 53.31914667198428504, 6.88790058761902468 53.31908159664018854, 6.88082101708520177 53.31955748604311651, 6.87915813468378801 53.32243761177257824, 6.88386259310582549 53.32342999869715783, 6.88848342524700286 53.32420689513459422, 6.88848342524700286 53.32420689513459422)))</t>
  </si>
  <si>
    <t>MultiPolygon (((6.88082101708520177 53.31955748604311651, 6.88790058761902468 53.31908159664018854, 6.88917519108732979 53.31606012483896961, 6.89307824294102911 53.31567164171597994, 6.89434939690027271 53.31309422591772318, 6.88471288495855394 53.31143644545325344, 6.87631187802665078 53.30996995149808981, 6.87631811405871929 53.31198945572160852, 6.87774248846771386 53.31362379841002053, 6.87627582895139877 53.31518925912941853, 6.87779368752925269 53.31928605632043627, 6.88082101708520177 53.31955748604311651, 6.88082101708520177 53.31955748604311651)))</t>
  </si>
  <si>
    <t>MultiPolygon (((7.04193729368061128 53.2835075152386608, 7.03970711891555734 53.28248998674378356, 7.03898604512884951 53.28301848609221736, 7.04200845996745262 53.28516085883857301, 7.04193729368061128 53.2835075152386608)))</t>
  </si>
  <si>
    <t>MultiPolygon (((6.94218493531064063 53.31170468744375768, 6.94423740147235424 53.30987552411805552, 6.94477215919982527 53.30973511191091774, 6.94624518506551336 53.30910687674813886, 6.95059922163629462 53.30698230132161797, 6.95410439494141297 53.30329288168327651, 6.95500564666264776 53.29997384866204158, 6.95428107237096338 53.29584060750295293, 6.96291907721916559 53.29481789556346172, 6.97806304902882513 53.29094075784318107, 6.98320282296933748 53.29809228857994441, 6.98758669874477079 53.29996014976369878, 6.99208451964012756 53.2988280494267741, 6.99471621063858517 53.29667237532822099, 6.99836801286078991 53.29572928781541918, 7.00836122114732074 53.30295151019694799, 7.01029299099886494 53.30612373424929729, 7.02699496082791786 53.3024592448319936, 7.03098757478332548 53.30259131104349279, 7.03794644017319637 53.30468549634541375, 7.03918522025080762 53.30239969514637011, 7.04478394291573817 53.30135003180829756, 7.04750291374330384 53.29956734468516544, 7.0681934624306173 53.29975706223281406, 7.06992114604589528 53.30019099468749033, 7.07671826491199685 53.30027767786382498, 7.08072267466158323 53.30369604754780966, 7.08625109233067008 53.30415844030159889, 7.09098895982185962 53.30513224062958955, 7.09223296613681864 53.30562055246090836, 7.09538410127226538 53.30804703685672052, 7.09837879440507269 53.30872580140360384, 7.09996626466706626 53.3079004861741339, 7.09917184149181146 53.30647714243838919, 7.09837565565518513 53.30505053811672411, 7.09562977804313721 53.30473745356862025, 7.09035360089814493 53.30053372627371999, 7.08549798902767236 53.29775022153172159, 7.08490006816240392 53.29801805707307238, 7.08416810690865795 53.29755956068466105, 7.08250377041871282 53.29123433541483479, 7.08524253600090148 53.28250827988202332, 7.08090551808053537 53.27739748164734124, 7.07823806293809898 53.27076967528744689, 7.0783313842260176 53.26658129612488324, 7.08462070309182046 53.26156450186154245, 7.09324967824090891 53.25714430046495806, 7.08394328657097994 53.25434779302343458, 7.07663256537422036 53.24969943911266057, 7.07943077383791941 53.24817720883572747, 7.06750307085457141 53.24239159566426594, 7.05944088055694596 53.24822793770813689, 7.05742082459677089 53.24734026926088859, 7.04030691506988315 53.25983663279581748, 7.03871879639754106 53.25862988989503322, 7.03720896372355487 53.25968209707609446, 7.0345962756255016 53.25842273748202871, 7.03159799220742077 53.25613194368612824, 7.02184725022981482 53.25323684447324979, 7.01329591355927029 53.26070173833860366, 7.01260530641763502 53.26063824947986092, 7.01322852182827106 53.26684043079253428, 6.99701160399974498 53.26712894122027109, 6.95223080424392403 53.25649864195931116, 6.94613633682524245 53.24897373176654725, 6.94499036794653346 53.24361477448939439, 6.94250643228316111 53.24204335356124318, 6.93760345172210702 53.2442492704322774, 6.92859118373253668 53.23707549413359885, 6.92172060266044031 53.23918011343877765, 6.91614822291580023 53.2436183229961344, 6.91395345314074738 53.24283564094820775, 6.91134419147853496 53.24301546694540832, 6.90925581303281966 53.24351827123043535, 6.91134359529643305 53.25198626576896999, 6.91214978769798538 53.26348521560132809, 6.90933663114553465 53.2635589239916456, 6.91020226709791441 53.26844549519029925, 6.90814246257345399 53.27001975868049755, 6.90908246956914684 53.27900012450636069, 6.90825819432455024 53.27870079194243402, 6.90790426286344594 53.27930271468386536, 6.89908980563203844 53.27946643106910329, 6.88733278294190399 53.27917884773044932, 6.88747189588826281 53.28169186817670067, 6.8955964527282072 53.28591758730706829, 6.89311206103855323 53.28779193656008317, 6.89127064241992837 53.28692055866748234, 6.88923907754198162 53.28981993022949837, 6.89076745263333468 53.29053389228970872, 6.88972643213192093 53.2927379956757008, 6.88737704672119744 53.29788200261688758, 6.8881607716907034 53.30965499089806769, 6.88540215015896173 53.31001149698938946, 6.88471288495855394 53.31143644545325344, 6.89434939690027271 53.31309422591772318, 6.8953695667108903 53.31326967072175194, 6.92201473740278583 53.31174915429193817, 6.9274235358599805 53.31206212309272985, 6.93175405709409365 53.31332433458400288, 6.93477230167661141 53.3150600045579921, 6.94194780372165798 53.31432755169959847, 6.94218493531064063 53.31170468744375768),(6.91043719958903679 53.28856086088752164, 6.9086582401496095 53.28277616045149045, 6.91064629404777975 53.28218379661460347, 6.91262387480908913 53.28275302461739216, 6.911933029081613 53.28319806364251576, 6.91469154243582906 53.28751624405789755, 6.91271185680591849 53.28873243461629272, 6.91424705366757308 53.29354602327816082, 6.91119359845937531 53.29420857200502581, 6.90886193038829788 53.29403597475268839, 6.90917835283467507 53.29267803558083472, 6.91062532319507739 53.29258108811005457, 6.91043719958903679 53.28856086088752164),(7.03898604512884951 53.28301848609221736, 7.03970711891555734 53.28248998674378356, 7.04193729368061128 53.2835075152386608, 7.04200845996745262 53.28516085883857301, 7.03898604512884951 53.28301848609221736),(7.02577370391237999 53.27879146300001167, 7.02465061330410823 53.27776135133058233, 7.02468168409138016 53.27726446737948152, 7.02624019230877472 53.27708104734743699, 7.0266570757574387 53.27484307026875854, 7.02521171234480235 53.26623435990217814, 7.02412697913179773 53.26625913130258283, 7.02448569949438539 53.26727211281896501, 7.02307229903935148 53.26729636573129767, 7.02185274697386053 53.26600419531883546, 7.02716955477685801 53.26590196009523481, 7.02914512718194029 53.26653112123531741, 7.02919821672892642 53.26964872048115751, 7.03371286831028808 53.27063034869852487, 7.03486253844881304 53.2700426504075466, 7.03465182314374804 53.26871831361853538, 7.03336819609742214 53.26846523347215623, 7.03307944878078573 53.26722245154172697, 7.0374561653244827 53.26713899773129413, 7.03851046990917784 53.26758714090333768, 7.03390135073832301 53.27141382528750313, 7.03524052265895428 53.27422234720417293, 7.03422229009186672 53.27700998419259548, 7.03322800422351424 53.27736738727307397, 7.03049364961266932 53.27521719233166664, 7.02818395415179697 53.27628593917822997, 7.02721782753109814 53.27871546823592297, 7.02577370391237999 53.27879146300001167),(6.92535851948320058 53.24477810674891032, 6.92833235025436522 53.243651306519439, 6.93368777751176424 53.24613519117383476, 6.93628533439193529 53.24894201590144149, 6.93606890849456459 53.25253954749182839, 6.934479894802279 53.25519920530138052, 6.93787542373980948 53.25568325206223363, 6.94575406903901271 53.25528182919301656, 6.94756633306232807 53.25880195595473765, 6.94442883687462054 53.26005518882098499, 6.94332987799241064 53.25969922057910111, 6.93245455015485401 53.26066360510473885, 6.92709030805522463 53.25981354147150171, 6.92823027850107653 53.25650660168207651, 6.92500563681794468 53.24560589107964148, 6.92535851948320058 53.24477810674891032),(7.0485682161434724 53.29791154665360864, 7.03940883520834149 53.29978848024413196, 7.03722279498914816 53.300283757682962, 7.03905674099923573 53.30180511093759321, 7.03625176305848754 53.30330059210061933, 7.03244126132757952 53.30269436571098396, 7.03265039642963341 53.30194303987963877, 7.02617849640986769 53.30169769887969267, 7.02515847525970116 53.3003541434157313, 7.02899653052316342 53.29843656561216392, 7.03308824075271133 53.29937681007250916, 7.03530172617116101 53.29909152712525611, 7.03556929186354285 53.29818351592265202, 7.03996164635301724 53.29865976620510537, 7.04184068846993583 53.29659775569596292, 7.03744723198011357 53.29567176279974916, 7.03870101615319932 53.29537701578387754, 7.04622668612583336 53.29513147556676955, 7.04897034043318005 53.29658103832674954, 7.05061145976657233 53.29660822192603575, 7.0485682161434724 53.29791154665360864),(7.02170787446456846 53.29770628838036117, 7.02381556334750812 53.30000531297302047, 7.01670394885373572 53.3008124254263862, 7.01688091053620422 53.30130897556742298, 7.01087706101937069 53.29745799029536357, 7.01407367983290086 53.29694137783369001, 7.01435042655223384 53.29754634967026306, 7.02170787446456846 53.29770628838036117)))</t>
  </si>
  <si>
    <t>MultiPolygon (((6.93245455015485401 53.26066360510473885, 6.94332987799241064 53.25969922057910111, 6.94442883687462054 53.26005518882098499, 6.94756633306232807 53.25880195595473765, 6.94575406903901271 53.25528182919301656, 6.93787542373980948 53.25568325206223363, 6.934479894802279 53.25519920530138052, 6.93606890849456459 53.25253954749182839, 6.93628533439193529 53.24894201590144149, 6.93368777751176424 53.24613519117383476, 6.92833235025436522 53.243651306519439, 6.92535851948320058 53.24477810674891032, 6.92500563681794468 53.24560589107964148, 6.92823027850107653 53.25650660168207651, 6.92709030805522463 53.25981354147150171, 6.93245455015485401 53.26066360510473885, 6.93245455015485401 53.26066360510473885)))</t>
  </si>
  <si>
    <t>MultiPolygon (((7.02721782753109814 53.27871546823592297, 7.02818395415179697 53.27628593917822997, 7.03049364961266932 53.27521719233166664, 7.03322800422351424 53.27736738727307397, 7.03422229009186672 53.27700998419259548, 7.03524052265895428 53.27422234720417293, 7.03390135073832301 53.27141382528750313, 7.03851046990917784 53.26758714090333768, 7.0374561653244827 53.26713899773129413, 7.03307944878078573 53.26722245154172697, 7.03336819609742214 53.26846523347215623, 7.03465182314374804 53.26871831361853538, 7.03486253844881304 53.2700426504075466, 7.03371286831028808 53.27063034869852487, 7.02919821672892642 53.26964872048115751, 7.02914512718194029 53.26653112123531741, 7.02716955477685801 53.26590196009523481, 7.02185274697386053 53.26600419531883546, 7.02307229903935148 53.26729636573129767, 7.02448569949438539 53.26727211281896501, 7.02412697913179773 53.26625913130258283, 7.02521171234480235 53.26623435990217814, 7.0266570757574387 53.27484307026875854, 7.02624019230877472 53.27708104734743699, 7.02468168409138016 53.27726446737948152, 7.02465061330410823 53.27776135133058233, 7.02577370391237999 53.27879146300001167, 7.02721782753109814 53.27871546823592297, 7.02721782753109814 53.27871546823592297)))</t>
  </si>
  <si>
    <t>MultiPolygon (((7.0485682161434724 53.29791154665360864, 7.05061145976657233 53.29660822192603575, 7.04897034043318005 53.29658103832674954, 7.04622668612583336 53.29513147556676955, 7.03870101615319932 53.29537701578387754, 7.03744723198011357 53.29567176279974916, 7.04184068846993583 53.29659775569596292, 7.03996164635301724 53.29865976620510537, 7.04018832790039539 53.29917069363452242, 7.03940883520834149 53.29978848024413196, 7.0485682161434724 53.29791154665360864)))</t>
  </si>
  <si>
    <t>MultiPolygon (((7.03940883520834149 53.29978848024413196, 7.04018832790039539 53.29917069363452242, 7.03996164635301724 53.29865976620510537, 7.03556929186354285 53.29818351592265202, 7.03530172617116101 53.29909152712525611, 7.03308824075271133 53.29937681007250916, 7.02899653052316342 53.29843656561216392, 7.02515847525970116 53.3003541434157313, 7.02617849640986769 53.30169769887969267, 7.03265039642963341 53.30194303987963877, 7.03244126132757952 53.30269436571098396, 7.03625176305848754 53.30330059210061933, 7.03905674099923573 53.30180511093759321, 7.03722279498914816 53.300283757682962, 7.03940883520834149 53.29978848024413196)))</t>
  </si>
  <si>
    <t>MultiPolygon (((7.01688091053620422 53.30130897556742298, 7.01670394885373572 53.3008124254263862, 7.02381556334750812 53.30000531297302047, 7.02170787446456846 53.29770628838036117, 7.01435042655223384 53.29754634967026306, 7.01407367983290086 53.29694137783369001, 7.01087706101937069 53.29745799029536357, 7.01688091053620422 53.30130897556742298, 7.01688091053620422 53.30130897556742298)))</t>
  </si>
  <si>
    <t>MultiPolygon (((6.91119359845937531 53.29420857200502581, 6.91424705366757308 53.29354602327816082, 6.91271185680591849 53.28873243461629272, 6.91469154243582906 53.28751624405789755, 6.911933029081613 53.28319806364251576, 6.91262387480908913 53.28275302461739216, 6.91064629404777975 53.28218379661460347, 6.9086582401496095 53.28277616045149045, 6.91043719958903679 53.28856086088752164, 6.91062532319507739 53.29258108811005457, 6.90917835283467507 53.29267803558083472, 6.90886193038829788 53.29403597475268839, 6.91119359845937531 53.29420857200502581, 6.91119359845937531 53.29420857200502581)))</t>
  </si>
  <si>
    <t>MultiPolygon (((6.98763312948473825 53.31640004409480582, 6.97037125377596567 53.32080162783283583, 6.95215931594765468 53.32329765939920208, 6.94608721325214429 53.32486064335432019, 6.94052242432795907 53.32830535017979656, 6.93968388422636462 53.32816760259660782, 6.93431414817974279 53.33307490803505857, 6.9311656200110896 53.3321220099353539, 6.92913526110338918 53.32899264132039008, 6.92869345047684781 53.32909269021850918, 6.92812164415025755 53.32768996432243114, 6.93047549049722633 53.32715520106820151, 6.93180427538509125 53.32622673708197425, 6.93592717470234099 53.32632994954362715, 6.94987520351646637 53.32206578319962631, 6.9581225985258417 53.32060472253385797, 6.96291123398800949 53.31885876736987484, 6.96831482573572192 53.31900482450504342, 6.97504620170331702 53.3169606077105982, 6.97935474000026179 53.31633292769885912, 6.99627747292215396 53.31166519308956708, 7.00058969011927168 53.30942443974934264, 7.01072702457105024 53.31380994826191255, 7.00922546249414324 53.31542595850550725, 7.01023383538993361 53.31578876905995656, 7.01291418874065897 53.31124452560413829, 7.00978506606640828 53.30652652786698553, 7.01029299099886494 53.30612373424929729, 7.00836122114732074 53.30295151019694799, 6.99836801286078991 53.29572928781541918, 6.99471621063858517 53.29667237532822099, 6.99208451964012756 53.2988280494267741, 6.98758669874477079 53.29996014976369878, 6.98320282296933748 53.29809228857994441, 6.97806304902882513 53.29094075784318107, 6.96291907721916559 53.29481789556346172, 6.95428107237096338 53.29584060750295293, 6.95500564666264776 53.29997384866204158, 6.95410439494141297 53.30329288168327651, 6.95059922163629462 53.30698230132161797, 6.94624518506551336 53.30910687674813886, 6.95114821155611295 53.31049139255043201, 6.94941830077418654 53.31256868931225767, 6.94646991494622768 53.31267259361914057, 6.94423740147235424 53.30987552411805552, 6.94218493531064063 53.31170468744375768, 6.94194780372165798 53.31432755169959847, 6.93477230167661141 53.3150600045579921, 6.93914541473040458 53.31916731881187843, 6.93595103769007881 53.32021893786933475, 6.93058045461290906 53.3230717681698394, 6.92830627069065308 53.32560369267589095, 6.92878567487897978 53.32705158075100371, 6.9267604219383534 53.32757464192091135, 6.92662469906728528 53.32763668788123823, 6.92521924699216296 53.32885477822544118, 6.9287960471800627 53.33028304279897469, 6.93217747101067516 53.33457790624710526, 6.9363160197071787 53.33402949147610883, 6.94431739165007311 53.3296932832600632, 6.94355885378207827 53.32727837876564791, 6.95322139869820166 53.3244675767334968, 6.97027100130188604 53.32177695224732616, 6.98698847379622912 53.31755092318172018, 6.99646448629709106 53.31671528422774031, 7.00497294597402398 53.31711709227253948, 7.00507277593805178 53.31684613122805416, 7.00480269196347827 53.31675862216842887, 7.00360376286068398 53.31612245030446218, 6.99291275564644188 53.31575650422707469, 6.98763312948473825 53.31640004409480582)))</t>
  </si>
  <si>
    <t>MultiPolygon (((6.94941830077418654 53.31256868931225767, 6.95114821155611295 53.31049139255043201, 6.94624518506551336 53.30910687674813886, 6.94477215919982527 53.30973511191091774, 6.94423740147235424 53.30987552411805552, 6.94646991494622768 53.31267259361914057, 6.94941830077418654 53.31256868931225767)))</t>
  </si>
  <si>
    <t>MultiPolygon (((6.86108437837455121 53.4122518541151976, 6.87285938278355246 53.40795557578117325, 6.87421074676942201 53.40803379323934053, 6.87896282742486331 53.40515386964772659, 6.88805813239330966 53.39595887306334276, 6.88542336798019239 53.39351607327231619, 6.88525751565003574 53.3924490010364039, 6.88917040086798949 53.39126917243081749, 6.89057634876564684 53.38886780963306222, 6.88866121176534829 53.38369982574572248, 6.88900096963494768 53.38028017592444741, 6.8932028828493026 53.37131157477505639, 6.89567974788074523 53.36961101160959942, 6.8945132348667606 53.36513937642173033, 6.89501859905495973 53.36329145578365996, 6.89644856850388521 53.36189299766614624, 6.89618106156425981 53.35904017480697803, 6.89712610121615999 53.35558342225656503, 6.90208594872884795 53.3475098632536131, 6.89988275175376664 53.34686154398178104, 6.90376384843129198 53.33939455058794721, 6.89683833269035507 53.33847639437398414, 6.89618731695170251 53.3357196935709581, 6.89351733258304211 53.33363842783763431, 6.89769684890209156 53.33264185422700621, 6.89924516320786818 53.33076356524014017, 6.89904575454740066 53.33073391023994958, 6.88189747216449454 53.3282038899543025, 6.88352813048775225 53.33655916705200895, 6.88255059516735823 53.33804134013442422, 6.88431563952654724 53.34100113770513474, 6.88550459248602298 53.34139726385533464, 6.88540511261199484 53.3451280251606903, 6.87542925187642773 53.34735042364750512, 6.87436992069472552 53.3460412730973772, 6.8755401546035495 53.34544008230717793, 6.87380413150147085 53.3429577354122344, 6.86685454536164297 53.34204365668615111, 6.84992692332776443 53.34473370996570196, 6.84348446217806572 53.34450329729962448, 6.84173840015003343 53.34554146507456096, 6.83601740475765496 53.34460018868724518, 6.83429882490610119 53.3433081354579457, 6.83113017661604083 53.34776196536540738, 6.825776442717717 53.3473606468187711, 6.82363924373273267 53.34931527359029957, 6.82418040837299777 53.35258157562399361, 6.82607898904178523 53.35604848079828599, 6.82239452362957177 53.36047823702625692, 6.81696054618425595 53.36088256079393943, 6.81164260289656376 53.36002392159637253, 6.80084204440149875 53.3660885918933019, 6.80105106493425371 53.36987275093064653, 6.79837679488638624 53.37138616454963369, 6.79708705356680998 53.37373848670432608, 6.79717566134899442 53.37557056011694101, 6.78054887628860392 53.3924883713448537, 6.77716633992931961 53.39796544202943807, 6.79245506450600978 53.40359593995262344, 6.84371794941945044 53.42241957242817563, 6.86108437837455121 53.4122518541151976),(6.83890048653765525 53.39528712603716087, 6.83136773285441468 53.39011690761359574, 6.83470092778490024 53.38561085451656396, 6.84118857710305672 53.38414604626993309, 6.84462665972867335 53.38513500312340909, 6.84718330097844596 53.38713222221037569, 6.84521713895842154 53.38929403264236839, 6.84385269768620486 53.38912280636233021, 6.84284338343063325 53.38966071094525745, 6.83966606394538434 53.3933489017282028, 6.84475626011286487 53.3959514720328059, 6.84345206501318248 53.39654465737477551, 6.83890048653765525 53.39528712603716087),(6.85968023064225552 53.38503311514902094, 6.85288706933995506 53.38165964284401355, 6.85366613309921213 53.38070128411297333, 6.85699656052074769 53.37906353379458579, 6.86324521123625519 53.37846292876341892, 6.86571279839537674 53.37893677003662418, 6.86521259911502835 53.38340249538182292, 6.8637755331422925 53.38504244250596287, 6.86120733971107377 53.3856142359688306, 6.85968023064225552 53.38503311514902094),(6.83088571334753603 53.37912267661726418, 6.82903828517813416 53.37883917735516093, 6.82923237352315127 53.37552015070952649, 6.83390123553622164 53.37521618948632351, 6.83080066994286472 53.37217948455329264, 6.83963158211198241 53.37286632040184742, 6.8409224559886983 53.374441918993071, 6.83978982734335883 53.37565253831882472, 6.83088571334753603 53.37912267661726418),(6.81746923501551372 53.37358458145879325, 6.80836091250525843 53.37488510307557732, 6.80716932461998958 53.37404414517392581, 6.81152067378079007 53.37230490827678153, 6.81289544816635395 53.37092399721220914, 6.81216391610978977 53.36948349540302416, 6.81434729468638434 53.36835643881611446, 6.82080268845145632 53.36955755215569042, 6.81746923501551372 53.37358458145879325),(6.89179996709087828 53.36018817713267737, 6.8891565835449704 53.35914787464939479, 6.88835543660195704 53.35993144969530988, 6.88570220258607524 53.36125366984209961, 6.88431805337796821 53.36128460715239186, 6.88411300581845165 53.36027441242170255, 6.88642234112446694 53.36063666428398022, 6.88881119192825508 53.35935857139676131, 6.88835922293978342 53.35885784702571044, 6.88583136946722796 53.35902045136253946, 6.88515396237077049 53.35746189061897837, 6.8886060401741247 53.35734466035155776, 6.89222137196659723 53.36016801213611416, 6.89385320304139437 53.3636854461550314, 6.89179996709087828 53.36018817713267737),(6.87994814822546807 53.35891326521188205, 6.87448290627655112 53.36092366377213381, 6.87043765954053143 53.36028164025962894, 6.86737331618269131 53.36087569212187276, 6.86829113686523929 53.36222895068360828, 6.86648051232919787 53.36255308184083646, 6.8625212555613686 53.35924407857916663, 6.86210009594943848 53.35787168439704686, 6.86478836649917579 53.35694793975393679, 6.86526787827436369 53.35785970503523856, 6.86768785070071974 53.35816508397439151, 6.86990295634471071 53.35684212679385752, 6.87059622806052328 53.35519488449111236, 6.87835980153211946 53.35646650784837419, 6.87981992913825913 53.35504303428916728, 6.88155392709847913 53.35492420963069549, 6.88270980186097514 53.35704774085628088, 6.87994814822546807 53.35891326521188205),(6.85079811627941293 53.35420838584166603, 6.84914472285604869 53.35568175649368072, 6.84709682258847607 53.3563378947293927, 6.84641310748331922 53.35592086485726782, 6.84633565712213965 53.35480096304537057, 6.8502943258037039 53.3520807657217162, 6.85187343033972329 53.35315386384525027, 6.85079811627941293 53.35420838584166603),(6.89620171379028246 53.3436294472202519, 6.89378447065574207 53.3419163499942286, 6.89657419465380439 53.3402573356002847, 6.89828611277982251 53.34171698942496675, 6.89779738634364836 53.34377147419287013, 6.89620171379028246 53.3436294472202519)))</t>
  </si>
  <si>
    <t>MultiPolygon (((6.84475626011286487 53.3959514720328059, 6.83966606394538434 53.3933489017282028, 6.84284338343063325 53.38966071094525745, 6.84385269768620486 53.38912280636233021, 6.84521713895842154 53.38929403264236839, 6.84718330097844596 53.38713222221037569, 6.84462665972867335 53.38513500312340909, 6.84118857710305672 53.38414604626993309, 6.83470092778490024 53.38561085451656396, 6.83136773285441468 53.39011690761359574, 6.83890048653765525 53.39528712603716087, 6.84345206501318248 53.39654465737477551, 6.84475626011286487 53.3959514720328059, 6.84475626011286487 53.3959514720328059)))</t>
  </si>
  <si>
    <t>MultiPolygon (((6.8637755331422925 53.38504244250596287, 6.86521259911502835 53.38340249538182292, 6.86571279839537674 53.37893677003662418, 6.86324521123625519 53.37846292876341892, 6.85699656052074769 53.37906353379458579, 6.85366613309921213 53.38070128411297333, 6.85288706933995506 53.38165964284401355, 6.85968023064225552 53.38503311514902094, 6.86120733971107377 53.3856142359688306, 6.8637755331422925 53.38504244250596287, 6.8637755331422925 53.38504244250596287)))</t>
  </si>
  <si>
    <t>MultiPolygon (((6.83088571334753603 53.37912267661726418, 6.83978982734335883 53.37565253831882472, 6.8409224559886983 53.374441918993071, 6.83963158211198241 53.37286632040184742, 6.83080066994286472 53.37217948455329264, 6.83390123553622164 53.37521618948632351, 6.82923237352315127 53.37552015070952649, 6.82903828517813416 53.37883917735516093, 6.83088571334753603 53.37912267661726418, 6.83088571334753603 53.37912267661726418)))</t>
  </si>
  <si>
    <t>MultiPolygon (((6.81746923501551372 53.37358458145879325, 6.82080268845145632 53.36955755215569042, 6.81434729468638434 53.36835643881611446, 6.81216391610978977 53.36948349540302416, 6.81289544816635395 53.37092399721220914, 6.81152067378079007 53.37230490827678153, 6.80716932461998958 53.37404414517392581, 6.80836091250525843 53.37488510307557732, 6.81746923501551372 53.37358458145879325)))</t>
  </si>
  <si>
    <t>MultiPolygon (((6.85079811627941293 53.35420838584166603, 6.85187343033972329 53.35315386384525027, 6.8502943258037039 53.3520807657217162, 6.84633565712213965 53.35480096304537057, 6.84641310748331922 53.35592086485726782, 6.84709682258847607 53.3563378947293927, 6.84914472285604869 53.35568175649368072, 6.85079811627941293 53.35420838584166603, 6.85079811627941293 53.35420838584166603)))</t>
  </si>
  <si>
    <t>MultiPolygon (((6.86829113686523929 53.36222895068360828, 6.86737331618269131 53.36087569212187276, 6.87043765954053143 53.36028164025962894, 6.87448290627655112 53.36092366377213381, 6.87994814822546807 53.35891326521188205, 6.88270980186097514 53.35704774085628088, 6.88155392709847913 53.35492420963069549, 6.87981992913825913 53.35504303428916728, 6.87835980153211946 53.35646650784837419, 6.87059622806052328 53.35519488449111236, 6.86990295634471071 53.35684212679385752, 6.86768785070071974 53.35816508397439151, 6.86526787827436369 53.35785970503523856, 6.86478836649917579 53.35694793975393679, 6.86210009594943848 53.35787168439704686, 6.8625212555613686 53.35924407857916663, 6.86648051232919787 53.36255308184083646, 6.86829113686523929 53.36222895068360828, 6.86829113686523929 53.36222895068360828)))</t>
  </si>
  <si>
    <t>MultiPolygon (((6.89385320304139437 53.3636854461550314, 6.89222137196659723 53.36016801213611416, 6.8886060401741247 53.35734466035155776, 6.88515396237077049 53.35746189061897837, 6.88583136946722796 53.35902045136253946, 6.88835922293978342 53.35885784702571044, 6.88881119192825508 53.35935857139676131, 6.88642234112446694 53.36063666428398022, 6.88411300581845165 53.36027441242170255, 6.88431805337796821 53.36128460715239186, 6.88570220258607524 53.36125366984209961, 6.88835543660195704 53.35993144969530988, 6.8891565835449704 53.35914787464939479, 6.89179996709087828 53.36018817713267737, 6.89385320304139437 53.3636854461550314, 6.89385320304139437 53.3636854461550314)))</t>
  </si>
  <si>
    <t>MultiPolygon (((6.89844298810046208 53.3347848609541515, 6.89769684890209156 53.33264185422700621, 6.89351733258304211 53.33363842783763431, 6.89618731695170251 53.3357196935709581, 6.89844298810046208 53.3347848609541515, 6.89844298810046208 53.3347848609541515)))</t>
  </si>
  <si>
    <t>MultiPolygon (((6.89779738634364836 53.34377147419287013, 6.89828611277982251 53.34171698942496675, 6.89657419465380439 53.3402573356002847, 6.89378447065574207 53.3419163499942286, 6.89620171379028246 53.3436294472202519, 6.89779738634364836 53.34377147419287013, 6.89779738634364836 53.34377147419287013)))</t>
  </si>
  <si>
    <t>MultiPolygon (((6.91147074332624101 53.33593939958204544, 6.91028673440705621 53.33240617965581265, 6.9069491421481759 53.33190691266578654, 6.90531080785367468 53.33518911088834358, 6.90999892582552278 53.33582667817506007, 6.90928774919493449 53.33771079402581705, 6.91079287111038987 53.33791574636236987, 6.9109026603450765 53.33793069531151332, 6.91147074332624101 53.33593939958204544, 6.91147074332624101 53.33593939958204544)))</t>
  </si>
  <si>
    <t>MultiPolygon (((6.92787440315473191 53.3346578702080194, 6.92194168015022715 53.33381466442644836, 6.91733727595792569 53.33511792234723714, 6.91821587784776959 53.33619925196075684, 6.92175563319613651 53.33788302678387794, 6.92787440315473191 53.3346578702080194)))</t>
  </si>
  <si>
    <t>MultiPolygon (((6.90852628834292126 53.34724802441754576, 6.91303898237782199 53.34460151407876083, 6.91887709020066843 53.34217927582869123, 6.91212713308815552 53.33809741517129055, 6.9109026603450765 53.33793069531151332, 6.91079287111038987 53.33791574636236987, 6.91036482726598589 53.33905050544095872, 6.90431072437988291 53.33806639785294124, 6.90376384843129198 53.33939455058794721, 6.89988275175376664 53.34686154398178104, 6.90208594872884795 53.3475098632536131, 6.90852628834292126 53.34724802441754576)))</t>
  </si>
  <si>
    <t>MultiPolygon (((6.90431072437988291 53.33806639785294124, 6.90531080785367468 53.33518911088834358, 6.9069491421481759 53.33190691266578654, 6.89924516320786818 53.33076356524014017, 6.89769684890209156 53.33264185422700621, 6.89844298810046208 53.3347848609541515, 6.89618731695170251 53.3357196935709581, 6.89683833269035507 53.33847639437398414, 6.90376384843129198 53.33939455058794721, 6.90431072437988291 53.33806639785294124, 6.90431072437988291 53.33806639785294124)))</t>
  </si>
  <si>
    <t>MultiPolygon (((6.91079287111038987 53.33791574636236987, 6.90928774919493449 53.33771079402581705, 6.90999892582552278 53.33582667817506007, 6.90531080785367468 53.33518911088834358, 6.90431072437988291 53.33806639785294124, 6.91036482726598589 53.33905050544095872, 6.91079287111038987 53.33791574636236987)))</t>
  </si>
  <si>
    <t>MultiPolygon (((6.91733727595792569 53.33511792234723714, 6.92194168015022715 53.33381466442644836, 6.92200669335723884 53.33349041432536097, 6.91028673440705621 53.33240617965581265, 6.91147074332624101 53.33593939958204544, 6.9109026603450765 53.33793069531151332, 6.91212713308815552 53.33809741517129055, 6.91733727595792569 53.33511792234723714, 6.91733727595792569 53.33511792234723714)))</t>
  </si>
  <si>
    <t>MultiPolygon (((6.9299419636117694 53.33548339825156148, 6.92787440315473191 53.3346578702080194, 6.92175563319613651 53.33788302678387794, 6.91821587784776959 53.33619925196075684, 6.91733727595792569 53.33511792234723714, 6.91212713308815552 53.33809741517129055, 6.91887709020066843 53.34217927582869123, 6.9299419636117694 53.33548339825156148)))</t>
  </si>
  <si>
    <t>MultiPolygon (((6.90132656257858734 53.32388206896754923, 6.89841518405023191 53.32220606432956345, 6.89373446475268636 53.32307807769177543, 6.89668490632829201 53.3256284607375548, 6.90036175741762126 53.32619240390901894, 6.90132656257858734 53.32388206896754923, 6.90132656257858734 53.32388206896754923)))</t>
  </si>
  <si>
    <t>MultiPolygon (((6.89668490632829201 53.3256284607375548, 6.89373446475268636 53.32307807769177543, 6.88842122142457836 53.32404135697314018, 6.88848342524700286 53.32420689513459422, 6.8885154451100723 53.32574615165197685, 6.89668490632829201 53.3256284607375548)))</t>
  </si>
  <si>
    <t>MultiPolygon (((6.9002143430903784 53.32645107016212904, 6.90121757822976623 53.32624081321308296, 6.90036175741762126 53.32619240390901894, 6.89668490632829201 53.3256284607375548, 6.8885154451100723 53.32574615165197685, 6.88848342524700286 53.32420689513459422, 6.88386259310582549 53.32342999869715783, 6.88197120726913081 53.3248249338781477, 6.88190639107737656 53.3281862192758922, 6.88189747216449454 53.3282038899543025, 6.89904575454740066 53.33073391023994958, 6.9002143430903784 53.32645107016212904)))</t>
  </si>
  <si>
    <t>MultiPolygon (((6.8939734004644162 53.31885722868351252, 6.89347585688694942 53.31577503776210847, 6.89307824294102911 53.31567164171597994, 6.88917519108732979 53.31606012483896961, 6.88790058761902468 53.31908159664018854, 6.88797517673162485 53.31914667198428504, 6.8939734004644162 53.31885722868351252, 6.8939734004644162 53.31885722868351252)))</t>
  </si>
  <si>
    <t>MultiPolygon (((6.89373446475268636 53.32307807769177543, 6.89407936840010294 53.3188541657046855, 6.8939734004644162 53.31885722868351252, 6.88797517673162485 53.31914667198428504, 6.88885465663956076 53.32111586981793749, 6.88778982688957964 53.32328105729146728, 6.88842122142457836 53.32404135697314018, 6.89373446475268636 53.32307807769177543, 6.89373446475268636 53.32307807769177543)))</t>
  </si>
  <si>
    <t>MultiPolygon (((6.89841518405023191 53.32220606432956345, 6.89980004496924426 53.32050345273890457, 6.89407936840010294 53.3188541657046855, 6.89373446475268636 53.32307807769177543, 6.89841518405023191 53.32220606432956345, 6.89841518405023191 53.32220606432956345)))</t>
  </si>
  <si>
    <t>MultiPolygon (((6.90337053651592658 53.31959521672738589, 6.90176904839555228 53.3184817885491853, 6.8994749174888792 53.31688623325440801, 6.89347585688694942 53.31577503776210847, 6.8939734004644162 53.31885722868351252, 6.89407936840010294 53.3188541657046855, 6.89980004496924426 53.32050345273890457, 6.90337053651592658 53.31959521672738589, 6.90337053651592658 53.31959521672738589)))</t>
  </si>
  <si>
    <t>MultiPolygon (((6.90506474929671032 53.31506444532150368, 6.8953695667108903 53.31326967072175194, 6.89434939690027271 53.31309422591772318, 6.89307824294102911 53.31567164171597994, 6.89347585688694942 53.31577503776210847, 6.8994749174888792 53.31688623325440801, 6.90176904839555228 53.3184817885491853, 6.90506474929671032 53.31506444532150368, 6.90506474929671032 53.31506444532150368)))</t>
  </si>
  <si>
    <t>MultiPolygon (((6.91232160091362857 53.3224016501208169, 6.91643622815836601 53.32027711666404457, 6.91080060704976074 53.31704243372880114, 6.90506474929671032 53.31506444532150368, 6.90176904839555228 53.3184817885491853, 6.90337053651592658 53.31959521672738589, 6.90821664565027493 53.32073858334050698, 6.91232160091362857 53.3224016501208169, 6.91232160091362857 53.3224016501208169)))</t>
  </si>
  <si>
    <t>MultiPolygon (((6.9168076169662136 53.32018049302376994, 6.92636338262827866 53.31952217421854101, 6.92666746715366433 53.31306807245351109, 6.9274235358599805 53.31206212309272985, 6.92201473740278583 53.31174915429193817, 6.8953695667108903 53.31326967072175194, 6.90506474929671032 53.31506444532150368, 6.91080060704976074 53.31704243372880114, 6.91643622815836601 53.32027711666404457, 6.9168076169662136 53.32018049302376994, 6.9168076169662136 53.32018049302376994)))</t>
  </si>
  <si>
    <t>MultiPolygon (((6.93914541473040458 53.31916731881187843, 6.93477230167661141 53.3150600045579921, 6.93175405709409365 53.31332433458400288, 6.9274235358599805 53.31206212309272985, 6.92666746715366433 53.31306807245351109, 6.92636338262827866 53.31952217421854101, 6.92956961839485253 53.31936968117185671, 6.93595103769007881 53.32021893786933475, 6.93914541473040458 53.31916731881187843)))</t>
  </si>
  <si>
    <t>MultiPolygon (((6.92878567487897978 53.32705158075100371, 6.92830627069065308 53.32560369267589095, 6.93058045461290906 53.3230717681698394, 6.93595103769007881 53.32021893786933475, 6.92956961839485253 53.31936968117185671, 6.92636338262827866 53.31952217421854101, 6.9168076169662136 53.32018049302376994, 6.92607369973853881 53.32712074892878462, 6.92662469906728528 53.32763668788123823, 6.9267604219383534 53.32757464192091135, 6.92878567487897978 53.32705158075100371)))</t>
  </si>
  <si>
    <t>MultiPolygon (((6.92521924699216296 53.32885477822544118, 6.92662469906728528 53.32763668788123823, 6.92607369973853881 53.32712074892878462, 6.9168076169662136 53.32018049302376994, 6.91643622815836601 53.32027711666404457, 6.91232160091362857 53.3224016501208169, 6.91432485916941442 53.32488997908311035, 6.91496987938378105 53.3252624209321695, 6.92029897370522118 53.32612848888907564, 6.92397567723990814 53.32859392098174567, 6.92348022803779983 53.32889357847127343, 6.92521924699216296 53.32885477822544118, 6.92521924699216296 53.32885477822544118)))</t>
  </si>
  <si>
    <t>MultiPolygon (((6.90389105272046955 53.32445305413936865, 6.90868996544877767 53.32439702340473531, 6.90566299041953524 53.32285602568277483, 6.90821664565027493 53.32073858334050698, 6.90337053651592658 53.31959521672738589, 6.89980004496924426 53.32050345273890457, 6.89841518405023191 53.32220606432956345, 6.90132656257858734 53.32388206896754923, 6.90036175741762126 53.32619240390901894, 6.90121757822976623 53.32624081321308296, 6.90389105272046955 53.32445305413936865)))</t>
  </si>
  <si>
    <t>MultiPolygon (((6.91432485916941442 53.32488997908311035, 6.91232160091362857 53.3224016501208169, 6.90821664565027493 53.32073858334050698, 6.90566299041953524 53.32285602568277483, 6.90868996544877767 53.32439702340473531, 6.90856959912055579 53.32492404971501543, 6.91432485916941442 53.32488997908311035, 6.91432485916941442 53.32488997908311035)))</t>
  </si>
  <si>
    <t>MultiPolygon (((6.90856959912055579 53.32492404971501543, 6.90868996544877767 53.32439702340473531, 6.90389105272046955 53.32445305413936865, 6.90121757822976623 53.32624081321308296, 6.9002143430903784 53.32645107016212904, 6.89904575454740066 53.33073391023994958, 6.89924516320786818 53.33076356524014017, 6.9069491421481759 53.33190691266578654, 6.90856959912055579 53.32492404971501543)))</t>
  </si>
  <si>
    <t>MultiPolygon (((6.92141340891509937 53.33208969118790321, 6.91447071673328484 53.32732367779512828, 6.91496987938378105 53.3252624209321695, 6.91432485916941442 53.32488997908311035, 6.90856959912055579 53.32492404971501543, 6.9069491421481759 53.33190691266578654, 6.91028673440705621 53.33240617965581265, 6.92200669335723884 53.33349041432536097, 6.92141340891509937 53.33208969118790321, 6.92141340891509937 53.33208969118790321)))</t>
  </si>
  <si>
    <t>MultiPolygon (((6.92222813758214794 53.3311296088969371, 6.92100211113275154 53.32957508462238394, 6.92348022803779983 53.32889357847127343, 6.92397567723990814 53.32859392098174567, 6.92029897370522118 53.32612848888907564, 6.91496987938378105 53.3252624209321695, 6.91447071673328484 53.32732367779512828, 6.92141340891509937 53.33208969118790321, 6.92203425062407174 53.33216048910639273, 6.92222813758214794 53.3311296088969371)))</t>
  </si>
  <si>
    <t>MultiPolygon (((6.93217747101067516 53.33457790624710526, 6.9287960471800627 53.33028304279897469, 6.92521924699216296 53.32885477822544118, 6.92348022803779983 53.32889357847127343, 6.92100211113275154 53.32957508462238394, 6.92222813758214794 53.3311296088969371, 6.92203425062407174 53.33216048910639273, 6.92141340891509937 53.33208969118790321, 6.92200669335723884 53.33349041432536097, 6.92194168015022715 53.33381466442644836, 6.92787440315473191 53.3346578702080194, 6.9299419636117694 53.33548339825156148, 6.9304845182531194 53.33486207852466521, 6.93217747101067516 53.33457790624710526)))</t>
  </si>
  <si>
    <t>MultiPolygon (((6.45142626932551266 52.08404607693559285, 6.46338237109434033 52.07875394235360034, 6.46871960977986138 52.07630313821206869, 6.46774175638823134 52.07570901795153873, 6.45792901011328002 52.0764938357142313, 6.45417689884730894 52.07802886188674307, 6.45311333787222186 52.07984765536122751, 6.44668565598277254 52.08173787501941376, 6.44929630775457507 52.08447409906643344, 6.45142626932551266 52.08404607693559285, 6.45142626932551266 52.08404607693559285)))</t>
  </si>
  <si>
    <t>MultiPolygon (((6.44776563735404906 52.08494139924379596, 6.44929630775457507 52.08447409906643344, 6.44668565598277254 52.08173787501941376, 6.43552192264591927 52.08493413210380396, 6.44212005387875308 52.08720672098846194, 6.44776563735404906 52.08494139924379596, 6.44776563735404906 52.08494139924379596)))</t>
  </si>
  <si>
    <t>MultiPolygon (((6.46364953556659927 52.08933622261625374, 6.46516044332395623 52.08471087713631675, 6.46338237109434033 52.07875394235360034, 6.45142626932551266 52.08404607693559285, 6.45589895719327611 52.08738049683701377, 6.46001525618819361 52.09047214061668996, 6.46364953556659927 52.08933622261625374, 6.46364953556659927 52.08933622261625374)))</t>
  </si>
  <si>
    <t>MultiPolygon (((6.46001525618819361 52.09047214061668996, 6.45589895719327611 52.08738049683701377, 6.45384543416174505 52.08891583638730793, 6.45695356280659993 52.09088071911266127, 6.46001525618819361 52.09047214061668996)))</t>
  </si>
  <si>
    <t>MultiPolygon (((6.45589895719327611 52.08738049683701377, 6.45142626932551266 52.08404607693559285, 6.44929630775457507 52.08447409906643344, 6.44776563735404906 52.08494139924379596, 6.44804922965977667 52.08797334138719748, 6.44989467419088935 52.08833230073764042, 6.45384543416174505 52.08891583638730793, 6.45589895719327611 52.08738049683701377, 6.45589895719327611 52.08738049683701377)))</t>
  </si>
  <si>
    <t>MultiPolygon (((6.44804922965977667 52.08797334138719748, 6.44776563735404906 52.08494139924379596, 6.44212005387875308 52.08720672098846194, 6.44435357104732809 52.09023092531424481, 6.44804922965977667 52.08797334138719748, 6.44804922965977667 52.08797334138719748)))</t>
  </si>
  <si>
    <t>MultiPolygon (((6.45703223154580197 52.09385591486024225, 6.45889051317168494 52.09309448770100204, 6.46001525618819361 52.09047214061668996, 6.45695356280659993 52.09088071911266127, 6.45384543416174505 52.08891583638730793, 6.44989467419088935 52.08833230073764042, 6.44963731129980733 52.08942852037745297, 6.45131172968640154 52.09279603706981021, 6.4508845604388263 52.09453093763529097, 6.45703223154580197 52.09385591486024225)))</t>
  </si>
  <si>
    <t>MultiPolygon (((6.4508845604388263 52.09453093763529097, 6.45131172968640154 52.09279603706981021, 6.44963731129980733 52.08942852037745297, 6.44989467419088935 52.08833230073764042, 6.44804922965977667 52.08797334138719748, 6.44435357104732809 52.09023092531424481, 6.44310044910041047 52.09135354591794709, 6.44639890728385812 52.09480379270296169, 6.45051181343281765 52.0956045504145564, 6.4508845604388263 52.09453093763529097, 6.4508845604388263 52.09453093763529097)))</t>
  </si>
  <si>
    <t>MultiPolygon (((6.47136352648998781 52.03888147287445776, 6.48032560728044693 52.0420701179516314, 6.48667042342234001 52.03393336669308411, 6.48596738981275411 52.03338564300123892, 6.48338554632066622 52.03134708920758555, 6.48007133272182845 52.03294824520912698, 6.46494697113401973 52.0206009858076186, 6.46218520424326215 52.02170080360347271, 6.45761756840997148 52.02233917881919467, 6.44764707815001792 52.04362138688779282, 6.46305647192373467 52.04638754516504662, 6.47136352648998781 52.03888147287445776, 6.47136352648998781 52.03888147287445776)))</t>
  </si>
  <si>
    <t>MultiPolygon (((6.51599898621007423 52.07924761529297086, 6.53058802318148057 52.06234364667655257, 6.52901617402890455 52.05359191632192051, 6.52978164982329634 52.05005448237663046, 6.5232950071223188 52.04068312307584421, 6.52262768068379994 52.03815601499939447, 6.51728772760812713 52.04241448918306645, 6.51482832095473263 52.04049363203795053, 6.50870690638212324 52.04426627041159037, 6.49959578105881075 52.03582035494346769, 6.49429725055446294 52.03785131048712032, 6.49280766274458632 52.03588861398137766, 6.49161922650702117 52.03635930606716897, 6.49064408054378372 52.03561444175367967, 6.49016866319028995 52.03395901848743677, 6.48790921894863981 52.03230676707710245, 6.48667042342234001 52.03393336669308411, 6.48032560728044693 52.0420701179516314, 6.47136352648998781 52.03888147287445776, 6.46305647192373467 52.04638754516504662, 6.44764707815001792 52.04362138688779282, 6.44548430912636938 52.04474865516453974, 6.45124757692069206 52.0514826996819906, 6.45443959558810842 52.06057869853032827, 6.45392335253119942 52.06306358986975624, 6.45583209185861495 52.06442193831621523, 6.45850303532116587 52.063204684036819, 6.46117806107520476 52.06393494174588454, 6.46795387692406543 52.05833571958777384, 6.48140696715458908 52.0635929854100965, 6.48539608049031191 52.06712622129901291, 6.49002304643353067 52.06537566661882011, 6.49438968998240362 52.07268885141491666, 6.49746656542344336 52.07050987695190969, 6.50136569766244676 52.06894598469015278, 6.50935950413088449 52.06916858231595313, 6.50569594718363309 52.0793002664354816, 6.51104105252300691 52.0815690966354552, 6.51599898621007423 52.07924761529297086)))</t>
  </si>
  <si>
    <t>MultiPolygon (((6.42987247385117922 52.05325652079105225, 6.44548430912636938 52.04474865516453974, 6.44764707815001792 52.04362138688779282, 6.45761756840997148 52.02233917881919467, 6.43853896389078173 52.02501029043532554, 6.43719481748392219 52.02555909933513334, 6.4377677737040111 52.02659695314871158, 6.44002695091203137 52.02714791198540922, 6.43619195034318015 52.03067932310661092, 6.43541937630945249 52.03038233194940432, 6.43245124106861432 52.03507352242985462, 6.43494816240919043 52.03477147670086822, 6.43164314670738069 52.03934888474246634, 6.42719188644683825 52.04319024140939831, 6.4245361906399534 52.04244725522295312, 6.42373428733386564 52.04401895234173026, 6.42571258091431741 52.04479198648438398, 6.42323716060356631 52.04748120063025851, 6.42036331189257758 52.04645810081265722, 6.41874688649123737 52.04754588722232711, 6.41924384495815303 52.04782314844432278, 6.41888152655784339 52.04810596289578939, 6.41908840962441651 52.04825192432515024, 6.41821432361634869 52.0486007576960148, 6.41651060144803065 52.0502992865113967, 6.42102093999095302 52.05396956993066482, 6.42343725044069025 52.05499304442018627, 6.42987247385117922 52.05325652079105225)))</t>
  </si>
  <si>
    <t>MultiPolygon (((6.45443959558810842 52.06057869853032827, 6.45124757692069206 52.0514826996819906, 6.44548430912636938 52.04474865516453974, 6.42987247385117922 52.05325652079105225, 6.42343725044069025 52.05499304442018627, 6.42102093999095302 52.05396956993066482, 6.41651060144803065 52.0502992865113967, 6.41544834422118093 52.05082573369113419, 6.41341897536096361 52.05496922670285187, 6.41332495590462415 52.05638582003906834, 6.41409971289075642 52.05774962653157445, 6.41362903266925688 52.05791021813747932, 6.41322317530743469 52.06261750723350445, 6.4108583228005811 52.0655373105748609, 6.4060022230946414 52.07665083196540223, 6.40053884929634798 52.08381103820813252, 6.40192404377623525 52.08721161672239219, 6.40325700271849652 52.08820006019483628, 6.41155971770521571 52.08950157124272806, 6.4140470801576237 52.08871771567343956, 6.43552192264591927 52.08493413210380396, 6.44668565598277254 52.08173787501941376, 6.44551097883597723 52.0804394429105173, 6.4488734570465569 52.07730121521909439, 6.45063167079456257 52.07352552958832348, 6.44951234329341538 52.07097326545598293, 6.44959650034930299 52.06608653257792696, 6.45392335253119942 52.06306358986975624, 6.45443959558810842 52.06057869853032827)))</t>
  </si>
  <si>
    <t>MultiPolygon (((6.46146350672560832 52.10402631438210364, 6.46670426311180524 52.10660645446741057, 6.4704978606918182 52.10585270774441113, 6.47019433022856294 52.10429092451979471, 6.47242288952609623 52.10406350183449575, 6.47253792708179532 52.10210488193740019, 6.4768922817890866 52.10042146780271111, 6.47854363576814496 52.10068968876874607, 6.49094734539522911 52.09655061553812772, 6.49320240634467005 52.09661162612511021, 6.49747809923256714 52.0935117322804615, 6.50413750913637845 52.08526785038260698, 6.51104105252300691 52.0815690966354552, 6.50569594718363309 52.0793002664354816, 6.50935950413088449 52.06916858231595313, 6.50136569766244676 52.06894598469015278, 6.49746656542344336 52.07050987695190969, 6.49438968998240362 52.07268885141491666, 6.49002304643353067 52.06537566661882011, 6.48539608049031191 52.06712622129901291, 6.48140696715458908 52.0635929854100965, 6.46795387692406543 52.05833571958777384, 6.46117806107520476 52.06393494174588454, 6.45850303532116587 52.063204684036819, 6.45583209185861495 52.06442193831621523, 6.45392335253119942 52.06306358986975624, 6.44959650034930299 52.06608653257792696, 6.44951234329341538 52.07097326545598293, 6.45063167079456257 52.07352552958832348, 6.4488734570465569 52.07730121521909439, 6.44551097883597723 52.0804394429105173, 6.44668565598277254 52.08173787501941376, 6.45311333787222186 52.07984765536122751, 6.45417689884730894 52.07802886188674307, 6.45792901011328002 52.0764938357142313, 6.46774175638823134 52.07570901795153873, 6.46871960977986138 52.07630313821206869, 6.46338237109434033 52.07875394235360034, 6.46516044332395623 52.08471087713631675, 6.46364953556659927 52.08933622261625374, 6.46001525618819361 52.09047214061668996, 6.45889051317168494 52.09309448770100204, 6.45703223154580197 52.09385591486024225, 6.4508845604388263 52.09453093763529097, 6.45051181343281765 52.0956045504145564, 6.44639890728385812 52.09480379270296169, 6.44310044910041047 52.09135354591794709, 6.44435357104732809 52.09023092531424481, 6.44212005387875308 52.08720672098846194, 6.43552192264591927 52.08493413210380396, 6.4140470801576237 52.08871771567343956, 6.41798232954817038 52.09125898609525507, 6.42399857085251025 52.0969079881939976, 6.43755866351349137 52.10374275770018926, 6.43974227210756567 52.10313217901456539, 6.44346119748802515 52.10477134960929391, 6.44488506896735203 52.10619610141614544, 6.45182244746529232 52.10730397429406935, 6.45246635509542088 52.10690553004644698, 6.45520491493225457 52.10798014759411956, 6.46013309925980028 52.10673835836192325, 6.46146350672560832 52.10402631438210364)))</t>
  </si>
  <si>
    <t>MultiPolygon (((6.63016802361820101 52.13525919378735551, 6.63014610671099103 52.13405086116537746, 6.63906919620507541 52.13222489549751515, 6.63910114506311633 52.13122853261394596, 6.63530910841773736 52.1284037147713093, 6.63048076347172533 52.12670033987568985, 6.62321195000805663 52.12848320060383145, 6.62023570714642862 52.12805496333429289, 6.61834134754994974 52.12932358043374137, 6.61812470123357066 52.12974741534783618, 6.62253380291528693 52.13272218610237729, 6.62757619450402302 52.13377883559972759, 6.62723514243555023 52.13544352780936464, 6.63016802361820101 52.13525919378735551, 6.63016802361820101 52.13525919378735551)))</t>
  </si>
  <si>
    <t>MultiPolygon (((6.62757619450402302 52.13377883559972759, 6.62253380291528693 52.13272218610237729, 6.61812470123357066 52.12974741534783618, 6.61834134754994974 52.12932358043374137, 6.61321460235115932 52.13075916875556004, 6.61416440544790163 52.13188291527660567, 6.62723514243555023 52.13544352780936464, 6.62757619450402302 52.13377883559972759)))</t>
  </si>
  <si>
    <t>MultiPolygon (((6.61106783527923447 52.13089946590837087, 6.61321460235115932 52.13075916875556004, 6.61834134754994974 52.12932358043374137, 6.62023570714642862 52.12805496333429289, 6.62184340600772003 52.12610368904337577, 6.61946969268623508 52.12523613411599399, 6.61894486576138252 52.12716597654615924, 6.61601592690745655 52.12904810073978012, 6.60642775936916493 52.12848398655270898, 6.60149834599199892 52.12883838900312128, 6.60103107076402384 52.1300618180328641, 6.60374896470664741 52.13045882183917001, 6.6074484528319104 52.13115279816354075, 6.61106783527923447 52.13089946590837087, 6.61106783527923447 52.13089946590837087)))</t>
  </si>
  <si>
    <t>MultiPolygon (((6.62723514243555023 52.13544352780936464, 6.61416440544790163 52.13188291527660567, 6.61278362330973124 52.13186738299291534, 6.61255501890897435 52.13283009458234574, 6.61380493022171656 52.13340053786658501, 6.61312900014017124 52.135332882273282, 6.61878635986840536 52.1360008171177256, 6.62723514243555023 52.13544352780936464, 6.62723514243555023 52.13544352780936464)))</t>
  </si>
  <si>
    <t>MultiPolygon (((6.61380493022171656 52.13340053786658501, 6.61255501890897435 52.13283009458234574, 6.61278362330973124 52.13186738299291534, 6.61416440544790163 52.13188291527660567, 6.61321460235115932 52.13075916875556004, 6.61106783527923447 52.13089946590837087, 6.6084461147538569 52.1350824998427953, 6.61057201326911503 52.13506342344200561, 6.61134124154887726 52.13510076865043885, 6.61312900014017124 52.135332882273282, 6.61380493022171656 52.13340053786658501, 6.61380493022171656 52.13340053786658501)))</t>
  </si>
  <si>
    <t>MultiPolygon (((6.61106783527923447 52.13089946590837087, 6.6074484528319104 52.13115279816354075, 6.60374896470664741 52.13045882183917001, 6.60089892697929681 52.13197038144883777, 6.60094028575518266 52.13468155986818431, 6.6084461147538569 52.1350824998427953, 6.61106783527923447 52.13089946590837087, 6.61106783527923447 52.13089946590837087)))</t>
  </si>
  <si>
    <t>MultiPolygon (((6.60089892697929681 52.13197038144883777, 6.59982453654326662 52.13117053749193275, 6.59724185389575268 52.13121066565181394, 6.59308753199102249 52.13359858989650775, 6.60094028575518266 52.13468155986818431, 6.60089892697929681 52.13197038144883777, 6.60089892697929681 52.13197038144883777)))</t>
  </si>
  <si>
    <t>MultiPolygon (((6.61752743174316738 52.13991577184859949, 6.62107630955397486 52.13912468777153464, 6.62612370912231352 52.13671304336673984, 6.62723514243555023 52.13544352780936464, 6.61878635986840536 52.1360008171177256, 6.61312900014017124 52.135332882273282, 6.61134124154887726 52.13510076865043885, 6.6105097937221613 52.13994189296940363, 6.61752743174316738 52.13991577184859949, 6.61752743174316738 52.13991577184859949)))</t>
  </si>
  <si>
    <t>MultiPolygon (((6.61134124154887726 52.13510076865043885, 6.61057201326911503 52.13506342344200561, 6.6025532929493389 52.1389207810855666, 6.6105097937221613 52.13994189296940363, 6.61134124154887726 52.13510076865043885, 6.61134124154887726 52.13510076865043885)))</t>
  </si>
  <si>
    <t>MultiPolygon (((6.61057201326911503 52.13506342344200561, 6.6084461147538569 52.1350824998427953, 6.60094028575518266 52.13468155986818431, 6.59308753199102249 52.13359858989650775, 6.59297712187384821 52.13454069278301262, 6.59462830682894996 52.13608433448250423, 6.59714715797493234 52.1374949812519759, 6.6025532929493389 52.1389207810855666, 6.61057201326911503 52.13506342344200561)))</t>
  </si>
  <si>
    <t>MultiPolygon (((6.5910773367817761 52.18226363585517191, 6.59611518928368135 52.17983524686788144, 6.60632683479496041 52.17308244198131462, 6.606207438179589 52.1723691392532487, 6.60318483315157323 52.1707218237656889, 6.60285133734482699 52.16912131118996854, 6.60735475918187287 52.16463092354463527, 6.60826126491372179 52.16268397009925906, 6.61007595074732546 52.16136349991928967, 6.61616387994299959 52.16045266545609138, 6.61916495120306791 52.15801864276114941, 6.62297182810782203 52.15650785511363807, 6.62910927799049166 52.15503311532130226, 6.63535285878684267 52.15434605237702925, 6.63663846549853531 52.15353193586192049, 6.63868415493869168 52.14980911477473313, 6.64422692861450237 52.1487572484886428, 6.64925996872251179 52.14687259617952009, 6.64013004929552242 52.14369046734434932, 6.64829190189172792 52.13882774547401766, 6.63906919620507541 52.13222489549751515, 6.63014610671099103 52.13405086116537746, 6.63016802361820101 52.13525919378735551, 6.62723514243555023 52.13544352780936464, 6.62612370912231352 52.13671304336673984, 6.62107630955397486 52.13912468777153464, 6.61752743174316738 52.13991577184859949, 6.6105097937221613 52.13994189296940363, 6.6025532929493389 52.1389207810855666, 6.59714715797493234 52.1374949812519759, 6.59462830682894996 52.13608433448250423, 6.59297712187384821 52.13454069278301262, 6.59308753199102249 52.13359858989650775, 6.59724185389575268 52.13121066565181394, 6.59982453654326662 52.13117053749193275, 6.60089892697929681 52.13197038144883777, 6.60374896470664741 52.13045882183917001, 6.60103107076402384 52.1300618180328641, 6.60149834599199892 52.12883838900312128, 6.60642775936916493 52.12848398655270898, 6.61601592690745655 52.12904810073978012, 6.61894486576138252 52.12716597654615924, 6.61946969268623508 52.12523613411599399, 6.62184340600772003 52.12610368904337577, 6.62023570714642862 52.12805496333429289, 6.62321195000805663 52.12848320060383145, 6.63048076347172533 52.12670033987568985, 6.63530910841773736 52.1284037147713093, 6.63910114506311633 52.13122853261394596, 6.64458350041449819 52.13014852423819434, 6.64242615795397473 52.129147202512506, 6.64972702768159962 52.12488407662970502, 6.64773915278021565 52.12337666869066766, 6.64415154349484904 52.12236788838602308, 6.63581117029307421 52.12188224132244585, 6.63395218105698348 52.12373235615235956, 6.63155533653183138 52.12197063022845356, 6.62937054579870289 52.12130820587596247, 6.62338654141225547 52.12102041540905617, 6.61494542043592393 52.12141130680548429, 6.60331404585265602 52.12063371140490631, 6.60171622533594871 52.12135893965113098, 6.59515026884182731 52.12227483316495125, 6.59004613887912072 52.1221957841313781, 6.58837604702932111 52.11837018555738865, 6.58174374494384118 52.12060470734963502, 6.56564293649436514 52.11899352469079361, 6.56805960887366069 52.12073702297901434, 6.56710263224346047 52.12363093454155916, 6.56736763941466339 52.12662973237919317, 6.56523501217709882 52.12866446447500124, 6.59157524975557774 52.13352437375087334, 6.5939709732950158 52.13656571499176806, 6.59388477073668078 52.13998062401815758, 6.59536746257169071 52.1449825495887751, 6.59934389944340349 52.14950973233622022, 6.59814802746424434 52.15300893803757987, 6.59872067521198247 52.15770473087846426, 6.60207788767226589 52.15863199663355232, 6.58494879708972647 52.18152984435960917, 6.58798237907848527 52.18201063340419665, 6.58995371092155846 52.18248783610294339, 6.5910773367817761 52.18226363585517191)))</t>
  </si>
  <si>
    <t>MultiPolygon (((6.60207788767226589 52.15863199663355232, 6.59872067521198247 52.15770473087846426, 6.59814802746424434 52.15300893803757987, 6.59934389944340349 52.14950973233622022, 6.59536746257169071 52.1449825495887751, 6.59388477073668078 52.13998062401815758, 6.5939709732950158 52.13656571499176806, 6.59157524975557774 52.13352437375087334, 6.56523501217709882 52.12866446447500124, 6.56027554978714544 52.13322842089214504, 6.56002991518922229 52.13549391551818957, 6.55845964952560667 52.13712942882673218, 6.55220125415694099 52.14092189771059083, 6.54180618499370592 52.14550393173824716, 6.54057848693150046 52.14851368004912047, 6.54434555447727639 52.15358672407852225, 6.54401247194492264 52.15622793100767751, 6.55534947215914876 52.17725556392276332, 6.58494879708972647 52.18152984435960917, 6.60207788767226589 52.15863199663355232, 6.60207788767226589 52.15863199663355232),(6.57294197516185186 52.14823170840054445, 6.57088774576986978 52.14517374361979307, 6.574694779496145 52.14229571361605053, 6.57693609509422128 52.14252596491733982, 6.57812560477608521 52.14421318288427187, 6.57436205860921596 52.14576755080729953, 6.57390842829317368 52.14710801420552144, 6.57480756790303023 52.14753757121032862, 6.57889478606628497 52.14738023333045902, 6.57742054252432862 52.14863371700446493, 6.57294197516185186 52.14823170840054445, 6.57294197516185186 52.14823170840054445)))</t>
  </si>
  <si>
    <t>MultiPolygon (((6.64921178990063133 52.1728784829290575, 6.67133890456763901 52.16568319696681044, 6.67197345740444092 52.16492723049695002, 6.67339735320101823 52.16323969849631936, 6.67278438617655212 52.16137906286265036, 6.67406668662821989 52.16124345886581892, 6.67314690576881819 52.16011888449002498, 6.67364033237731036 52.15986232645376219, 6.67391408434746403 52.15881439764383742, 6.6706101857938247 52.15642031856252459, 6.67309499304280518 52.15475329646825031, 6.67242870315033176 52.15303169500725033, 6.67381939102508515 52.15210362494998719, 6.67267881853960354 52.15050735292187056, 6.6713092189777301 52.15045811212224436, 6.67374823585967469 52.1482865997677365, 6.67439481478774699 52.14277446273566596, 6.67261301921872363 52.13930996138775242, 6.66840905904958436 52.13661468898021667, 6.66300345199467792 52.13000105559194708, 6.64972702768159962 52.12488407662970502, 6.64242615795397473 52.129147202512506, 6.64458350041449819 52.13014852423819434, 6.63910114506311633 52.13122853261394596, 6.63906919620507541 52.13222489549751515, 6.64829190189172792 52.13882774547401766, 6.64013004929552242 52.14369046734434932, 6.64925996872251179 52.14687259617952009, 6.64422692861450237 52.1487572484886428, 6.63868415493869168 52.14980911477473313, 6.63663846549853531 52.15353193586192049, 6.63535285878684267 52.15434605237702925, 6.62910927799049166 52.15503311532130226, 6.62297182810782203 52.15650785511363807, 6.61916495120306791 52.15801864276114941, 6.61616387994299959 52.16045266545609138, 6.61007595074732546 52.16136349991928967, 6.60826126491372179 52.16268397009925906, 6.60735475918187287 52.16463092354463527, 6.60927033864713831 52.16514329190216159, 6.61214720767889386 52.16316630338368299, 6.6173567481934592 52.16529092178250693, 6.62198951221225496 52.16837295692523213, 6.62495222962885144 52.16864982647208393, 6.62656383268365268 52.17145692209179231, 6.62528583171025964 52.17217194642966405, 6.6258396506606827 52.17249925802634181, 6.62910101219739012 52.17203266884875035, 6.63104101824276615 52.17314226761862983, 6.63484149914132626 52.17217729106075552, 6.64028013043970411 52.16740514073072177, 6.64504070049386808 52.17419425513303821, 6.64921178990063133 52.1728784829290575),(6.65639912649970089 52.13710253806701189, 6.65997091969853372 52.13591947440846042, 6.66229909418414756 52.13594735530092095, 6.66215775367687257 52.13683526278442315, 6.65965906506874106 52.13737378626544938, 6.66098659185266673 52.13863382991662121, 6.66523532746925973 52.13907443893952376, 6.66604046906802772 52.13987318102235946, 6.66603926019175397 52.14209244954351874, 6.66280930627131518 52.14288294366981802, 6.65594655852646966 52.139433452788154, 6.65639912649970089 52.13710253806701189)))</t>
  </si>
  <si>
    <t>MultiPolygon (((6.66280930627131518 52.14288294366981802, 6.66603926019175397 52.14209244954351874, 6.66604046906802772 52.13987318102235946, 6.66523532746925973 52.13907443893952376, 6.66098659185266673 52.13863382991662121, 6.65965906506874106 52.13737378626544938, 6.66215775367687257 52.13683526278442315, 6.66229909418414756 52.13594735530092095, 6.65997091969853372 52.13591947440846042, 6.65639912649970089 52.13710253806701189, 6.65594655852646966 52.139433452788154, 6.66280930627131518 52.14288294366981802, 6.66280930627131518 52.14288294366981802)))</t>
  </si>
  <si>
    <t>MultiPolygon (((6.57889478606628497 52.14738023333045902, 6.57480756790303023 52.14753757121032862, 6.57390842829317368 52.14710801420552144, 6.57436205860921596 52.14576755080729953, 6.57812560477608521 52.14421318288427187, 6.57693609509422128 52.14252596491733982, 6.574694779496145 52.14229571361605053, 6.57088774576986978 52.14517374361979307, 6.57294197516185186 52.14823170840054445, 6.57742054252432862 52.14863371700446493, 6.57889478606628497 52.14738023333045902, 6.57889478606628497 52.14738023333045902)))</t>
  </si>
  <si>
    <t>MultiPolygon (((6.54908884733629115 52.0450893416604714, 6.57209509551782034 52.03955504900641671, 6.59043031592670747 52.04069208767796795, 6.58989859486635954 52.0392403219995785, 6.58688792144885493 52.03799018949862898, 6.57152251208228044 52.03099388953244642, 6.53912048815872371 52.02522371880466068, 6.52262768068379994 52.03815601499939447, 6.5232950071223188 52.04068312307584421, 6.52978164982329634 52.05005448237663046, 6.54908884733629115 52.0450893416604714)))</t>
  </si>
  <si>
    <t>MultiPolygon (((6.56941170594972945 52.09635834984855052, 6.58584348690370369 52.09128615853806821, 6.58596610199344923 52.08797453143630918, 6.58580923120894468 52.08509412974408548, 6.586610331650391 52.0837798187137011, 6.59262379387623554 52.08303522717757517, 6.59549812784525713 52.08180566167788328, 6.59441707985149339 52.07953653034642372, 6.60553606329649057 52.066900550219259, 6.60326037725407566 52.06685334933737153, 6.59313863529093869 52.06215562856468182, 6.5918583437159608 52.06107721538233335, 6.59295188406310562 52.05859729260097168, 6.58845693558978951 52.06021214535992669, 6.58419964386288203 52.06057850945800425, 6.58107851278557465 52.05513054458094047, 6.5782534493305258 52.05585708872414585, 6.57506006318348835 52.05081923117340637, 6.57369758463027765 52.05059647899649633, 6.57213629428904422 52.04740686188243615, 6.5696762341513093 52.04623624446666952, 6.5642946553224153 52.04761359723962499, 6.56311237880665033 52.04653678957909335, 6.54908884733629115 52.0450893416604714, 6.52978164982329634 52.05005448237663046, 6.52901617402890455 52.05359191632192051, 6.53058802318148057 52.06234364667655257, 6.51599898621007423 52.07924761529297086, 6.51104105252300691 52.0815690966354552, 6.53097480719163404 52.08717177666325426, 6.53727047582257548 52.08960380100182874, 6.55269083511803174 52.09327150362246783, 6.55204225854948774 52.09581645176598386, 6.55575921320191934 52.0986733464665619, 6.56941170594972945 52.09635834984855052),(6.55848559576986023 52.06911307815401102, 6.55858430471051879 52.06552435263326828, 6.55950569976018993 52.06461001958668078, 6.56411585482084181 52.06462337497563198, 6.5670902405789624 52.06344971108976694, 6.57076733050630768 52.06480390516664158, 6.57134943632366664 52.06726915096005825, 6.5661603734555527 52.07121692589915796, 6.55848559576986023 52.06911307815401102, 6.55848559576986023 52.06911307815401102)))</t>
  </si>
  <si>
    <t>MultiPolygon (((6.60644070127997995 52.06021552091301885, 6.60439192383971552 52.05555522595611251, 6.60548057669223976 52.05185542937500287, 6.60262323413396324 52.05011535814274026, 6.60144845200780495 52.05027840437236364, 6.59878033539187125 52.04917349858788356, 6.59658812155858243 52.04724895869201617, 6.59596273743566464 52.04631410929593471, 6.59623794561281684 52.04281924812597282, 6.59422573193525441 52.0422711509952407, 6.59080178741283795 52.04147393374658037, 6.59043031592670747 52.04069208767796795, 6.57209509551782034 52.03955504900641671, 6.54908884733629115 52.0450893416604714, 6.56311237880665033 52.04653678957909335, 6.5642946553224153 52.04761359723962499, 6.5696762341513093 52.04623624446666952, 6.57213629428904422 52.04740686188243615, 6.57369758463027765 52.05059647899649633, 6.57506006318348835 52.05081923117340637, 6.5782534493305258 52.05585708872414585, 6.58107851278557465 52.05513054458094047, 6.58419964386288203 52.06057850945800425, 6.58845693558978951 52.06021214535992669, 6.59295188406310562 52.05859729260097168, 6.5918583437159608 52.06107721538233335, 6.59313863529093869 52.06215562856468182, 6.60326037725407566 52.06685334933737153, 6.60553606329649057 52.066900550219259, 6.60745082334571343 52.06566666142894206, 6.60628946288754637 52.06517735804560942, 6.60644070127997995 52.06021552091301885)))</t>
  </si>
  <si>
    <t>MultiPolygon (((6.57134943632366664 52.06726915096005825, 6.57076733050630768 52.06480390516664158, 6.5670902405789624 52.06344971108976694, 6.56411585482084181 52.06462337497563198, 6.55950569976018993 52.06461001958668078, 6.55858430471051879 52.06552435263326828, 6.55848559576986023 52.06911307815401102, 6.5661603734555527 52.07121692589915796, 6.57134943632366664 52.06726915096005825)))</t>
  </si>
  <si>
    <t>MultiPolygon (((6.64783405965254293 52.09099879619886053, 6.64352433564670175 52.08773253553476934, 6.64125056414329329 52.08537335770130028, 6.63918800832363765 52.08630683829174046, 6.6377545821748285 52.08322410163002303, 6.63644477358637896 52.08341116454978703, 6.6337402020404026 52.08852304180939541, 6.64091673814243411 52.09287562108457337, 6.64250247993266907 52.09367175928920091, 6.64783405965254293 52.09099879619886053, 6.64783405965254293 52.09099879619886053)))</t>
  </si>
  <si>
    <t>MultiPolygon (((6.65269631840536135 52.09675290237439071, 6.64783405965254293 52.09099879619886053, 6.64250247993266907 52.09367175928920091, 6.64326539798819127 52.09527270976902003, 6.64379761878045372 52.09709514168188349, 6.64742016341209574 52.09746845211051181, 6.65269631840536135 52.09675290237439071)))</t>
  </si>
  <si>
    <t>MultiPolygon (((6.66394865277407344 52.09647068189466523, 6.66315386862623882 52.09567579697048245, 6.66032570252305867 52.09491750722424541, 6.65712746597189131 52.09630015004901793, 6.65980008169108295 52.09991123191306173, 6.66394865277407344 52.09647068189466523)))</t>
  </si>
  <si>
    <t>MultiPolygon (((6.66504620239276679 52.09876815697658969, 6.66394865277407344 52.09647068189466523, 6.65980008169108295 52.09991123191306173, 6.65770320185089659 52.10088862470958304, 6.65930731993053282 52.1021506906173073, 6.66504620239276679 52.09876815697658969, 6.66504620239276679 52.09876815697658969)))</t>
  </si>
  <si>
    <t>MultiPolygon (((6.65770320185089659 52.10088862470958304, 6.65980008169108295 52.09991123191306173, 6.65712746597189131 52.09630015004901793, 6.65269631840536135 52.09675290237439071, 6.65393928411295299 52.09880885978260778, 6.65335777157227515 52.1011053883264097, 6.65770320185089659 52.10088862470958304)))</t>
  </si>
  <si>
    <t>MultiPolygon (((6.6506026430867724 52.10037909253257027, 6.65335777157227515 52.1011053883264097, 6.65393928411295299 52.09880885978260778, 6.65269631840536135 52.09675290237439071, 6.64742016341209574 52.09746845211051181, 6.64379761878045372 52.09709514168188349, 6.64282947142351166 52.10045366510922094, 6.64783498056059319 52.10162046188630569, 6.6506026430867724 52.10037909253257027)))</t>
  </si>
  <si>
    <t>MultiPolygon (((6.66601413426043621 52.10341277832566931, 6.66621402778278949 52.09876612351825997, 6.66504620239276679 52.09876815697658969, 6.65930731993053282 52.1021506906173073, 6.66079817382074868 52.10396266762741391, 6.66601413426043621 52.10341277832566931, 6.66601413426043621 52.10341277832566931)))</t>
  </si>
  <si>
    <t>MultiPolygon (((6.66079817382074868 52.10396266762741391, 6.65930731993053282 52.1021506906173073, 6.65770320185089659 52.10088862470958304, 6.65335777157227515 52.1011053883264097, 6.65185862475455636 52.10273332501559906, 6.65212502100487857 52.1052706474356313, 6.66079817382074868 52.10396266762741391, 6.66079817382074868 52.10396266762741391)))</t>
  </si>
  <si>
    <t>MultiPolygon (((6.65212502100487857 52.1052706474356313, 6.65185862475455636 52.10273332501559906, 6.65335777157227515 52.1011053883264097, 6.6506026430867724 52.10037909253257027, 6.64783498056059319 52.10162046188630569, 6.64282947142351166 52.10045366510922094, 6.6406721799753754 52.10457365933134355, 6.64967757684490923 52.10407988507891019, 6.65002558100283903 52.10556661416148927, 6.65212502100487857 52.1052706474356313, 6.65212502100487857 52.1052706474356313)))</t>
  </si>
  <si>
    <t>MultiPolygon (((6.64483443312642308 52.10756662026847863, 6.65002558100283903 52.10556661416148927, 6.64967757684490923 52.10407988507891019, 6.6406721799753754 52.10457365933134355, 6.63895219200329656 52.10788232277748477, 6.64483443312642308 52.10756662026847863, 6.64483443312642308 52.10756662026847863)))</t>
  </si>
  <si>
    <t>MultiPolygon (((6.64379761878045372 52.09709514168188349, 6.64326539798819127 52.09527270976902003, 6.63795811215304443 52.09879199049223075, 6.64282947142351166 52.10045366510922094, 6.64379761878045372 52.09709514168188349, 6.64379761878045372 52.09709514168188349)))</t>
  </si>
  <si>
    <t>MultiPolygon (((6.64326539798819127 52.09527270976902003, 6.64250247993266907 52.09367175928920091, 6.64091673814243411 52.09287562108457337, 6.63650333846510776 52.09571772080843743, 6.63425911972390914 52.09833980070827408, 6.63795811215304443 52.09879199049223075, 6.64326539798819127 52.09527270976902003, 6.64326539798819127 52.09527270976902003)))</t>
  </si>
  <si>
    <t>MultiPolygon (((6.6406721799753754 52.10457365933134355, 6.64282947142351166 52.10045366510922094, 6.63795811215304443 52.09879199049223075, 6.63569604551134251 52.10377201789145829, 6.63709042204609823 52.10380173208081089, 6.63743367559136832 52.10461825176659545, 6.6406721799753754 52.10457365933134355, 6.6406721799753754 52.10457365933134355)))</t>
  </si>
  <si>
    <t>MultiPolygon (((6.6406721799753754 52.10457365933134355, 6.63743367559136832 52.10461825176659545, 6.63709042204609823 52.10380173208081089, 6.63569604551134251 52.10377201789145829, 6.63307570837192717 52.10569173911323304, 6.63485659685453033 52.1069502315532489, 6.63470273796881216 52.10779760321499765, 6.63895219200329656 52.10788232277748477, 6.6406721799753754 52.10457365933134355, 6.6406721799753754 52.10457365933134355)))</t>
  </si>
  <si>
    <t>MultiPolygon (((6.63307570837192717 52.10569173911323304, 6.63569604551134251 52.10377201789145829, 6.63795811215304443 52.09879199049223075, 6.63425911972390914 52.09833980070827408, 6.63203742377957894 52.10179702351149444, 6.63106381256950961 52.10600896668710647, 6.63307570837192717 52.10569173911323304)))</t>
  </si>
  <si>
    <t>MultiPolygon (((6.7162723611825923 52.11827040547652246, 6.73949303711965264 52.11810477170050149, 6.73950582076508198 52.11855641574528164, 6.76057233035214544 52.11877993364118566, 6.75970540341239623 52.11266191650433655, 6.75957419094653389 52.10930293425356297, 6.7585349945331501 52.10530124853141842, 6.75801465093382436 52.10382570067284291, 6.75762658341712541 52.09928861662763211, 6.75619309976716309 52.09766673358878819, 6.75546737950553489 52.09712807624779174, 6.75630480687913781 52.09692943272754206, 6.75500249830006183 52.09486271229566512, 6.7532973171654147 52.09588078355791652, 6.75028420323605793 52.09577815679994472, 6.7447763200270483 52.09312349573519896, 6.74506408316402162 52.09117056573734317, 6.74549610788798759 52.09006743862700262, 6.75026485468830195 52.08750762892660902, 6.75108689702513143 52.08547683557537056, 6.7476120686628418 52.08192490377684436, 6.74402827705725816 52.08033713830196376, 6.7354705979884395 52.07463395739315359, 6.71386740480088307 52.07290148357262183, 6.69597302798304295 52.07014228013326118, 6.69466279942888942 52.06980044335237068, 6.69373125724501783 52.07151369697727006, 6.69235144013150229 52.07204658596037206, 6.68461857402346649 52.09582527439935973, 6.68612306053745353 52.10026589238637484, 6.6930724703547142 52.10524114078676661, 6.70215710300332379 52.10954377816152316, 6.71128986634686431 52.11970823859375912, 6.7162723611825923 52.11827040547652246),(6.72209715223579174 52.09603989827524373, 6.71867952576552252 52.09312904424876223, 6.71567188319550734 52.09446702166160748, 6.71035561024543359 52.09236713609556801, 6.71156407799806587 52.09114110101204886, 6.71573257834674386 52.09237563443501529, 6.72035258841974592 52.09108401407137023, 6.7226522277812224 52.09325793797988524, 6.72675318413416345 52.09329904432460978, 6.72704971035134403 52.09772068300940617, 6.72209715223579174 52.09603989827524373)))</t>
  </si>
  <si>
    <t>MultiPolygon (((6.63895219200329656 52.10788232277748477, 6.63470273796881216 52.10779760321499765, 6.63485659685453033 52.1069502315532489, 6.63307570837192717 52.10569173911323304, 6.63106381256950961 52.10600896668710647, 6.63203742377957894 52.10179702351149444, 6.63425911972390914 52.09833980070827408, 6.6223174277969159 52.09309061072237057, 6.60736174050107739 52.0906982526261686, 6.59613795770482447 52.09097717478906731, 6.58596610199344923 52.08797453143630918, 6.58584348690370369 52.09128615853806821, 6.60213317242505404 52.11124586481067666, 6.59917671407040718 52.11192167987240254, 6.60331404585265602 52.12063371140490631, 6.61494542043592393 52.12141130680548429, 6.62338654141225547 52.12102041540905617, 6.62937054579870289 52.12130820587596247, 6.63155533653183138 52.12197063022845356, 6.63895219200329656 52.10788232277748477, 6.63895219200329656 52.10788232277748477)))</t>
  </si>
  <si>
    <t>MultiPolygon (((6.67255620369461511 52.12737029568558711, 6.6776905952531731 52.12595895166633397, 6.69781002044058038 52.12355366983165084, 6.71128986634686431 52.11970823859375912, 6.70215710300332379 52.10954377816152316, 6.6930724703547142 52.10524114078676661, 6.6858956580999962 52.10620628805146026, 6.67976280153102575 52.10585841428325438, 6.66940274962211355 52.10362254019145212, 6.66601413426043621 52.10341277832566931, 6.66079817382074868 52.10396266762741391, 6.65212502100487857 52.1052706474356313, 6.65002558100283903 52.10556661416148927, 6.64483443312642308 52.10756662026847863, 6.63895219200329656 52.10788232277748477, 6.63155533653183138 52.12197063022845356, 6.63395218105698348 52.12373235615235956, 6.63581117029307421 52.12188224132244585, 6.64415154349484904 52.12236788838602308, 6.64773915278021565 52.12337666869066766, 6.64972702768159962 52.12488407662970502, 6.66300345199467792 52.13000105559194708, 6.67255620369461511 52.12737029568558711, 6.67255620369461511 52.12737029568558711)))</t>
  </si>
  <si>
    <t>MultiPolygon (((6.6930724703547142 52.10524114078676661, 6.68612306053745353 52.10026589238637484, 6.68461857402346649 52.09582527439935973, 6.69235144013150229 52.07204658596037206, 6.69373125724501783 52.07151369697727006, 6.69466279942888942 52.06980044335237068, 6.69686769109036195 52.06734371715703702, 6.69587381305593521 52.06426501329608669, 6.69522645424222063 52.06416796457224194, 6.68957062254451795 52.05645301901117961, 6.68738577026787784 52.05639458201783754, 6.68680677283061264 52.05551875907342918, 6.68674248878011745 52.0525400654872783, 6.68819939469369995 52.05234958791697863, 6.68798117701859773 52.04436543688660066, 6.68404065666311098 52.0448286202388033, 6.67470376664906784 52.04855924374988518, 6.66676006948290478 52.0503148346354223, 6.66562200125872817 52.05011003113395418, 6.6618012436378331 52.05159792831555876, 6.66392925987274065 52.05444775275326919, 6.66380812978428594 52.057705409006644, 6.65897069059158131 52.06304128090584982, 6.65585133845383936 52.08005465236107767, 6.65405382844253612 52.08341667928921481, 6.64917417313768855 52.0866935033196583, 6.64590634995316254 52.0877495386179703, 6.64352433564670175 52.08773253553476934, 6.64783405965254293 52.09099879619886053, 6.65269631840536135 52.09675290237439071, 6.65712746597189131 52.09630015004901793, 6.66032570252305867 52.09491750722424541, 6.66315386862623882 52.09567579697048245, 6.66394865277407344 52.09647068189466523, 6.66504620239276679 52.09876815697658969, 6.66621402778278949 52.09876612351825997, 6.66601413426043621 52.10341277832566931, 6.66940274962211355 52.10362254019145212, 6.67976280153102575 52.10585841428325438, 6.6858956580999962 52.10620628805146026, 6.6930724703547142 52.10524114078676661)))</t>
  </si>
  <si>
    <t>MultiPolygon (((6.64917417313768855 52.0866935033196583, 6.65405382844253612 52.08341667928921481, 6.65585133845383936 52.08005465236107767, 6.65897069059158131 52.06304128090584982, 6.65113824442251111 52.06359919404506797, 6.6468389157446417 52.06541072760178679, 6.64320852988584587 52.06020467301350152, 6.63858842528554138 52.06050302757243031, 6.63647333005177575 52.05664664389862395, 6.63414339047602208 52.05754928680015325, 6.63144661052848416 52.06052436834648489, 6.63175400159166184 52.06083037254536805, 6.63218091778245356 52.06105582948720212, 6.63535466008537966 52.06081380471113107, 6.63694477988009268 52.06432643107729774, 6.62890068522669118 52.06424093036257261, 6.6377545821748285 52.08322410163002303, 6.63918800832363765 52.08630683829174046, 6.64125056414329329 52.08537335770130028, 6.64352433564670175 52.08773253553476934, 6.64590634995316254 52.0877495386179703, 6.64917417313768855 52.0866935033196583)))</t>
  </si>
  <si>
    <t>MultiPolygon (((6.63650333846510776 52.09571772080843743, 6.64091673814243411 52.09287562108457337, 6.6337402020404026 52.08852304180939541, 6.63644477358637896 52.08341116454978703, 6.6377545821748285 52.08322410163002303, 6.62890068522669118 52.06424093036257261, 6.623740147476604 52.06362273852348466, 6.62137441089607837 52.06557454732197954, 6.61308569789614076 52.06804031608871952, 6.60745082334571343 52.06566666142894206, 6.60553606329649057 52.066900550219259, 6.59441707985149339 52.07953653034642372, 6.59549812784525713 52.08180566167788328, 6.59262379387623554 52.08303522717757517, 6.586610331650391 52.0837798187137011, 6.58580923120894468 52.08509412974408548, 6.58596610199344923 52.08797453143630918, 6.59613795770482447 52.09097717478906731, 6.60736174050107739 52.0906982526261686, 6.6223174277969159 52.09309061072237057, 6.63425911972390914 52.09833980070827408, 6.63650333846510776 52.09571772080843743, 6.63650333846510776 52.09571772080843743)))</t>
  </si>
  <si>
    <t>MultiPolygon (((6.72675318413416345 52.09329904432460978, 6.7226522277812224 52.09325793797988524, 6.72035258841974592 52.09108401407137023, 6.71573257834674386 52.09237563443501529, 6.71156407799806587 52.09114110101204886, 6.71035561024543359 52.09236713609556801, 6.71567188319550734 52.09446702166160748, 6.71867952576552252 52.09312904424876223, 6.72209715223579174 52.09603989827524373, 6.72704971035134403 52.09772068300940617, 6.72675318413416345 52.09329904432460978)))</t>
  </si>
  <si>
    <t>MultiPolygon (((6.52604122930532515 52.10912891321365947, 6.5120339364368327 52.10654989582604202, 6.51188146253205957 52.10725067695631907, 6.51467990291189025 52.1091452900956682, 6.51991771571741552 52.1111327108952338, 6.52151708143498521 52.11165541286320746, 6.52604122930532515 52.10912891321365947, 6.52604122930532515 52.10912891321365947)))</t>
  </si>
  <si>
    <t>MultiPolygon (((6.51500011581842209 52.11171050470381516, 6.51725865311013663 52.11248481733835547, 6.51991771571741552 52.1111327108952338, 6.51467990291189025 52.1091452900956682, 6.50916735583371331 52.11301894130659917, 6.51077126147107332 52.1141246202130759, 6.51500011581842209 52.11171050470381516, 6.51500011581842209 52.11171050470381516)))</t>
  </si>
  <si>
    <t>MultiPolygon (((6.52621400524938622 52.11710217965848813, 6.52524140892227233 52.11657230877784031, 6.52374187660242022 52.11692130750665797, 6.51818140984919392 52.11488976171212784, 6.51441949370696349 52.11617663557890268, 6.51770084240867575 52.11757105387226829, 6.52317096560845133 52.11907895222363152, 6.52628219306822555 52.11946172328470794, 6.52621400524938622 52.11710217965848813, 6.52621400524938622 52.11710217965848813)))</t>
  </si>
  <si>
    <t>MultiPolygon (((6.51441949370696349 52.11617663557890268, 6.51818140984919392 52.11488976171212784, 6.51725865311013663 52.11248481733835547, 6.51500011581842209 52.11171050470381516, 6.51077126147107332 52.1141246202130759, 6.50940328317716155 52.11494777904702858, 6.51207109053078703 52.11671262243844183, 6.51441949370696349 52.11617663557890268, 6.51441949370696349 52.11617663557890268)))</t>
  </si>
  <si>
    <t>MultiPolygon (((6.50994260070595754 52.11708539019297604, 6.51207109053078703 52.11671262243844183, 6.50940328317716155 52.11494777904702858, 6.51077126147107332 52.1141246202130759, 6.50916735583371331 52.11301894130659917, 6.50667532721620656 52.11389493741730661, 6.50670682830276892 52.11534147114173265, 6.50828962496232322 52.1173412209649527, 6.50994260070595754 52.11708539019297604, 6.50994260070595754 52.11708539019297604)))</t>
  </si>
  <si>
    <t>MultiPolygon (((6.5415979961255033 52.12237967032454122, 6.54229922607490888 52.12159662915807701, 6.53818119554656541 52.11839389102026843, 6.53611844149808174 52.11528012649661434, 6.53171990701956418 52.11632054176848783, 6.52910603395318834 52.11771883267420691, 6.52621400524938622 52.11710217965848813, 6.52628219306822555 52.11946172328470794, 6.52571487574646625 52.12101117188092303, 6.52727822592752371 52.12363734501178669, 6.52653113739358659 52.12376383839308858, 6.5270458209200477 52.12798494798406068, 6.52823148403671816 52.12848179980536401, 6.5415979961255033 52.12237967032454122)))</t>
  </si>
  <si>
    <t>MultiPolygon (((6.52653113739358659 52.12376383839308858, 6.52727822592752371 52.12363734501178669, 6.52571487574646625 52.12101117188092303, 6.52628219306822555 52.11946172328470794, 6.52317096560845133 52.11907895222363152, 6.51947071666475075 52.12365864048049957, 6.52653113739358659 52.12376383839308858, 6.52653113739358659 52.12376383839308858)))</t>
  </si>
  <si>
    <t>MultiPolygon (((6.52317096560845133 52.11907895222363152, 6.51770084240867575 52.11757105387226829, 6.516033374219103 52.11914011689993487, 6.51488308591820342 52.12301723619576421, 6.51947071666475075 52.12365864048049957, 6.52317096560845133 52.11907895222363152)))</t>
  </si>
  <si>
    <t>MultiPolygon (((6.51488308591820342 52.12301723619576421, 6.516033374219103 52.11914011689993487, 6.51770084240867575 52.11757105387226829, 6.51441949370696349 52.11617663557890268, 6.51207109053078703 52.11671262243844183, 6.50994260070595754 52.11708539019297604, 6.51002145632183815 52.11992955409571948, 6.50882103925800859 52.12165336660539339, 6.51124758255755509 52.12396060428472566, 6.51488308591820342 52.12301723619576421, 6.51488308591820342 52.12301723619576421)))</t>
  </si>
  <si>
    <t>MultiPolygon (((6.60171622533594871 52.12135893965113098, 6.60331404585265602 52.12063371140490631, 6.59917671407040718 52.11192167987240254, 6.60213317242505404 52.11124586481067666, 6.58584348690370369 52.09128615853806821, 6.56941170594972945 52.09635834984855052, 6.55575921320191934 52.0986733464665619, 6.55204225854948774 52.09581645176598386, 6.54424747686820485 52.09743486465763596, 6.53491629079055691 52.10509243395372181, 6.53363894101284082 52.11175119849730208, 6.53614995839467827 52.11424470802933939, 6.54242051508163946 52.11342334661405573, 6.54401427442672379 52.11498111068406303, 6.54394428443837928 52.11604584486539693, 6.55289524384133859 52.11565522686333907, 6.55958487424619818 52.11460784323516293, 6.56564293649436514 52.11899352469079361, 6.58174374494384118 52.12060470734963502, 6.58837604702932111 52.11837018555738865, 6.59004613887912072 52.1221957841313781, 6.59515026884182731 52.12227483316495125, 6.60171622533594871 52.12135893965113098, 6.60171622533594871 52.12135893965113098),(6.57753485519801551 52.11255098221148785, 6.58090144927761234 52.1097080753086459, 6.58440266807353858 52.11327962619429144, 6.57684031551153492 52.11450060849990251, 6.57753485519801551 52.11255098221148785, 6.57753485519801551 52.11255098221148785)))</t>
  </si>
  <si>
    <t>MultiPolygon (((6.48944749297450318 52.13037996979044664, 6.49866353282027731 52.12883878827945239, 6.51124758255755509 52.12396060428472566, 6.50882103925800859 52.12165336660539339, 6.51002145632183815 52.11992955409571948, 6.50994260070595754 52.11708539019297604, 6.50828962496232322 52.1173412209649527, 6.50670682830276892 52.11534147114173265, 6.50667532721620656 52.11389493741730661, 6.50916735583371331 52.11301894130659917, 6.51467990291189025 52.1091452900956682, 6.51188146253205957 52.10725067695631907, 6.5120339364368327 52.10654989582604202, 6.52604122930532515 52.10912891321365947, 6.53116908208315561 52.11084147136268285, 6.53611844149808174 52.11528012649661434, 6.53818119554656541 52.11839389102026843, 6.54394428443837928 52.11604584486539693, 6.54401427442672379 52.11498111068406303, 6.54242051508163946 52.11342334661405573, 6.53614995839467827 52.11424470802933939, 6.53363894101284082 52.11175119849730208, 6.53491629079055691 52.10509243395372181, 6.54424747686820485 52.09743486465763596, 6.55204225854948774 52.09581645176598386, 6.55269083511803174 52.09327150362246783, 6.53727047582257548 52.08960380100182874, 6.53097480719163404 52.08717177666325426, 6.51104105252300691 52.0815690966354552, 6.50413750913637845 52.08526785038260698, 6.49747809923256714 52.0935117322804615, 6.49320240634467005 52.09661162612511021, 6.49094734539522911 52.09655061553812772, 6.47854363576814496 52.10068968876874607, 6.4801163442372145 52.10465837181013882, 6.48200248334327789 52.10592272607667752, 6.48246887591326004 52.10906095391945314, 6.48117382653724494 52.11029021580836229, 6.48459297666152512 52.11449535334648431, 6.48747284690965298 52.11632841946339312, 6.48903155731535985 52.11929884551437198, 6.491187738751659 52.12003505108336299, 6.489717072028518 52.12064197224999873, 6.49210945279857032 52.12400465299843688, 6.49140954483880783 52.1261425398917666, 6.48830468550051798 52.12690266059279054, 6.48825886629260573 52.12998080959607705, 6.48652214905332958 52.13187506573760288, 6.48788955895226405 52.13243911048839863, 6.48944749297450318 52.13037996979044664)))</t>
  </si>
  <si>
    <t>MultiPolygon (((6.49477396495034665 52.16570139381752824, 6.50275457584977268 52.16087910537269323, 6.50973478463193 52.15824977545614871, 6.51554498674905691 52.15795255336693259, 6.52134123107057029 52.15586676176751979, 6.52982192861443878 52.15427110308984027, 6.54057848693150046 52.14851368004912047, 6.54180618499370592 52.14550393173824716, 6.55220125415694099 52.14092189771059083, 6.55845964952560667 52.13712942882673218, 6.56002991518922229 52.13549391551818957, 6.56027554978714544 52.13322842089214504, 6.56523501217709882 52.12866446447500124, 6.56736763941466339 52.12662973237919317, 6.56710263224346047 52.12363093454155916, 6.56805960887366069 52.12073702297901434, 6.56564293649436514 52.11899352469079361, 6.55958487424619818 52.11460784323516293, 6.55289524384133859 52.11565522686333907, 6.54394428443837928 52.11604584486539693, 6.53818119554656541 52.11839389102026843, 6.54229922607490888 52.12159662915807701, 6.5415979961255033 52.12237967032454122, 6.52823148403671816 52.12848179980536401, 6.5270458209200477 52.12798494798406068, 6.52653113739358659 52.12376383839308858, 6.51947071666475075 52.12365864048049957, 6.51488308591820342 52.12301723619576421, 6.51124758255755509 52.12396060428472566, 6.49866353282027731 52.12883878827945239, 6.48944749297450318 52.13037996979044664, 6.48788955895226405 52.13243911048839863, 6.48851832980167043 52.13424259716485665, 6.48486694556595911 52.1372750115251975, 6.48164668870807059 52.14091458995921613, 6.48122434711527617 52.14247886912107077, 6.47095906900757267 52.14401042301398803, 6.47071110046395415 52.14640654800680153, 6.46943460989201746 52.14747542418982107, 6.46658172873067638 52.14733645172574938, 6.46651941958533083 52.14963963980831352, 6.4626623898709612 52.15060115701714949, 6.46140434084736537 52.15214305315649312, 6.48378798691137082 52.15719940977947999, 6.48784636542125259 52.16119382904100377, 6.49284586989865709 52.16943006502904012, 6.49477396495034665 52.16570139381752824),(6.52129539966076699 52.13938379611848717, 6.52190342664772693 52.13711119581077469, 6.52710045708601516 52.13607916034639089, 6.52965667704633379 52.13650289958535922, 6.53128313292166318 52.13834900631106706, 6.52510366017305721 52.14124172809825097, 6.52129539966076699 52.13938379611848717)))</t>
  </si>
  <si>
    <t>MultiPolygon (((6.51764199607135986 52.1812670367686593, 6.55534947215914876 52.17725556392276332, 6.54401247194492264 52.15622793100767751, 6.54434555447727639 52.15358672407852225, 6.54057848693150046 52.14851368004912047, 6.52982192861443878 52.15427110308984027, 6.52134123107057029 52.15586676176751979, 6.51554498674905691 52.15795255336693259, 6.50973478463193 52.15824977545614871, 6.50275457584977268 52.16087910537269323, 6.49477396495034665 52.16570139381752824, 6.49284586989865709 52.16943006502904012, 6.49437180538382286 52.17319641556878906, 6.4922218807469525 52.1761156124590002, 6.49240114007011471 52.17737186395400073, 6.49583936320074429 52.17714536876567166, 6.51324099116813482 52.18123054075668676, 6.51764199607135986 52.1812670367686593, 6.51764199607135986 52.1812670367686593),(6.52256014216473368 52.17064038003263704, 6.52073741181389632 52.16798973197924028, 6.52664386613561387 52.16624290423161625, 6.52775796203019087 52.166465244725714, 6.52948082885303283 52.16930075193086935, 6.52818606846296312 52.17098536532380848, 6.52256014216473368 52.17064038003263704)))</t>
  </si>
  <si>
    <t>MultiPolygon (((6.58440266807353858 52.11327962619429144, 6.58090144927761234 52.1097080753086459, 6.57753485519801551 52.11255098221148785, 6.57684031551153492 52.11450060849990251, 6.58440266807353858 52.11327962619429144)))</t>
  </si>
  <si>
    <t>MultiPolygon (((6.52948082885303283 52.16930075193086935, 6.52775796203019087 52.166465244725714, 6.52664386613561387 52.16624290423161625, 6.52073741181389632 52.16798973197924028, 6.52256014216473368 52.17064038003263704, 6.52818606846296312 52.17098536532380848, 6.52948082885303283 52.16930075193086935, 6.52948082885303283 52.16930075193086935)))</t>
  </si>
  <si>
    <t>MultiPolygon (((6.53128313292166318 52.13834900631106706, 6.52965667704633379 52.13650289958535922, 6.52710045708601516 52.13607916034639089, 6.52190342664772693 52.13711119581077469, 6.52129539966076699 52.13938379611848717, 6.52510366017305721 52.14124172809825097, 6.53128313292166318 52.13834900631106706)))</t>
  </si>
  <si>
    <t>MultiPolygon (((6.53171990701956418 52.11632054176848783, 6.53611844149808174 52.11528012649661434, 6.53116908208315561 52.11084147136268285, 6.52604122930532515 52.10912891321365947, 6.52151708143498521 52.11165541286320746, 6.52561928567259386 52.11421981597649022, 6.52595951794625062 52.11607511503618184, 6.52524140892227233 52.11657230877784031, 6.52621400524938622 52.11710217965848813, 6.52910603395318834 52.11771883267420691, 6.53171990701956418 52.11632054176848783)))</t>
  </si>
  <si>
    <t>MultiPolygon (((6.52524140892227233 52.11657230877784031, 6.52595951794625062 52.11607511503618184, 6.52561928567259386 52.11421981597649022, 6.52151708143498521 52.11165541286320746, 6.51991771571741552 52.1111327108952338, 6.51725865311013663 52.11248481733835547, 6.51818140984919392 52.11488976171212784, 6.52374187660242022 52.11692130750665797, 6.52524140892227233 52.11657230877784031, 6.52524140892227233 52.11657230877784031)))</t>
  </si>
  <si>
    <t>MultiPolygon (((5.81686151297366649 51.95934411406295794, 5.8177273598250423 51.9531640250859823, 5.8171169836093517 51.95307651890928469, 5.81638926102240283 51.95604505404656237, 5.80875613401255464 51.95641244382701984, 5.80862850850419488 51.95682799959124054, 5.80834751068891375 51.95779202309463329, 5.81430957319813224 51.95893971436320413, 5.81642703136470463 51.95937633258497357, 5.81686151297366649 51.95934411406295794, 5.81686151297366649 51.95934411406295794)))</t>
  </si>
  <si>
    <t>MultiPolygon (((5.81430957319813224 51.95893971436320413, 5.80834751068891375 51.95779202309463329, 5.80650428307487676 51.96132458977370305, 5.8099545824637584 51.96304260660920704, 5.81430957319813224 51.95893971436320413, 5.81430957319813224 51.95893971436320413)))</t>
  </si>
  <si>
    <t>MultiPolygon (((5.8359534268412423 51.96616405386343018, 5.83419133649895283 51.96279964402902607, 5.82933946586498486 51.96084806987727234, 5.83019745508420861 51.95862382662664203, 5.83133816589047349 51.95861672693246902, 5.83128229933012499 51.95554752526000897, 5.83008078162244114 51.95385340907608906, 5.82315921331560116 51.95392661700824988, 5.82355269531128794 51.94682429903479459, 5.81963370446803552 51.94599886941895051, 5.81112219692065235 51.94856847945650458, 5.81000199158509822 51.95201947360004624, 5.81188946266015627 51.95230166669733052, 5.8171169836093517 51.95307651890928469, 5.8177273598250423 51.9531640250859823, 5.81686151297366649 51.95934411406295794, 5.82082871787891776 51.96094127863765522, 5.82205498874305771 51.96302296258699016, 5.82044760044830856 51.96332845069798623, 5.81505023868581894 51.96221584516369774, 5.81368057127613458 51.96367928505598144, 5.81454044670928916 51.96488198469981512, 5.82204479735006242 51.9689890865042301, 5.82608534241606701 51.96997177434784021, 5.83536816941383929 51.97069999826300091, 5.8359534268412423 51.96616405386343018)))</t>
  </si>
  <si>
    <t>MultiPolygon (((5.81505023868581894 51.96221584516369774, 5.81642703136470463 51.95937633258497357, 5.81430957319813224 51.95893971436320413, 5.8099545824637584 51.96304260660920704, 5.81368057127613458 51.96367928505598144, 5.81505023868581894 51.96221584516369774, 5.81505023868581894 51.96221584516369774)))</t>
  </si>
  <si>
    <t>MultiPolygon (((5.80875613401255464 51.95641244382701984, 5.81638926102240283 51.95604505404656237, 5.8171169836093517 51.95307651890928469, 5.81188946266015627 51.95230166669733052, 5.8111721764061075 51.954435214975355, 5.80887112257087601 51.95472672300466854, 5.80862850850419488 51.95682799959124054, 5.80875613401255464 51.95641244382701984, 5.80875613401255464 51.95641244382701984)))</t>
  </si>
  <si>
    <t>MultiPolygon (((5.835342640497724 51.9735587267884398, 5.83619543656150519 51.97092309564042978, 5.83536816941383929 51.97069999826300091, 5.82608534241606701 51.96997177434784021, 5.82204479735006242 51.9689890865042301, 5.81454044670928916 51.96488198469981512, 5.81368057127613458 51.96367928505598144, 5.8099545824637584 51.96304260660920704, 5.80650428307487676 51.96132458977370305, 5.79383548013416583 51.95693786387274571, 5.78363571588100456 51.95746358254777419, 5.78246000374626146 51.9591693964894219, 5.78677334676086552 51.96015864442595955, 5.81074514860739733 51.96925244263502464, 5.81839130461334797 51.97189971074973158, 5.82542985007209335 51.97323130948193182, 5.835342640497724 51.9735587267884398)))</t>
  </si>
  <si>
    <t>MultiPolygon (((5.82205498874305771 51.96302296258699016, 5.82082871787891776 51.96094127863765522, 5.81686151297366649 51.95934411406295794, 5.81642703136470463 51.95937633258497357, 5.81505023868581894 51.96221584516369774, 5.82044760044830856 51.96332845069798623, 5.82205498874305771 51.96302296258699016)))</t>
  </si>
  <si>
    <t>MultiPolygon (((5.80834751068891375 51.95779202309463329, 5.80862850850419488 51.95682799959124054, 5.80887112257087601 51.95472672300466854, 5.8111721764061075 51.954435214975355, 5.81188946266015627 51.95230166669733052, 5.81000199158509822 51.95201947360004624, 5.81112219692065235 51.94856847945650458, 5.81963370446803552 51.94599886941895051, 5.80044699854518786 51.94158534260974136, 5.79033337130236436 51.94162386932898556, 5.7895993832999082 51.94463243783734185, 5.78386598841264199 51.94412596918904512, 5.78107858300694488 51.94827555760527815, 5.78019413697525319 51.95745908803630897, 5.78363571588100456 51.95746358254777419, 5.79383548013416583 51.95693786387274571, 5.80650428307487676 51.96132458977370305, 5.80834751068891375 51.95779202309463329, 5.80834751068891375 51.95779202309463329)))</t>
  </si>
  <si>
    <t>MultiPolygon (((5.79642139337498108 51.91499497980310451, 5.79347957925300161 51.91404354522152431, 5.79588571570400291 51.91014212479233692, 5.79386468915240727 51.90851954951239833, 5.79031567824188631 51.90835072197501177, 5.78894095206274706 51.90999862086702166, 5.78590014741105563 51.9080737193765458, 5.78456309227505727 51.91069764345935766, 5.77917641865866472 51.91327877116226119, 5.78052262574736542 51.91457790532306404, 5.78600072346787364 51.91330681816030079, 5.78852406658629093 51.91276843437779576, 5.79101642438267294 51.91300695282984634, 5.79013737664853689 51.91461474945771926, 5.79245621419282752 51.91503045110518855, 5.79642139337498108 51.91499497980310451, 5.79642139337498108 51.91499497980310451)))</t>
  </si>
  <si>
    <t>MultiPolygon (((5.76885860918089843 51.93130278119907217, 5.79538667459929435 51.9281271837790328, 5.79758120707536229 51.92440724602601421, 5.80587228760155227 51.91498573066044031, 5.80038528308790635 51.91395436937878571, 5.79642139337498108 51.91499497980310451, 5.79245621419282752 51.91503045110518855, 5.78682148740591007 51.91623130989474078, 5.76694664985062833 51.91737242214231429, 5.76489894553913285 51.92660283679747835, 5.7621477282525797 51.93239742296123751, 5.76257386384421277 51.932999933483174, 5.76885860918089843 51.93130278119907217, 5.76885860918089843 51.93130278119907217)))</t>
  </si>
  <si>
    <t>MultiPolygon (((5.79245621419282752 51.91503045110518855, 5.79013737664853689 51.91461474945771926, 5.79101642438267294 51.91300695282984634, 5.78852406658629093 51.91276843437779576, 5.78600072346787364 51.91330681816030079, 5.78576058582102704 51.91470189725764328, 5.78706323888716678 51.91481458840228669, 5.78682148740591007 51.91623130989474078, 5.79245621419282752 51.91503045110518855, 5.79245621419282752 51.91503045110518855)))</t>
  </si>
  <si>
    <t>MultiPolygon (((5.78975057517957392 51.93620485685026722, 5.79251831419745145 51.9340505925753817, 5.79341737885841024 51.93056894021790271, 5.79538667459929435 51.9281271837790328, 5.76885860918089843 51.93130278119907217, 5.76739193788407523 51.93681722259697864, 5.76964765997302553 51.93715305842194851, 5.77050688737220163 51.93564915589468711, 5.78191688466041409 51.9401148448368275, 5.78975057517957392 51.93620485685026722)))</t>
  </si>
  <si>
    <t>MultiPolygon (((5.79031567824188631 51.90835072197501177, 5.79243596309683095 51.90570197977368849, 5.78590014741105563 51.9080737193765458, 5.78894095206274706 51.90999862086702166, 5.79031567824188631 51.90835072197501177, 5.79031567824188631 51.90835072197501177)))</t>
  </si>
  <si>
    <t>MultiPolygon (((5.78682148740591007 51.91623130989474078, 5.78706323888716678 51.91481458840228669, 5.78576058582102704 51.91470189725764328, 5.78600072346787364 51.91330681816030079, 5.78052262574736542 51.91457790532306404, 5.77917641865866472 51.91327877116226119, 5.78456309227505727 51.91069764345935766, 5.78590014741105563 51.9080737193765458, 5.79243596309683095 51.90570197977368849, 5.79031567824188631 51.90835072197501177, 5.79386468915240727 51.90851954951239833, 5.79588571570400291 51.91014212479233692, 5.79347957925300161 51.91404354522152431, 5.79642139337498108 51.91499497980310451, 5.80038528308790635 51.91395436937878571, 5.80587228760155227 51.91498573066044031, 5.80946711192532828 51.91032446604058492, 5.8003888204517482 51.90863989291133151, 5.79533492965053387 51.90574562936203762, 5.79472197127371746 51.90254076222132795, 5.79729775882688525 51.89983849355373025, 5.80203995514566007 51.89832069941267889, 5.81000047621853621 51.89612597397203331, 5.8150699303654827 51.89568909586652268, 5.82545583491002184 51.89531055854079966, 5.8363732520196363 51.89611502708422819, 5.83672239447392016 51.89374629326444932, 5.83023780192325169 51.89368104089353295, 5.81972938981382271 51.89317738433960159, 5.81062803483022172 51.89297200710714719, 5.80395617569657851 51.89379462779342589, 5.7978875820974185 51.89551243910522516, 5.78885469738722414 51.89928879040505905, 5.77963090594451323 51.90317982520724627, 5.77408950298151691 51.89877629630222344, 5.77215699908667901 51.89831972827240492, 5.77151327861506935 51.90061973834832543, 5.7753424997957854 51.9044629627867522, 5.77875357991706817 51.90308276689875555, 5.77924169798581477 51.90334451548756078, 5.76378291150059852 51.9098787304923448, 5.77011306588256279 51.91281656316062509, 5.76763014061011248 51.9141101349155818, 5.76694664985062833 51.91737242214231429, 5.78682148740591007 51.91623130989474078)))</t>
  </si>
  <si>
    <t>MultiPolygon (((5.76708429394288657 51.96071256156582052, 5.7725791249555547 51.95845659156261576, 5.78019413697525319 51.95745908803630897, 5.78107858300694488 51.94827555760527815, 5.78386598841264199 51.94412596918904512, 5.7895993832999082 51.94463243783734185, 5.79033337130236436 51.94162386932898556, 5.78191688466041409 51.9401148448368275, 5.77050688737220163 51.93564915589468711, 5.76964765997302553 51.93715305842194851, 5.76739193788407523 51.93681722259697864, 5.76607110737105355 51.93919089614263385, 5.7645282937182305 51.94287652232159758, 5.76417425129366023 51.94734724339140541, 5.76391660406307071 51.94886213061322877, 5.7621218977339197 51.95002605660640427, 5.76239050145715126 51.95323765180454245, 5.76081568871443039 51.95324754896066111, 5.7613426829531198 51.96008498870003223, 5.76399314092811998 51.96111519614985497, 5.76708429394288657 51.96071256156582052)))</t>
  </si>
  <si>
    <t>MultiPolygon (((5.74453638575095216 51.95553785258376678, 5.74640588984849732 51.95328059789576258, 5.75197519902782428 51.95321407410565939, 5.75678377984093803 51.9531743503149599, 5.75575623439489892 51.95007903422427376, 5.75588836515964353 51.94521132242860517, 5.75582965140433611 51.93910553647302208, 5.76261375594744951 51.93793085830871803, 5.76261489358498036 51.93863205079765066, 5.76607110737105355 51.93919089614263385, 5.76739193788407523 51.93681722259697864, 5.76885860918089843 51.93130278119907217, 5.76257386384421277 51.932999933483174, 5.75122418262731916 51.93639137652683502, 5.74691715711367923 51.93655273218356427, 5.74701641310055855 51.93934618213574339, 5.74229076559814278 51.94071777279113178, 5.73400790319836329 51.9414064037428318, 5.73355949545159405 51.95061088939139893, 5.73077915578575769 51.95012584538783074, 5.72947237974727042 51.9532571395583247, 5.73067104567473873 51.9544372101557741, 5.73080493551571735 51.9580668955023981, 5.74480669998953264 51.95973623225739146, 5.74453638575095216 51.95553785258376678)))</t>
  </si>
  <si>
    <t>MultiPolygon (((5.74629570643364218 51.9700200017624212, 5.7619012712780755 51.96353088944987064, 5.77215089242192025 51.96016316308972449, 5.77761055032513493 51.95912665773573735, 5.78246000374626146 51.9591693964894219, 5.78363571588100456 51.95746358254777419, 5.78019413697525319 51.95745908803630897, 5.7725791249555547 51.95845659156261576, 5.76708429394288657 51.96071256156582052, 5.76399314092811998 51.96111519614985497, 5.75492223891874222 51.96226068339090176, 5.74966049234717502 51.96196779557421763, 5.74712209286699505 51.96078134918628422, 5.74480669998953264 51.95973623225739146, 5.73080493551571735 51.9580668955023981, 5.72030341185408187 51.95706916900285677, 5.72251702503255988 51.95953380828254353, 5.72289008067957461 51.96189500364303626, 5.72150303385869918 51.96386779071848849, 5.7226055585061637 51.96405076995782224, 5.72845026224134646 51.96714208899283705, 5.73219879983432357 51.96815692311182744, 5.74161029883628071 51.97011285283840465, 5.74629570643364218 51.9700200017624212)))</t>
  </si>
  <si>
    <t>MultiPolygon (((5.74933878281385713 51.95938014798028348, 5.74951838141258875 51.9563657807933339, 5.7522496913323673 51.95637064853796971, 5.75197519902782428 51.95321407410565939, 5.74640588984849732 51.95328059789576258, 5.74453638575095216 51.95553785258376678, 5.74480669998953264 51.95973623225739146, 5.74712209286699505 51.96078134918628422, 5.74933878281385713 51.95938014798028348, 5.74933878281385713 51.95938014798028348)))</t>
  </si>
  <si>
    <t>MultiPolygon (((5.76399314092811998 51.96111519614985497, 5.7613426829531198 51.96008498870003223, 5.75684364589041575 51.95966398760904781, 5.74933878281385713 51.95938014798028348, 5.74712209286699505 51.96078134918628422, 5.74966049234717502 51.96196779557421763, 5.75492223891874222 51.96226068339090176, 5.76399314092811998 51.96111519614985497)))</t>
  </si>
  <si>
    <t>MultiPolygon (((5.7573040930559829 51.95597708690193883, 5.75710770652144799 51.95322574470252874, 5.75678377984093803 51.9531743503149599, 5.75197519902782428 51.95321407410565939, 5.7522496913323673 51.95637064853796971, 5.7573040930559829 51.95597708690193883)))</t>
  </si>
  <si>
    <t>MultiPolygon (((5.7613426829531198 51.96008498870003223, 5.76081568871443039 51.95324754896066111, 5.75710770652144799 51.95322574470252874, 5.7573040930559829 51.95597708690193883, 5.75684364589041575 51.95966398760904781, 5.7613426829531198 51.96008498870003223, 5.7613426829531198 51.96008498870003223)))</t>
  </si>
  <si>
    <t>MultiPolygon (((5.76239050145715126 51.95323765180454245, 5.7621218977339197 51.95002605660640427, 5.76391660406307071 51.94886213061322877, 5.76417425129366023 51.94734724339140541, 5.76395819133284704 51.94590057074371714, 5.75588836515964353 51.94521132242860517, 5.75575623439489892 51.95007903422427376, 5.75678377984093803 51.9531743503149599, 5.75710770652144799 51.95322574470252874, 5.76081568871443039 51.95324754896066111, 5.76239050145715126 51.95323765180454245, 5.76239050145715126 51.95323765180454245)))</t>
  </si>
  <si>
    <t>MultiPolygon (((5.75684364589041575 51.95966398760904781, 5.7573040930559829 51.95597708690193883, 5.7522496913323673 51.95637064853796971, 5.74951838141258875 51.9563657807933339, 5.74933878281385713 51.95938014798028348, 5.75684364589041575 51.95966398760904781, 5.75684364589041575 51.95966398760904781)))</t>
  </si>
  <si>
    <t>MultiPolygon (((5.7645282937182305 51.94287652232159758, 5.76607110737105355 51.93919089614263385, 5.76261489358498036 51.93863205079765066, 5.76261375594744951 51.93793085830871803, 5.75582965140433611 51.93910553647302208, 5.75588836515964353 51.94521132242860517, 5.76395819133284704 51.94590057074371714, 5.76417425129366023 51.94734724339140541, 5.7645282937182305 51.94287652232159758)))</t>
  </si>
  <si>
    <t>MultiPolygon (((5.72289008067957461 51.96189500364303626, 5.72251702503255988 51.95953380828254353, 5.72030341185408187 51.95706916900285677, 5.71001153578255938 51.95524751232406402, 5.7073951439546633 51.95555128224893338, 5.70580871464622952 51.95544773434436792, 5.70036436976770666 51.95494104784459921, 5.69199001358846157 51.95567313648150787, 5.68208464257251222 51.95370301383670864, 5.67413973371544866 51.95108013253566526, 5.67230820308462302 51.94957330237689064, 5.66195213235890726 51.94429615794773269, 5.65646858959147636 51.94421896963768859, 5.65329780623114342 51.94287754034932192, 5.64701789607297666 51.94032667719316265, 5.64632270352031007 51.9410909206602085, 5.65041918358800999 51.9474530806407202, 5.65171557779046374 51.94803022662554071, 5.65480129249624941 51.94654448252980217, 5.6659889909408685 51.95279947605696691, 5.66969823682735186 51.95382103169215782, 5.67655287774202399 51.95757476585923484, 5.68191823391044615 51.95915884450348443, 5.70663240346467937 51.96270572228641527, 5.72150303385869918 51.96386779071848849, 5.72289008067957461 51.96189500364303626)))</t>
  </si>
  <si>
    <t>MultiPolygon (((5.68113269162253953 51.94155552644116369, 5.68426328926657476 51.93580333571348007, 5.68877771842630331 51.9351410091486656, 5.67093164122053839 51.93054528897511801, 5.66035094324614274 51.92961222631775087, 5.65996533409339797 51.93351989436689564, 5.65961876914244399 51.93708191697622567, 5.6677148575630012 51.93890838309235392, 5.66577997291995494 51.94133210626645791, 5.66313794150169958 51.94071175233508342, 5.66114428549831139 51.94360734093963572, 5.6543453008772655 51.94141127160277449, 5.65329780623114342 51.94287754034932192, 5.65646858959147636 51.94421896963768859, 5.66195213235890726 51.94429615794773269, 5.67230820308462302 51.94957330237689064, 5.68113269162253953 51.94155552644116369)))</t>
  </si>
  <si>
    <t>MultiPolygon (((5.71468962665305824 51.94464464574241447, 5.7150460824185636 51.94356864404877427, 5.71315594883055144 51.94261800713832855, 5.71272889263074291 51.94482147326596788, 5.71468962665305824 51.94464464574241447)))</t>
  </si>
  <si>
    <t>MultiPolygon (((5.73067104567473873 51.9544372101557741, 5.72947237974727042 51.9532571395583247, 5.73077915578575769 51.95012584538783074, 5.73355949545159405 51.95061088939139893, 5.73400790319836329 51.9414064037428318, 5.7301704828465958 51.94144706729952077, 5.72280790068410639 51.93943437875859814, 5.71520090240106793 51.93941543449750498, 5.71587358249697353 51.93650255265558968, 5.70953572787825969 51.93587583884088588, 5.70751580905448996 51.93632154650917698, 5.70081642911253805 51.93680623742108793, 5.68877771842630331 51.9351410091486656, 5.68426328926657476 51.93580333571348007, 5.68113269162253953 51.94155552644116369, 5.67230820308462302 51.94957330237689064, 5.67413973371544866 51.95108013253566526, 5.68208464257251222 51.95370301383670864, 5.69199001358846157 51.95567313648150787, 5.70036436976770666 51.95494104784459921, 5.70580871464622952 51.95544773434436792, 5.70694993037458698 51.95496174047636373, 5.70615954370382195 51.95330299101620142, 5.70275736339675365 51.9525432377400449, 5.70648220654252292 51.95027093727896528, 5.70751372126561929 51.95142280878048524, 5.71086781621506656 51.95060887211226941, 5.71384584198993561 51.95335015455594885, 5.71001153578255938 51.95524751232406402, 5.72030341185408187 51.95706916900285677, 5.73080493551571735 51.9580668955023981, 5.73067104567473873 51.9544372101557741),(5.71272889263074291 51.94482147326596788, 5.71315594883055144 51.94261800713832855, 5.7150460824185636 51.94356864404877427, 5.71468962665305824 51.94464464574241447, 5.71272889263074291 51.94482147326596788, 5.71272889263074291 51.94482147326596788)))</t>
  </si>
  <si>
    <t>MultiPolygon (((5.71001153578255938 51.95524751232406402, 5.71384584198993561 51.95335015455594885, 5.71086781621506656 51.95060887211226941, 5.70751372126561929 51.95142280878048524, 5.70648220654252292 51.95027093727896528, 5.70275736339675365 51.9525432377400449, 5.70615954370382195 51.95330299101620142, 5.70694993037458698 51.95496174047636373, 5.70580871464622952 51.95544773434436792, 5.7073951439546633 51.95555128224893338, 5.71001153578255938 51.95524751232406402, 5.71001153578255938 51.95524751232406402)))</t>
  </si>
  <si>
    <t>MultiPolygon (((5.70751580905448996 51.93632154650917698, 5.70742044134488058 51.93589478174362029, 5.70761258668637961 51.93483288443899681, 5.70809813009291034 51.93279143227580619, 5.70596234835273908 51.93197789133697029, 5.70460707104037557 51.92912903475051678, 5.70070409748077989 51.92667635250903402, 5.69485445756089792 51.9213729958014909, 5.68121100258621858 51.91831969553522441, 5.67739262184661886 51.92078303336990075, 5.67605320053924256 51.92306400526504007, 5.67755770697919537 51.92436612450616451, 5.67593249756561669 51.92602785934194287, 5.67831327551030274 51.92864380510626177, 5.68435985822601353 51.92977807936568979, 5.68992533613717466 51.9325996207396301, 5.69632230313154597 51.93125112427856038, 5.69302598790514036 51.93465773369377558, 5.68877771842630331 51.9351410091486656, 5.70081642911253805 51.93680623742108793, 5.70751580905448996 51.93632154650917698),(5.70305560730063466 51.934722083788742, 5.69978853001594832 51.93514622413702142, 5.69845820033209272 51.93293353122585643, 5.70435479891834962 51.93242995783906935, 5.70453434347542299 51.93543987692767416, 5.70305560730063466 51.934722083788742)))</t>
  </si>
  <si>
    <t>MultiPolygon (((5.70453434347542299 51.93543987692767416, 5.70435479891834962 51.93242995783906935, 5.69845820033209272 51.93293353122585643, 5.69978853001594832 51.93514622413702142, 5.70305560730063466 51.934722083788742, 5.70453434347542299 51.93543987692767416, 5.70453434347542299 51.93543987692767416)))</t>
  </si>
  <si>
    <t>MultiPolygon (((5.70985493188293347 51.9344951698319548, 5.70951753919507698 51.93220023361683246, 5.70581474694758306 51.93088093759764945, 5.70649377077162612 51.92964192685963098, 5.70546980860025865 51.92530272321221929, 5.70876018971428234 51.92246778966219978, 5.71452543668485013 51.92245650278154301, 5.7192427874735916 51.92380332719296376, 5.72035402980982166 51.92265999028408174, 5.71732395026111195 51.9217922057436283, 5.71810055523814587 51.92012788916355959, 5.72439858830434911 51.91968976632221455, 5.72447145032924709 51.91960557030359524, 5.72415280020260919 51.9158322532704446, 5.7240478700975661 51.91582986672220557, 5.70797163673914731 51.91630563651896324, 5.69551501766472601 51.91690628176849032, 5.69219546010491406 51.91839509710982981, 5.69625548712504948 51.92078174710620431, 5.69485445756089792 51.9213729958014909, 5.70070409748077989 51.92667635250903402, 5.70460707104037557 51.92912903475051678, 5.70596234835273908 51.93197789133697029, 5.70809813009291034 51.93279143227580619, 5.70761258668637961 51.93483288443899681, 5.70985493188293347 51.9344951698319548)))</t>
  </si>
  <si>
    <t>MultiPolygon (((5.73400790319836329 51.9414064037428318, 5.74229076559814278 51.94071777279113178, 5.74701641310055855 51.93934618213574339, 5.74691715711367923 51.93655273218356427, 5.73419872431118716 51.93636290179286874, 5.73544085214595345 51.93175655888197184, 5.72965875843888828 51.93125875836967253, 5.73004018356830258 51.92952819685220334, 5.73104717923192197 51.9295387364693326, 5.73201236546664639 51.925986666404917, 5.72894509999682811 51.9215655134551497, 5.73020665694675646 51.92039208785754312, 5.72865760849835493 51.91936095767112391, 5.72447145032924709 51.91960557030359524, 5.72439858830434911 51.91968976632221455, 5.72703563338295574 51.91965734120005038, 5.72240463904616803 51.92499768837839724, 5.72178830229304047 51.92683305145585138, 5.72344798537549071 51.93269578855380075, 5.71738349302763549 51.93438050606444278, 5.71568945067476442 51.93409892332483224, 5.71505498756529118 51.93512519040366016, 5.71147571541275223 51.9359614532065379, 5.71035863194054638 51.93588027468373269, 5.70807033284096743 51.93583548366394353, 5.70742044134488058 51.93589478174362029, 5.70751580905448996 51.93632154650917698, 5.70953572787825969 51.93587583884088588, 5.71587358249697353 51.93650255265558968, 5.71520090240106793 51.93941543449750498, 5.72280790068410639 51.93943437875859814, 5.7301704828465958 51.94144706729952077, 5.73400790319836329 51.9414064037428318)))</t>
  </si>
  <si>
    <t>MultiPolygon (((5.71738349302763549 51.93438050606444278, 5.72344798537549071 51.93269578855380075, 5.72178830229304047 51.92683305145585138, 5.7195334516980143 51.93043252209242411, 5.71751662401017846 51.9299084599098677, 5.71547492852537165 51.93086344688496325, 5.71345168458183306 51.9308951532666967, 5.71328845435518673 51.93174389154565773, 5.71568945067476442 51.93409892332483224, 5.71738349302763549 51.93438050606444278, 5.71738349302763549 51.93438050606444278)))</t>
  </si>
  <si>
    <t>MultiPolygon (((5.7094215070593437 51.92504311297240349, 5.71284265431640215 51.92419173921765463, 5.71693372410591749 51.92550782507873208, 5.7192427874735916 51.92380332719296376, 5.71452543668485013 51.92245650278154301, 5.70876018971428234 51.92246778966219978, 5.70546980860025865 51.92530272321221929, 5.7081312290430164 51.92634888305682495, 5.7094215070593437 51.92504311297240349, 5.7094215070593437 51.92504311297240349)))</t>
  </si>
  <si>
    <t>MultiPolygon (((5.71168265069733305 51.92845300199209646, 5.7103230640553484 51.92768574622233047, 5.7081312290430164 51.92634888305682495, 5.70546980860025865 51.92530272321221929, 5.70649377077162612 51.92964192685963098, 5.70581474694758306 51.93088093759764945, 5.70951753919507698 51.93220023361683246, 5.71036381478379518 51.93250669823585497, 5.71168265069733305 51.92845300199209646)))</t>
  </si>
  <si>
    <t>MultiPolygon (((5.71507557906817976 51.9276034432479392, 5.71693372410591749 51.92550782507873208, 5.71284265431640215 51.92419173921765463, 5.7094215070593437 51.92504311297240349, 5.7081312290430164 51.92634888305682495, 5.7103230640553484 51.92768574622233047, 5.71507557906817976 51.9276034432479392, 5.71507557906817976 51.9276034432479392)))</t>
  </si>
  <si>
    <t>MultiPolygon (((5.72178830229304047 51.92683305145585138, 5.72240463904616803 51.92499768837839724, 5.72703563338295574 51.91965734120005038, 5.72439858830434911 51.91968976632221455, 5.71810055523814587 51.92012788916355959, 5.71732395026111195 51.9217922057436283, 5.72035402980982166 51.92265999028408174, 5.7192427874735916 51.92380332719296376, 5.71693372410591749 51.92550782507873208, 5.71507557906817976 51.9276034432479392, 5.71751662401017846 51.9299084599098677, 5.7195334516980143 51.93043252209242411, 5.72178830229304047 51.92683305145585138)))</t>
  </si>
  <si>
    <t>MultiPolygon (((5.71505498756529118 51.93512519040366016, 5.71568945067476442 51.93409892332483224, 5.71328845435518673 51.93174389154565773, 5.71036381478379518 51.93250669823585497, 5.70951753919507698 51.93220023361683246, 5.70985493188293347 51.9344951698319548, 5.70761258668637961 51.93483288443899681, 5.70742044134488058 51.93589478174362029, 5.70807033284096743 51.93583548366394353, 5.71035863194054638 51.93588027468373269, 5.71147571541275223 51.9359614532065379, 5.71505498756529118 51.93512519040366016, 5.71505498756529118 51.93512519040366016)))</t>
  </si>
  <si>
    <t>MultiPolygon (((5.71328845435518673 51.93174389154565773, 5.71345168458183306 51.9308951532666967, 5.71547492852537165 51.93086344688496325, 5.71751662401017846 51.9299084599098677, 5.71507557906817976 51.9276034432479392, 5.7103230640553484 51.92768574622233047, 5.71168265069733305 51.92845300199209646, 5.71036381478379518 51.93250669823585497, 5.71328845435518673 51.93174389154565773, 5.71328845435518673 51.93174389154565773)))</t>
  </si>
  <si>
    <t>MultiPolygon (((5.73459387761058537 51.90768085334131854, 5.73284423463675274 51.90718821722047949, 5.73244167656943215 51.90776397791580621, 5.72974771285889872 51.90702259849309286, 5.72737336849561096 51.90478495049873686, 5.73152700872479226 51.90376968880249109, 5.73171663247998442 51.90247575093422938, 5.72978407083346752 51.90172774104095055, 5.72272235357436543 51.90129128797500613, 5.7269620968607553 51.90333286170584159, 5.72563358225527441 51.90410705217485798, 5.72357898235738904 51.91033951445260897, 5.73174523019109561 51.91223367365871866, 5.73459387761058537 51.90768085334131854)))</t>
  </si>
  <si>
    <t>MultiPolygon (((5.71485851778494247 51.89384395716623288, 5.73835664379623367 51.88922803452834387, 5.74285846190664451 51.88969974809046448, 5.74453534310063674 51.88934474612481296, 5.74215296619175497 51.88952946822039536, 5.74092459915320141 51.88899129392226683, 5.74152556471659103 51.88721704877843877, 5.74073283997711226 51.885012534330329, 5.73641815898691032 51.88541447271045826, 5.7261641771850007 51.88715011969377855, 5.70665939261152833 51.89329156653443675, 5.70984173256302441 51.89560695916463828, 5.71485851778494247 51.89384395716623288)))</t>
  </si>
  <si>
    <t>MultiPolygon (((5.7240478700975661 51.91582986672220557, 5.72330993602103 51.91289638511714344, 5.72233954337385686 51.91343845747019259, 5.71054332521972263 51.91203953148312422, 5.70797163673914731 51.91630563651896324, 5.7240478700975661 51.91582986672220557)))</t>
  </si>
  <si>
    <t>MultiPolygon (((5.70797163673914731 51.91630563651896324, 5.71054332521972263 51.91203953148312422, 5.72233954337385686 51.91343845747019259, 5.72330993602103 51.91289638511714344, 5.72357898235738904 51.91033951445260897, 5.72563358225527441 51.90410705217485798, 5.7269620968607553 51.90333286170584159, 5.72272235357436543 51.90129128797500613, 5.72122141059606903 51.90294609696472605, 5.71101388344880156 51.90415779904487437, 5.7062797344813605 51.906328510612191, 5.70613080762306346 51.90798878474737421, 5.70097651378816295 51.91324978908093613, 5.69551501766472601 51.91690628176849032, 5.70797163673914731 51.91630563651896324, 5.70797163673914731 51.91630563651896324)))</t>
  </si>
  <si>
    <t>MultiPolygon (((5.7323558460930899 51.91258922091625294, 5.73174523019109561 51.91223367365871866, 5.72357898235738904 51.91033951445260897, 5.72330993602103 51.91289638511714344, 5.7240478700975661 51.91582986672220557, 5.72415280020260919 51.9158322532704446, 5.72926016599319166 51.91595761006217913, 5.7323558460930899 51.91258922091625294, 5.7323558460930899 51.91258922091625294)))</t>
  </si>
  <si>
    <t>MultiPolygon (((5.73284423463675274 51.90718821722047949, 5.73411623248225766 51.90575334105495386, 5.73576363778619491 51.90384537996506253, 5.73463587667471764 51.90243764199071563, 5.73756032822633344 51.90120804889994588, 5.74015006525764004 51.89537245488889283, 5.74079382307565034 51.89579150565903376, 5.7430389810957303 51.89489869657280963, 5.74169907284885994 51.89246154784230924, 5.74495949205927658 51.89071935963617932, 5.74413357767772581 51.88980290319553035, 5.74453534310063674 51.88934474612481296, 5.74285846190664451 51.88969974809046448, 5.73835664379623367 51.88922803452834387, 5.71485851778494247 51.89384395716623288, 5.70984173256302441 51.89560695916463828, 5.71100260695303863 51.89677392335341466, 5.70921250312681217 51.89791528660558839, 5.70640002538064373 51.89791974769926952, 5.70781942880360926 51.90131461025633541, 5.70759677288253542 51.90285063453042369, 5.70531771535312604 51.90403606331383912, 5.7062797344813605 51.906328510612191, 5.71101388344880156 51.90415779904487437, 5.72122141059606903 51.90294609696472605, 5.72272235357436543 51.90129128797500613, 5.72978407083346752 51.90172774104095055, 5.73171663247998442 51.90247575093422938, 5.73152700872479226 51.90376968880249109, 5.72737336849561096 51.90478495049873686, 5.72974771285889872 51.90702259849309286, 5.73244167656943215 51.90776397791580621, 5.73284423463675274 51.90718821722047949)))</t>
  </si>
  <si>
    <t>MultiPolygon (((5.74760909273368625 51.90025001484258382, 5.7506209145490077 51.89789280434710861, 5.74809865228070205 51.89761837567639446, 5.7431491156021437 51.89984236086900893, 5.74237488274577945 51.90115976328679892, 5.74333424844188301 51.90118583270534458, 5.74376668502685916 51.90121599681436493, 5.74760909273368625 51.90025001484258382)))</t>
  </si>
  <si>
    <t>MultiPolygon (((5.74691715711367923 51.93655273218356427, 5.75122418262731916 51.93639137652683502, 5.76257386384421277 51.932999933483174, 5.7621477282525797 51.93239742296123751, 5.76489894553913285 51.92660283679747835, 5.76694664985062833 51.91737242214231429, 5.76763014061011248 51.9141101349155818, 5.77011306588256279 51.91281656316062509, 5.76378291150059852 51.9098787304923448, 5.75548593496543148 51.91339471192216592, 5.74726801182743596 51.91561420270389249, 5.74244827752457532 51.9161549928498971, 5.72926016599319166 51.91595761006217913, 5.72415280020260919 51.9158322532704446, 5.72447145032924709 51.91960557030359524, 5.72865760849835493 51.91936095767112391, 5.73020665694675646 51.92039208785754312, 5.72894509999682811 51.9215655134551497, 5.73201236546664639 51.925986666404917, 5.73104717923192197 51.9295387364693326, 5.73004018356830258 51.92952819685220334, 5.72965875843888828 51.93125875836967253, 5.73544085214595345 51.93175655888197184, 5.73419872431118716 51.93636290179286874, 5.74691715711367923 51.93655273218356427, 5.74691715711367923 51.93655273218356427)))</t>
  </si>
  <si>
    <t>MultiPolygon (((5.74107449785147317 51.9049034334951358, 5.74376668502685916 51.90121599681436493, 5.74333424844188301 51.90118583270534458, 5.74237488274577945 51.90115976328679892, 5.73756032822633344 51.90120804889994588, 5.73463587667471764 51.90243764199071563, 5.73576363778619491 51.90384537996506253, 5.73411623248225766 51.90575334105495386, 5.73672861138314083 51.90655078871008499, 5.74107449785147317 51.9049034334951358)))</t>
  </si>
  <si>
    <t>MultiPolygon (((5.7451074204739383 51.91406125021059381, 5.74523520871206017 51.91326107884855645, 5.74339114425095154 51.91242102071305453, 5.74287476747127723 51.91054712173414032, 5.74395233883937184 51.90853931950325517, 5.74340671923707102 51.9062206984201211, 5.74107449785147317 51.9049034334951358, 5.73672861138314083 51.90655078871008499, 5.73411623248225766 51.90575334105495386, 5.73284423463675274 51.90718821722047949, 5.73459387761058537 51.90768085334131854, 5.73174523019109561 51.91223367365871866, 5.7323558460930899 51.91258922091625294, 5.74400638530987973 51.91434020918659087, 5.7451074204739383 51.91406125021059381, 5.7451074204739383 51.91406125021059381)))</t>
  </si>
  <si>
    <t>MultiPolygon (((5.74244827752457532 51.9161549928498971, 5.74726801182743596 51.91561420270389249, 5.75548593496543148 51.91339471192216592, 5.76378291150059852 51.9098787304923448, 5.77924169798581477 51.90334451548756078, 5.77875357991706817 51.90308276689875555, 5.7753424997957854 51.9044629627867522, 5.77151327861506935 51.90061973834832543, 5.77215699908667901 51.89831972827240492, 5.77246886997913844 51.89759115138402734, 5.76427574297455703 51.89775416142825293, 5.76535830678966299 51.89533940825962333, 5.76166106225614882 51.89467960993808759, 5.76286147259323123 51.89224666117561213, 5.75093569311097497 51.8915150568166581, 5.74821153221391334 51.89251988661276727, 5.74413357767772581 51.88980290319553035, 5.74495949205927658 51.89071935963617932, 5.74169907284885994 51.89246154784230924, 5.7430389810957303 51.89489869657280963, 5.74079382307565034 51.89579150565903376, 5.74015006525764004 51.89537245488889283, 5.73756032822633344 51.90120804889994588, 5.74237488274577945 51.90115976328679892, 5.7431491156021437 51.89984236086900893, 5.74809865228070205 51.89761837567639446, 5.7506209145490077 51.89789280434710861, 5.74760909273368625 51.90025001484258382, 5.74376668502685916 51.90121599681436493, 5.74107449785147317 51.9049034334951358, 5.74340671923707102 51.9062206984201211, 5.74395233883937184 51.90853931950325517, 5.74287476747127723 51.91054712173414032, 5.74339114425095154 51.91242102071305453, 5.74523520871206017 51.91326107884855645, 5.7451074204739383 51.91406125021059381, 5.74400638530987973 51.91434020918659087, 5.7323558460930899 51.91258922091625294, 5.72926016599319166 51.91595761006217913, 5.74244827752457532 51.9161549928498971, 5.74244827752457532 51.9161549928498971)))</t>
  </si>
  <si>
    <t>MultiPolygon (((5.7978875820974185 51.89551243910522516, 5.80395617569657851 51.89379462779342589, 5.81062803483022172 51.89297200710714719, 5.81972938981382271 51.89317738433960159, 5.8199266242175316 51.89221433784637583, 5.81617899038687813 51.89174254412051823, 5.80901333762325489 51.8892441490680838, 5.80765937973417845 51.88390784946960821, 5.80372162339570519 51.88463778338616805, 5.80206754596498087 51.87961012838036368, 5.80035209116106376 51.87988580267798255, 5.79982827356566411 51.87847403034274407, 5.78640292386919253 51.88166197219889852, 5.78732433588682404 51.88347455313720502, 5.78982139537597185 51.88317088303797675, 5.79209208042405432 51.88661946044240381, 5.79018695391501304 51.88757690478672657, 5.79029647033613326 51.88829864666974601, 5.7872103749851096 51.88935340787642048, 5.78693290219067258 51.88998170581431424, 5.78726804278430063 51.89210701720711683, 5.78938272407569698 51.89261400064782492, 5.78861453468273535 51.89612820786123848, 5.78677104293361033 51.89759230997037065, 5.78885469738722414 51.89928879040505905, 5.7978875820974185 51.89551243910522516)))</t>
  </si>
  <si>
    <t>MultiPolygon (((5.74453534310063674 51.88934474612481296, 5.75551117932809841 51.88596907412456005, 5.75721526466152511 51.88605104715180261, 5.76043965084250331 51.88777559714463905, 5.76242329792530406 51.88803080039910043, 5.76956060760843581 51.88595119858666749, 5.77547286364887924 51.88598310184461582, 5.78378744991215488 51.88252540893027032, 5.78640292386919253 51.88166197219889852, 5.79982827356566411 51.87847403034274407, 5.7983512703177098 51.87568605770259467, 5.77335732684861469 51.87864136555392491, 5.76103520141916459 51.88111912319313035, 5.7513045817061208 51.88350391223204383, 5.74073283997711226 51.885012534330329, 5.74152556471659103 51.88721704877843877, 5.74092459915320141 51.88899129392226683, 5.74215296619175497 51.88952946822039536, 5.74453534310063674 51.88934474612481296, 5.74453534310063674 51.88934474612481296)))</t>
  </si>
  <si>
    <t>MultiPolygon (((5.79209208042405432 51.88661946044240381, 5.78982139537597185 51.88317088303797675, 5.78732433588682404 51.88347455313720502, 5.78640292386919253 51.88166197219889852, 5.78378744991215488 51.88252540893027032, 5.79018695391501304 51.88757690478672657, 5.79209208042405432 51.88661946044240381)))</t>
  </si>
  <si>
    <t>MultiPolygon (((5.78885469738722414 51.89928879040505905, 5.78677104293361033 51.89759230997037065, 5.78861453468273535 51.89612820786123848, 5.78938272407569698 51.89261400064782492, 5.78726804278430063 51.89210701720711683, 5.78693290219067258 51.88998170581431424, 5.7872103749851096 51.88935340787642048, 5.79029647033613326 51.88829864666974601, 5.79018695391501304 51.88757690478672657, 5.78378744991215488 51.88252540893027032, 5.77547286364887924 51.88598310184461582, 5.76956060760843581 51.88595119858666749, 5.76242329792530406 51.88803080039910043, 5.76043965084250331 51.88777559714463905, 5.75721526466152511 51.88605104715180261, 5.75551117932809841 51.88596907412456005, 5.74453534310063674 51.88934474612481296, 5.74413357767772581 51.88980290319553035, 5.74821153221391334 51.89251988661276727, 5.75093569311097497 51.8915150568166581, 5.76286147259323123 51.89224666117561213, 5.76166106225614882 51.89467960993808759, 5.76535830678966299 51.89533940825962333, 5.76427574297455703 51.89775416142825293, 5.77246886997913844 51.89759115138402734, 5.77215699908667901 51.89831972827240492, 5.77408950298151691 51.89877629630222344, 5.77963090594451323 51.90317982520724627, 5.78885469738722414 51.89928879040505905)))</t>
  </si>
  <si>
    <t>MultiPolygon (((5.80393646962944754 51.87763352137533701, 5.80656928103441405 51.87618613625618735, 5.81180608355209838 51.87472495794711591, 5.81822065857119597 51.87609439153710156, 5.8246369565292575 51.87585422923922351, 5.82979413697060433 51.87504037246676347, 5.83258311410852759 51.8734395106994981, 5.83161123720106556 51.87223199312592925, 5.82899735370314076 51.87239513881868902, 5.82806761019290764 51.87340971456547578, 5.82407097737194146 51.87274297386927202, 5.81707483110954904 51.8702653831743774, 5.81031361434229332 51.87277266441943624, 5.7983512703177098 51.87568605770259467, 5.79982827356566411 51.87847403034274407, 5.80393646962944754 51.87763352137533701)))</t>
  </si>
  <si>
    <t>MultiPolygon (((5.83281341506885287 51.87843507262689258, 5.8351538125519502 51.87761900633137913, 5.83258311410852759 51.8734395106994981, 5.82979413697060433 51.87504037246676347, 5.8246369565292575 51.87585422923922351, 5.82476705651255866 51.87664958765424217, 5.83087812468012689 51.87869023788371692, 5.83281341506885287 51.87843507262689258, 5.83281341506885287 51.87843507262689258)))</t>
  </si>
  <si>
    <t>MultiPolygon (((5.80765937973417845 51.88390784946960821, 5.81399711656736606 51.88245554747800981, 5.81933065615227818 51.88233530731745446, 5.81822065857119597 51.87609439153710156, 5.81180608355209838 51.87472495794711591, 5.80656928103441405 51.87618613625618735, 5.80393646962944754 51.87763352137533701, 5.79982827356566411 51.87847403034274407, 5.80035209116106376 51.87988580267798255, 5.80206754596498087 51.87961012838036368, 5.80372162339570519 51.88463778338616805, 5.80765937973417845 51.88390784946960821)))</t>
  </si>
  <si>
    <t>MultiPolygon (((5.83019842390665932 51.89172559254294725, 5.83438909048886689 51.89034185349824213, 5.8359401337262824 51.88814753838530436, 5.82995932919269588 51.88505906909468024, 5.82510929255992771 51.88241764924502064, 5.81933065615227818 51.88233530731745446, 5.81399711656736606 51.88245554747800981, 5.80765937973417845 51.88390784946960821, 5.80901333762325489 51.8892441490680838, 5.81617899038687813 51.89174254412051823, 5.8199266242175316 51.89221433784637583, 5.81972938981382271 51.89317738433960159, 5.83023780192325169 51.89368104089353295, 5.83019842390665932 51.89172559254294725)))</t>
  </si>
  <si>
    <t>MultiPolygon (((5.83665308809153416 51.88373221242462563, 5.83778835704271071 51.88343400305586783, 5.83281341506885287 51.87843507262689258, 5.83087812468012689 51.87869023788371692, 5.82824098129523005 51.88001189097577992, 5.83106785628157986 51.88303866497402339, 5.83213909156190358 51.88281666840942563, 5.83296645419836679 51.88348970140521033, 5.82995932919269588 51.88505906909468024, 5.8359401337262824 51.88814753838530436, 5.836150774203821 51.88759618427786791, 5.83587357141572038 51.88603353037438382, 5.83665308809153416 51.88373221242462563)))</t>
  </si>
  <si>
    <t>MultiPolygon (((5.83296645419836679 51.88348970140521033, 5.83213909156190358 51.88281666840942563, 5.83106785628157986 51.88303866497402339, 5.82824098129523005 51.88001189097577992, 5.83087812468012689 51.87869023788371692, 5.82476705651255866 51.87664958765424217, 5.8246369565292575 51.87585422923922351, 5.81822065857119597 51.87609439153710156, 5.81933065615227818 51.88233530731745446, 5.82510929255992771 51.88241764924502064, 5.82995932919269588 51.88505906909468024, 5.83296645419836679 51.88348970140521033)))</t>
  </si>
  <si>
    <t>MultiPolygon (((5.85314836364593205 51.91310143041405922, 5.85584595008098496 51.90918712227018261, 5.85594586446492826 51.90815039776368423, 5.84603608020697241 51.90881869536298154, 5.84376617468774207 51.90413347064381355, 5.8391958641382784 51.90390947669347099, 5.84053677818064276 51.90900210440760532, 5.84092760371855224 51.91028739945081583, 5.8448381999550918 51.91458618094990385, 5.85314836364593205 51.91310143041405922)))</t>
  </si>
  <si>
    <t>MultiPolygon (((5.85498916896847632 51.91859385252721637, 5.85508212593442146 51.91757345470922047, 5.85006520844831268 51.91882443257753721, 5.85156788775237047 51.92039625050832541, 5.85322855331816516 51.92323493634429354, 5.85428906125663939 51.9257829134580291, 5.85441261359367005 51.92578390170464075, 5.85498916896847632 51.91859385252721637, 5.85498916896847632 51.91859385252721637)))</t>
  </si>
  <si>
    <t>MultiPolygon (((5.85508212593442146 51.91757345470922047, 5.85584595008098496 51.90918712227018261, 5.85314836364593205 51.91310143041405922, 5.8448381999550918 51.91458618094990385, 5.85006520844831268 51.91882443257753721, 5.85508212593442146 51.91757345470922047, 5.85508212593442146 51.91757345470922047)))</t>
  </si>
  <si>
    <t>MultiPolygon (((5.86691355526298608 51.92100653866348381, 5.86648795838136117 51.91946770681580858, 5.86716407236778537 51.91516287771425908, 5.86091281111387019 51.91673739967880863, 5.86171573802959855 51.92150047294267523, 5.86691355526298608 51.92100653866348381, 5.86691355526298608 51.92100653866348381)))</t>
  </si>
  <si>
    <t>MultiPolygon (((5.8593049316046244 51.92741218512341561, 5.85898746630303791 51.92266344801092259, 5.85838140215823255 51.91998859956284207, 5.85669868260171445 51.91855955829471014, 5.85498916896847632 51.91859385252721637, 5.85441261359367005 51.92578390170464075, 5.8593049316046244 51.92741218512341561, 5.8593049316046244 51.92741218512341561)))</t>
  </si>
  <si>
    <t>MultiPolygon (((5.87077048082425179 51.92554470899648322, 5.86847923308930408 51.91935878937126603, 5.86648795838136117 51.91946770681580858, 5.86691355526298608 51.92100653866348381, 5.86816066946568426 51.92551510829090233, 5.87077048082425179 51.92554470899648322)))</t>
  </si>
  <si>
    <t>MultiPolygon (((5.86870556838199331 51.92720863585666535, 5.87077048082425179 51.92554470899648322, 5.86816066946568426 51.92551510829090233, 5.86691355526298608 51.92100653866348381, 5.86171573802959855 51.92150047294267523, 5.85898746630303791 51.92266344801092259, 5.8593049316046244 51.92741218512341561, 5.86051662053579037 51.92776060730118104, 5.86870556838199331 51.92720863585666535)))</t>
  </si>
  <si>
    <t>MultiPolygon (((5.85898746630303791 51.92266344801092259, 5.86171573802959855 51.92150047294267523, 5.86091281111387019 51.91673739967880863, 5.85508212593442146 51.91757345470922047, 5.85498916896847632 51.91859385252721637, 5.85669868260171445 51.91855955829471014, 5.85838140215823255 51.91998859956284207, 5.85898746630303791 51.92266344801092259, 5.85898746630303791 51.92266344801092259)))</t>
  </si>
  <si>
    <t>MultiPolygon (((5.86091281111387019 51.91673739967880863, 5.86716407236778537 51.91516287771425908, 5.8704275095986489 51.91433022941254194, 5.87135096293441716 51.91170227361823919, 5.87096444351400493 51.90770545679488635, 5.86973824103849218 51.90511819980324759, 5.86362930006298022 51.90627580221272552, 5.85944605700623988 51.9050564311465763, 5.85622520881933806 51.90507294113456283, 5.85594586446492826 51.90815039776368423, 5.85584595008098496 51.90918712227018261, 5.85508212593442146 51.91757345470922047, 5.86091281111387019 51.91673739967880863, 5.86091281111387019 51.91673739967880863)))</t>
  </si>
  <si>
    <t>MultiPolygon (((5.86973824103849218 51.90511819980324759, 5.87298420259240395 51.90523092723138632, 5.87214237002256656 51.90200492454319203, 5.87024193692322616 51.90219593960178202, 5.86948473215729827 51.90356032774221262, 5.86578522154764137 51.90237281153127213, 5.86570728853840162 51.90366470006178901, 5.85644764751436941 51.90369440076291596, 5.85622520881933806 51.90507294113456283, 5.85944605700623988 51.9050564311465763, 5.86362930006298022 51.90627580221272552, 5.86973824103849218 51.90511819980324759)))</t>
  </si>
  <si>
    <t>MultiPolygon (((5.84341691951717124 51.92128054382662583, 5.8432508422897218 51.92018708800289772, 5.83673945627661261 51.91925947869724212, 5.83634392266682589 51.91926714048796754, 5.83249774183163172 51.92012834336314597, 5.8323781555938119 51.92060319538924773, 5.83457050491680018 51.92074740632499896, 5.83832163883120092 51.92368516583746185, 5.84069218656674671 51.92427852096956542, 5.84341691951717124 51.92128054382662583, 5.84341691951717124 51.92128054382662583)))</t>
  </si>
  <si>
    <t>MultiPolygon (((5.84069218656674671 51.92427852096956542, 5.83832163883120092 51.92368516583746185, 5.83457050491680018 51.92074740632499896, 5.8323781555938119 51.92060319538924773, 5.83170852165834397 51.92414217311725366, 5.83928502692436524 51.92607468686358629, 5.84069218656674671 51.92427852096956542, 5.84069218656674671 51.92427852096956542)))</t>
  </si>
  <si>
    <t>MultiPolygon (((5.84632784968736186 51.92237355144179389, 5.84733184148826268 51.92102903474107478, 5.84341691951717124 51.92128054382662583, 5.84069218656674671 51.92427852096956542, 5.83928502692436524 51.92607468686358629, 5.84217728354220611 51.92722532260511059, 5.84632784968736186 51.92237355144179389, 5.84632784968736186 51.92237355144179389)))</t>
  </si>
  <si>
    <t>MultiPolygon (((5.85156788775237047 51.92039625050832541, 5.85006520844831268 51.91882443257753721, 5.84901149065670811 51.91933756786226439, 5.84567897797616887 51.91862835326406866, 5.83673945627661261 51.91925947869724212, 5.8432508422897218 51.92018708800289772, 5.84341691951717124 51.92128054382662583, 5.84733184148826268 51.92102903474107478, 5.85156788775237047 51.92039625050832541, 5.85156788775237047 51.92039625050832541)))</t>
  </si>
  <si>
    <t>MultiPolygon (((5.85322855331816516 51.92323493634429354, 5.85156788775237047 51.92039625050832541, 5.84733184148826268 51.92102903474107478, 5.84632784968736186 51.92237355144179389, 5.85322855331816516 51.92323493634429354, 5.85322855331816516 51.92323493634429354)))</t>
  </si>
  <si>
    <t>MultiPolygon (((5.84463495166603231 51.92775713131859305, 5.85116459725618299 51.92841148090987957, 5.85411942868092261 51.92787974586511268, 5.85428906125663939 51.9257829134580291, 5.85322855331816516 51.92323493634429354, 5.84632784968736186 51.92237355144179389, 5.84217728354220611 51.92722532260511059, 5.84155230255283087 51.92840689739175275, 5.8442640864652784 51.9288145994369259, 5.84463495166603231 51.92775713131859305, 5.84463495166603231 51.92775713131859305)))</t>
  </si>
  <si>
    <t>MultiPolygon (((5.82989012836052822 51.91693804179721639, 5.83446834153001515 51.91643205997147703, 5.83314562694973571 51.91143173577001591, 5.83292354141291103 51.91091798684090719, 5.82904363420683769 51.9104057258899303, 5.82841332947408475 51.91210413240717969, 5.8286292270924136 51.91692045945524825, 5.82989012836052822 51.91693804179721639)))</t>
  </si>
  <si>
    <t>MultiPolygon (((5.83249774183163172 51.92012834336314597, 5.83634392266682589 51.91926714048796754, 5.83446834153001515 51.91643205997147703, 5.82989012836052822 51.91693804179721639, 5.83089618896462358 51.92003165060707204, 5.83249774183163172 51.92012834336314597, 5.83249774183163172 51.92012834336314597)))</t>
  </si>
  <si>
    <t>MultiPolygon (((5.82904363420683769 51.9104057258899303, 5.8234785187342295 51.90914921921195457, 5.82277642549930263 51.91044249163468294, 5.82841332947408475 51.91210413240717969, 5.82904363420683769 51.9104057258899303, 5.82904363420683769 51.9104057258899303)))</t>
  </si>
  <si>
    <t>MultiPolygon (((5.82989012836052822 51.91693804179721639, 5.8286292270924136 51.91692045945524825, 5.82841332947408475 51.91210413240717969, 5.82277642549930263 51.91044249163468294, 5.82542426115096479 51.91175542709169832, 5.82359162339551784 51.91914155712073864, 5.83089618896462358 51.92003165060707204, 5.82989012836052822 51.91693804179721639, 5.82989012836052822 51.91693804179721639)))</t>
  </si>
  <si>
    <t>MultiPolygon (((5.85006520844831268 51.91882443257753721, 5.8448381999550918 51.91458618094990385, 5.83446834153001515 51.91643205997147703, 5.83634392266682589 51.91926714048796754, 5.83673945627661261 51.91925947869724212, 5.84567897797616887 51.91862835326406866, 5.84901149065670811 51.91933756786226439, 5.85006520844831268 51.91882443257753721)))</t>
  </si>
  <si>
    <t>MultiPolygon (((5.8448381999550918 51.91458618094990385, 5.84092760371855224 51.91028739945081583, 5.83314562694973571 51.91143173577001591, 5.83446834153001515 51.91643205997147703, 5.8448381999550918 51.91458618094990385)))</t>
  </si>
  <si>
    <t>MultiPolygon (((5.84092760371855224 51.91028739945081583, 5.84053677818064276 51.90900210440760532, 5.83461668906328335 51.90846355542299762, 5.83292354141291103 51.91091798684090719, 5.83314562694973571 51.91143173577001591, 5.84092760371855224 51.91028739945081583, 5.84092760371855224 51.91028739945081583)))</t>
  </si>
  <si>
    <t>MultiPolygon (((5.83461668906328335 51.90846355542299762, 5.84053677818064276 51.90900210440760532, 5.8391958641382784 51.90390947669347099, 5.84376617468774207 51.90413347064381355, 5.84603608020697241 51.90881869536298154, 5.85594586446492826 51.90815039776368423, 5.85622520881933806 51.90507294113456283, 5.85644764751436941 51.90369440076291596, 5.86570728853840162 51.90366470006178901, 5.86578522154764137 51.90237281153127213, 5.86948473215729827 51.90356032774221262, 5.87024193692322616 51.90219593960178202, 5.87214237002256656 51.90200492454319203, 5.87542084334870385 51.90208355452828215, 5.87588664645157444 51.90080998156493308, 5.87446319069202527 51.89754411248564736, 5.85694787340133782 51.89695435192440698, 5.85712354051798467 51.89462092317047137, 5.83686990358594393 51.89375023081399974, 5.83672239447392016 51.89374629326444932, 5.8363732520196363 51.89611502708422819, 5.82545583491002184 51.89531055854079966, 5.8150699303654827 51.89568909586652268, 5.81000047621853621 51.89612597397203331, 5.80203995514566007 51.89832069941267889, 5.80925428005021605 51.8999074052344298, 5.82641533045907156 51.90648390012387381, 5.82438881610776971 51.90708517718621806, 5.8234785187342295 51.90914921921195457, 5.82904363420683769 51.9104057258899303, 5.83292354141291103 51.91091798684090719, 5.83461668906328335 51.90846355542299762)))</t>
  </si>
  <si>
    <t>MultiPolygon (((5.82992719704196816 51.94523733528023257, 5.83155008114637941 51.94097805378390831, 5.83830641422257202 51.93336470836860741, 5.84155230255283087 51.92840689739175275, 5.84217728354220611 51.92722532260511059, 5.83928502692436524 51.92607468686358629, 5.83170852165834397 51.92414217311725366, 5.8323781555938119 51.92060319538924773, 5.83249774183163172 51.92012834336314597, 5.83089618896462358 51.92003165060707204, 5.82359162339551784 51.91914155712073864, 5.81976370376900309 51.91874104141636082, 5.81127861341540797 51.9157472986930415, 5.80587228760155227 51.91498573066044031, 5.79758120707536229 51.92440724602601421, 5.79538667459929435 51.9281271837790328, 5.79341737885841024 51.93056894021790271, 5.79251831419745145 51.9340505925753817, 5.78975057517957392 51.93620485685026722, 5.78191688466041409 51.9401148448368275, 5.79033337130236436 51.94162386932898556, 5.80044699854518786 51.94158534260974136, 5.81963370446803552 51.94599886941895051, 5.82355269531128794 51.94682429903479459, 5.82315921331560116 51.95392661700824988, 5.83008078162244114 51.95385340907608906, 5.82991226571349763 51.95343156567208354, 5.83050699122601568 51.95326646472716448, 5.82863406364130832 51.94848379564445651, 5.82992719704196816 51.94523733528023257)))</t>
  </si>
  <si>
    <t>MultiPolygon (((5.82992719704196816 51.94523733528023257, 5.83717208886473582 51.94517775814815508, 5.83740275949514054 51.94415655439478741, 5.84967970935371895 51.94294419237681382, 5.85039418397114996 51.94451029476061876, 5.85282201244047151 51.94407858954374291, 5.86150645286901373 51.94257567326265956, 5.86224318319293225 51.94288955158851451, 5.87209734700050845 51.94147420517268898, 5.87607585428171486 51.94026748332267118, 5.87837306620533795 51.9387724959165169, 5.88365097281698635 51.93765031043201219, 5.88776870146346631 51.93613539910406729, 5.89267351951280194 51.93573212829152652, 5.89498325616942953 51.93511596701819144, 5.8979183789305889 51.93435795751754824, 5.88952195657228206 51.9252650664729245, 5.89699683152481846 51.92080966212277815, 5.89305773046956904 51.91618577811796342, 5.89427651245907391 51.91450423068251752, 5.89119933288110076 51.90726350133110856, 5.88263666551351161 51.90821143503179513, 5.87366442754037177 51.90845186664068933, 5.87298420259240395 51.90523092723138632, 5.86973824103849218 51.90511819980324759, 5.87096444351400493 51.90770545679488635, 5.87135096293441716 51.91170227361823919, 5.8704275095986489 51.91433022941254194, 5.86716407236778537 51.91516287771425908, 5.86648795838136117 51.91946770681580858, 5.86847923308930408 51.91935878937126603, 5.87077048082425179 51.92554470899648322, 5.86870556838199331 51.92720863585666535, 5.86051662053579037 51.92776060730118104, 5.8593049316046244 51.92741218512341561, 5.85441261359367005 51.92578390170464075, 5.85428906125663939 51.9257829134580291, 5.85411942868092261 51.92787974586511268, 5.85116459725618299 51.92841148090987957, 5.84463495166603231 51.92775713131859305, 5.8442640864652784 51.9288145994369259, 5.84155230255283087 51.92840689739175275, 5.83830641422257202 51.93336470836860741, 5.83155008114637941 51.94097805378390831, 5.82992719704196816 51.94523733528023257)))</t>
  </si>
  <si>
    <t>MultiPolygon (((5.82542426115096479 51.91175542709169832, 5.82277642549930263 51.91044249163468294, 5.8234785187342295 51.90914921921195457, 5.82438881610776971 51.90708517718621806, 5.82641533045907156 51.90648390012387381, 5.80925428005021605 51.8999074052344298, 5.80203995514566007 51.89832069941267889, 5.79729775882688525 51.89983849355373025, 5.79472197127371746 51.90254076222132795, 5.79533492965053387 51.90574562936203762, 5.8003888204517482 51.90863989291133151, 5.80946711192532828 51.91032446604058492, 5.80587228760155227 51.91498573066044031, 5.81127861341540797 51.9157472986930415, 5.81976370376900309 51.91874104141636082, 5.82359162339551784 51.91914155712073864, 5.82542426115096479 51.91175542709169832)))</t>
  </si>
  <si>
    <t>MultiPolygon (((5.23381152229065627 51.42556658098093436, 5.2311868390768046 51.4242595712623185, 5.23560279946574525 51.42167489047075435, 5.23850380469368382 51.41722517867667364, 5.23710943161858644 51.41689075849371449, 5.24317637511558665 51.40953810015152925, 5.24831999722703291 51.40579476629473277, 5.24983540411307192 51.4034326374796251, 5.24906841860233442 51.40144099442155579, 5.24994344946624736 51.39962069321320826, 5.25356312512037871 51.39911444794909556, 5.25622885440632004 51.39789004322229005, 5.25753403650510709 51.39535062601161997, 5.25847005319477745 51.39027095508700427, 5.25795040498937194 51.38871471333617791, 5.25432929407168992 51.38753016836160725, 5.25401443981988425 51.3851912066237233, 5.24831169184767621 51.38425044271435382, 5.24657835109250836 51.38608134593013688, 5.24193163869689815 51.38764667135761499, 5.23296169695990443 51.38652235161234216, 5.23347227824386874 51.38948350433085466, 5.22959697897095843 51.39558640076472074, 5.22939247359433868 51.3987996433639367, 5.22767853796288851 51.39997336943142869, 5.22819449376832068 51.4020083178414211, 5.2250455499948858 51.40436110399051017, 5.22329423778492785 51.40701739231057132, 5.22356032364389122 51.41316493621174999, 5.22588742515434923 51.42215343603314182, 5.22427689486902214 51.42293816935193007, 5.22373839239872773 51.42509767097785556, 5.22928502606611811 51.42545207095521675, 5.23270004271349976 51.42685665651207216, 5.23381152229065627 51.42556658098093436, 5.23381152229065627 51.42556658098093436),(5.23969994054084598 51.40323846727063994, 5.24265813638888822 51.40117607642228137, 5.23994423855172453 51.40002366005021628, 5.23789164555160625 51.40117696272924519, 5.23627877371088779 51.40123513608870809, 5.23472229868545913 51.40088539382583122, 5.23327182477257669 51.39930368884839851, 5.23670997065670729 51.39273033071926733, 5.24328493834808551 51.39221446230111212, 5.25030161847272847 51.3941328583241912, 5.24915280854616118 51.39619450607777651, 5.24849721377343403 51.3964209517662951, 5.24770741094194904 51.39553866115116421, 5.24412518730985688 51.3953931715601513, 5.24115146952367628 51.39771507920097804, 5.24288181885979387 51.39875522629731108, 5.24688448866529988 51.3982815622143292, 5.24846776444600582 51.39886872492775183, 5.24804642617504147 51.40258038824923403, 5.24400489327700026 51.4047995285704431, 5.24080204747801037 51.40482274284198638, 5.23969994054084598 51.40323846727063994, 5.23969994054084598 51.40323846727063994)))</t>
  </si>
  <si>
    <t>MultiPolygon (((5.24400489327700026 51.4047995285704431, 5.24804642617504147 51.40258038824923403, 5.24846776444600582 51.39886872492775183, 5.24688448866529988 51.3982815622143292, 5.24288181885979387 51.39875522629731108, 5.24115146952367628 51.39771507920097804, 5.24412518730985688 51.3953931715601513, 5.24770741094194904 51.39553866115116421, 5.24849721377343403 51.3964209517662951, 5.24915280854616118 51.39619450607777651, 5.25030161847272847 51.3941328583241912, 5.24328493834808551 51.39221446230111212, 5.23670997065670729 51.39273033071926733, 5.23327182477257669 51.39930368884839851, 5.23472229868545913 51.40088539382583122, 5.23627877371088779 51.40123513608870809, 5.23789164555160625 51.40117696272924519, 5.23994423855172453 51.40002366005021628, 5.24265813638888822 51.40117607642228137, 5.23969994054084598 51.40323846727063994, 5.24080204747801037 51.40482274284198638, 5.24400489327700026 51.4047995285704431, 5.24400489327700026 51.4047995285704431)))</t>
  </si>
  <si>
    <t>MultiPolygon (((5.23770466693368508 51.42855889787025347, 5.24338050750903761 51.42548261637946894, 5.24478251015873287 51.42625393791100663, 5.24944646738246146 51.42295390430667368, 5.24877581761087519 51.42255773438623834, 5.27290367584024811 51.40946998936176726, 5.27639331536162182 51.40934818514726601, 5.27838680321869713 51.40865040625089222, 5.28142666583665488 51.40499466320632393, 5.28124481346138541 51.39902366701339531, 5.27858553872398595 51.39813987571758247, 5.27755169726162521 51.39676792326074661, 5.27867838548182355 51.39200418449838992, 5.28048387896494376 51.3896800680255339, 5.28529433135098348 51.39081053323870663, 5.28975583738204236 51.39053280018035963, 5.28941498808577837 51.38892265108748347, 5.29032359421428389 51.38613001158998372, 5.28591541126883246 51.38446985812250745, 5.27976576342893633 51.37532882507267118, 5.27927510745695194 51.37386124307447943, 5.27282492058370789 51.3753490090635907, 5.27341736882614853 51.38030906002380505, 5.27053090407245595 51.38462267998590249, 5.2755124420400259 51.38747357565900131, 5.27316004570385122 51.39132414208435051, 5.27109385486459914 51.39211776796557274, 5.27274231544432581 51.39405958700371713, 5.27498451032489424 51.39332883614746805, 5.27582326963678927 51.39439536749338089, 5.27298707465683147 51.39594722788613268, 5.2748710512128163 51.39769568721966664, 5.27409543153498106 51.39877367210261383, 5.26726324459741146 51.40444639896441004, 5.26102946818401218 51.40220381461739407, 5.26025388230814439 51.39784315529090009, 5.26110947611543711 51.39744268104742986, 5.26206058868588045 51.39788437859558456, 5.26598403102921342 51.39297989625696061, 5.2638834923848199 51.39071821928472872, 5.26416637969115264 51.38980860674868012, 5.26731493137327167 51.39034640470583071, 5.26885551609623892 51.38978489244905745, 5.26994623020468467 51.3878917049720485, 5.2675486554954416 51.38327851076289932, 5.26507706330287295 51.38319232885172028, 5.25651838160143203 51.38332948108320863, 5.25463719860288681 51.38135711368641978, 5.24923957080614034 51.38054149522788805, 5.24831169184767621 51.38425044271435382, 5.25401443981988425 51.3851912066237233, 5.25432929407168992 51.38753016836160725, 5.25795040498937194 51.38871471333617791, 5.25847005319477745 51.39027095508700427, 5.25753403650510709 51.39535062601161997, 5.25622885440632004 51.39789004322229005, 5.25356312512037871 51.39911444794909556, 5.24994344946624736 51.39962069321320826, 5.24906841860233442 51.40144099442155579, 5.24983540411307192 51.4034326374796251, 5.24831999722703291 51.40579476629473277, 5.24317637511558665 51.40953810015152925, 5.23710943161858644 51.41689075849371449, 5.23850380469368382 51.41722517867667364, 5.23560279946574525 51.42167489047075435, 5.2311868390768046 51.4242595712623185, 5.23381152229065627 51.42556658098093436, 5.23270004271349976 51.42685665651207216, 5.23770466693368508 51.42855889787025347)))</t>
  </si>
  <si>
    <t>MultiPolygon (((5.30298712083872026 51.40750085449825946, 5.30729520553191136 51.40611426448325005, 5.3136500944048759 51.39944091161997619, 5.31044419756366537 51.3960550886481613, 5.31086587158526768 51.39071499598753689, 5.30709957071300487 51.39061700511498998, 5.30628343118546031 51.39095912802884669, 5.30271159808571291 51.3907111803478216, 5.29881574261354427 51.38968184069473466, 5.28941498808385369 51.38892265198638398, 5.28975583738204236 51.39053280018035963, 5.28529433135098348 51.39081053323870663, 5.28048387896494376 51.3896800680255339, 5.27867838548182355 51.39200418449838992, 5.27755169726162521 51.39676792326074661, 5.27858553872398595 51.39813987571758247, 5.28124481346138541 51.39902366701339531, 5.28142666583665488 51.40499466320632393, 5.29014897771285142 51.40408117416868095, 5.29625350201182066 51.40775189432117287, 5.29802155148815057 51.40715431353790876, 5.29996768658283557 51.40778935138788341, 5.30298712083872026 51.40750085449825946)))</t>
  </si>
  <si>
    <t>MultiPolygon (((5.27409543153498106 51.39877367210261383, 5.2748710512128163 51.39769568721966664, 5.27298707465683147 51.39594722788613268, 5.27582326963678927 51.39439536749338089, 5.27498451032489424 51.39332883614746805, 5.27274231544432581 51.39405958700371713, 5.27109385486459914 51.39211776796557274, 5.27316004570385122 51.39132414208435051, 5.2755124420400259 51.38747357565900131, 5.27053090407245595 51.38462267998590249, 5.27341736882614853 51.38030906002380505, 5.27282492058370789 51.3753490090635907, 5.27166941496601904 51.37553640751303163, 5.27122092481517424 51.37448216140138157, 5.2699520286257826 51.3747031539562542, 5.2691697735190246 51.37723706150521963, 5.2680631896139225 51.3772702650609574, 5.26598992314411252 51.3789204720989332, 5.26507706330287295 51.38319232885172028, 5.2675486554954416 51.38327851076289932, 5.26994623020468467 51.3878917049720485, 5.26885551609623892 51.38978489244905745, 5.26731493137327167 51.39034640470583071, 5.26416637969115264 51.38980860674868012, 5.2638834923848199 51.39071821928472872, 5.26598403102921342 51.39297989625696061, 5.26206058868588045 51.39788437859558456, 5.26110947611543711 51.39744268104742986, 5.26025388230814439 51.39784315529090009, 5.26102946818401218 51.40220381461739407, 5.26726324459741146 51.40444639896441004, 5.27409543153498106 51.39877367210261383)))</t>
  </si>
  <si>
    <t>MultiPolygon (((5.24657835109250836 51.38608134593013688, 5.24831169184767621 51.38425044271435382, 5.24923957080614034 51.38054149522788805, 5.25463719860288681 51.38135711368641978, 5.25651838160143203 51.38332948108320863, 5.26507706330287295 51.38319232885172028, 5.26598992314411252 51.3789204720989332, 5.2680631896139225 51.3772702650609574, 5.2691697735190246 51.37723706150521963, 5.2699520286257826 51.3747031539562542, 5.26383516970712506 51.37354599644110209, 5.25778867534371575 51.3735859111788784, 5.25756154866688341 51.37263589199330482, 5.25016435184448582 51.37306493539704633, 5.2448449289043193 51.37221784955334414, 5.24258979899723876 51.37169635677069834, 5.24500509210773469 51.36687950410857439, 5.24920886524731145 51.36651487092169788, 5.25477662261377354 51.36228349185172704, 5.25782780300980335 51.36381070902460522, 5.26206606869946558 51.35775791216201469, 5.26341539688609217 51.35863102975991978, 5.26401129075733643 51.36107622889267077, 5.26354831844747562 51.36462274819169949, 5.26458241513834402 51.36682893768867331, 5.26959456365880552 51.36797566446143293, 5.26939718984648842 51.36712909906535884, 5.27373601202955911 51.36730860204842486, 5.27405021800628848 51.36905773188786384, 5.27744268578886366 51.3687765793960267, 5.27589120322499205 51.36439583841153933, 5.26877565758629274 51.36505909445460816, 5.26420621694708046 51.36318850166115624, 5.26470211394210619 51.3588899498961311, 5.26750024937195338 51.35533841513078102, 5.26907201984259022 51.35165352414350082, 5.27226008479332187 51.34957197521818273, 5.27909662403996993 51.35333892255365384, 5.2859725475635253 51.33633888589339023, 5.26341057205338192 51.3192817998362969, 5.26025002877029202 51.31549326112174469, 5.25944885780784155 51.31147730917439276, 5.24396938302687143 51.30938740824144162, 5.24194999500683245 51.31059327867050257, 5.23760360840810879 51.31657905255880081, 5.22407829343238017 51.32833502829766559, 5.22234124894239571 51.33193950769490499, 5.22566122471162497 51.33397303136310796, 5.2321405750293799 51.33372131671660554, 5.23379098637361295 51.33439991170872929, 5.23262942579133661 51.33863934648541516, 5.24080799337388203 51.34237284372991184, 5.25062804834679042 51.33739770637218669, 5.25824716014116511 51.34172219452471353, 5.25031709202829688 51.34499300341408201, 5.24644256826482192 51.34464819143192216, 5.25189627696203498 51.35160666565933241, 5.25144464507821596 51.3567425709196641, 5.24827136208267309 51.35946098141081961, 5.24317144380462086 51.36622483596756439, 5.24031980612546011 51.37415617596229112, 5.23296169695990443 51.38652235161234216, 5.24193163869689815 51.38764667135761499, 5.24657835109250836 51.38608134593013688)))</t>
  </si>
  <si>
    <t>MultiPolygon (((5.27589120322499205 51.36439583841153933, 5.27529883547214773 51.36272298211399345, 5.27892246510736385 51.35376933544844036, 5.27909662403996993 51.35333892255365384, 5.27226008479332187 51.34957197521818273, 5.26907201984259022 51.35165352414350082, 5.26750024937195338 51.35533841513078102, 5.26470211394210619 51.3588899498961311, 5.26420621694708046 51.36318850166115624, 5.26877565758629274 51.36505909445460816, 5.27589120322499205 51.36439583841153933, 5.27589120322499205 51.36439583841153933)))</t>
  </si>
  <si>
    <t>MultiPolygon (((5.25824716014116511 51.34172219452471353, 5.25062804834679042 51.33739770637218669, 5.24080799337388203 51.34237284372991184, 5.24456081934560014 51.3441472541376811, 5.24644256826482192 51.34464819143192216, 5.25031709202829688 51.34499300341408201, 5.25824716014116511 51.34172219452471353, 5.25824716014116511 51.34172219452471353)))</t>
  </si>
  <si>
    <t>MultiPolygon (((5.24887403340942882 51.3713091441466716, 5.24907246934166771 51.36991734335801851, 5.25092423646372453 51.36782392319222623, 5.25431427386982008 51.36708020364345373, 5.26037422185889003 51.36356695847417342, 5.26354831844747562 51.36462274819169949, 5.26401129075733643 51.36107622889267077, 5.26341539688609217 51.35863102975991978, 5.26206606869946558 51.35775791216201469, 5.25782780300980335 51.36381070902460522, 5.25477662261377354 51.36228349185172704, 5.24920886524731145 51.36651487092169788, 5.24500509210773469 51.36687950410857439, 5.24258979899723876 51.37169635677069834, 5.2448449289043193 51.37221784955334414, 5.24887403340942882 51.3713091441466716, 5.24887403340942882 51.3713091441466716)))</t>
  </si>
  <si>
    <t>MultiPolygon (((5.25756154866688341 51.37263589199330482, 5.26275044368488754 51.37210738839110036, 5.2733196064453427 51.36916960944135013, 5.25969895461233428 51.37038993962832478, 5.24887403340942882 51.3713091441466716, 5.2448449289043193 51.37221784955334414, 5.25016435184448582 51.37306493539704633, 5.25756154866688341 51.37263589199330482)))</t>
  </si>
  <si>
    <t>MultiPolygon (((5.2733196064453427 51.36916960944135013, 5.27405021800628848 51.36905773188786384, 5.27373601202955911 51.36730860204842486, 5.26939718984648842 51.36712909906535884, 5.26959456365880552 51.36797566446143293, 5.26458241513834402 51.36682893768867331, 5.26354831844747562 51.36462274819169949, 5.26037422185889003 51.36356695847417342, 5.25431427386982008 51.36708020364345373, 5.25791717527646885 51.36841619862089203, 5.25969895461233428 51.37038993962832478, 5.2733196064453427 51.36916960944135013)))</t>
  </si>
  <si>
    <t>MultiPolygon (((5.27282492058370789 51.3753490090635907, 5.27927510745695194 51.37386124307447943, 5.27744374699670526 51.3687795763343118, 5.27744268578886366 51.3687765793960267, 5.27405021800628848 51.36905773188786384, 5.2733196064453427 51.36916960944135013, 5.26275044368488754 51.37210738839110036, 5.25756154866688341 51.37263589199330482, 5.25778867534371575 51.3735859111788784, 5.26383516970712506 51.37354599644110209, 5.2699520286257826 51.3747031539562542, 5.27122092481517424 51.37448216140138157, 5.27166941496601904 51.37553640751303163, 5.27282492058370789 51.3753490090635907, 5.27282492058370789 51.3753490090635907)))</t>
  </si>
  <si>
    <t>MultiPolygon (((5.25969895461233428 51.37038993962832478, 5.25791717527646885 51.36841619862089203, 5.25431427386982008 51.36708020364345373, 5.25092423646372453 51.36782392319222623, 5.24907246934166771 51.36991734335801851, 5.24887403340942882 51.3713091441466716, 5.25969895461233428 51.37038993962832478, 5.25969895461233428 51.37038993962832478)))</t>
  </si>
  <si>
    <t>MultiPolygon (((5.20921770683166319 51.43650054347119749, 5.20993716646884053 51.43417123737579999, 5.2157713298213082 51.43417994903562374, 5.21748528318424487 51.43050388254551564, 5.21954310468824012 51.42891876840791809, 5.22314069836238115 51.42792126166266797, 5.22373839239872773 51.42509767097785556, 5.22427689486902214 51.42293816935193007, 5.22588742515434923 51.42215343603314182, 5.22356032364389122 51.41316493621174999, 5.22329423778492785 51.40701739231057132, 5.2250455499948858 51.40436110399051017, 5.22819449376832068 51.4020083178414211, 5.22767853796288851 51.39997336943142869, 5.2153429450804154 51.39538724238824585, 5.21689754286525087 51.39263411654206237, 5.21228247306098247 51.39055130351356837, 5.20911569953757692 51.39198974209271853, 5.19992102449233773 51.3917074238552658, 5.1947493620262124 51.39995521663458078, 5.19085153469591365 51.41821086989811107, 5.19102000043438938 51.43021582322780461, 5.19102487879610663 51.43022499990370733, 5.19542029238092518 51.43078311309659512, 5.2066761027740398 51.43469553127163607, 5.20921770683166319 51.43650054347119749),(5.21101589410573229 51.41309778788640017, 5.20602981342651461 51.40875710736951731, 5.20697721322302076 51.4065375846956627, 5.2011688365004618 51.40560759644883859, 5.20082225479150306 51.40241272988179588, 5.20603931262716468 51.40026753231141043, 5.21059807332140856 51.39977626058224303, 5.20970107595075582 51.40155612958265152, 5.21489025338642964 51.40367142754171681, 5.21639718856201107 51.4049742626241013, 5.2154969830246074 51.40592508269044458, 5.21378347737020054 51.40614696857868182, 5.21179836601509194 51.40528062003426868, 5.20910076564025282 51.40559929405606709, 5.21726390173448973 51.40997863775030652, 5.21726359126631589 51.41121722743660882, 5.21594340487276042 51.41230730100709678, 5.21659090152267346 51.41398390881556679, 5.21101589410573229 51.41309778788640017)))</t>
  </si>
  <si>
    <t>MultiPolygon (((5.21594340487276042 51.41230730100709678, 5.21726359126631589 51.41121722743660882, 5.21726390173448973 51.40997863775030652, 5.20910076564025282 51.40559929405606709, 5.21179836601509194 51.40528062003426868, 5.21378347737020054 51.40614696857868182, 5.2154969830246074 51.40592508269044458, 5.21639718856201107 51.4049742626241013, 5.21489025338642964 51.40367142754171681, 5.20970107595075582 51.40155612958265152, 5.21059807332140856 51.39977626058224303, 5.20603931262716468 51.40026753231141043, 5.20082225479150306 51.40241272988179588, 5.2011688365004618 51.40560759644883859, 5.20697721322302076 51.4065375846956627, 5.20602981342651461 51.40875710736951731, 5.21101589410573229 51.41309778788640017, 5.21659090152267346 51.41398390881556679, 5.21594340487276042 51.41230730100709678, 5.21594340487276042 51.41230730100709678)))</t>
  </si>
  <si>
    <t>MultiPolygon (((5.22767853796288851 51.39997336943142869, 5.22939247359433868 51.3987996433639367, 5.22959697897095843 51.39558640076472074, 5.23347227824386874 51.38948350433085466, 5.23296169695990443 51.38652235161234216, 5.24031980612546011 51.37415617596229112, 5.24317144380462086 51.36622483596756439, 5.24827136208267309 51.35946098141081961, 5.25144464507821596 51.3567425709196641, 5.25189627696203498 51.35160666565933241, 5.24644256826482192 51.34464819143192216, 5.24456081934560014 51.3441472541376811, 5.24080799337388203 51.34237284372991184, 5.23262942579133661 51.33863934648541516, 5.23379098637361295 51.33439991170872929, 5.2321405750293799 51.33372131671660554, 5.22566122471162497 51.33397303136310796, 5.22234124894239571 51.33193950769490499, 5.22407829343238017 51.32833502829766559, 5.23760360840810879 51.31657905255880081, 5.24194999500683245 51.31059327867050257, 5.24396938302687143 51.30938740824144162, 5.24253536278297538 51.30600387419388397, 5.24111849526876661 51.30566501082844155, 5.20025505628071993 51.32266121556907734, 5.20469776620375058 51.32543849994598162, 5.19386524489953683 51.34522611742541187, 5.19606857229211538 51.34799572155173308, 5.1962928481171593 51.34984214305271166, 5.19449448152017457 51.35107553234752942, 5.19233940288431661 51.3507374346788481, 5.19191362579529336 51.35627376931224575, 5.20012561014215358 51.35647746576181305, 5.20064485026492118 51.35429810140377782, 5.20250369567079307 51.35403896942844426, 5.20720246702131551 51.35481104638885341, 5.20678943387884541 51.35703727795203832, 5.20963286654793389 51.35723731249310475, 5.21669385508195393 51.35563160762202273, 5.22057240154936064 51.35785617260080471, 5.21899485016139852 51.36184769303085318, 5.22644828578628928 51.3640609549417988, 5.23194180442669499 51.36846650891625643, 5.23565391657439783 51.37015257861840212, 5.23516849863291522 51.3708480492084405, 5.23424816922037017 51.37318722700906903, 5.22924606697468519 51.3734920381935396, 5.22769634464343547 51.37572387764289772, 5.22368999010389246 51.37637625206139802, 5.22425782266563576 51.37866240442782129, 5.2228224066192146 51.38037989226140922, 5.21479066940357772 51.37820839072286816, 5.21344670442011804 51.37545207571471195, 5.21206207325093107 51.37510889011969084, 5.21077979522840185 51.3762556678562845, 5.20614413546600918 51.37352612715523037, 5.20558380742204108 51.37218743914112906, 5.20871265873438549 51.37004682699053149, 5.20453826045476919 51.36729328665259686, 5.20425179475418087 51.365953702499624, 5.200169411973671 51.36504304074321681, 5.20246603048422607 51.36300562906504297, 5.2044612918443649 51.36385607751653026, 5.20487484399225764 51.36178888340071325, 5.19642476919674667 51.36158727379377353, 5.19539179296822784 51.36229149820351125, 5.19742302857489769 51.36272470041676996, 5.19213796768508207 51.36479671840928063, 5.19060479328942037 51.36622676883302319, 5.1921018481765886 51.36676934401187111, 5.19065907645773628 51.37190508017135926, 5.18434701522358665 51.37476319830528837, 5.1832157379460746 51.37578613424788898, 5.18541463411384296 51.37584075885717994, 5.18798771638629308 51.37451314152109916, 5.18850837132463827 51.37762045454621074, 5.19301417914158847 51.37826408512702159, 5.19926882133982282 51.38230810193026343, 5.19740259043180686 51.38401788247966806, 5.20095936740630904 51.39006596995081821, 5.19992102449233773 51.3917074238552658, 5.20911569953757692 51.39198974209271853, 5.21228247306098247 51.39055130351356837, 5.21689754286525087 51.39263411654206237, 5.2153429450804154 51.39538724238824585, 5.22767853796288851 51.39997336943142869)))</t>
  </si>
  <si>
    <t>MultiPolygon (((5.21534584811682134 51.36489549349311545, 5.21899485016139852 51.36184769303085318, 5.22057240154936064 51.35785617260080471, 5.21669385508195393 51.35563160762202273, 5.20963286654793389 51.35723731249310475, 5.2104331176457821 51.36137571133318147, 5.21550778343728183 51.36127085842980478, 5.2124158452588043 51.36350654938183879, 5.2097777109645298 51.36313366485203602, 5.21122879754463497 51.36647787938809984, 5.21317283502838613 51.36673010398990158, 5.21534584811682134 51.36489549349311545, 5.21534584811682134 51.36489549349311545)))</t>
  </si>
  <si>
    <t>MultiPolygon (((5.22425782266563576 51.37866240442782129, 5.22368999010389246 51.37637625206139802, 5.22263617148197579 51.3765103544440791, 5.21344670442011804 51.37545207571471195, 5.21479066940357772 51.37820839072286816, 5.2228224066192146 51.38037989226140922, 5.22425782266563576 51.37866240442782129, 5.22425782266563576 51.37866240442782129)))</t>
  </si>
  <si>
    <t>MultiPolygon (((5.22368999010389246 51.37637625206139802, 5.22769634464343547 51.37572387764289772, 5.22924606697468519 51.3734920381935396, 5.23424816922037017 51.37318722700906903, 5.23516849863291522 51.3708480492084405, 5.22812492846212518 51.36881660819864948, 5.22187650198982301 51.36808841899768652, 5.22014815129260246 51.36992682039977609, 5.22263617148197579 51.3765103544440791, 5.22368999010389246 51.37637625206139802, 5.22368999010389246 51.37637625206139802)))</t>
  </si>
  <si>
    <t>MultiPolygon (((5.23565391657439783 51.37015257861840212, 5.23194180442669499 51.36846650891625643, 5.22644828578628928 51.3640609549417988, 5.21899485016139852 51.36184769303085318, 5.21534584811682134 51.36489549349311545, 5.21842185272634129 51.36624579941853597, 5.21999207000845455 51.36659990766114703, 5.22029201807349708 51.36613360193797462, 5.22281268959817524 51.36694499329382779, 5.22187650198982301 51.36808841899768652, 5.22812492846212518 51.36881660819864948, 5.23516849863291522 51.3708480492084405, 5.23565391657439783 51.37015257861840212, 5.23565391657439783 51.37015257861840212)))</t>
  </si>
  <si>
    <t>MultiPolygon (((5.21206207325093107 51.37510889011969084, 5.21256611602327258 51.36970795825215674, 5.21317283502838613 51.36673010398990158, 5.21122879754463497 51.36647787938809984, 5.20425179475418087 51.365953702499624, 5.20453826045476919 51.36729328665259686, 5.20871265873438549 51.37004682699053149, 5.20558380742204108 51.37218743914112906, 5.20614413546600918 51.37352612715523037, 5.21077979522840185 51.3762556678562845, 5.21206207325093107 51.37510889011969084)))</t>
  </si>
  <si>
    <t>MultiPolygon (((5.22263617148197579 51.3765103544440791, 5.22014815129260246 51.36992682039977609, 5.21256611602327258 51.36970795825215674, 5.21206207325093107 51.37510889011969084, 5.21344670442011804 51.37545207571471195, 5.22263617148197579 51.3765103544440791)))</t>
  </si>
  <si>
    <t>MultiPolygon (((5.2097777109645298 51.36313366485203602, 5.2124158452588043 51.36350654938183879, 5.21550778343728183 51.36127085842980478, 5.2104331176457821 51.36137571133318147, 5.20487484399225764 51.36178888340071325, 5.2044612918443649 51.36385607751653026, 5.20246603048422607 51.36300562906504297, 5.200169411973671 51.36504304074321681, 5.20425179475418087 51.365953702499624, 5.21122879754463497 51.36647787938809984, 5.2097777109645298 51.36313366485203602)))</t>
  </si>
  <si>
    <t>MultiPolygon (((5.20487484399225764 51.36178888340071325, 5.2104331176457821 51.36137571133318147, 5.20963286654793389 51.35723731249310475, 5.20678943387884541 51.35703727795203832, 5.20720246702131551 51.35481104638885341, 5.20250369567079307 51.35403896942844426, 5.20064485026492118 51.35429810140377782, 5.20012561014215358 51.35647746576181305, 5.19191362579529336 51.35627376931224575, 5.19194254955496781 51.36146788169688193, 5.19642476919674667 51.36158727379377353, 5.20487484399225764 51.36178888340071325)))</t>
  </si>
  <si>
    <t>MultiPolygon (((5.22014815129260246 51.36992682039977609, 5.22187650198982301 51.36808841899768652, 5.22281268959817524 51.36694499329382779, 5.22029201807349708 51.36613360193797462, 5.21999207000845455 51.36659990766114703, 5.21842185272634129 51.36624579941853597, 5.21534584811682134 51.36489549349311545, 5.21317283502838613 51.36673010398990158, 5.21256611602327258 51.36970795825215674, 5.22014815129260246 51.36992682039977609, 5.22014815129260246 51.36992682039977609)))</t>
  </si>
  <si>
    <t>MultiPolygon (((4.42255264177904106 51.49127036991442452, 4.44311678906023921 51.47433924901611846, 4.44244619357449544 51.46863865424352014, 4.3910832197835008 51.45148726246836191, 4.38341241971726259 51.45511525989995505, 4.36696586550934018 51.45671886284281271, 4.36139683363725883 51.47121915932926584, 4.36266838344216445 51.47168549869369514, 4.36163242629996351 51.47637176652062863, 4.37165506631461565 51.47909324155470046, 4.37182295033271728 51.48390628951880643, 4.37264351719078537 51.48777250804629801, 4.36387955185553356 51.49118681213607118, 4.36772840694007147 51.49300243106874575, 4.37106815836189444 51.4964708282198913, 4.3749359911632375 51.50755668846316837, 4.40724007416192887 51.50878146876928554, 4.40976613196108325 51.50297943566864234, 4.42255264177904106 51.49127036991442452),(4.38668609751524219 51.48139449868710216, 4.39144703426331429 51.4800513751920974, 4.39165284219020879 51.48138617937122774, 4.39763871441624765 51.48129147865923017, 4.3989888981470191 51.48647006193579756, 4.39620649123113605 51.48685376554823989, 4.39527960774933391 51.48780514260115382, 4.39317076034668386 51.48755132214487418, 4.38962778984595214 51.48612155329942652, 4.38162913799176224 51.48473200259731186, 4.38668609751524219 51.48139449868710216)))</t>
  </si>
  <si>
    <t>MultiPolygon (((4.39620649123113605 51.48685376554823989, 4.3989888981470191 51.48647006193579756, 4.39763871441624765 51.48129147865923017, 4.39165284219020879 51.48138617937122774, 4.39144703426331429 51.4800513751920974, 4.38668609751524219 51.48139449868710216, 4.38162913799176224 51.48473200259731186, 4.38962778984595214 51.48612155329942652, 4.39317076034668386 51.48755132214487418, 4.39527960774933391 51.48780514260115382, 4.39620649123113605 51.48685376554823989, 4.39620649123113605 51.48685376554823989)))</t>
  </si>
  <si>
    <t>MultiPolygon (((4.31797760791427088 51.55121575304360704, 4.3615827078966305 51.54591288511492309, 4.37359801902027012 51.5440030857058602, 4.37195713361123151 51.53975001586771754, 4.37191108220596814 51.53684340198478253, 4.36582968305822661 51.53466355020053413, 4.36065342295560399 51.53499753162783037, 4.35328472120159127 51.525575652340315, 4.35210688325592443 51.52274889102357491, 4.34081508370186064 51.52178897142301395, 4.34045715032762303 51.52266950649481458, 4.34277741985145571 51.52638956208058119, 4.33764582830275458 51.52756297462662616, 4.32988623760971603 51.52823959085656469, 4.32953525732314226 51.52932464640674937, 4.3256494445004634 51.52961400555017946, 4.32841350123798208 51.53072657478100638, 4.32872558232788318 51.53175285842327469, 4.32757467124899708 51.53519402816652217, 4.31462387833623495 51.54107526204879264, 4.30690922113396635 51.54350492421142604, 4.3082810922665562 51.54671646481190095, 4.31630879899797115 51.54549683927876202, 4.31797760791427088 51.55121575304360704),(4.34413075234702983 51.54649856387927542, 4.33723329463561491 51.54457242216058432, 4.33652938764456497 51.53928940236356482, 4.35129979807107325 51.53679282805876483, 4.35378235088510568 51.541338196981485, 4.34670225517271369 51.54262015719695711, 4.34413075234702983 51.54649856387927542)))</t>
  </si>
  <si>
    <t>MultiPolygon (((4.34670225517271369 51.54262015719695711, 4.35378235088510568 51.541338196981485, 4.35129979807107325 51.53679282805876483, 4.33652938764456497 51.53928940236356482, 4.33723329463561491 51.54457242216058432, 4.34413075234702983 51.54649856387927542, 4.34670225517271369 51.54262015719695711)))</t>
  </si>
  <si>
    <t>MultiPolygon (((4.38010928501518304 51.54227012050345991, 4.38048985999961538 51.53940764136771691, 4.3791781571133459 51.52679795377132166, 4.3787929725559831 51.52454282982122891, 4.3802747087385665 51.5204933835776302, 4.37994578253336275 51.51641393725510909, 4.37583579109211573 51.51081858467244956, 4.3749359911632375 51.50755668846316837, 4.37106815836189444 51.4964708282198913, 4.36772840694007147 51.49300243106874575, 4.36387955185553356 51.49118681213607118, 4.35817254573165158 51.49260335310096792, 4.35158964184137886 51.49992841635229013, 4.34954018482792115 51.50348101178467175, 4.3511802755021094 51.50385055920062882, 4.35439754580530547 51.50577845988444636, 4.35395941069981074 51.50645098122755883, 4.35055460160883811 51.50570102035928954, 4.35246378807683154 51.51429938543316922, 4.3515972413748969 51.51770076395818165, 4.35014020069665275 51.51837319579828289, 4.3421944793416154 51.51804975587988622, 4.34081508370186064 51.52178897142301395, 4.35210688325592443 51.52274889102357491, 4.35328472120159127 51.525575652340315, 4.36065342295560399 51.53499753162783037, 4.36582968305822661 51.53466355020053413, 4.37191108220596814 51.53684340198478253, 4.37195713361123151 51.53975001586771754, 4.37359801902027012 51.5440030857058602, 4.37809041983499192 51.54431474646217737, 4.38010928501518304 51.54227012050345991),(4.36305471392543076 51.52278245999321626, 4.35875651943346032 51.52334428075451456, 4.35442664647427691 51.51869909002275705, 4.35566540533094404 51.51623889114515009, 4.35865205539906064 51.51605128467120664, 4.3608623725296578 51.50997961363027144, 4.36408878410877143 51.50827209811091478, 4.37064601742716441 51.50962650425148581, 4.37599418268614482 51.51244161400300925, 4.37452026450941833 51.51555260135114622, 4.36843946301584474 51.51308161865902235, 4.36678648933688862 51.5134258599409165, 4.36607395473913762 51.51461789845099304, 4.36594732309836608 51.51608653190201892, 4.36913438737888438 51.51917159103166455, 4.3711223591566819 51.52492852263578982, 4.36650229080366703 51.52608651270537621, 4.36305471392543076 51.52278245999321626)))</t>
  </si>
  <si>
    <t>MultiPolygon (((4.3711223591566819 51.52492852263578982, 4.36913438737888438 51.51917159103166455, 4.36594732309836608 51.51608653190201892, 4.36607395473913762 51.51461789845099304, 4.36678648933688862 51.5134258599409165, 4.36843946301584474 51.51308161865902235, 4.37452026450941833 51.51555260135114622, 4.37599418268614482 51.51244161400300925, 4.37064601742716441 51.50962650425148581, 4.36408878410877143 51.50827209811091478, 4.3608623725296578 51.50997961363027144, 4.35865205539906064 51.51605128467120664, 4.35566540533094404 51.51623889114515009, 4.35442664647427691 51.51869909002275705, 4.35875651943346032 51.52334428075451456, 4.36305471392543076 51.52278245999321626, 4.36650229080366703 51.52608651270537621, 4.3711223591566819 51.52492852263578982, 4.3711223591566819 51.52492852263578982)))</t>
  </si>
  <si>
    <t>MultiPolygon (((4.38629996255492216 51.5162015776462141, 4.3890262677325067 51.5137564696150676, 4.40704311742962496 51.5156475585464122, 4.40724007416192887 51.50878146876928554, 4.3749359911632375 51.50755668846316837, 4.37583579109211573 51.51081858467244956, 4.37994578253336275 51.51641393725510909, 4.38629996255492216 51.5162015776462141)))</t>
  </si>
  <si>
    <t>MultiPolygon (((4.40890188441094999 51.54416243487605698, 4.40770682001567238 51.52851249421851776, 4.40130867824677274 51.5300116716405654, 4.3791781571133459 51.52679795377132166, 4.38048985999961538 51.53940764136771691, 4.38010928501518304 51.54227012050345991, 4.37809041983499192 51.54431474646217737, 4.41146848941234104 51.55159855079671161, 4.40890188441094999 51.54416243487605698)))</t>
  </si>
  <si>
    <t>MultiPolygon (((4.40770682001567238 51.52851249421851776, 4.40704311742962496 51.5156475585464122, 4.3890262677325067 51.5137564696150676, 4.38629996255492216 51.5162015776462141, 4.37994578253336275 51.51641393725510909, 4.3802747087385665 51.5204933835776302, 4.3787929725559831 51.52454282982122891, 4.3791781571133459 51.52679795377132166, 4.40130867824677274 51.5300116716405654, 4.40770682001567238 51.52851249421851776)))</t>
  </si>
  <si>
    <t>MultiPolygon (((4.49789325479637458 51.50143279456449363, 4.49031344221908935 51.48699162464964019, 4.49286165237528134 51.48329129513162172, 4.48540649826814075 51.48162255858000691, 4.48668156818370978 51.47735282156500602, 4.48024221577938686 51.47828164581623156, 4.47649228441909219 51.47826709606376028, 4.47164642144123992 51.4762506553798076, 4.46734177476803929 51.47298391473821511, 4.46671555515590502 51.47199090707906066, 4.46490567595204446 51.47113491274912889, 4.46472138464236412 51.47101341532229668, 4.46456031127138431 51.47115326302323979, 4.45704988625178888 51.46981668450765568, 4.44701081838073975 51.46897295712625464, 4.44255994597770609 51.46868945944699902, 4.44244619357449544 51.46863865424352014, 4.44311678906023921 51.47433924901611846, 4.42255264177904106 51.49127036991442452, 4.43189075023660095 51.49134444704284164, 4.4464866267779195 51.50109573313508804, 4.48150113837483843 51.50137296654488495, 4.49809638559682767 51.50181197961667579, 4.49789325479637458 51.50143279456449363),(4.46046301402015111 51.49175180171263122, 4.45274559634251865 51.48890365718789042, 4.44601539156293857 51.48849272925326659, 4.44585216869994682 51.48399323490613, 4.45968382074524161 51.47720656096394976, 4.46578422607719805 51.47786073895115777, 4.46890357319704989 51.4802224954207901, 4.4702723969060818 51.48237896164628324, 4.4702166452501606 51.48300237018333547, 4.46680846835612932 51.48416122087714086, 4.46205404831601804 51.49140485270316248, 4.46046301402015111 51.49175180171263122)))</t>
  </si>
  <si>
    <t>MultiPolygon (((4.46205404831601804 51.49140485270316248, 4.46680846835612932 51.48416122087714086, 4.4702166452501606 51.48300237018333547, 4.4702723969060818 51.48237896164628324, 4.46890357319704989 51.4802224954207901, 4.46578422607719805 51.47786073895115777, 4.45968382074524161 51.47720656096394976, 4.44585216869994682 51.48399323490613, 4.44601539156293857 51.48849272925326659, 4.45274559634251865 51.48890365718789042, 4.46046301402015111 51.49175180171263122, 4.46205404831601804 51.49140485270316248, 4.46205404831601804 51.49140485270316248)))</t>
  </si>
  <si>
    <t>MultiPolygon (((4.44716870214678384 51.51957932131108464, 4.43842370884801074 51.51759483024110153, 4.43786782831394699 51.52041111032391285, 4.4393388061910537 51.52104150892575518, 4.442240140382129 51.52252934660606343, 4.44751381476200258 51.5237260912818229, 4.44716870214678384 51.51957932131108464, 4.44716870214678384 51.51957932131108464)))</t>
  </si>
  <si>
    <t>MultiPolygon (((4.51131546650058901 51.54398242981435629, 4.51444403596009369 51.54190104945232775, 4.51143282808195956 51.54215233692875131, 4.51461029285893822 51.53793596805190447, 4.51438622368909126 51.53669380518513066, 4.50904934081192632 51.53718417246282257, 4.50853366114872145 51.53433345917805752, 4.50473384066597671 51.53539789364689483, 4.50464380751888438 51.5320182212852842, 4.49809044650970336 51.53172313395460691, 4.49826728277851817 51.5325559685183805, 4.48838250429627728 51.53433299766256681, 4.4834727649578543 51.53624665819897643, 4.48830722437211715 51.53959642807235753, 4.50678973761625112 51.54363247452593555, 4.51131546650058901 51.54398242981435629)))</t>
  </si>
  <si>
    <t>MultiPolygon (((4.49747234516054917 51.54627328852212997, 4.49878920609050414 51.54570441970056294, 4.49883056661643455 51.54478508028361716, 4.50678973761625112 51.54363247452593555, 4.48830722437211715 51.53959642807235753, 4.48465444225112808 51.53887251606816733, 4.48264866152000074 51.53876262084256865, 4.48229058165495342 51.54718891761604027, 4.49808123288547534 51.54994209922980986, 4.49747234516054917 51.54627328852212997)))</t>
  </si>
  <si>
    <t>MultiPolygon (((4.45029524317525738 51.54119060152945053, 4.44622163909421086 51.54117186255569294, 4.44566809216897862 51.54236189008528157, 4.44015160996754776 51.54116310702505643, 4.4480162192612136 51.54969523557188893, 4.45029524317525738 51.54119060152945053)))</t>
  </si>
  <si>
    <t>MultiPolygon (((4.46991485510116249 51.56304362628459614, 4.47300845241480882 51.56221308932472169, 4.47401423870748882 51.56074786473146077, 4.4809935134314971 51.56097435809467555, 4.48685185082483873 51.56043979872744387, 4.47355111182830445 51.55262044702697466, 4.46841207286202735 51.54656465475284222, 4.4658961599789686 51.54472185685559538, 4.45997742308909118 51.54157829510324973, 4.45424949762054201 51.53802694591972511, 4.45293116039606396 51.53526394312680736, 4.45228470591752412 51.53396793360492012, 4.45029524317525738 51.54119060152945053, 4.4480162192612136 51.54969523557188893, 4.45392820683714064 51.55465245100257476, 4.44972353342054294 51.55569389909894085, 4.44842967945655321 51.55794427682671, 4.45260085119953697 51.55896291052513192, 4.45695027077619077 51.56261284138391687, 4.45753557386298294 51.56145913783623058, 4.4657963686086557 51.56104313585570509, 4.46639320570017428 51.5620407113692778, 4.46991485510116249 51.56304362628459614)))</t>
  </si>
  <si>
    <t>MultiPolygon (((4.42659914532966425 51.51329215628287272, 4.42403288400034356 51.51147588392099408, 4.42491033605068917 51.51038104462801215, 4.42820728330371516 51.50897169207084403, 4.42549932375007327 51.50773408855628333, 4.43154899734423502 51.50597063107684193, 4.43696047137962424 51.50667189465053752, 4.44131221202125293 51.50999095930828986, 4.4468462946338585 51.51092377413986867, 4.4464866267779195 51.50109573313508804, 4.43189075023660095 51.49134444704284164, 4.42255264177904106 51.49127036991442452, 4.40976613196108325 51.50297943566864234, 4.40724007416192887 51.50878146876928554, 4.40704311742962496 51.5156475585464122, 4.41908047136025317 51.51686979747138651, 4.42201199212166607 51.51716373253633208, 4.42659914532966425 51.51329215628287272, 4.42659914532966425 51.51329215628287272)))</t>
  </si>
  <si>
    <t>MultiPolygon (((4.43221550350892546 51.52410093160691673, 4.43213799538636444 51.52127410678089348, 4.43337509871778934 51.5189011886241488, 4.42201199212166607 51.51716373253633208, 4.41908047136025317 51.51686979747138651, 4.42715043556148569 51.52580241574725761, 4.43221550350892546 51.52410093160691673)))</t>
  </si>
  <si>
    <t>MultiPolygon (((4.43508206262490745 51.52979288959097204, 4.43539872877691721 51.52843541054370746, 4.43746428156632433 51.52655461085416277, 4.4393388061910537 51.52104150892575518, 4.43786782831394699 51.52041111032391285, 4.43337509871778934 51.5189011886241488, 4.43213799538636444 51.52127410678089348, 4.43221550350892546 51.52410093160691673, 4.42715043556148569 51.52580241574725761, 4.4309245138949791 51.52998456165456531, 4.43508206262490745 51.52979288959097204, 4.43508206262490745 51.52979288959097204)))</t>
  </si>
  <si>
    <t>MultiPolygon (((4.43308041465769609 51.51097213919547357, 4.42820728330371516 51.50897169207084403, 4.42491033605068917 51.51038104462801215, 4.42403288400034356 51.51147588392099408, 4.42659914532966425 51.51329215628287272, 4.42201199212166607 51.51716373253633208, 4.43337509871778934 51.5189011886241488, 4.43308041465769609 51.51097213919547357)))</t>
  </si>
  <si>
    <t>MultiPolygon (((4.43842370884801074 51.51759483024110153, 4.43939666287846624 51.50997183386503764, 4.44131221202125293 51.50999095930828986, 4.43696047137962424 51.50667189465053752, 4.43154899734423502 51.50597063107684193, 4.42549932375007327 51.50773408855628333, 4.42820728330371516 51.50897169207084403, 4.43308041465769609 51.51097213919547357, 4.43337509871778934 51.5189011886241488, 4.43786782831394699 51.52041111032391285, 4.43842370884801074 51.51759483024110153, 4.43842370884801074 51.51759483024110153)))</t>
  </si>
  <si>
    <t>MultiPolygon (((4.4468462946338585 51.51092377413986867, 4.44131221202125293 51.50999095930828986, 4.43939666287846624 51.50997183386503764, 4.43842370884801074 51.51759483024110153, 4.44716870214678384 51.51957932131108464, 4.4468462946338585 51.51092377413986867, 4.4468462946338585 51.51092377413986867)))</t>
  </si>
  <si>
    <t>MultiPolygon (((4.44429515283552679 51.5293974757246005, 4.44933134183089773 51.52852471618209051, 4.44751381476200258 51.5237260912818229, 4.442240140382129 51.52252934660606343, 4.4393388061910537 51.52104150892575518, 4.43746428156632433 51.52655461085416277, 4.43539872877691721 51.52843541054370746, 4.43508206262490745 51.52979288959097204, 4.44429515283552679 51.5293974757246005)))</t>
  </si>
  <si>
    <t>MultiPolygon (((4.52319156166075498 51.54255684074621513, 4.52140838649550947 51.53309497117191285, 4.52196863614218181 51.53177565360518741, 4.52041893240747861 51.52899127640200305, 4.5211895715913677 51.5289505536792376, 4.51957921074463531 51.52708135819923285, 4.52013710916983324 51.52655808479979527, 4.51965820920943173 51.5254013677557765, 4.51765080560542653 51.52538824169137399, 4.51595375552845901 51.52152027691435165, 4.51356358860207241 51.52160148619608293, 4.51433221499077675 51.51789552715704446, 4.50268817967526491 51.51674905987096764, 4.49882238739856444 51.52082044870495992, 4.49776959851206559 51.5221940605492108, 4.49972093322929911 51.52645983781552275, 4.50148413125036928 51.52789978639454205, 4.5089688291920238 51.52710412507506987, 4.50975494872712357 51.53184457502990767, 4.50464380751888438 51.5320182212852842, 4.50473384066597671 51.53539789364689483, 4.50853366114872145 51.53433345917805752, 4.50904934081192632 51.53718417246282257, 4.51438622368909126 51.53669380518513066, 4.51461029285893822 51.53793596805190447, 4.51143282808195956 51.54215233692875131, 4.51444403596009369 51.54190104945232775, 4.51583320614699701 51.54208777260591035, 4.51579570138681152 51.54299794398566803, 4.52319156166075498 51.54255684074621513)))</t>
  </si>
  <si>
    <t>MultiPolygon (((4.50464380751888438 51.5320182212852842, 4.50975494872712357 51.53184457502990767, 4.5089688291920238 51.52710412507506987, 4.50148413125036928 51.52789978639454205, 4.49972093322929911 51.52645983781552275, 4.49752029689860944 51.52904274321464584, 4.49809044650970336 51.53172313395460691, 4.50464380751888438 51.5320182212852842, 4.50464380751888438 51.5320182212852842)))</t>
  </si>
  <si>
    <t>MultiPolygon (((4.49972093322929911 51.52645983781552275, 4.49776959851206559 51.5221940605492108, 4.49882238739856444 51.52082044870495992, 4.49558904693594119 51.52045153300682756, 4.49386590862009339 51.52139660569837076, 4.49041502465137388 51.52102588298802033, 4.48923431610579371 51.52368297896165217, 4.49028728832864843 51.52837708097402469, 4.49333710193985159 51.52777211717747718, 4.49661632437076975 51.52795806569884007, 4.49752029689860944 51.52904274321464584, 4.49972093322929911 51.52645983781552275, 4.49972093322929911 51.52645983781552275)))</t>
  </si>
  <si>
    <t>MultiPolygon (((4.48838250429627728 51.53433299766256681, 4.49826728277851817 51.5325559685183805, 4.49809044650970336 51.53172313395460691, 4.49752029689860944 51.52904274321464584, 4.49661632437076975 51.52795806569884007, 4.49333710193985159 51.52777211717747718, 4.49028728832864843 51.52837708097402469, 4.47811090786651356 51.53112532394683143, 4.4834727649578543 51.53624665819897643, 4.48838250429627728 51.53433299766256681, 4.48838250429627728 51.53433299766256681)))</t>
  </si>
  <si>
    <t>MultiPolygon (((4.49028728832864843 51.52837708097402469, 4.48923431610579371 51.52368297896165217, 4.49041502465137388 51.52102588298802033, 4.49386590862009339 51.52139660569837076, 4.49558904693594119 51.52045153300682756, 4.49882238739856444 51.52082044870495992, 4.50268817967526491 51.51674905987096764, 4.50217954290845235 51.51672352113193654, 4.49456725712897853 51.51613166082110951, 4.48828999673442564 51.51722064506718368, 4.48655281010280316 51.51858259554865782, 4.47939087024148197 51.52339655717130285, 4.47732241222444571 51.52573291456831583, 4.47374722540474945 51.52702012208703763, 4.47811090786651356 51.53112532394683143, 4.49028728832864843 51.52837708097402469)))</t>
  </si>
  <si>
    <t>MultiPolygon (((4.48655281010280316 51.51858259554865782, 4.48828999673442564 51.51722064506718368, 4.49456725712897853 51.51613166082110951, 4.50217954290845235 51.51672352113193654, 4.49851706503418125 51.5098634618450788, 4.49665352042448063 51.50830048246738357, 4.49809638559682767 51.50181197961667579, 4.48150113837483843 51.50137296654488495, 4.4750872342788206 51.5149645065500863, 4.48292635452340438 51.51662102318707781, 4.48655281010280316 51.51858259554865782)))</t>
  </si>
  <si>
    <t>MultiPolygon (((4.48655281010280316 51.51858259554865782, 4.48292635452340438 51.51662102318707781, 4.4750872342788206 51.5149645065500863, 4.47502608467856877 51.51499638985315244, 4.47194642949150367 51.52183818715338504, 4.47939087024148197 51.52339655717130285, 4.48655281010280316 51.51858259554865782, 4.48655281010280316 51.51858259554865782)))</t>
  </si>
  <si>
    <t>MultiPolygon (((4.47502608467856877 51.51499638985315244, 4.46701700169513405 51.51336586710559118, 4.46598143610834253 51.52096160454274809, 4.47194642949150367 51.52183818715338504, 4.47502608467856877 51.51499638985315244)))</t>
  </si>
  <si>
    <t>MultiPolygon (((4.47732241222444571 51.52573291456831583, 4.47939087024148197 51.52339655717130285, 4.47194642949150367 51.52183818715338504, 4.46598143610834253 51.52096160454274809, 4.46540001435524125 51.52526190806962347, 4.47080219713826299 51.52563341012083953, 4.47374722540474945 51.52702012208703763, 4.47732241222444571 51.52573291456831583)))</t>
  </si>
  <si>
    <t>MultiPolygon (((4.4750872342788206 51.5149645065500863, 4.48150113837483843 51.50137296654488495, 4.4464866267779195 51.50109573313508804, 4.4468462946338585 51.51092377413986867, 4.4549710620594416 51.51114261853614096, 4.46328771684680614 51.51269820003408029, 4.46701700169513405 51.51336586710559118, 4.47502608467856877 51.51499638985315244, 4.4750872342788206 51.5149645065500863, 4.4750872342788206 51.5149645065500863)))</t>
  </si>
  <si>
    <t>MultiPolygon (((4.4519755979332869 51.52503475697840685, 4.45369580768084461 51.51908872006859497, 4.45154791248978565 51.52025900083324217, 4.44716870214678384 51.51957932131108464, 4.44751381476200258 51.5237260912818229, 4.44933134183089773 51.52852471618209051, 4.4519755979332869 51.52503475697840685)))</t>
  </si>
  <si>
    <t>MultiPolygon (((4.45369580768084461 51.51908872006859497, 4.45389864944476255 51.51875324827040004, 4.45580881809416596 51.51483304986609113, 4.4549710620594416 51.51114261853614096, 4.4468462946338585 51.51092377413986867, 4.44716870214678384 51.51957932131108464, 4.45154791248978565 51.52025900083324217, 4.45369580768084461 51.51908872006859497)))</t>
  </si>
  <si>
    <t>MultiPolygon (((4.46701700169513405 51.51336586710559118, 4.46328771684680614 51.51269820003408029, 4.46177170341266471 51.51562294752304894, 4.45941202481209142 51.51596379407557436, 4.45782239061543173 51.51944163733299575, 4.46598143610834253 51.52096160454274809, 4.46701700169513405 51.51336586710559118)))</t>
  </si>
  <si>
    <t>MultiPolygon (((4.45941202481209142 51.51596379407557436, 4.46177170341266471 51.51562294752304894, 4.46328771684680614 51.51269820003408029, 4.4549710620594416 51.51114261853614096, 4.45580881809416596 51.51483304986609113, 4.45389864944476255 51.51875324827040004, 4.45782239061543173 51.51944163733299575, 4.45941202481209142 51.51596379407557436)))</t>
  </si>
  <si>
    <t>MultiPolygon (((4.46125500800800001 51.52536036901094718, 4.46540001435524125 51.52526190806962347, 4.46598143610834253 51.52096160454274809, 4.45782239061543173 51.51944163733299575, 4.45502802967189471 51.52551130715094274, 4.45319842803371557 51.52744913354646883, 4.46125500800800001 51.52536036901094718)))</t>
  </si>
  <si>
    <t>MultiPolygon (((4.45319842803371557 51.52744913354646883, 4.45502802967189471 51.52551130715094274, 4.45782239061543173 51.51944163733299575, 4.45389864944476255 51.51875324827040004, 4.45369580768084461 51.51908872006859497, 4.4519755979332869 51.52503475697840685, 4.44933134183089773 51.52852471618209051, 4.45319842803371557 51.52744913354646883, 4.45319842803371557 51.52744913354646883)))</t>
  </si>
  <si>
    <t>MultiPolygon (((4.41908047136025317 51.51686979747138651, 4.40704311742962496 51.5156475585464122, 4.40770682001567238 51.52851249421851776, 4.40890188441094999 51.54416243487605698, 4.41146848941234104 51.55159855079671161, 4.42687835293942999 51.55238275684243376, 4.42820472291175271 51.55359840859670584, 4.4290323085305241 51.55570126584809287, 4.43838146995928717 51.55639125986200355, 4.44107818774446894 51.55849163960849069, 4.44195391683026841 51.5673850445926476, 4.44399924006971059 51.5690954376151538, 4.44467465285628993 51.56923482282475391, 4.44857791107507694 51.56573250997634972, 4.45301114368180961 51.56667605684707922, 4.45324718720828194 51.56354367565677421, 4.45695027077619077 51.56261284138391687, 4.45260085119953697 51.55896291052513192, 4.44842967945655321 51.55794427682671, 4.44972353342054294 51.55569389909894085, 4.45392820683714064 51.55465245100257476, 4.4480162192612136 51.54969523557188893, 4.44015160996754776 51.54116310702505643, 4.43319564592715842 51.53253447370213536, 4.43165667073266611 51.53080586826577303, 4.4309245138949791 51.52998456165456531, 4.42715043556148569 51.52580241574725761, 4.41908047136025317 51.51686979747138651)))</t>
  </si>
  <si>
    <t>MultiPolygon (((4.44622163909421086 51.54117186255569294, 4.45029524317525738 51.54119060152945053, 4.45228470591752412 51.53396793360492012, 4.44704927735279654 51.53301891969032766, 4.44478896277285429 51.53366231135895958, 4.44166398643247451 51.53976855482358133, 4.44015160996754776 51.54116310702505643, 4.44566809216897862 51.54236189008528157, 4.44622163909421086 51.54117186255569294, 4.44622163909421086 51.54117186255569294)))</t>
  </si>
  <si>
    <t>MultiPolygon (((4.44166398643247451 51.53976855482358133, 4.44478896277285429 51.53366231135895958, 4.43319564592715842 51.53253447370213536, 4.44015160996754776 51.54116310702505643, 4.44166398643247451 51.53976855482358133, 4.44166398643247451 51.53976855482358133)))</t>
  </si>
  <si>
    <t>MultiPolygon (((4.44478896277285429 51.53366231135895958, 4.44704927735279654 51.53301891969032766, 4.44435489419395413 51.53214503868131402, 4.43165667073266611 51.53080586826577303, 4.43319564592715842 51.53253447370213536, 4.44478896277285429 51.53366231135895958, 4.44478896277285429 51.53366231135895958)))</t>
  </si>
  <si>
    <t>MultiPolygon (((4.45228470591752412 51.53396793360492012, 4.45211283516338874 51.53363485939653543, 4.44933134183089773 51.52852471618209051, 4.44429515283552679 51.5293974757246005, 4.43508206262490745 51.52979288959097204, 4.4309245138949791 51.52998456165456531, 4.43165667073266611 51.53080586826577303, 4.44435489419395413 51.53214503868131402, 4.44704927735279654 51.53301891969032766, 4.45228470591752412 51.53396793360492012, 4.45228470591752412 51.53396793360492012)))</t>
  </si>
  <si>
    <t>MultiPolygon (((4.50020415078659219 51.55853633324060326, 4.49808123288547534 51.54994209922980986, 4.48229058165495342 51.54718891761604027, 4.47501556493730579 51.54647166075167775, 4.47132132543513894 51.54657131087488864, 4.46824257885789855 51.54582082220662187, 4.4658961599789686 51.54472185685559538, 4.46841207286202735 51.54656465475284222, 4.47355111182830445 51.55262044702697466, 4.48685185082483873 51.56043979872744387, 4.50020415078659219 51.55853633324060326)))</t>
  </si>
  <si>
    <t>MultiPolygon (((4.48264866152000074 51.53876262084256865, 4.48465444225112808 51.53887251606816733, 4.47414417391772812 51.53789285124693009, 4.47501556493730579 51.54647166075167775, 4.48229058165495342 51.54718891761604027, 4.48264866152000074 51.53876262084256865)))</t>
  </si>
  <si>
    <t>MultiPolygon (((4.47501556493730579 51.54647166075167775, 4.47414417391772812 51.53789285124693009, 4.47008180237749375 51.53748349463235456, 4.46824257885789855 51.54582082220662187, 4.47132132543513894 51.54657131087488864, 4.47501556493730579 51.54647166075167775, 4.47501556493730579 51.54647166075167775)))</t>
  </si>
  <si>
    <t>MultiPolygon (((4.47008180237749375 51.53748349463235456, 4.46407725327973282 51.53632605594668092, 4.46160987072534354 51.53815200200320845, 4.46044867863533767 51.53974735522692185, 4.46201637099617887 51.54105420953001726, 4.45997742308909118 51.54157829510324973, 4.4658961599789686 51.54472185685559538, 4.46824257885789855 51.54582082220662187, 4.47008180237749375 51.53748349463235456)))</t>
  </si>
  <si>
    <t>MultiPolygon (((4.47811090786651356 51.53112532394683143, 4.47374722540474945 51.52702012208703763, 4.47080219713826299 51.52563341012083953, 4.46540001435524125 51.52526190806962347, 4.46497240513947613 51.52964702005562003, 4.46815857208182798 51.52873456215740333, 4.47307232957539114 51.53148602595799588, 4.4738675713252789 51.53315163412437983, 4.47811090786651356 51.53112532394683143)))</t>
  </si>
  <si>
    <t>MultiPolygon (((4.4834727649578543 51.53624665819897643, 4.47811090786651356 51.53112532394683143, 4.4738675713252789 51.53315163412437983, 4.46705875613184311 51.53472524062972582, 4.46407725327973282 51.53632605594668092, 4.47008180237749375 51.53748349463235456, 4.47414417391772812 51.53789285124693009, 4.48465444225112808 51.53887251606816733, 4.48830722437211715 51.53959642807235753, 4.4834727649578543 51.53624665819897643)))</t>
  </si>
  <si>
    <t>MultiPolygon (((4.4738675713252789 51.53315163412437983, 4.47307232957539114 51.53148602595799588, 4.46815857208182798 51.52873456215740333, 4.46497240513947613 51.52964702005562003, 4.46705875613184311 51.53472524062972582, 4.4738675713252789 51.53315163412437983)))</t>
  </si>
  <si>
    <t>MultiPolygon (((4.46497240513947613 51.52964702005562003, 4.46540001435524125 51.52526190806962347, 4.46125500800800001 51.52536036901094718, 4.45319842803371557 51.52744913354646883, 4.45856330341397822 51.52944343944989214, 4.45944516638154909 51.53156828281701252, 4.46497240513947613 51.52964702005562003, 4.46497240513947613 51.52964702005562003)))</t>
  </si>
  <si>
    <t>MultiPolygon (((4.46201637099617887 51.54105420953001726, 4.46044867863533767 51.53974735522692185, 4.46160987072534354 51.53815200200320845, 4.46102371137136 51.53600525095939133, 4.45553926683558288 51.53466811441609963, 4.45293116039606396 51.53526394312680736, 4.45424949762054201 51.53802694591972511, 4.45997742308909118 51.54157829510324973, 4.46201637099617887 51.54105420953001726, 4.46201637099617887 51.54105420953001726)))</t>
  </si>
  <si>
    <t>MultiPolygon (((4.45944516638154909 51.53156828281701252, 4.45856330341397822 51.52944343944989214, 4.45319842803371557 51.52744913354646883, 4.44933134183089773 51.52852471618209051, 4.45211283516338874 51.53363485939653543, 4.45944516638154909 51.53156828281701252)))</t>
  </si>
  <si>
    <t>MultiPolygon (((4.46407725327973282 51.53632605594668092, 4.46705875613184311 51.53472524062972582, 4.46497240513947613 51.52964702005562003, 4.45944516638154909 51.53156828281701252, 4.45211283516338874 51.53363485939653543, 4.45228470591752412 51.53396793360492012, 4.45293116039606396 51.53526394312680736, 4.45553926683558288 51.53466811441609963, 4.46102371137136 51.53600525095939133, 4.46160987072534354 51.53815200200320845, 4.46407725327973282 51.53632605594668092, 4.46407725327973282 51.53632605594668092)))</t>
  </si>
  <si>
    <t>MultiPolygon (((4.54417652093288904 52.0444666388598236, 4.54146650698185805 52.0354228617599901, 4.53993818816830963 52.03189541789205919, 4.51207264232364569 52.03682517918404926, 4.51899580737055562 52.04138403698877369, 4.52259437875162806 52.0433993304675937, 4.53433281894541196 52.0494077517777356, 4.54507945121235668 52.04886102585939511, 4.54754669953692314 52.05036967107219681, 4.54417652093288904 52.0444666388598236)))</t>
  </si>
  <si>
    <t>MultiPolygon (((4.56504296107328322 52.05856937949707941, 4.56105963363868661 52.04206086243792839, 4.56330477114904554 52.03827702083798101, 4.56345716946239666 52.03577697988432504, 4.56014028215440348 52.03318989337504519, 4.55934733811960502 52.03140736348855455, 4.55790490210610599 52.03158069132636143, 4.54146650698185805 52.0354228617599901, 4.54417652093288904 52.0444666388598236, 4.54754669953692314 52.05036967107219681, 4.54934283428680075 52.05474446545488831, 4.55718024733590088 52.06123936641558458, 4.55780899389010674 52.0617411629499216, 4.56504296107328322 52.05856937949707941)))</t>
  </si>
  <si>
    <t>MultiPolygon (((4.55934733811960502 52.03140736348855455, 4.55821797299231868 52.02890844935128456, 4.55677697341597199 52.01840072158696415, 4.55711943881759751 52.01393638301399136, 4.55487514677653937 52.005948585416931, 4.55344453101796898 52.00392394175713662, 4.54989360496534712 51.9957465590111596, 4.54700541875543252 51.99394288377633444, 4.54838789556985557 51.99255733297953697, 4.54633927527526982 51.99151415825848943, 4.54690960583913562 51.99022834606032717, 4.54739365630562631 51.98874623925641458, 4.53927640131163024 51.98715074602682051, 4.53791972015591583 51.98787426717576921, 4.54345848830330379 51.9998486879017463, 4.54492063677388725 52.00295811362920517, 4.54740443269114802 52.00835112426997142, 4.54944981228289969 52.01276290677149206, 4.55114098869837314 52.0156345692808344, 4.54504356987448421 52.01673658066747663, 4.53396946509990961 52.01856306600456747, 4.53389663804590182 52.01866020958851067, 4.53546993976955726 52.02217091343368338, 4.55141168170135924 52.0193598348057904, 4.55790490210610599 52.03158069132636143, 4.55934733811960502 52.03140736348855455)))</t>
  </si>
  <si>
    <t>MultiPolygon (((4.55790490210610599 52.03158069132636143, 4.55141168170135924 52.0193598348057904, 4.53546993976955726 52.02217091343368338, 4.53993818816830963 52.03189541789205919, 4.54146650698185805 52.0354228617599901, 4.55790490210610599 52.03158069132636143)))</t>
  </si>
  <si>
    <t>MultiPolygon (((4.53993818816830963 52.03189541789205919, 4.53546993976955726 52.02217091343368338, 4.53389663804590182 52.01866020958851067, 4.52841484509778081 52.01562672486293337, 4.52621745968213496 52.01153024861595497, 4.5250223423858138 52.0076713431022668, 4.5270919269980272 52.0039385986153917, 4.52639659717960452 52.00247555795305487, 4.53268590321889953 52.00172553908375761, 4.54345848830330379 51.9998486879017463, 4.53791972015591583 51.98787426717576921, 4.53927640131163024 51.98715074602682051, 4.52299593213993845 51.99508156076924337, 4.50245796567262158 52.00506381984416748, 4.50053026014357549 52.00600261975962724, 4.50182978163232583 52.00693734417657765, 4.50365854237638441 52.01616560609373607, 4.50292384466281614 52.01855280688632632, 4.50334693477535541 52.02941870070836217, 4.50470926825009421 52.03193076366107306, 4.50706033314708954 52.0328253446869482, 4.51207264232364569 52.03682517918404926, 4.53993818816830963 52.03189541789205919, 4.53993818816830963 52.03189541789205919)))</t>
  </si>
  <si>
    <t>MultiPolygon (((4.5376117379405656 52.01245499286416418, 4.54265985432057207 52.01160842669432327, 4.54166181161446403 52.0086278627010401, 4.54073586091549775 52.0083745208734598, 4.5360472468182893 52.00923434118701039, 4.5376117379405656 52.01245499286416418, 4.5376117379405656 52.01245499286416418)))</t>
  </si>
  <si>
    <t>MultiPolygon (((4.54073586091549775 52.0083745208734598, 4.53863791890069646 52.00409740052641183, 4.53411719299485849 52.0049028213240021, 4.53460726637043798 52.00598105416159456, 4.5360472468182893 52.00923434118701039, 4.54073586091549775 52.0083745208734598, 4.54073586091549775 52.0083745208734598)))</t>
  </si>
  <si>
    <t>MultiPolygon (((4.53863791890069646 52.00409740052641183, 4.54492063677388725 52.00295811362920517, 4.54345848830330379 51.9998486879017463, 4.53268590321889953 52.00172553908375761, 4.53411719299485849 52.0049028213240021, 4.53863791890069646 52.00409740052641183, 4.53863791890069646 52.00409740052641183)))</t>
  </si>
  <si>
    <t>MultiPolygon (((4.54740443269114802 52.00835112426997142, 4.54492063677388725 52.00295811362920517, 4.53863791890069646 52.00409740052641183, 4.54073586091549775 52.0083745208734598, 4.54166181161446403 52.0086278627010401, 4.54740443269114802 52.00835112426997142, 4.54740443269114802 52.00835112426997142)))</t>
  </si>
  <si>
    <t>MultiPolygon (((4.54944981228289969 52.01276290677149206, 4.54740443269114802 52.00835112426997142, 4.54166181161446403 52.0086278627010401, 4.54265985432057207 52.01160842669432327, 4.54380273609783192 52.01376544701774662, 4.54944981228289969 52.01276290677149206, 4.54944981228289969 52.01276290677149206)))</t>
  </si>
  <si>
    <t>MultiPolygon (((4.55114098869837314 52.0156345692808344, 4.54944981228289969 52.01276290677149206, 4.54380273609783192 52.01376544701774662, 4.54504356987448421 52.01673658066747663, 4.55114098869837314 52.0156345692808344)))</t>
  </si>
  <si>
    <t>MultiPolygon (((4.53460726637043798 52.00598105416159456, 4.53411719299485849 52.0049028213240021, 4.53268590321889953 52.00172553908375761, 4.52639659717960452 52.00247555795305487, 4.5270919269980272 52.0039385986153917, 4.52852984211482656 52.0070569078522027, 4.53460726637043798 52.00598105416159456, 4.53460726637043798 52.00598105416159456)))</t>
  </si>
  <si>
    <t>MultiPolygon (((4.53231667610240496 52.01368990194364983, 4.5376117379405656 52.01245499286416418, 4.5360472468182893 52.00923434118701039, 4.53460726637043798 52.00598105416159456, 4.52852984211482656 52.0070569078522027, 4.53019573047041302 52.01091081879791034, 4.53231667610240496 52.01368990194364983, 4.53231667610240496 52.01368990194364983)))</t>
  </si>
  <si>
    <t>MultiPolygon (((4.54504356987448421 52.01673658066747663, 4.54380273609783192 52.01376544701774662, 4.54265985432057207 52.01160842669432327, 4.5376117379405656 52.01245499286416418, 4.53231667610240496 52.01368990194364983, 4.53396946509990961 52.01856306600456747, 4.54504356987448421 52.01673658066747663, 4.54504356987448421 52.01673658066747663)))</t>
  </si>
  <si>
    <t>MultiPolygon (((4.53389663804590182 52.01866020958851067, 4.53396946509990961 52.01856306600456747, 4.53231667610240496 52.01368990194364983, 4.53019573047041302 52.01091081879791034, 4.52621745968213496 52.01153024861595497, 4.52841484509778081 52.01562672486293337, 4.53389663804590182 52.01866020958851067, 4.53389663804590182 52.01866020958851067)))</t>
  </si>
  <si>
    <t>MultiPolygon (((4.53019573047041302 52.01091081879791034, 4.52852984211482656 52.0070569078522027, 4.5270919269980272 52.0039385986153917, 4.5250223423858138 52.0076713431022668, 4.52621745968213496 52.01153024861595497, 4.53019573047041302 52.01091081879791034, 4.53019573047041302 52.01091081879791034)))</t>
  </si>
  <si>
    <t>MultiPolygon (((4.45160827793825753 51.99373168476668639, 4.44790158178825923 51.9841306083751391, 4.44081236281737546 51.97899252062880038, 4.43216286351531963 51.97742079721940911, 4.42896837316179859 51.97587611219254455, 4.42789835738203141 51.97646646310631979, 4.42444629589758964 51.97961102239278119, 4.44724791972852618 51.99240905578051297, 4.45056929192420814 51.99569718967197929, 4.45160827793825753 51.99373168476668639, 4.45160827793825753 51.99373168476668639)))</t>
  </si>
  <si>
    <t>MultiPolygon (((4.45536370684436278 51.98879472277473468, 4.45663036875312901 51.98683114278802719, 4.45802093775575159 51.98439283338584005, 4.45315694262996953 51.98282524925278381, 4.44854015811921855 51.98167109499917871, 4.44790158178825923 51.9841306083751391, 4.45160827793825753 51.99373168476668639, 4.45056929192420814 51.99569718967197929, 4.45080125560825746 51.99588021770662039, 4.45536370684436278 51.98879472277473468)))</t>
  </si>
  <si>
    <t>MultiPolygon (((4.44790158178825923 51.9841306083751391, 4.44854015811921855 51.98167109499917871, 4.45315694262996953 51.98282524925278381, 4.45583584968853952 51.97794965589616822, 4.45736150292757483 51.9774374498617604, 4.44954945039903116 51.97359466286192031, 4.43932035515965673 51.97194600545011411, 4.43216286351531963 51.97742079721940911, 4.44081236281737546 51.97899252062880038, 4.44790158178825923 51.9841306083751391, 4.44790158178825923 51.9841306083751391)))</t>
  </si>
  <si>
    <t>MultiPolygon (((4.45872036537526206 51.9828719367502643, 4.46037111518617557 51.97759578546872206, 4.45826319052232201 51.97644325113178354, 4.45736150292757483 51.9774374498617604, 4.45583584968853952 51.97794965589616822, 4.45315694262996953 51.98282524925278381, 4.45802093775575159 51.98439283338584005, 4.45872036537526206 51.9828719367502643, 4.45872036537526206 51.9828719367502643)))</t>
  </si>
  <si>
    <t>MultiPolygon (((4.46167632006560755 51.9751219402798057, 4.46134648051550542 51.9748372150635376, 4.46222053627933057 51.97268141220737903, 4.46016133956618877 51.97160876137962049, 4.45826319052232201 51.97644325113178354, 4.46037111518617557 51.97759578546872206, 4.46063560703363837 51.97773601510936459, 4.46167632006560755 51.9751219402798057)))</t>
  </si>
  <si>
    <t>MultiPolygon (((4.43932035515965673 51.97194600545011411, 4.44954945039903116 51.97359466286192031, 4.45736150292757483 51.9774374498617604, 4.45826319052232201 51.97644325113178354, 4.46016133956618877 51.97160876137962049, 4.46037467139088761 51.96910142778070707, 4.45682451767917964 51.96731098688332651, 4.45064712303591037 51.96583893385202657, 4.4466820755581038 51.96278595393324906, 4.42896837316179859 51.97587611219254455, 4.43216286351531963 51.97742079721940911, 4.43932035515965673 51.97194600545011411)))</t>
  </si>
  <si>
    <t>MultiPolygon (((4.45863190623109151 51.99514702087980567, 4.45663139094294092 51.99085211199688672, 4.45536370684436278 51.98879472277473468, 4.45080125560825746 51.99588021770662039, 4.45281315262733735 51.99722664173752662, 4.45414706107771519 51.99765332615381652, 4.45863190623109151 51.99514702087980567, 4.45863190623109151 51.99514702087980567)))</t>
  </si>
  <si>
    <t>MultiPolygon (((4.46365240118300033 51.99342297489952358, 4.46583498588753169 51.99371562813469438, 4.46609398605048913 51.99284116702915526, 4.46451047828044167 51.98929001381004866, 4.45663139094294092 51.99085211199688672, 4.45863190623109151 51.99514702087980567, 4.46365240118300033 51.99342297489952358)))</t>
  </si>
  <si>
    <t>MultiPolygon (((4.46451047828044167 51.98929001381004866, 4.4650272702934819 51.9891295374854252, 4.46297397495279036 51.98544575211077046, 4.45663036875312901 51.98683114278802719, 4.45536370684436278 51.98879472277473468, 4.45663139094294092 51.99085211199688672, 4.46451047828044167 51.98929001381004866, 4.46451047828044167 51.98929001381004866)))</t>
  </si>
  <si>
    <t>MultiPolygon (((4.46297397495279036 51.98544575211077046, 4.46392196261394325 51.98495732481224962, 4.45872036537526206 51.9828719367502643, 4.45802093775575159 51.98439283338584005, 4.45663036875312901 51.98683114278802719, 4.46297397495279036 51.98544575211077046, 4.46297397495279036 51.98544575211077046)))</t>
  </si>
  <si>
    <t>MultiPolygon (((4.48139929489535938 51.98889418584946753, 4.481329779357619 51.98884192191760434, 4.47055812187477208 51.97977956586530013, 4.46951581857315716 51.98030065206523886, 4.47725516587009498 51.98807502256629931, 4.47899937394871195 51.98984948655907345, 4.48139929489535938 51.98889418584946753, 4.48139929489535938 51.98889418584946753)))</t>
  </si>
  <si>
    <t>MultiPolygon (((4.47899937394871195 51.98984948655907345, 4.47725516587009498 51.98807502256629931, 4.47354573198087024 51.98855184471335633, 4.47466111787844945 51.99129343787854651, 4.47899937394871195 51.98984948655907345, 4.47899937394871195 51.98984948655907345)))</t>
  </si>
  <si>
    <t>MultiPolygon (((4.46897162766544742 51.98052867427293222, 4.46887487410345319 51.98047973441601499, 4.46945116815618526 51.98018749991688736, 4.46668022235373652 51.97849831752758831, 4.46580268359910093 51.97892971261736506, 4.46412460088470464 51.97830701590299896, 4.46324098403400171 51.97752651349659914, 4.46402313180853927 51.97714766845315637, 4.46167632006560755 51.9751219402798057, 4.46063560703363837 51.97773601510936459, 4.46259992013821716 51.97893847454648153, 4.46710489136619948 51.98143206570758679, 4.46897162766544742 51.98052867427293222)))</t>
  </si>
  <si>
    <t>MultiPolygon (((4.47466111787844945 51.99129343787854651, 4.47354573198087024 51.98855184471335633, 4.47725516587009498 51.98807502256629931, 4.46951581857315716 51.98030065206523886, 4.46901214987908979 51.98054916021434479, 4.46897162766544742 51.98052867427293222, 4.46710489136619948 51.98143206570758679, 4.46976888620274515 51.98340032842819625, 4.47050926306530805 51.98569326453864647, 4.47112982496201283 51.98775291595880788, 4.47321263553233361 51.99142520452250693, 4.47466111787844945 51.99129343787854651)))</t>
  </si>
  <si>
    <t>MultiPolygon (((4.47052318900984957 51.99212749601601047, 4.47321263553233361 51.99142520452250693, 4.47112982496201283 51.98775291595880788, 4.4650272702934819 51.9891295374854252, 4.46451047828044167 51.98929001381004866, 4.46609398605048913 51.99284116702915526, 4.47052318900984957 51.99212749601601047, 4.47052318900984957 51.99212749601601047)))</t>
  </si>
  <si>
    <t>MultiPolygon (((4.47112982496201283 51.98775291595880788, 4.47050926306530805 51.98569326453864647, 4.46480348821030582 51.98455794285231946, 4.46392196261394325 51.98495732481224962, 4.46297397495279036 51.98544575211077046, 4.4650272702934819 51.9891295374854252, 4.47112982496201283 51.98775291595880788, 4.47112982496201283 51.98775291595880788)))</t>
  </si>
  <si>
    <t>MultiPolygon (((4.47050926306530805 51.98569326453864647, 4.46976888620274515 51.98340032842819625, 4.46710489136619948 51.98143206570758679, 4.46259992013821716 51.97893847454648153, 4.46179522898717273 51.98010430510193203, 4.46382307272437107 51.98121607499616914, 4.46531443027182906 51.98424872897918902, 4.46480348821030582 51.98455794285231946, 4.47050926306530805 51.98569326453864647, 4.47050926306530805 51.98569326453864647)))</t>
  </si>
  <si>
    <t>MultiPolygon (((4.46480348821030582 51.98455794285231946, 4.46531443027182906 51.98424872897918902, 4.46382307272437107 51.98121607499616914, 4.46179522898717273 51.98010430510193203, 4.46259992013821716 51.97893847454648153, 4.46063560703363837 51.97773601510936459, 4.46037111518617557 51.97759578546872206, 4.45872036537526206 51.9828719367502643, 4.46392196261394325 51.98495732481224962, 4.46480348821030582 51.98455794285231946, 4.46480348821030582 51.98455794285231946)))</t>
  </si>
  <si>
    <t>MultiPolygon (((4.50470926825009421 52.03193076366107306, 4.50334693477535541 52.02941870070836217, 4.50292384466281614 52.01855280688632632, 4.50365854237638441 52.01616560609373607, 4.50182978163232583 52.00693734417657765, 4.49259256828897513 52.00692748074573046, 4.48344195616991925 52.00690854791105266, 4.48158329332660177 52.00680289207984686, 4.46820893977437184 52.00242919110205975, 4.45905587899177114 51.9994352852984818, 4.45414706107771519 51.99765332615381652, 4.45281315262733735 51.99722664173752662, 4.44977590366287146 52.00050276793404436, 4.45872811892704313 52.00220921284466158, 4.45886846109831225 52.00466553501338751, 4.45704254155897939 52.00494376229100624, 4.45545300686631673 52.00645543153442674, 4.45639071179670143 52.00851285611767594, 4.46156168067105785 52.01265141474696208, 4.45839291660819903 52.01602302734734451, 4.45943811353868291 52.01704546647265914, 4.45811090237085761 52.01852771479603632, 4.45719924366990572 52.02216887689945679, 4.45735435003598024 52.02226057625593114, 4.45796064606301279 52.02235407311391668, 4.45934406044211862 52.02285653215896133, 4.46003902302970889 52.02297029334541634, 4.46008652806283301 52.02306929067851371, 4.46026756927246826 52.02310558941780272, 4.46038450879502424 52.02304235195634874, 4.46130415387976864 52.02388855959198821, 4.46366599681451515 52.02426573880388361, 4.46724683749568907 52.02564076145768013, 4.47670611094139215 52.03164214453769176, 4.47702788587121869 52.0312805761253756, 4.47768096952369987 52.03139482516338177, 4.47738443919782014 52.03179157401689281, 4.49537889403422319 52.03190664488719364, 4.50470926825009421 52.03193076366107306)))</t>
  </si>
  <si>
    <t>MultiPolygon (((4.46092561194461368 51.99798383768905552, 4.46932802167508303 51.99535584836680613, 4.46583498588753169 51.99371562813469438, 4.46365240118300033 51.99342297489952358, 4.45863190623109151 51.99514702087980567, 4.45414706107771519 51.99765332615381652, 4.45905587899177114 51.9994352852984818, 4.46092561194461368 51.99798383768905552)))</t>
  </si>
  <si>
    <t>MultiPolygon (((4.47377557107922907 51.99750301331597058, 4.46932802167508303 51.99535584836680613, 4.46092561194461368 51.99798383768905552, 4.45905587899177114 51.9994352852984818, 4.46820893977437184 52.00242919110205975, 4.47377557107922907 51.99750301331597058, 4.47377557107922907 51.99750301331597058)))</t>
  </si>
  <si>
    <t>MultiPolygon (((4.48344195616991925 52.00690854791105266, 4.48221548785955815 52.00215510243818073, 4.48154739272920111 51.99973187074581915, 4.4811539557151967 51.99872224910227914, 4.47734961977843327 51.99902604598486988, 4.47377557107922907 51.99750301331597058, 4.46820893977437184 52.00242919110205975, 4.48158329332660177 52.00680289207984686, 4.48344195616991925 52.00690854791105266, 4.48344195616991925 52.00690854791105266)))</t>
  </si>
  <si>
    <t>MultiPolygon (((4.50245796567262158 52.00506381984416748, 4.49940889583087511 52.00270631212487871, 4.4907290407337177 51.9959777072941236, 4.4860322402739552 51.99692556165643254, 4.48638486493104605 51.99710553524626988, 4.4918065120893953 51.99893777638921932, 4.49679311503017232 52.00178508405149103, 4.50053026014357549 52.00600261975962724, 4.50245796567262158 52.00506381984416748, 4.50245796567262158 52.00506381984416748)))</t>
  </si>
  <si>
    <t>MultiPolygon (((4.49679311503017232 52.00178508405149103, 4.4918065120893953 51.99893777638921932, 4.48638486493104605 51.99710553524626988, 4.48845299919812835 51.99944727088188046, 4.49062188016510255 52.00185201073834662, 4.49169878735544881 52.00289143828086225, 4.49679311503017232 52.00178508405149103, 4.49679311503017232 52.00178508405149103)))</t>
  </si>
  <si>
    <t>MultiPolygon (((4.50182978163232583 52.00693734417657765, 4.50053026014357549 52.00600261975962724, 4.49679311503017232 52.00178508405149103, 4.49169878735544881 52.00289143828086225, 4.49259256828897513 52.00692748074573046, 4.50182978163232583 52.00693734417657765, 4.50182978163232583 52.00693734417657765)))</t>
  </si>
  <si>
    <t>MultiPolygon (((4.49259256828897513 52.00692748074573046, 4.49169878735544881 52.00289143828086225, 4.49062188016510255 52.00185201073834662, 4.48221548785955815 52.00215510243818073, 4.48344195616991925 52.00690854791105266, 4.49259256828897513 52.00692748074573046, 4.49259256828897513 52.00692748074573046)))</t>
  </si>
  <si>
    <t>MultiPolygon (((4.49062188016510255 52.00185201073834662, 4.48845299919812835 51.99944727088188046, 4.48154739272920111 51.99973187074581915, 4.48221548785955815 52.00215510243818073, 4.49062188016510255 52.00185201073834662)))</t>
  </si>
  <si>
    <t>MultiPolygon (((4.48901354680396736 51.99465019701463575, 4.48139929489535938 51.98889418584946753, 4.47899937394871195 51.98984948655907345, 4.48202733777074958 51.9927939124120897, 4.48557085316870552 51.99644386818435748, 4.48901354680396736 51.99465019701463575, 4.48901354680396736 51.99465019701463575)))</t>
  </si>
  <si>
    <t>MultiPolygon (((4.48845299919812835 51.99944727088188046, 4.48638486493104605 51.99710553524626988, 4.4860322402739552 51.99692556165643254, 4.48557085316870552 51.99644386818435748, 4.48202733777074958 51.9927939124120897, 4.47784625132352421 51.99534419425921072, 4.4811539557151967 51.99872224910227914, 4.48154739272920111 51.99973187074581915, 4.48845299919812835 51.99944727088188046)))</t>
  </si>
  <si>
    <t>MultiPolygon (((4.4811539557151967 51.99872224910227914, 4.47784625132352421 51.99534419425921072, 4.47479061164625946 51.99640020547300878, 4.47280337603910993 51.99557023412170054, 4.47052318900984957 51.99212749601601047, 4.46609398605048913 51.99284116702915526, 4.46583498588753169 51.99371562813469438, 4.46932802167508303 51.99535584836680613, 4.47377557107922907 51.99750301331597058, 4.47734961977843327 51.99902604598486988, 4.4811539557151967 51.99872224910227914)))</t>
  </si>
  <si>
    <t>MultiPolygon (((4.47784625132352421 51.99534419425921072, 4.48202733777074958 51.9927939124120897, 4.47899937394871195 51.98984948655907345, 4.47466111787844945 51.99129343787854651, 4.47321263553233361 51.99142520452250693, 4.47052318900984957 51.99212749601601047, 4.47280337603910993 51.99557023412170054, 4.47479061164625946 51.99640020547300878, 4.47784625132352421 51.99534419425921072)))</t>
  </si>
  <si>
    <t>MultiPolygon (((4.52299593213993845 51.99508156076924337, 4.52148341775097595 51.99371935991857896, 4.51663508375807066 51.99269480134630328, 4.50211670188114876 52.00039188910444921, 4.49940889583087511 52.00270631212487871, 4.50245796567262158 52.00506381984416748, 4.52299593213993845 51.99508156076924337, 4.52299593213993845 51.99508156076924337)))</t>
  </si>
  <si>
    <t>MultiPolygon (((4.51197036277715124 51.98353725425389626, 4.507761475174763 51.98033742363072918, 4.50200253014129004 51.97597879726058778, 4.49841227611868 51.97754483066945852, 4.4968571831896389 51.9713058387317588, 4.49579968756250459 51.97184448688553005, 4.49523407310526402 51.96741499187484692, 4.4910068696419021 51.96954967044660378, 4.48325176532656133 51.97336232898690156, 4.4913112683836296 51.97890645699096979, 4.49835999698426825 51.98092124974408534, 4.50204258645580868 51.98167721517266671, 4.50763959930638158 51.98572929620037542, 4.51197036277715124 51.98353725425389626)))</t>
  </si>
  <si>
    <t>MultiPolygon (((4.51289924782220453 51.98423731887183408, 4.5148152922916287 51.98569683814026376, 4.51915294053890904 51.98350449834364184, 4.51686679207051522 51.98177536645722796, 4.51209853344520617 51.97814228174008377, 4.507761475174763 51.98033742363072918, 4.51197036277715124 51.98353725425389626, 4.50763959930638158 51.98572929620037542, 4.50855703678428021 51.98642915122667318, 4.51289924782220453 51.98423731887183408, 4.51289924782220453 51.98423731887183408)))</t>
  </si>
  <si>
    <t>MultiPolygon (((4.53927640131163024 51.98715074602682051, 4.52633076885946917 51.97692845757413949, 4.51686679207051522 51.98177536645722796, 4.51915294053890904 51.98350449834364184, 4.5148152922916287 51.98569683814026376, 4.51289924782220453 51.98423731887183408, 4.50855703678428021 51.98642915122667318, 4.50932342916364526 51.98701748727662419, 4.51596865064004938 51.99193060050088633, 4.52148341775097595 51.99371935991857896, 4.52299593213993845 51.99508156076924337, 4.53927640131163024 51.98715074602682051, 4.53927640131163024 51.98715074602682051)))</t>
  </si>
  <si>
    <t>MultiPolygon (((4.54739365630562631 51.98874623925641458, 4.54841796837387857 51.98495707372457986, 4.54816222769721268 51.98329424947763755, 4.55088575841545584 51.98187362431738734, 4.55199187424061158 51.97886930615096901, 4.55376053564319339 51.97704111155992024, 4.55193472530730237 51.97473738404976018, 4.5476862824756088 51.97280661177202887, 4.53995135998517796 51.96988513981805369, 4.53578234094538413 51.9704478380817676, 4.53498510698338375 51.96827230256624119, 4.52875990921730498 51.96702363980642048, 4.52782168584317724 51.96565869696164697, 4.52365375105688283 51.96392492522195283, 4.52094659590087566 51.96340793725031659, 4.51858647686875337 51.96028628542908478, 4.51390070019570278 51.96265375828110678, 4.51310327578120596 51.96292169203073996, 4.51224684566804424 51.96242040924113326, 4.50927386842647149 51.96389492956429024, 4.50584416598653092 51.96565202695776264, 4.5065844790667402 51.96637576503432854, 4.4968571831896389 51.9713058387317588, 4.49841227611868 51.97754483066945852, 4.50200253014129004 51.97597879726058778, 4.507761475174763 51.98033742363072918, 4.51209853344520617 51.97814228174008377, 4.51686679207051522 51.98177536645722796, 4.52633076885946917 51.97692845757413949, 4.53927640131163024 51.98715074602682051, 4.54739365630562631 51.98874623925641458)))</t>
  </si>
  <si>
    <t>MultiPolygon (((4.48459189111918111 51.98719713005019116, 4.49576269584556254 51.98153187996020819, 4.49822713483320502 51.98101918299871471, 4.49835999698426825 51.98092124974408534, 4.4913112683836296 51.97890645699096979, 4.48325176532656133 51.97336232898690156, 4.47055812187477208 51.97977956586530013, 4.481329779357619 51.98884192191760434, 4.48459189111918111 51.98719713005019116, 4.48459189111918111 51.98719713005019116)))</t>
  </si>
  <si>
    <t>MultiPolygon (((4.49272724249353761 51.99324971926844796, 4.48844156265401395 51.99008011907878313, 4.48459189111918111 51.98719713005019116, 4.481329779357619 51.98884192191760434, 4.48139929489535938 51.98889418584946753, 4.48901354680396736 51.99465019701463575, 4.49272724249353761 51.99324971926844796, 4.49272724249353761 51.99324971926844796)))</t>
  </si>
  <si>
    <t>MultiPolygon (((4.49913394368021535 51.98468778849186123, 4.49822713483320502 51.98101918299871471, 4.49576269584556254 51.98153187996020819, 4.48459189111918111 51.98719713005019116, 4.48844156265401395 51.99008011907878313, 4.49913394368021535 51.98468778849186123, 4.49913394368021535 51.98468778849186123)))</t>
  </si>
  <si>
    <t>MultiPolygon (((4.49934853139425872 51.98985620224843274, 4.49516056272622055 51.98888625756612925, 4.49437181050837964 51.98793245873910251, 4.49689295163178038 51.98630071184372525, 4.49948953755996151 51.98592801002128994, 4.49913394368021535 51.98468778849186123, 4.48844156265401395 51.99008011907878313, 4.49272724249353761 51.99324971926844796, 4.49934853139425872 51.98985620224843274, 4.49934853139425872 51.98985620224843274)))</t>
  </si>
  <si>
    <t>MultiPolygon (((4.50211670188114876 52.00039188910444921, 4.49682936558718094 51.99640834008282297, 4.49272724249353761 51.99324971926844796, 4.48901354680396736 51.99465019701463575, 4.48557085316870552 51.99644386818435748, 4.4860322402739552 51.99692556165643254, 4.4907290407337177 51.9959777072941236, 4.49940889583087511 52.00270631212487871, 4.50211670188114876 52.00039188910444921, 4.50211670188114876 52.00039188910444921)))</t>
  </si>
  <si>
    <t>MultiPolygon (((4.51663508375807066 51.99269480134630328, 4.50701329987031407 51.99059688052604145, 4.49682936558718094 51.99640834008282297, 4.50211670188114876 52.00039188910444921, 4.51663508375807066 51.99269480134630328)))</t>
  </si>
  <si>
    <t>MultiPolygon (((4.50701329987031407 51.99059688052604145, 4.50455593286027423 51.99000139313552893, 4.49934853139425872 51.98985620224843274, 4.49272724249353761 51.99324971926844796, 4.49682936558718094 51.99640834008282297, 4.50701329987031407 51.99059688052604145)))</t>
  </si>
  <si>
    <t>MultiPolygon (((4.51596865064004938 51.99193060050088633, 4.50932342916364526 51.98701748727662419, 4.50455593286027423 51.99000139313552893, 4.50701329987031407 51.99059688052604145, 4.51663508375807066 51.99269480134630328, 4.52148341775097595 51.99371935991857896, 4.51596865064004938 51.99193060050088633)))</t>
  </si>
  <si>
    <t>MultiPolygon (((4.50455593286027423 51.99000139313552893, 4.50932342916364526 51.98701748727662419, 4.50855703678428021 51.98642915122667318, 4.50763959930638158 51.98572929620037542, 4.50204258645580868 51.98167721517266671, 4.49835999698426825 51.98092124974408534, 4.49822713483320502 51.98101918299871471, 4.49913394368021535 51.98468778849186123, 4.49948953755996151 51.98592801002128994, 4.49689295163178038 51.98630071184372525, 4.49437181050837964 51.98793245873910251, 4.49516056272622055 51.98888625756612925, 4.49934853139425872 51.98985620224843274, 4.50455593286027423 51.99000139313552893, 4.50455593286027423 51.99000139313552893)))</t>
  </si>
  <si>
    <t>MultiPolygon (((4.55393398318837495 52.22220541854056819, 4.55661536182060356 52.21927304626105837, 4.55843314616643802 52.21879853759861589, 4.55690850447968465 52.21641473687611068, 4.55782613771472356 52.21506695179500923, 4.55537407168430963 52.21401535084272894, 4.5542848679319059 52.21231199948594792, 4.55895463943154766 52.21024155967399594, 4.55809070426732799 52.20852097855432561, 4.55826954419109054 52.20576054052908432, 4.56068648142877819 52.20477902179244722, 4.56052127021800757 52.20365825179692365, 4.5616619460234995 52.20363940301971439, 4.55955454580287523 52.20196138939371622, 4.55965019146546524 52.20049723353363902, 4.55814254874749647 52.20036691897671233, 4.55557820887886855 52.20014522303051763, 4.55557193859877074 52.19970987606292567, 4.55526924535673672 52.1996972101238228, 4.55520060157849738 52.19961231754698616, 4.55535916482006265 52.19944156116498846, 4.55556755270776748 52.19940537470342434, 4.55556463474391382 52.19920276122419978, 4.55666420595497801 52.19881762442138751, 4.55680816500332941 52.19850224995520449, 4.55686699379727145 52.19800664958520287, 4.5571552288561028 52.19774191896488702, 4.55404618983846365 52.19758212058962954, 4.5541295814603151 52.19834201151660835, 4.5492975425596569 52.19836179910999618, 4.54937525811704191 52.19893770830543644, 4.54676765530397287 52.19897558463326703, 4.54525553446790909 52.19408896413090559, 4.54448083431501182 52.1922174023126928, 4.54451953829750721 52.19152147236920314, 4.54300119080679821 52.18811916797849193, 4.54366287612402786 52.1873938740456822, 4.53815367442998507 52.18008469391130433, 4.52817779771983187 52.17985077968808838, 4.5183686831615022 52.18211625872344683, 4.51720799857860378 52.18271858308979461, 4.50852537370610396 52.18397324126689796, 4.50354643344690064 52.18462130406670951, 4.50163361581371468 52.18426434193344221, 4.50104137899826462 52.18484002839030467, 4.50251536855881795 52.18635331165117464, 4.50651674807486469 52.1881454205259061, 4.5009021947454757 52.19250447801688608, 4.51189176880315035 52.19933865847760046, 4.51095815784614906 52.20090461057638009, 4.50647535641400676 52.20293707508997016, 4.50546793711434646 52.2017720762410633, 4.50520183090574378 52.19918612445568584, 4.49912082958907344 52.20140040023844819, 4.49521010726997705 52.19954324545312119, 4.49390661631967614 52.1981037788411868, 4.49453610197483311 52.19597348492064981, 4.49310901391601814 52.1957544378481515, 4.4922407637438555 52.2012976067612442, 4.49624874999991775 52.20400957036187606, 4.49914869112520588 52.20405619908816419, 4.50486415192598155 52.206402332472571, 4.50691284638790624 52.20998229681519831, 4.51429943684180746 52.21538573343818257, 4.51440517512149864 52.2154669439909469, 4.5194324283695364 52.21710374745311611, 4.52540852697049623 52.21806088574161464, 4.53116911484468776 52.21325888813458249, 4.55142467505057002 52.22096330063240543, 4.55322577648183557 52.22233252879952659, 4.55393398318837495 52.22220541854056819)))</t>
  </si>
  <si>
    <t>MultiPolygon (((4.49834228548945259 52.183993566813065, 4.49756222674306549 52.18398265175266459, 4.49525603591371148 52.1839388565603528, 4.4948991572028385 52.18255006437089349, 4.49412902814172099 52.18204552933032403, 4.49432931357671173 52.18166983912514922, 4.49289494888139629 52.18154084517894375, 4.49276926938943255 52.18128313930330364, 4.49143075738094844 52.18095133117901696, 4.48954438220761354 52.18172791944960665, 4.49120881151093876 52.18475420465431824, 4.49096828173249829 52.18656481359078469, 4.49674506978013344 52.18989178507693083, 4.49834228548945259 52.183993566813065)))</t>
  </si>
  <si>
    <t>MultiPolygon (((4.50651674807486469 52.1881454205259061, 4.50251536855881795 52.18635331165117464, 4.50104137899826462 52.18484002839030467, 4.50163361581371468 52.18426434193344221, 4.49834228548945259 52.183993566813065, 4.49674506978013344 52.18989178507693083, 4.5009021947454757 52.19250447801688608, 4.50651674807486469 52.1881454205259061)))</t>
  </si>
  <si>
    <t>MultiPolygon (((4.49606092824829684 52.19222554943614512, 4.49674506978013344 52.18989178507693083, 4.49096828173249829 52.18656481359078469, 4.49076377649258962 52.18682702124210948, 4.48774484478105951 52.19018861887019511, 4.48995775123465979 52.19266450045263639, 4.49334065228712465 52.19485912591329679, 4.49310901391601814 52.1957544378481515, 4.49453610197483311 52.19597348492064981, 4.49606092824829684 52.19222554943614512, 4.49606092824829684 52.19222554943614512)))</t>
  </si>
  <si>
    <t>MultiPolygon (((4.50520183090574378 52.19918612445568584, 4.5015789776842281 52.19570275843167906, 4.49606092824829684 52.19222554943614512, 4.49453610197483311 52.19597348492064981, 4.49390661631967614 52.1981037788411868, 4.49521010726997705 52.19954324545312119, 4.49912082958907344 52.20140040023844819, 4.50520183090574378 52.19918612445568584)))</t>
  </si>
  <si>
    <t>MultiPolygon (((4.51095815784614906 52.20090461057638009, 4.51189176880315035 52.19933865847760046, 4.5009021947454757 52.19250447801688608, 4.49674506978013344 52.18989178507693083, 4.49606092824829684 52.19222554943614512, 4.5015789776842281 52.19570275843167906, 4.50520183090574378 52.19918612445568584, 4.50546793711434646 52.2017720762410633, 4.50647535641400676 52.20293707508997016, 4.51095815784614906 52.20090461057638009)))</t>
  </si>
  <si>
    <t>MultiPolygon (((4.50691284638790624 52.20998229681519831, 4.50486415192598155 52.206402332472571, 4.49914869112520588 52.20405619908816419, 4.49624874999991775 52.20400957036187606, 4.4922407637438555 52.2012976067612442, 4.49144718411692434 52.20368720256989548, 4.49061235154871063 52.20343044191822202, 4.48985213110619608 52.20397759253104653, 4.48803247812490458 52.20292296226720197, 4.48671653353179245 52.20417878695584335, 4.48435377483893749 52.20301042422105553, 4.48013106702073483 52.20197968587728354, 4.47866530091762094 52.2046686037337011, 4.48119222336043954 52.20645050701067191, 4.48397519971041358 52.20360799635330551, 4.49078427272352343 52.20623174207838701, 4.5073634361210253 52.2126677209830703, 4.51429943684180746 52.21538573343818257, 4.50691284638790624 52.20998229681519831)))</t>
  </si>
  <si>
    <t>MultiPolygon (((4.53507294154976304 52.23125412684647273, 4.53935854859430599 52.22979902630094529, 4.54356954131203317 52.22680295553615792, 4.55322577648183557 52.22233252879952659, 4.55142467505057002 52.22096330063240543, 4.53116911484468776 52.21325888813458249, 4.52540852697049623 52.21806088574161464, 4.52674214808352726 52.2183222477464497, 4.52838563830949603 52.21864752054710834, 4.53115959787692901 52.21919133600902541, 4.54197681609362647 52.22131122433862771, 4.53262037299026943 52.2263226092049706, 4.53478613441897238 52.22745280778214294, 4.53529419545767798 52.22887183253303078, 4.53323140296110072 52.22996692903080174, 4.53467414106870947 52.23137603919622762, 4.53507294154976304 52.23125412684647273, 4.53507294154976304 52.23125412684647273)))</t>
  </si>
  <si>
    <t>MultiPolygon (((4.52992668718868252 52.23294950315932539, 4.52693173905549173 52.23142396222309713, 4.52164529926289216 52.23258249126044461, 4.52165351565167573 52.23258838214647426, 4.52279682001341055 52.23339376583295746, 4.52148726163993508 52.23422281506041287, 4.52506490213863 52.23592257400100891, 4.52491510396503305 52.23557199076054758, 4.5277768839422361 52.23389186632289238, 4.52992668718868252 52.23294950315932539)))</t>
  </si>
  <si>
    <t>MultiPolygon (((4.53142321403670145 52.23237355743814447, 4.53143525338428788 52.23238312725724342, 4.53356817817383728 52.23171957552466438, 4.53272612215496373 52.23022681284088264, 4.53047701978171702 52.23269575899267636, 4.53142321403670145 52.23237355743814447)))</t>
  </si>
  <si>
    <t>MultiPolygon (((4.53046870490128839 52.23269949172357229, 4.53047701978171702 52.23269575899267636, 4.53272612215496373 52.23022681284088264, 4.53356817817383728 52.23171957552466438, 4.53467414106870947 52.23137603919622762, 4.53323140296110072 52.22996692903080174, 4.53529419545767798 52.22887183253303078, 4.53478613441897238 52.22745280778214294, 4.53262037299026943 52.2263226092049706, 4.53037762075657202 52.22817202216613452, 4.52965435153386498 52.2298471569247198, 4.52738554395048887 52.23118462779952864, 4.52693173905549173 52.23142396222309713, 4.52992668718868252 52.23294950315932539, 4.53046870490128839 52.23269949172357229, 4.53046870490128839 52.23269949172357229)))</t>
  </si>
  <si>
    <t>MultiPolygon (((4.52965435153386498 52.2298471569247198, 4.53037762075657202 52.22817202216613452, 4.52380896714284297 52.22310544757523587, 4.52217396586274312 52.22260447692123364, 4.52137927554957475 52.22270935851811657, 4.51891487819755788 52.2239618378978534, 4.52169227805015694 52.2260388711666792, 4.51973267224078334 52.22706097096479994, 4.5229231481956722 52.22914575267935078, 4.52738554395048887 52.23118462779952864, 4.52965435153386498 52.2298471569247198)))</t>
  </si>
  <si>
    <t>MultiPolygon (((4.51489054883354335 52.22561966629011465, 4.51797732930694007 52.22355875380552703, 4.51521956759953813 52.22163276241020924, 4.51521609836790994 52.22163578921396976, 4.51019745785958648 52.22459522820702205, 4.51330483260582049 52.22675563827525735, 4.51489054883354335 52.22561966629011465, 4.51489054883354335 52.22561966629011465)))</t>
  </si>
  <si>
    <t>MultiPolygon (((4.51973267224078334 52.22706097096479994, 4.52169227805015694 52.2260388711666792, 4.51891487819755788 52.2239618378978534, 4.51797732930694007 52.22355875380552703, 4.51489054883354335 52.22561966629011465, 4.51871233030428776 52.22775092945832398, 4.51973267224078334 52.22706097096479994, 4.51973267224078334 52.22706097096479994)))</t>
  </si>
  <si>
    <t>MultiPolygon (((4.51871233030428776 52.22775092945832398, 4.51489054883354335 52.22561966629011465, 4.51330483260582049 52.22675563827525735, 4.51667187148250981 52.2290135798873294, 4.51871233030428776 52.22775092945832398, 4.51871233030428776 52.22775092945832398)))</t>
  </si>
  <si>
    <t>MultiPolygon (((4.5229231481956722 52.22914575267935078, 4.51973267224078334 52.22706097096479994, 4.51871233030428776 52.22775092945832398, 4.51667187148250981 52.2290135798873294, 4.52006179557286636 52.23151751039657853, 4.5229231481956722 52.22914575267935078, 4.5229231481956722 52.22914575267935078)))</t>
  </si>
  <si>
    <t>MultiPolygon (((4.52693173905549173 52.23142396222309713, 4.52738554395048887 52.23118462779952864, 4.5229231481956722 52.22914575267935078, 4.52006179557286636 52.23151751039657853, 4.52006980322293295 52.2315218466930915, 4.52164529926289216 52.23258249126044461, 4.52693173905549173 52.23142396222309713, 4.52693173905549173 52.23142396222309713)))</t>
  </si>
  <si>
    <t>MultiPolygon (((4.50362382567344621 52.21382887645193449, 4.5073634361210253 52.2126677209830703, 4.49078427272352343 52.20623174207838701, 4.49049526812664102 52.20705788919660506, 4.49235527318884387 52.20870590759318475, 4.49919747799597403 52.21253339753909017, 4.50235041913877598 52.21491174162461846, 4.50362382567344621 52.21382887645193449, 4.50362382567344621 52.21382887645193449)))</t>
  </si>
  <si>
    <t>MultiPolygon (((4.51440517512149864 52.2154669439909469, 4.51429943684180746 52.21538573343818257, 4.5073634361210253 52.2126677209830703, 4.50362382567344621 52.21382887645193449, 4.50235041913877598 52.21491174162461846, 4.50734237647727554 52.21753978250907835, 4.50910829931490209 52.21837254876219703, 4.51440517512149864 52.2154669439909469, 4.51440517512149864 52.2154669439909469)))</t>
  </si>
  <si>
    <t>MultiPolygon (((4.49862749727916622 52.21377823190406531, 4.49919747799597403 52.21253339753909017, 4.49235527318884387 52.20870590759318475, 4.49049526812664102 52.20705788919660506, 4.49078427272352343 52.20623174207838701, 4.48397519971041358 52.20360799635330551, 4.48119222336043954 52.20645050701067191, 4.49106611061929595 52.21281719291705059, 4.49600930056825021 52.21518519374994582, 4.49862749727916622 52.21377823190406531, 4.49862749727916622 52.21377823190406531)))</t>
  </si>
  <si>
    <t>MultiPolygon (((4.50564395468690027 52.21850671757314188, 4.50320264689005167 52.21758257218677812, 4.49862749727916622 52.21377823190406531, 4.49600930056825021 52.21518519374994582, 4.50378777407813402 52.21991290703969213, 4.50564395468690027 52.21850671757314188, 4.50564395468690027 52.21850671757314188)))</t>
  </si>
  <si>
    <t>MultiPolygon (((4.52217396586274312 52.22260447692123364, 4.52145984319703143 52.22076179746241564, 4.51983802473645113 52.21924509307715567, 4.51787081437430427 52.22021873115451029, 4.52137927554957475 52.22270935851811657, 4.52217396586274312 52.22260447692123364, 4.52217396586274312 52.22260447692123364)))</t>
  </si>
  <si>
    <t>MultiPolygon (((4.51891487819755788 52.2239618378978534, 4.52137927554957475 52.22270935851811657, 4.51787081437430427 52.22021873115451029, 4.51521956759953813 52.22163276241020924, 4.51797732930694007 52.22355875380552703, 4.51891487819755788 52.2239618378978534, 4.51891487819755788 52.2239618378978534)))</t>
  </si>
  <si>
    <t>MultiPolygon (((4.52400010417330467 52.2190868212481476, 4.52583106783035038 52.21903456683487832, 4.52674214808352726 52.2183222477464497, 4.52540852697049623 52.21806088574161464, 4.5194324283695364 52.21710374745311611, 4.51983802473645113 52.21924509307715567, 4.52145984319703143 52.22076179746241564, 4.52400010417330467 52.2190868212481476, 4.52400010417330467 52.2190868212481476)))</t>
  </si>
  <si>
    <t>MultiPolygon (((4.52509660909912892 52.22254568911625938, 4.52764984433713469 52.21938215526081706, 4.52838563830949603 52.21864752054710834, 4.52674214808352726 52.2183222477464497, 4.52583106783035038 52.21903456683487832, 4.52400010417330467 52.2190868212481476, 4.52145984319703143 52.22076179746241564, 4.52217396586274312 52.22260447692123364, 4.52380896714284297 52.22310544757523587, 4.52509660909912892 52.22254568911625938, 4.52509660909912892 52.22254568911625938)))</t>
  </si>
  <si>
    <t>MultiPolygon (((4.52839107004281427 52.22252402042239083, 4.53137153508685397 52.22080916294352448, 4.52764984433713469 52.21938215526081706, 4.52509660909912892 52.22254568911625938, 4.52839107004281427 52.22252402042239083, 4.52839107004281427 52.22252402042239083)))</t>
  </si>
  <si>
    <t>MultiPolygon (((4.54197681609362647 52.22131122433862771, 4.53115959787692901 52.21919133600902541, 4.53161502938946992 52.22024010164444974, 4.53614253551614866 52.22217374139609092, 4.53312429559929075 52.22414101788199758, 4.53262037299026943 52.2263226092049706, 4.54197681609362647 52.22131122433862771)))</t>
  </si>
  <si>
    <t>MultiPolygon (((4.53312429559929075 52.22414101788199758, 4.53614253551614866 52.22217374139609092, 4.53161502938946992 52.22024010164444974, 4.53115959787692901 52.21919133600902541, 4.52838563830949603 52.21864752054710834, 4.52764984433713469 52.21938215526081706, 4.53137153508685397 52.22080916294352448, 4.52839107004281427 52.22252402042239083, 4.53312429559929075 52.22414101788199758, 4.53312429559929075 52.22414101788199758)))</t>
  </si>
  <si>
    <t>MultiPolygon (((4.53262037299026943 52.2263226092049706, 4.53312429559929075 52.22414101788199758, 4.52839107004281427 52.22252402042239083, 4.52509660909912892 52.22254568911625938, 4.52380896714284297 52.22310544757523587, 4.53037762075657202 52.22817202216613452, 4.53262037299026943 52.2263226092049706, 4.53262037299026943 52.2263226092049706)))</t>
  </si>
  <si>
    <t>MultiPolygon (((4.50564395468690027 52.21850671757314188, 4.50734237647727554 52.21753978250907835, 4.50235041913877598 52.21491174162461846, 4.49919747799597403 52.21253339753909017, 4.49862749727916622 52.21377823190406531, 4.50320264689005167 52.21758257218677812, 4.50564395468690027 52.21850671757314188, 4.50564395468690027 52.21850671757314188)))</t>
  </si>
  <si>
    <t>MultiPolygon (((4.51521956759953813 52.22163276241020924, 4.51787081437430427 52.22021873115451029, 4.51983802473645113 52.21924509307715567, 4.5194324283695364 52.21710374745311611, 4.51440517512149864 52.2154669439909469, 4.50910829931490209 52.21837254876219703, 4.51356511101014046 52.22068625045273649, 4.51521609836790994 52.22163578921396976, 4.51521956759953813 52.22163276241020924, 4.51521956759953813 52.22163276241020924)))</t>
  </si>
  <si>
    <t>MultiPolygon (((4.50976262161045138 52.22083332806652578, 4.511418551653124 52.22186144267357832, 4.51356511101014046 52.22068625045273649, 4.50910829931490209 52.21837254876219703, 4.50734237647727554 52.21753978250907835, 4.50564395468690027 52.21850671757314188, 4.50378777407813402 52.21991290703969213, 4.50698003660758051 52.22254330932788235, 4.50976262161045138 52.22083332806652578)))</t>
  </si>
  <si>
    <t>MultiPolygon (((4.51521609836790994 52.22163578921396976, 4.51356511101014046 52.22068625045273649, 4.511418551653124 52.22186144267357832, 4.50976262161045138 52.22083332806652578, 4.50698003660758051 52.22254330932788235, 4.51019745785958648 52.22459522820702205, 4.51521609836790994 52.22163578921396976)))</t>
  </si>
  <si>
    <t>MultiPolygon (((4.52741655865713 52.23915959722495472, 4.52909256588780185 52.23832598433917696, 4.52947193247601021 52.23813728735350992, 4.52506490213863 52.23592257400100891, 4.52148726163993508 52.23422281506041287, 4.52279682001341055 52.23339376583295746, 4.52165351565167573 52.23258838214647426, 4.51963657433458099 52.23296766107581846, 4.52006980322293295 52.2315218466930915, 4.52006179557286636 52.23151751039657853, 4.51667187148250981 52.2290135798873294, 4.51330483260582049 52.22675563827525735, 4.51019745785958648 52.22459522820702205, 4.50698003660758051 52.22254330932788235, 4.50378777407813402 52.21991290703969213, 4.49600930056825021 52.21518519374994582, 4.49106611061929595 52.21281719291705059, 4.48119222336043954 52.20645050701067191, 4.47866530091762094 52.2046686037337011, 4.47624820862220041 52.20322578482114295, 4.47282574385543175 52.20265634201045657, 4.47137897661016481 52.20157024689464009, 4.47024026932021101 52.2022671918566985, 4.46765998158875188 52.20193297103373453, 4.4663074353964527 52.20054890832366112, 4.46347148114712322 52.20020156285939095, 4.46041736360485963 52.20219908363228711, 4.46267470639171648 52.20341151533185098, 4.46064328029519785 52.20480299619546827, 4.45564858107039097 52.20702998460995303, 4.45862465727867896 52.20824260566170238, 4.45959549979351344 52.20924047324324846, 4.4623320955215009 52.21055039549951715, 4.46251114726867826 52.21176005668979059, 4.46574844822329098 52.21314290936684444, 4.46617580151119231 52.21418784658434475, 4.4640820667038712 52.21596433177357, 4.47035814511945073 52.21981267458220799, 4.47070432490935321 52.22176252049044365, 4.46698533501547601 52.22378583342720049, 4.46606600370197171 52.22500271466933697, 4.46849170776803106 52.22661927427964912, 4.46928104795010395 52.22491454269314204, 4.47333670313275089 52.22374220680337942, 4.47633181439791361 52.22157823579581759, 4.47223033053571584 52.21907532034700949, 4.47635989666680612 52.21657118789663343, 4.47778558253189729 52.21795892266064243, 4.47788444594170265 52.21790447229467702, 4.4796526075610732 52.21763023391046943, 4.48103371607991097 52.21683337239459632, 4.47969763318159764 52.21556552736261381, 4.48214910462436755 52.21321466371909281, 4.48339406974976384 52.21300653261236846, 4.48741610350274467 52.2152231752894167, 4.48761240375870951 52.21525923274322167, 4.49204213563072585 52.21622668013795732, 4.49526865607860238 52.2181295761646993, 4.49673793926973175 52.22113792391755993, 4.50023613316689453 52.22307779635956848, 4.50312709621918739 52.22525012278438794, 4.49829514568059707 52.22860624938868312, 4.4977638356952081 52.22895059588702793, 4.49173682739743185 52.23304191125337326, 4.4913138637252592 52.23331500563910623, 4.48846795745764204 52.23515238843003772, 4.48533237863927337 52.23318850851025985, 4.48318332675183218 52.23285355890670445, 4.47997449870309783 52.2341192372998151, 4.49491956328406417 52.24417987366554428, 4.49711490690387095 52.24281062945188836, 4.49570844226424882 52.24185536338845992, 4.50052522997892268 52.23891588103683858, 4.50298292963072555 52.2403660981344089, 4.50334002165831304 52.2417892008091016, 4.49766277226845723 52.24603322985390719, 4.50141627877972539 52.24856137503772402, 4.51349504078469899 52.2549914643436253, 4.51787789511481996 52.25273079093800987, 4.5214758565401274 52.24953937005486893, 4.5265942225992557 52.24725279494158769, 4.52517842247653856 52.24623529805090527, 4.52589018842822011 52.24577569897805063, 4.52408821369364045 52.24437716570991341, 4.52773839975786263 52.24240922655527442, 4.52782791421150321 52.24206154608728525, 4.53005080698147022 52.24116237974449461, 4.52862598910915626 52.24027526729601334, 4.52891576583448252 52.24006577199960333, 4.52741655865713 52.23915959722495472)))</t>
  </si>
  <si>
    <t>MultiPolygon (((4.4858001043331921 52.21715778656944451, 4.48741610350274467 52.2152231752894167, 4.48339406974976384 52.21300653261236846, 4.48214910462436755 52.21321466371909281, 4.47969763318159764 52.21556552736261381, 4.48103371607991097 52.21683337239459632, 4.4796526075610732 52.21763023391046943, 4.4858001043331921 52.21715778656944451, 4.4858001043331921 52.21715778656944451)))</t>
  </si>
  <si>
    <t>MultiPolygon (((4.48318332675183218 52.23285355890670445, 4.48278174611928826 52.22927573547591606, 4.48279014006469811 52.22922257823884706, 4.48156346723120702 52.22962342657046264, 4.47907153601562147 52.228336478888302, 4.47921357029549139 52.2266411182059116, 4.47829467235057965 52.22613679379731622, 4.47333670313275089 52.22374220680337942, 4.46928104795010395 52.22491454269314204, 4.46849170776803106 52.22661927427964912, 4.47749215258125943 52.23244970648266161, 4.47997449870309783 52.2341192372998151, 4.48318332675183218 52.23285355890670445, 4.48318332675183218 52.23285355890670445)))</t>
  </si>
  <si>
    <t>MultiPolygon (((4.52164529926289216 52.23258249126044461, 4.52006980322293295 52.2315218466930915, 4.51963657433458099 52.23296766107581846, 4.52165351565167573 52.23258838214647426, 4.52164529926289216 52.23258249126044461)))</t>
  </si>
  <si>
    <t>MultiPolygon (((4.50334002165831304 52.2417892008091016, 4.50298292963072555 52.2403660981344089, 4.50052522997892268 52.23891588103683858, 4.49570844226424882 52.24185536338845992, 4.49711490690387095 52.24281062945188836, 4.49491956328406417 52.24417987366554428, 4.4959281028615159 52.24486401480911013, 4.49766277226845723 52.24603322985390719, 4.50334002165831304 52.2417892008091016)))</t>
  </si>
  <si>
    <t>MultiPolygon (((4.4913138637252592 52.23331500563910623, 4.48455278903612164 52.2306876303059866, 4.48278174611928826 52.22927573547591606, 4.48318332675183218 52.23285355890670445, 4.48533237863927337 52.23318850851025985, 4.48846795745764204 52.23515238843003772, 4.4913138637252592 52.23331500563910623)))</t>
  </si>
  <si>
    <t>MultiPolygon (((4.49173682739743185 52.23304191125337326, 4.48732576768957259 52.2298566198864691, 4.48328600150088441 52.22754224548916824, 4.48279014006469811 52.22922257823884706, 4.48278174611928826 52.22927573547591606, 4.48455278903612164 52.2306876303059866, 4.4913138637252592 52.23331500563910623, 4.49173682739743185 52.23304191125337326, 4.49173682739743185 52.23304191125337326)))</t>
  </si>
  <si>
    <t>MultiPolygon (((4.4977638356952081 52.22895059588702793, 4.49067049397350715 52.22820039978024198, 4.48732576768957259 52.2298566198864691, 4.49173682739743185 52.23304191125337326, 4.4977638356952081 52.22895059588702793, 4.4977638356952081 52.22895059588702793)))</t>
  </si>
  <si>
    <t>MultiPolygon (((4.49067049397350715 52.22820039978024198, 4.48631703523511227 52.22422618912070647, 4.48488516779150981 52.22300743322612959, 4.48328600150088441 52.22754224548916824, 4.48732576768957259 52.2298566198864691, 4.49067049397350715 52.22820039978024198, 4.49067049397350715 52.22820039978024198)))</t>
  </si>
  <si>
    <t>MultiPolygon (((4.49829514568059707 52.22860624938868312, 4.4935928324775789 52.22634617018985637, 4.48887426140908197 52.22381119125990523, 4.48631703523511227 52.22422618912070647, 4.49067049397350715 52.22820039978024198, 4.4977638356952081 52.22895059588702793, 4.49829514568059707 52.22860624938868312, 4.49829514568059707 52.22860624938868312)))</t>
  </si>
  <si>
    <t>MultiPolygon (((4.50312709621918739 52.22525012278438794, 4.50023613316689453 52.22307779635956848, 4.49684886103843251 52.22511793505543665, 4.4935928324775789 52.22634617018985637, 4.49829514568059707 52.22860624938868312, 4.50312709621918739 52.22525012278438794)))</t>
  </si>
  <si>
    <t>MultiPolygon (((4.50023613316689453 52.22307779635956848, 4.49673793926973175 52.22113792391755993, 4.49526865607860238 52.2181295761646993, 4.49204213563072585 52.21622668013795732, 4.49136304513377027 52.21705294003972142, 4.49253800773530809 52.21906212842167605, 4.49096474308390281 52.22152422437861929, 4.49684886103843251 52.22511793505543665, 4.50023613316689453 52.22307779635956848, 4.50023613316689453 52.22307779635956848)))</t>
  </si>
  <si>
    <t>MultiPolygon (((4.49684886103843251 52.22511793505543665, 4.49096474308390281 52.22152422437861929, 4.48887426140908197 52.22381119125990523, 4.4935928324775789 52.22634617018985637, 4.49684886103843251 52.22511793505543665, 4.49684886103843251 52.22511793505543665)))</t>
  </si>
  <si>
    <t>MultiPolygon (((4.48887426140908197 52.22381119125990523, 4.49096474308390281 52.22152422437861929, 4.49253800773530809 52.21906212842167605, 4.49136304513377027 52.21705294003972142, 4.49204213563072585 52.21622668013795732, 4.48761240375870951 52.21525923274322167, 4.48488516779150981 52.22300743322612959, 4.48631703523511227 52.22422618912070647, 4.48887426140908197 52.22381119125990523, 4.48887426140908197 52.22381119125990523)))</t>
  </si>
  <si>
    <t>MultiPolygon (((4.47746638236952954 52.21814615543502214, 4.47778558253189729 52.21795892266064243, 4.47635989666680612 52.21657118789663343, 4.47223033053571584 52.21907532034700949, 4.47633181439791361 52.22157823579581759, 4.47746638236952954 52.21814615543502214, 4.47746638236952954 52.21814615543502214)))</t>
  </si>
  <si>
    <t>MultiPolygon (((4.48761240375870951 52.21525923274322167, 4.48741610350274467 52.2152231752894167, 4.4858001043331921 52.21715778656944451, 4.4796526075610732 52.21763023391046943, 4.47788444594170265 52.21790447229467702, 4.47957577895777881 52.21996057868528851, 4.48384849547724507 52.22243249530669829, 4.48488516779150981 52.22300743322612959, 4.48761240375870951 52.21525923274322167, 4.48761240375870951 52.21525923274322167)))</t>
  </si>
  <si>
    <t>MultiPolygon (((4.48384849547724507 52.22243249530669829, 4.47957577895777881 52.21996057868528851, 4.47788444594170265 52.21790447229467702, 4.47778558253189729 52.21795892266064243, 4.47746638236952954 52.21814615543502214, 4.47633181439791361 52.22157823579581759, 4.47333670313275089 52.22374220680337942, 4.47829467235057965 52.22613679379731622, 4.48384849547724507 52.22243249530669829, 4.48384849547724507 52.22243249530669829)))</t>
  </si>
  <si>
    <t>MultiPolygon (((4.48279014006469811 52.22922257823884706, 4.48328600150088441 52.22754224548916824, 4.48488516779150981 52.22300743322612959, 4.48384849547724507 52.22243249530669829, 4.47829467235057965 52.22613679379731622, 4.47921357029549139 52.2266411182059116, 4.47907153601562147 52.228336478888302, 4.48156346723120702 52.22962342657046264, 4.48279014006469811 52.22922257823884706)))</t>
  </si>
  <si>
    <t>MultiPolygon (((5.46265809751319154 52.48232839539560501, 5.4680244874691164 52.47896361616267313, 5.46144899579734133 52.47505074276601533, 5.45607684649374303 52.47841778932451717, 5.45366716769843318 52.47992783073848955, 5.45518266466560942 52.48083010579371432, 5.46024299156761295 52.48384244256929776, 5.46265809751319154 52.48232839539560501, 5.46265809751319154 52.48232839539560501)))</t>
  </si>
  <si>
    <t>MultiPolygon (((5.4722505881483432 52.47631327590426764, 5.47800097656592033 52.47256392233664002, 5.47858257602963317 52.4721970214961928, 5.4759294893897934 52.46901045914064099, 5.47802822080873941 52.46804544874882481, 5.473368469126628 52.46539635500413823, 5.46983540044142824 52.46757408602065453, 5.46822716444066792 52.46667725218581069, 5.45265722651023577 52.47637437987555131, 5.45607684649374303 52.47841778932451717, 5.46144899579734133 52.47505074276601533, 5.4680244874691164 52.47896361616267313, 5.4722505881483432 52.47631327590426764, 5.4722505881483432 52.47631327590426764)))</t>
  </si>
  <si>
    <t>MultiPolygon (((5.47155197068407873 52.4824186869088507, 5.47689211897193129 52.47907226883823739, 5.4722505881483432 52.47631327590426764, 5.4680244874691164 52.47896361616267313, 5.46265809751319154 52.48232839539560501, 5.4668653331715813 52.48535496244581111, 5.47155197068407873 52.4824186869088507, 5.47155197068407873 52.4824186869088507)))</t>
  </si>
  <si>
    <t>MultiPolygon (((5.49303010748916076 52.48714078583593334, 5.48919965732652493 52.48642330713131798, 5.47689211897193129 52.47907226883823739, 5.47155197068407873 52.4824186869088507, 5.48034322891103454 52.48764451683412346, 5.48649354578449344 52.4912993526546785, 5.49303010748916076 52.48714078583593334, 5.49303010748916076 52.48714078583593334)))</t>
  </si>
  <si>
    <t>MultiPolygon (((5.4835910671550856 52.49260230841248642, 5.48649354578449344 52.4912993526546785, 5.48034322891103454 52.48764451683412346, 5.47783269590621025 52.48826903623368878, 5.48137741087534813 52.49311125805646583, 5.4835910671550856 52.49260230841248642, 5.4835910671550856 52.49260230841248642)))</t>
  </si>
  <si>
    <t>MultiPolygon (((5.47489228668548567 52.49400071730064354, 5.48137741087534813 52.49311125805646583, 5.47783269590621025 52.48826903623368878, 5.48034322891103454 52.48764451683412346, 5.47155197068407873 52.4824186869088507, 5.4668653331715813 52.48535496244581111, 5.47076165665193948 52.489657327817973, 5.47309662929535445 52.4940967361026054, 5.47489228668548567 52.49400071730064354, 5.47489228668548567 52.49400071730064354)))</t>
  </si>
  <si>
    <t>MultiPolygon (((5.44485961064531665 52.4872441981848965, 5.45048345596616812 52.48375024031856384, 5.45518266466560942 52.48083010579371432, 5.45366716769843318 52.47992783073848955, 5.45607684649374303 52.47841778932451717, 5.45265722651023577 52.47637437987555131, 5.43404835250397067 52.48772814244468066, 5.43916752890479849 52.4907797128876652, 5.44485961064531665 52.4872441981848965, 5.44485961064531665 52.4872441981848965)))</t>
  </si>
  <si>
    <t>MultiPolygon (((5.44378973638381591 52.49432073694633516, 5.43916752890479849 52.4907797128876652, 5.43404835250397067 52.48772814244468066, 5.43218647409296462 52.48661810540500028, 5.43081784189706251 52.48811772400389941, 5.4313597283201549 52.49447923862666698, 5.42911802551534173 52.49662185347678189, 5.43366236713871498 52.49568176204032, 5.44179343492950629 52.49638591241096464, 5.44826970295393398 52.49699651200447903, 5.44378973638381591 52.49432073694633516, 5.44378973638381591 52.49432073694633516)))</t>
  </si>
  <si>
    <t>MultiPolygon (((5.47309662929535445 52.4940967361026054, 5.47076165665193948 52.489657327817973, 5.4668653331715813 52.48535496244581111, 5.46265809751319154 52.48232839539560501, 5.46024299156761295 52.48384244256929776, 5.45518266466560942 52.48083010579371432, 5.45048345596616812 52.48375024031856384, 5.46756674406410159 52.49382457283862635, 5.47309662929535445 52.4940967361026054, 5.47309662929535445 52.4940967361026054)))</t>
  </si>
  <si>
    <t>MultiPolygon (((5.45048345596616812 52.48375024031856384, 5.44485961064531665 52.4872441981848965, 5.45124572161736509 52.49104507344908654, 5.45095503790419134 52.49224001444102328, 5.45732545770897115 52.49258755255431907, 5.46365309764898299 52.49328111034775901, 5.46756674406410159 52.49382457283862635, 5.45048345596616812 52.48375024031856384, 5.45048345596616812 52.48375024031856384)))</t>
  </si>
  <si>
    <t>MultiPolygon (((5.4469219872433694 52.49270813349968989, 5.45095503790419134 52.49224001444102328, 5.45124572161736509 52.49104507344908654, 5.44485961064531665 52.4872441981848965, 5.43916752890479849 52.4907797128876652, 5.44378973638381591 52.49432073694633516, 5.4469219872433694 52.49270813349968989)))</t>
  </si>
  <si>
    <t>MultiPolygon (((5.40879565103352444 52.48472637180390166, 5.41460795996467148 52.47744643342578996, 5.41812620115511923 52.47240646456519642, 5.41837752444630016 52.45858603609656257, 5.43854446225147736 52.44338133706362726, 5.43860826340692682 52.44263110854478072, 5.42688947527698318 52.43550538620343104, 5.42717684578994408 52.43455368930453631, 5.42377516724345465 52.43256390189771565, 5.42100808109609122 52.43208300010108047, 5.39753287834418405 52.419840538794368, 5.37898806362615822 52.41149396466796873, 5.35077240362185247 52.40020867868260268, 5.34951417600786083 52.40146794932238095, 5.34371027927964448 52.40124218798043643, 5.33315516216750041 52.40632187266022157, 5.27581236720088764 52.42331691905683044, 5.2679840442955177 52.42736534803793802, 5.25842419301001041 52.43542548079354759, 5.37791101312303432 52.48689879241073442, 5.38646760986207074 52.4902672018410783, 5.39479830711650266 52.49077103122464649, 5.40023598411520922 52.49363239238918766, 5.40068840689288443 52.49337464200773695, 5.40879565103352444 52.48472637180390166)))</t>
  </si>
  <si>
    <t>MultiPolygon (((5.45265722651023577 52.47637437987555131, 5.46822716444066792 52.46667725218581069, 5.46983540044142824 52.46757408602065453, 5.473368469126628 52.46539635500413823, 5.43854446225147736 52.44338133706362726, 5.41837752444630016 52.45858603609656257, 5.41812620115511923 52.47240646456519642, 5.41460795996467148 52.47744643342578996, 5.41961218487750429 52.47911025572457078, 5.43034175377032646 52.48548166733385045, 5.43218647409296462 52.48661810540500028, 5.43404835250397067 52.48772814244468066, 5.45265722651023577 52.47637437987555131, 5.45265722651023577 52.47637437987555131)))</t>
  </si>
  <si>
    <t>MultiPolygon (((5.5127846348884697 52.47394004644602461, 5.48406022153138473 52.45782679320497977, 5.473368469126628 52.46539635500413823, 5.47802822080873941 52.46804544874882481, 5.5031658983874534 52.48041590137168555, 5.5127846348884697 52.47394004644602461, 5.5127846348884697 52.47394004644602461)))</t>
  </si>
  <si>
    <t>MultiPolygon (((5.52321457301371233 52.4669646356791759, 5.49802767429347394 52.45286176824187407, 5.4950000089162554 52.45267611571386368, 5.49147043480739683 52.45330582444704248, 5.48406022153138473 52.45782679320497977, 5.5127846348884697 52.47394004644602461, 5.52321457301371233 52.4669646356791759, 5.52321457301371233 52.4669646356791759)))</t>
  </si>
  <si>
    <t>MultiPolygon (((5.52255629111799795 52.54854099949467638, 5.51906895679822274 52.5302832973426419, 5.51905176980602263 52.53019275355185158, 5.51346843752414628 52.53078171878965463, 5.51522485290410724 52.54008279575809581, 5.51378914221173311 52.54026224744184503, 5.51433062648854122 52.54303867537831962, 5.51579647599919465 52.542938027915703, 5.51694806149875472 52.54895667750730581, 5.52255629111799795 52.54854099949467638, 5.52255629111799795 52.54854099949467638)))</t>
  </si>
  <si>
    <t>MultiPolygon (((5.52859112882099435 52.54809339688316072, 5.5251715647363131 52.53048188777305683, 5.52500795289327318 52.52967318783634454, 5.51906895679822274 52.5302832973426419, 5.52255629111799795 52.54854099949467638, 5.52859112882099435 52.54809339688316072, 5.52859112882099435 52.54809339688316072)))</t>
  </si>
  <si>
    <t>MultiPolygon (((5.5310970979362537 52.54798295048130541, 5.53279760574990842 52.53063273124374888, 5.5251715647363131 52.53048188777305683, 5.52859112882099435 52.54809339688316072, 5.5310970979362537 52.54798295048130541, 5.5310970979362537 52.54798295048130541)))</t>
  </si>
  <si>
    <t>MultiPolygon (((5.5031658983874534 52.48041590137168555, 5.47802822080873941 52.46804544874882481, 5.4759294893897934 52.46901045914064099, 5.47858257602963317 52.4721970214961928, 5.47800097656592033 52.47256392233664002, 5.49734185225426053 52.4842506975655283, 5.5031658983874534 52.48041590137168555, 5.5031658983874534 52.48041590137168555)))</t>
  </si>
  <si>
    <t>MultiPolygon (((5.49734185225426053 52.4842506975655283, 5.47800097656592033 52.47256392233664002, 5.4722505881483432 52.47631327590426764, 5.47689211897193129 52.47907226883823739, 5.48919965732652493 52.48642330713131798, 5.49303010748916076 52.48714078583593334, 5.49734185225426053 52.4842506975655283, 5.49734185225426053 52.4842506975655283)))</t>
  </si>
  <si>
    <t>MultiPolygon (((5.50759913204052598 52.48238723121326643, 5.5031658983874534 52.48041590137168555, 5.49734185225426053 52.4842506975655283, 5.50244186707189087 52.48636881841296997, 5.50759913204052598 52.48238723121326643, 5.50759913204052598 52.48238723121326643)))</t>
  </si>
  <si>
    <t>MultiPolygon (((5.48667471578205568 52.54329569203383699, 5.48072947102571018 52.53938267546999441, 5.47651581202139059 52.53011430355731193, 5.47421496108170746 52.53040189464979903, 5.4694447598523066 52.52972219375600105, 5.46101069649062953 52.52992858920212171, 5.45974020187080189 52.52935906153467727, 5.45477199950332459 52.5291795544531368, 5.4550612019170126 52.53051291088028307, 5.45489453602625574 52.53255949224994481, 5.45914778551864188 52.53853898715836124, 5.46047119924953872 52.5430387977403015, 5.46406195889433999 52.54314456108398446, 5.46351603892976811 52.54863427907028495, 5.49010758154722733 52.54957841797300233, 5.48667471578205568 52.54329569203383699)))</t>
  </si>
  <si>
    <t>MultiPolygon (((5.51522485290410724 52.54008279575809581, 5.51346843752414628 52.53078171878965463, 5.51905176980602263 52.53019275355185158, 5.51787886152497276 52.52899155941538822, 5.50877122980549672 52.5286332563931353, 5.50888777437774557 52.52744124837954587, 5.5015130099917684 52.52721054067087181, 5.50161026627019112 52.52618406421901653, 5.49990729439548343 52.52612491264310535, 5.49984115610681989 52.5271902406444724, 5.49988194140954079 52.52911432791919566, 5.50424547561306898 52.5292787138465016, 5.50550979973999244 52.53584179507408436, 5.50645126398292373 52.54070815324040922, 5.51522485290410724 52.54008279575809581, 5.51522485290410724 52.54008279575809581)))</t>
  </si>
  <si>
    <t>MultiPolygon (((5.50069930726851553 52.55323743578336604, 5.49925770712063144 52.54989624900903777, 5.49010758154722733 52.54957841797300233, 5.46351603892976811 52.54863427907028495, 5.45938679692408435 52.54779310018373906, 5.45602819565942099 52.54600494379835141, 5.45451102801384202 52.54601282862991241, 5.45462130409700219 52.54663417880487231, 5.45381307754634559 52.54679025095914113, 5.45594082793311586 52.55032780731986009, 5.45445715058761937 52.55129495242668014, 5.45692100628155163 52.55354231681374699, 5.45888837656452885 52.55420695468455961, 5.45972708715884902 52.55417234932462378, 5.45711693883338889 52.55327247345773856, 5.45520976239291588 52.55143388111026326, 5.45779296155035443 52.55010130755606923, 5.45897091950373081 52.55138332836832404, 5.46015953974047452 52.55185698707374797, 5.46209540017446216 52.55215131992454758, 5.49332168259882714 52.55326895535011289, 5.4974494434373451 52.554366706337035, 5.50071444296468037 52.55610437197204732, 5.50069930726851553 52.55323743578336604)))</t>
  </si>
  <si>
    <t>MultiPolygon (((5.53330893711969907 52.51973928312116868, 5.52357335218255674 52.51939650334751519, 5.50974889076278629 52.51896497950978926, 5.50946995318139265 52.52171100714959096, 5.50888777437774557 52.52744124837954587, 5.50877122980549672 52.5286332563931353, 5.51787886152497276 52.52899155941538822, 5.51905176980602263 52.53019275355185158, 5.51906895679822274 52.5302832973426419, 5.52500795289327318 52.52967318783634454, 5.5251715647363131 52.53048188777305683, 5.53279760574990842 52.53063273124374888, 5.53330893711969907 52.51973928312116868)))</t>
  </si>
  <si>
    <t>MultiPolygon (((5.5254876731399678 52.49413674701026622, 5.52065485573840853 52.48982414089378778, 5.51468764250900101 52.48587958493208561, 5.50759913204052598 52.48238723121326643, 5.50244186707189087 52.48636881841296997, 5.51007047048522747 52.48881091198629889, 5.51429790578522816 52.49106256220142797, 5.52044389144070458 52.4946289639297845, 5.52459335965420095 52.49946491131357362, 5.5300975078254524 52.50024775949314204, 5.5254876731399678 52.49413674701026622)))</t>
  </si>
  <si>
    <t>MultiPolygon (((5.53332518809356078 52.51030440495723894, 5.53149265988035133 52.50305352761785826, 5.5300975078254524 52.50024775949314204, 5.52459335965420095 52.49946491131357362, 5.51058429860577981 52.49951123803393216, 5.51102895169720863 52.50316914957493708, 5.51086534725461963 52.50820673697515417, 5.51068751794971767 52.51004860479923764, 5.52294102313051916 52.51042307980764434, 5.53332518809356078 52.51030440495723894)))</t>
  </si>
  <si>
    <t>MultiPolygon (((5.56440947620460769 52.4349703528443456, 5.56662182215162016 52.43588010098395813, 5.56663684910561418 52.43586299753253854, 5.58799819910431328 52.414766242683136, 5.58906997696617402 52.41118658957994825, 5.58321691778196971 52.41135784454023394, 5.57801419079207506 52.40996789044670834, 5.55464166837005635 52.39638923139795423, 5.54522462189670051 52.3901605623524631, 5.51048884122650673 52.40940374968131721, 5.50708551602362384 52.41158536007576885, 5.5130628983187 52.41541733413111359, 5.51210624248180547 52.41597439705503803, 5.51718174237695802 52.41922815340025466, 5.52249699695747243 52.41613183166093393, 5.5204660393358127 52.41483073807047788, 5.52158498440587753 52.41417886481039545, 5.52462508315458134 52.4161275292869675, 5.51384677939276902 52.42240405349504329, 5.50840202488541575 52.41891476652077841, 5.49721655100161577 52.42541510323553666, 5.50309545551220491 52.42918417389599739, 5.51555107554781365 52.43712127700597136, 5.54283282206589867 52.45234823832598892, 5.56440947620460769 52.4349703528443456)))</t>
  </si>
  <si>
    <t>MultiPolygon (((5.46989444763223354 52.4352464463962562, 5.47429327507667107 52.43806796808195969, 5.48547829358379246 52.43156425598179737, 5.48094447124407758 52.42864140496394754, 5.48853643869290053 52.42389854213556077, 5.49127670495435183 52.42209880865032545, 5.48680649454338543 52.41955210101416895, 5.49553864162856431 52.41507788732411655, 5.49747157938921838 52.41332801111136774, 5.49228126792190174 52.41069792703888197, 5.49499726058898119 52.40808053837058367, 5.50152564371669772 52.41180261919494399, 5.50462962760429431 52.40976435874200234, 5.5028570322873529 52.4087551299160026, 5.50596460996997461 52.40671434353237856, 5.51048884122650673 52.40940374968131721, 5.54522462189670051 52.3901605623524631, 5.53729791938521565 52.38500009145712966, 5.5327025166964825 52.38454678902176198, 5.50899160473963523 52.39766241461214236, 5.47497880874851095 52.42003314757298682, 5.44889399562774379 52.43530138922986339, 5.45871122518798124 52.4417435343358207, 5.46989444763223354 52.4352464463962562, 5.46989444763223354 52.4352464463962562)))</t>
  </si>
  <si>
    <t>MultiPolygon (((5.50309545551220491 52.42918417389599739, 5.49721655100161577 52.42541510323553666, 5.50840202488541575 52.41891476652077841, 5.51384677939276902 52.42240405349504329, 5.52462508315458134 52.4161275292869675, 5.52158498440587753 52.41417886481039545, 5.5204660393358127 52.41483073807047788, 5.52249699695747243 52.41613183166093393, 5.51718174237695802 52.41922815340025466, 5.51210624248180547 52.41597439705503803, 5.5130628983187 52.41541733413111359, 5.50708551602362384 52.41158536007576885, 5.51048884122650673 52.40940374968131721, 5.50596460996997461 52.40671434353237856, 5.5028570322873529 52.4087551299160026, 5.50462962760429431 52.40976435874200234, 5.50152564371669772 52.41180261919494399, 5.49499726058898119 52.40808053837058367, 5.49228126792190174 52.41069792703888197, 5.49747157938921838 52.41332801111136774, 5.49553864162856431 52.41507788732411655, 5.48680649454338543 52.41955210101416895, 5.49127670495435183 52.42209880865032545, 5.48853643869290053 52.42389854213556077, 5.49725077602806689 52.42948869519207733, 5.48938916356336382 52.43406948508651766, 5.491885759052753 52.43567713927698293, 5.50309545551220491 52.42918417389599739)))</t>
  </si>
  <si>
    <t>MultiPolygon (((5.48406022153138473 52.45782679320497977, 5.49147043480739683 52.45330582444704248, 5.4950000089162554 52.45267611571386368, 5.49802767429347394 52.45286176824187407, 5.50839289802552656 52.44592358165919421, 5.51456703475131427 52.44890646399200307, 5.52420776879785791 52.45148025127956259, 5.53073683035170038 52.45579070923445641, 5.53548728932942691 52.4579906069417774, 5.54283282206589867 52.45234823832598892, 5.51555107554781365 52.43712127700597136, 5.50309545551220491 52.42918417389599739, 5.491885759052753 52.43567713927698293, 5.48938916356336382 52.43406948508651766, 5.49725077602806689 52.42948869519207733, 5.48853643869290053 52.42389854213556077, 5.48094447124407758 52.42864140496394754, 5.48547829358379246 52.43156425598179737, 5.47429327507667107 52.43806796808195969, 5.46989444763223354 52.4352464463962562, 5.45871122518798124 52.4417435343358207, 5.44889399562774379 52.43530138922986339, 5.43860826340692682 52.44263110854478072, 5.43854446225147736 52.44338133706362726, 5.473368469126628 52.46539635500413823, 5.48406022153138473 52.45782679320497977)))</t>
  </si>
  <si>
    <t>MultiPolygon (((5.53548728932942691 52.4579906069417774, 5.53073683035170038 52.45579070923445641, 5.52420776879785791 52.45148025127956259, 5.51456703475131427 52.44890646399200307, 5.50839289802552656 52.44592358165919421, 5.49802767429347394 52.45286176824187407, 5.52321457301371233 52.4669646356791759, 5.53548728932942691 52.4579906069417774)))</t>
  </si>
  <si>
    <t>MultiPolygon (((5.53196232779626307 52.47789717238994456, 5.55039781178415481 52.4635369789237842, 5.56541983772016646 52.47028069722674815, 5.57277982632329394 52.46244837101787795, 5.56188427970605037 52.4574801098126926, 5.54998999118619452 52.45030048410961854, 5.5620071733501053 52.44285222451493667, 5.56662182215162016 52.43588010098395813, 5.56440947620460769 52.4349703528443456, 5.54283282206589867 52.45234823832598892, 5.53548728932942691 52.4579906069417774, 5.52321457301371233 52.4669646356791759, 5.5127846348884697 52.47394004644602461, 5.52787483186812523 52.48109159856121408, 5.53196232779626307 52.47789717238994456, 5.53196232779626307 52.47789717238994456)))</t>
  </si>
  <si>
    <t>MultiPolygon (((5.58638861843346213 52.44771059235347366, 5.5819722362706754 52.44559245900271094, 5.57380317691814131 52.43879409839270522, 5.56663684910561418 52.43586299753253854, 5.56662182215162016 52.43588010098395813, 5.5620071733501053 52.44285222451493667, 5.54998999118619452 52.45030048410961854, 5.56188427970605037 52.4574801098126926, 5.57277982632329394 52.46244837101787795, 5.58638861843346213 52.44771059235347366)))</t>
  </si>
  <si>
    <t>MultiPolygon (((5.54096064539574584 52.49962658285481609, 5.55074738879652241 52.48582998081158735, 5.54305130191530893 52.48313118471214977, 5.53196232779626307 52.47789717238994456, 5.52787483186812523 52.48109159856121408, 5.5127846348884697 52.47394004644602461, 5.5031658983874534 52.48041590137168555, 5.50759913204052598 52.48238723121326643, 5.51468764250900101 52.48587958493208561, 5.52065485573840853 52.48982414089378778, 5.5254876731399678 52.49413674701026622, 5.5300975078254524 52.50024775949314204, 5.53637387667311121 52.50189655205038264, 5.54096064539574584 52.49962658285481609)))</t>
  </si>
  <si>
    <t>MultiPolygon (((5.59136084071674944 52.49996374290240198, 5.60587033214299435 52.48451983453477254, 5.56541983772016646 52.47028069722674815, 5.55039781178415481 52.4635369789237842, 5.53196232779626307 52.47789717238994456, 5.54305130191530893 52.48313118471214977, 5.55074738879652241 52.48582998081158735, 5.54096064539574584 52.49962658285481609, 5.53637387667311121 52.50189655205038264, 5.5300975078254524 52.50024775949314204, 5.53149265988035133 52.50305352761785826, 5.55045790009144557 52.50957759545134707, 5.55872675256651672 52.51166577221031417, 5.57022384174932839 52.51302893440882968, 5.588055894750668 52.5137726230521551, 5.59136084071674944 52.49996374290240198)))</t>
  </si>
  <si>
    <t>MultiPolygon (((5.48647989977680695 52.53081805302048224, 5.48634106593986282 52.53007662922889409, 5.48624197103059963 52.52783409691200944, 5.47869515661658557 52.5275512262548574, 5.47942852354262389 52.53133892013125461, 5.48647989977680695 52.53081805302048224, 5.48647989977680695 52.53081805302048224)))</t>
  </si>
  <si>
    <t>MultiPolygon (((5.51424363340759882 52.54915703066826893, 5.51694806149875472 52.54895667750730581, 5.51579647599919465 52.542938027915703, 5.51433062648854122 52.54303867537831962, 5.51378914221173311 52.54026224744184503, 5.51522485290410724 52.54008279575809581, 5.50645126398292373 52.54070815324040922, 5.50550979973999244 52.53584179507408436, 5.49520122256169774 52.53658113406406471, 5.48768029326008033 52.53712759719824277, 5.48647989977680695 52.53081805302048224, 5.47942852354262389 52.53133892013125461, 5.47869515661658557 52.5275512262548574, 5.47689374504858062 52.52748048296074046, 5.47651581202139059 52.53011430355731193, 5.48072947102571018 52.53938267546999441, 5.48667471578205568 52.54329569203383699, 5.49010758154722733 52.54957841797300233, 5.49925770712063144 52.54989624900903777, 5.51424363340759882 52.54915703066826893)))</t>
  </si>
  <si>
    <t>MultiPolygon (((5.59128079232749986 52.51412248517586789, 5.588055894750668 52.5137726230521551, 5.57022384174932839 52.51302893440882968, 5.55872675256651672 52.51166577221031417, 5.55045790009144557 52.50957759545134707, 5.53149265988035133 52.50305352761785826, 5.53332518809356078 52.51030440495723894, 5.53330893711969907 52.51973928312116868, 5.53279760574990842 52.53063273124374888, 5.5310970979362537 52.54798295048130541, 5.54035622478943779 52.54816792935574199, 5.58831299848947616 52.54918511709775686, 5.59128079232749986 52.51412248517586789)))</t>
  </si>
  <si>
    <t>MultiPolygon (((5.58741049354835706 52.56345976924964702, 5.58831299848947616 52.54918511709775686, 5.54035622478943779 52.54816792935574199, 5.54533683345976414 52.55121382222554161, 5.53087599769985694 52.55982107101196021, 5.5323034063137726 52.56450632521470112, 5.53543013257576622 52.57009084231111018, 5.54434600168079417 52.5793024580581303, 5.54118254572883195 52.58110329669923289, 5.55870888325544943 52.59226032136803042, 5.56512340538408257 52.5946382819192948, 5.57288847732078008 52.59615741822423729, 5.58741049354835706 52.56345976924964702)))</t>
  </si>
  <si>
    <t>MultiPolygon (((5.52559804815376676 52.57731888669862741, 5.529603678091636 52.57984015445371995, 5.53344486970952953 52.57771608716232237, 5.52943167156123927 52.57510294064891809, 5.52559804815376676 52.57731888669862741)),((5.53087599769985694 52.55982107101196021, 5.53023588779014652 52.56022531297590206, 5.51536919093651168 52.55104461178967057, 5.51424363340759882 52.54915703066826893, 5.49925770712063144 52.54989624900903777, 5.50069930726851553 52.55323743578336604, 5.50071444296468037 52.55610437197204732, 5.51899195137257781 52.56740043020552378, 5.51770227593563067 52.56826104534773236, 5.52190137356261079 52.57083871112162399, 5.5233175758273827 52.57007253543337555, 5.54118254572883195 52.58110329669923289, 5.54434600168079417 52.5793024580581303, 5.53543013257576622 52.57009084231111018, 5.5323034063137726 52.56450632521470112, 5.53087599769985694 52.55982107101196021)))</t>
  </si>
  <si>
    <t>MultiPolygon (((5.53087599769985694 52.55982107101196021, 5.54533683345976414 52.55121382222554161, 5.54035622478943779 52.54816792935574199, 5.5310970979362537 52.54798295048130541, 5.52859112882099435 52.54809339688316072, 5.52255629111799795 52.54854099949467638, 5.51694806149875472 52.54895667750730581, 5.51424363340759882 52.54915703066826893, 5.51536919093651168 52.55104461178967057, 5.53023588779014652 52.56022531297590206, 5.53087599769985694 52.55982107101196021, 5.53087599769985694 52.55982107101196021)))</t>
  </si>
  <si>
    <t>MultiPolygon (((5.48151140771141332 52.51146369514142975, 5.48133258784233579 52.50837811097796504, 5.47897656468496574 52.507722373348102, 5.47878560274395898 52.50790989759615712, 5.47843947384356511 52.51004021304673586, 5.47869124129576512 52.51143570830695495, 5.48151140771141332 52.51146369514142975, 5.48151140771141332 52.51146369514142975)))</t>
  </si>
  <si>
    <t>MultiPolygon (((5.47897656468496574 52.507722373348102, 5.4789693655247973 52.50671208125078238, 5.47915599491489758 52.50524878401024154, 5.47422736816923017 52.50507404793124522, 5.47401586846077137 52.50684379775303512, 5.47878560274395898 52.50790989759615712, 5.47897656468496574 52.507722373348102, 5.47897656468496574 52.507722373348102)))</t>
  </si>
  <si>
    <t>MultiPolygon (((5.47302804690266154 52.51168417914397679, 5.47351349560013745 52.50917424593593807, 5.47401586846077137 52.50684379775303512, 5.47422736816923017 52.50507404793124522, 5.47326273664351515 52.50507084175133343, 5.47207182543001736 52.50722571913025405, 5.47258238341159053 52.5116867850101201, 5.47302804690266154 52.51168417914397679, 5.47302804690266154 52.51168417914397679)))</t>
  </si>
  <si>
    <t>MultiPolygon (((5.47843947384356511 52.51004021304673586, 5.47878560274395898 52.50790989759615712, 5.47401586846077137 52.50684379775303512, 5.47351349560013745 52.50917424593593807, 5.47843947384356511 52.51004021304673586, 5.47843947384356511 52.51004021304673586)))</t>
  </si>
  <si>
    <t>MultiPolygon (((5.47869124129576512 52.51143570830695495, 5.47843947384356511 52.51004021304673586, 5.47351349560013745 52.50917424593593807, 5.47302804690266154 52.51168417914397679, 5.47629991418139639 52.51181035996607704, 5.47834470269739793 52.51272866295529695, 5.47869124129576512 52.51143570830695495, 5.47869124129576512 52.51143570830695495)))</t>
  </si>
  <si>
    <t>MultiPolygon (((5.43455608981091043 52.50594665677286343, 5.44218825533533224 52.50618594574392262, 5.44312372629866381 52.5062199546003967, 5.44208115039674212 52.50573782084236285, 5.44179343492950629 52.49638591241096464, 5.43366236713871498 52.49568176204032, 5.42911802551534173 52.49662185347678189, 5.42823438211259379 52.49724907375160399, 5.42018748867737976 52.50287529881639159, 5.42281164230255008 52.50394889516791608, 5.43076684870082449 52.50787956362842124, 5.43455608981091043 52.50594665677286343)))</t>
  </si>
  <si>
    <t>MultiPolygon (((5.45247417621355623 52.50431802464176201, 5.45227924793166707 52.49992092682867195, 5.44826970295393398 52.49699651200447903, 5.44179343492950629 52.49638591241096464, 5.44208115039674212 52.50573782084236285, 5.44312372629866381 52.5062199546003967, 5.44526528267234777 52.50630134715463981, 5.44884092833022482 52.5064371563265766, 5.45223677050014022 52.50656603645371234, 5.45247417621355623 52.50431802464176201, 5.45247417621355623 52.50431802464176201)))</t>
  </si>
  <si>
    <t>MultiPolygon (((5.43034175377032646 52.48548166733385045, 5.41961218487750429 52.47911025572457078, 5.41460795996467148 52.47744643342578996, 5.40879565103352444 52.48472637180390166, 5.41295022403086268 52.48598055264746876, 5.41423151818570592 52.48762169667443089, 5.41729728537983668 52.48717090376896266, 5.42082624952203673 52.48500397754601465, 5.42598850728077053 52.48803384718026166, 5.43034175377032646 52.48548166733385045, 5.43034175377032646 52.48548166733385045)))</t>
  </si>
  <si>
    <t>MultiPolygon (((5.41779093387253319 52.49649491435121007, 5.4189658799862066 52.49670827399106088, 5.42096776110138023 52.49517228621977694, 5.41795618986178162 52.49356490837291744, 5.4165856601897282 52.49433661257625516, 5.4161443496783841 52.49405655961289341, 5.41736163322286846 52.49176240657054393, 5.42256857783716484 52.48998949275516424, 5.42598850728077053 52.48803384718026166, 5.42082624952203673 52.48500397754601465, 5.41729728537983668 52.48717090376896266, 5.41423151818570592 52.48762169667443089, 5.41295022403086268 52.48598055264746876, 5.40879565103352444 52.48472637180390166, 5.40068840689288443 52.49337464200773695, 5.4061485038469197 52.49641235135615602, 5.41008446859960035 52.49424646771576164, 5.41381132206468241 52.4940296115667806, 5.41579321918461787 52.49476379902726819, 5.41779642438706333 52.49800856996673559, 5.41779093387253319 52.49649491435121007, 5.41779093387253319 52.49649491435121007)))</t>
  </si>
  <si>
    <t>MultiPolygon (((5.4243469798808075 52.50693088509431306, 5.42281164230255008 52.50394889516791608, 5.42018748867737976 52.50287529881639159, 5.4177753414120895 52.50131259041945953, 5.41333135571362511 52.5006632438440306, 5.4061485038469197 52.49641235135615602, 5.40068840689288443 52.49337464200773695, 5.40023598411520922 52.49363239238918766, 5.41674630147025216 52.50304828347864117, 5.41716059921450377 52.50345539416911578, 5.41858748206277152 52.50305672528565282, 5.4190991518628584 52.50337760415157362, 5.41851610247044047 52.50402025160131103, 5.41970311955556738 52.50335068863522991, 5.42017573166949163 52.50353484420406858, 5.41964053716439942 52.50462736431872912, 5.42425539427051895 52.50701787324126713, 5.4243469798808075 52.50693088509431306)))</t>
  </si>
  <si>
    <t>MultiPolygon (((5.42823438211259379 52.49724907375160399, 5.41736163322286846 52.49176240657054393, 5.4161443496783841 52.49405655961289341, 5.4165856601897282 52.49433661257625516, 5.41795618986178162 52.49356490837291744, 5.42096776110138023 52.49517228621977694, 5.4189658799862066 52.49670827399106088, 5.41779093387253319 52.49649491435121007, 5.41779642438706333 52.49800856996673559, 5.41536546187763079 52.49921474929499254, 5.41830735572290401 52.50100744786695373, 5.4177753414120895 52.50131259041945953, 5.42018748867737976 52.50287529881639159, 5.42823438211259379 52.49724907375160399, 5.42823438211259379 52.49724907375160399)))</t>
  </si>
  <si>
    <t>MultiPolygon (((5.41830735572290401 52.50100744786695373, 5.41536546187763079 52.49921474929499254, 5.41779642438706333 52.49800856996673559, 5.41579321918461787 52.49476379902726819, 5.41381132206468241 52.4940296115667806, 5.41008446859960035 52.49424646771576164, 5.4061485038469197 52.49641235135615602, 5.41333135571362511 52.5006632438440306, 5.4177753414120895 52.50131259041945953, 5.41830735572290401 52.50100744786695373, 5.41830735572290401 52.50100744786695373)))</t>
  </si>
  <si>
    <t>MultiPolygon (((5.43553522282743362 52.51049988408835389, 5.43534720904731561 52.51040433233315952, 5.43076684870082449 52.50787956362842124, 5.42281164230255008 52.50394889516791608, 5.4243469798808075 52.50693088509431306, 5.43457399858558254 52.51119389490597911, 5.43553522282743362 52.51049988408835389, 5.43553522282743362 52.51049988408835389)))</t>
  </si>
  <si>
    <t>MultiPolygon (((5.42911802551534173 52.49662185347678189, 5.4313597283201549 52.49447923862666698, 5.43081784189706251 52.48811772400389941, 5.43218647409296462 52.48661810540500028, 5.43034175377032646 52.48548166733385045, 5.42598850728077053 52.48803384718026166, 5.42256857783716484 52.48998949275516424, 5.41736163322286846 52.49176240657054393, 5.42823438211259379 52.49724907375160399, 5.42911802551534173 52.49662185347678189, 5.42911802551534173 52.49662185347678189)))</t>
  </si>
  <si>
    <t>MultiPolygon (((5.48031538831183251 52.50126811287827877, 5.47818613075562677 52.50119308836166709, 5.47356610689034095 52.50131474804684473, 5.47348863235567951 52.50254638553833075, 5.47326273664351515 52.50507084175133343, 5.47422736816923017 52.50507404793124522, 5.47915599491489758 52.50524878401024154, 5.48031538831183251 52.50126811287827877, 5.48031538831183251 52.50126811287827877)))</t>
  </si>
  <si>
    <t>MultiPolygon (((5.47356610689034095 52.50131474804684473, 5.47366982127289159 52.49996670156392753, 5.47045584476965452 52.49895055281471201, 5.47071821504555889 52.50182792454144476, 5.4716682121309681 52.50247235673561619, 5.47348863235567951 52.50254638553833075, 5.47356610689034095 52.50131474804684473, 5.47356610689034095 52.50131474804684473)))</t>
  </si>
  <si>
    <t>MultiPolygon (((5.4571269215961804 52.49779674293274923, 5.45478786453740394 52.49759410324070075, 5.44826970295393398 52.49699651200447903, 5.45227924793166707 52.49992092682867195, 5.4571269215961804 52.49779674293274923, 5.4571269215961804 52.49779674293274923)))</t>
  </si>
  <si>
    <t>MultiPolygon (((5.45696244158490273 52.50403373130218654, 5.45906025903921321 52.50220873305726599, 5.46228910426674918 52.50233365560785614, 5.46255744552906908 52.50003257104727084, 5.46397603349859562 52.4996096245465651, 5.4637691369585637 52.49837191632605027, 5.46240441976331326 52.49825377217938893, 5.4571269215961804 52.49779674293274923, 5.45227924793166707 52.49992092682867195, 5.45247417621355623 52.50431802464176201, 5.45696244158490273 52.50403373130218654, 5.45696244158490273 52.50403373130218654)))</t>
  </si>
  <si>
    <t>MultiPolygon (((5.47348863235567951 52.50254638553833075, 5.4716682121309681 52.50247235673561619, 5.47071821504555889 52.50182792454144476, 5.47045584476965452 52.49895055281471201, 5.4637691369585637 52.49837191632605027, 5.46397603349859562 52.4996096245465651, 5.46255744552906908 52.50003257104727084, 5.46228910426674918 52.50233365560785614, 5.4631642820773223 52.50318468682883832, 5.47139859195692946 52.50417072931806928, 5.47326273664351515 52.50507084175133343, 5.47348863235567951 52.50254638553833075, 5.47348863235567951 52.50254638553833075)))</t>
  </si>
  <si>
    <t>MultiPolygon (((5.4631642820773223 52.50318468682883832, 5.46228910426674918 52.50233365560785614, 5.45906025903921321 52.50220873305726599, 5.45696244158490273 52.50403373130218654, 5.45247417621355623 52.50431802464176201, 5.45223677050014022 52.50656603645371234, 5.45936296219503792 52.50682173422035959, 5.46174696954677863 52.50690717931639995, 5.4631642820773223 52.50318468682883832, 5.4631642820773223 52.50318468682883832)))</t>
  </si>
  <si>
    <t>MultiPolygon (((5.47326273664351515 52.50507084175133343, 5.47139859195692946 52.50417072931806928, 5.4631642820773223 52.50318468682883832, 5.46174696954677863 52.50690717931639995, 5.46740661737181899 52.50710983394893105, 5.47207182543001736 52.50722571913025405, 5.47326273664351515 52.50507084175133343, 5.47326273664351515 52.50507084175133343)))</t>
  </si>
  <si>
    <t>MultiPolygon (((5.47484640251817911 52.49732908772006823, 5.47489228668548567 52.49400071730064354, 5.47309662929535445 52.4940967361026054, 5.47370092217681581 52.4987948790331842, 5.47484640251817911 52.49732908772006823, 5.47484640251817911 52.49732908772006823)))</t>
  </si>
  <si>
    <t>MultiPolygon (((5.47550282379304498 52.49732325876611583, 5.47563735174796484 52.4960304485525171, 5.4781464933416073 52.49612113874110975, 5.47808218207800035 52.49683841312301524, 5.48203878841612458 52.49709121433212999, 5.48137741087534813 52.49311125805646583, 5.47489228668548567 52.49400071730064354, 5.47484640251817911 52.49732908772006823, 5.47550282379304498 52.49732325876611583, 5.47550282379304498 52.49732325876611583)))</t>
  </si>
  <si>
    <t>MultiPolygon (((5.4806973991755461 52.50027066205721127, 5.48188908169358768 52.49754620989140363, 5.48203878841612458 52.49709121433212999, 5.47808218207800035 52.49683841312301524, 5.47923571001677789 52.49789976241456202, 5.47818613075562677 52.50119308836166709, 5.48031538831183251 52.50126811287827877, 5.4806973991755461 52.50027066205721127, 5.4806973991755461 52.50027066205721127)))</t>
  </si>
  <si>
    <t>MultiPolygon (((5.47818613075562677 52.50119308836166709, 5.47923571001677789 52.49789976241456202, 5.47808218207800035 52.49683841312301524, 5.4781464933416073 52.49612113874110975, 5.47563735174796484 52.4960304485525171, 5.47550282379304498 52.49732325876611583, 5.47484640251817911 52.49732908772006823, 5.47370092217681581 52.4987948790331842, 5.47366982127289159 52.49996670156392753, 5.47356610689034095 52.50131474804684473, 5.47818613075562677 52.50119308836166709, 5.47818613075562677 52.50119308836166709)))</t>
  </si>
  <si>
    <t>MultiPolygon (((5.45644444735948664 52.49619807117524317, 5.45732545770897115 52.49258755255431907, 5.45095503790419134 52.49224001444102328, 5.4469219872433694 52.49270813349968989, 5.44378973638381591 52.49432073694633516, 5.44826970295393398 52.49699651200447903, 5.45478786453740394 52.49759410324070075, 5.45644444735948664 52.49619807117524317, 5.45644444735948664 52.49619807117524317)))</t>
  </si>
  <si>
    <t>MultiPolygon (((5.46365309764898299 52.49328111034775901, 5.45732545770897115 52.49258755255431907, 5.45644444735948664 52.49619807117524317, 5.45478786453740394 52.49759410324070075, 5.4571269215961804 52.49779674293274923, 5.46240441976331326 52.49825377217938893, 5.46365309764898299 52.49328111034775901, 5.46365309764898299 52.49328111034775901)))</t>
  </si>
  <si>
    <t>MultiPolygon (((5.47370092217681581 52.4987948790331842, 5.47309662929535445 52.4940967361026054, 5.46756674406410159 52.49382457283862635, 5.46365309764898299 52.49328111034775901, 5.46240441976331326 52.49825377217938893, 5.4637691369585637 52.49837191632605027, 5.47045584476965452 52.49895055281471201, 5.47366982127289159 52.49996670156392753, 5.47370092217681581 52.4987948790331842, 5.47370092217681581 52.4987948790331842)))</t>
  </si>
  <si>
    <t>MultiPolygon (((5.46406195889433999 52.54314456108398446, 5.46047119924953872 52.5430387977403015, 5.45914778551864188 52.53853898715836124, 5.45489453602625574 52.53255949224994481, 5.4550612019170126 52.53051291088028307, 5.44801616849843651 52.52895479976981363, 5.44811852315875011 52.52785808877208495, 5.44722883935864566 52.52741873264788808, 5.44459860396222872 52.52793490460074821, 5.44815451514697191 52.5348436199604123, 5.44757848218855578 52.53521727705834365, 5.45451102801384202 52.54601282862991241, 5.45602819565942099 52.54600494379835141, 5.45938679692408435 52.54779310018373906, 5.46351603892976811 52.54863427907028495, 5.46406195889433999 52.54314456108398446, 5.46406195889433999 52.54314456108398446)))</t>
  </si>
  <si>
    <t>MultiPolygon (((5.46101069649062953 52.52992858920212171, 5.4694447598523066 52.52972219375600105, 5.46963401366843716 52.52783681248173053, 5.46491098685226362 52.52631833551723162, 5.46052137147282224 52.52613148565591672, 5.45456679704716407 52.52591315496550095, 5.45477199950332459 52.5291795544531368, 5.45974020187080189 52.52935906153467727, 5.46101069649062953 52.52992858920212171, 5.46101069649062953 52.52992858920212171)))</t>
  </si>
  <si>
    <t>MultiPolygon (((5.44757848218855578 52.53521727705834365, 5.44815451514697191 52.5348436199604123, 5.44459860396222872 52.52793490460074821, 5.44318074402283614 52.52578411119526436, 5.43779039004180476 52.52779091263393951, 5.43489469808642589 52.52762031519796437, 5.43519814626499898 52.52968388642396746, 5.43627202374135798 52.53104841906373679, 5.43942124745673805 52.53287564494297612, 5.43976833266310411 52.5326720557307425, 5.43679952023065738 52.53100062949029336, 5.43856893038976441 52.52987779701777526, 5.44156836345366379 52.53161933605833411, 5.44042876715479196 52.53231964247146379, 5.44181323392851546 52.53313887119598746, 5.44298065870288639 52.5324054627053556, 5.445558548786404 52.53388223463833384, 5.44576758110714199 52.53414360201968236, 5.44625222770070128 52.53474957920256116, 5.44542908668298686 52.53526959932905527, 5.44443907418577311 52.53472598244519531, 5.44390060588399827 52.53517537322727549, 5.44480079758413726 52.53566650962390838, 5.44399244907822588 52.53617715404377719, 5.44307616057007593 52.53566778853878816, 5.44319552418561958 52.53527414360818426, 5.44234942074939809 52.53491826028407985, 5.44204235960873106 52.53532942410139839, 5.4421544486864013 52.53597956363115884, 5.44443153804920765 52.53684925873991318, 5.44757848218855578 52.53521727705834365)))</t>
  </si>
  <si>
    <t>MultiPolygon (((5.35366150174263211 52.67773804915790947, 5.36121024443881922 52.67441906832519294, 5.39954884005710234 52.64938323563929856, 5.41321740940054674 52.63600578906701344, 5.41581906640402977 52.63709313112356369, 5.41609647682664441 52.63630361287737713, 5.41423752101844613 52.63563478817615504, 5.41574585162413147 52.63423366248725443, 5.41706300272540364 52.6345720855793715, 5.4158314013415092 52.63366193751190991, 5.45643914014215259 52.59364039731328688, 5.46791269796368784 52.57137078312146627, 5.46855581948466973 52.56964004444012062, 5.46699781496182968 52.56721440874456164, 5.46438148302368099 52.56571900035330458, 5.45324087811478986 52.56330883806538878, 5.44843096773271807 52.5615972553797306, 5.44356856626618502 52.55885039609366771, 5.43983533894376059 52.55551234743835209, 5.42804568686945554 52.53809410017061765, 5.42689066749987425 52.53503446021832701, 5.42625799954869059 52.5280310653810858, 5.42716370150268101 52.52798320827934475, 5.42707633948201007 52.52749357746606051, 5.42906665789774934 52.527415833327332, 5.42911233062904675 52.52786835019027478, 5.42974400052924278 52.52792519367502422, 5.43031717026921257 52.52941079714720729, 5.432398533300832 52.52935421072449884, 5.43267561362260931 52.53228829250742393, 5.43309323603997996 52.53242557237113175, 5.4327897643998142 52.53059673799543106, 5.43359288302669086 52.53052969974701369, 5.43460719298548156 52.52978406941068812, 5.43489469808642589 52.52762031519796437, 5.43779039004180476 52.52779091263393951, 5.44318074402283614 52.52578411119526436, 5.44398126761668433 52.52410869113374048, 5.44344773521241798 52.51993885751014091, 5.43858556794960979 52.5199495327966801, 5.43874934121115317 52.52204722092699285, 5.43573516272095958 52.52204849714830459, 5.4354827061567903 52.52447280711675859, 5.43406052036545706 52.52635160172802387, 5.43297628349701522 52.52471729606153161, 5.43193971107901241 52.52473446577386795, 5.42978258091143484 52.52489597459811677, 5.42951915628583759 52.52664143810393682, 5.42901381451025067 52.52676980152327957, 5.42905798732672107 52.52734760507966882, 5.42706666844242847 52.5274253143620129, 5.42700466566488693 52.52673249435552094, 5.42627218529925681 52.52682527348690655, 5.42551989528337586 52.52082880458683434, 5.42499363410696933 52.52082897409614759, 5.42519404811360406 52.52696182706861805, 5.42270912763811364 52.52727651804914899, 5.42310198588464498 52.52901110203117696, 5.42475821660271773 52.52960928792774808, 5.42553790633136135 52.52966767851502539, 5.42628142484498355 52.53551735220643337, 5.42718415118123865 52.53795280788119726, 5.43106973416348016 52.5435447319817257, 5.43849268941602038 52.55492212683661535, 5.44056703693205623 52.55720621066004128, 5.44352636274010404 52.5594950591112422, 5.44614500398399493 52.56108111145689321, 5.44888838601429448 52.56223603544193423, 5.45164303203225575 52.56330067711131449, 5.46418986175856691 52.56618230403680059, 5.4662407355128062 52.56747019086328265, 5.46735225310601969 52.56925390799878528, 5.46679929199555481 52.5717713559206814, 5.45738424076366169 52.58997715224739977, 5.45545873453815133 52.59355838420749052, 5.40721150669200856 52.64084410594941232, 5.40628382297967303 52.6406176024692769, 5.39897456779729978 52.64883383446719733, 5.36034233495468282 52.67417948497604385, 5.35263170015119627 52.67743040493783724, 5.30549431447699327 52.68988627355989252, 5.29920468327506011 52.68321868479119985, 5.29323771355600936 52.68130697893666081, 5.28713005431386307 52.68157933503264445, 5.28143206775045471 52.6843896604312647, 5.28829897390856374 52.68419825537328194, 5.29241322736604225 52.6850729909736728, 5.29512430401063572 52.68677813792297115, 5.296550884996301 52.68982849591991169, 5.28688343449055775 52.68989547488342851, 5.28742493464287033 52.69116497883661765, 5.2971734438738709 52.69218593091432723, 5.30214373308285847 52.6915945754542463, 5.35366150174263211 52.67773804915790947)))</t>
  </si>
  <si>
    <t>MultiPolygon (((5.44884092833022482 52.5064371563265766, 5.44526528267234777 52.50630134715463981, 5.44681045366088679 52.50816558057468342, 5.44884092833022482 52.5064371563265766, 5.44884092833022482 52.5064371563265766)))</t>
  </si>
  <si>
    <t>MultiPolygon (((5.43877071609060359 52.50797191874028869, 5.44194573436748907 52.50766904934304335, 5.44218825533533224 52.50618594574392262, 5.43455608981091043 52.50594665677286343, 5.43076684870082449 52.50787956362842124, 5.43534720904731561 52.51040433233315952, 5.43877071609060359 52.50797191874028869)))</t>
  </si>
  <si>
    <t>MultiPolygon (((5.44687440397947675 52.5134071106363578, 5.44259226546945474 52.51281798455368488, 5.43955804294661238 52.51306006162116091, 5.44307345742899074 52.51784620842524731, 5.44687440397947675 52.5134071106363578, 5.44687440397947675 52.5134071106363578)))</t>
  </si>
  <si>
    <t>MultiPolygon (((5.44259226546945474 52.51281798455368488, 5.44194573436748907 52.50766904934304335, 5.43877071609060359 52.50797191874028869, 5.43534720904731561 52.51040433233315952, 5.43553522282743362 52.51049988408835389, 5.43955804294661238 52.51306006162116091, 5.44259226546945474 52.51281798455368488, 5.44259226546945474 52.51281798455368488)))</t>
  </si>
  <si>
    <t>MultiPolygon (((5.44687440397947675 52.5134071106363578, 5.45230952411451852 52.51312775164880264, 5.45223677050014022 52.50656603645371234, 5.44884092833022482 52.5064371563265766, 5.44681045366088679 52.50816558057468342, 5.44526528267234777 52.50630134715463981, 5.44312372629866381 52.5062199546003967, 5.44218825533533224 52.50618594574392262, 5.44194573436748907 52.50766904934304335, 5.44259226546945474 52.51281798455368488, 5.44687440397947675 52.5134071106363578, 5.44687440397947675 52.5134071106363578)))</t>
  </si>
  <si>
    <t>MultiPolygon (((5.45249221981454202 52.51432451775825427, 5.45230952411451852 52.51312775164880264, 5.44687440397947675 52.5134071106363578, 5.44307345742899074 52.51784620842524731, 5.44344773521241798 52.51993885751014091, 5.45239984325970628 52.5200850919047042, 5.45249221981454202 52.51432451775825427)))</t>
  </si>
  <si>
    <t>MultiPolygon (((5.44307345742899074 52.51784620842524731, 5.43955804294661238 52.51306006162116091, 5.43553522282743362 52.51049988408835389, 5.43457399858558254 52.51119389490597911, 5.44058248871017103 52.51781114086193014, 5.43941645465699608 52.51882163708089735, 5.43659622687459088 52.51828366277560178, 5.43694867087468658 52.51720476489625611, 5.43671625268852932 52.51711370978500071, 5.43603928381301138 52.51825537924197107, 5.4361083031331594 52.51869950947029508, 5.43669450994070313 52.51857612182453749, 5.43727971048940706 52.51901102893331341, 5.43604204701387239 52.52074502858135929, 5.43573516272095958 52.52204849714830459, 5.43874934121115317 52.52204722092699285, 5.43858556794960979 52.5199495327966801, 5.44344773521241798 52.51993885751014091, 5.44307345742899074 52.51784620842524731)))</t>
  </si>
  <si>
    <t>MultiPolygon (((5.45477199950332459 52.5291795544531368, 5.45456679704716407 52.52591315496550095, 5.46052137147282224 52.52613148565591672, 5.4612340676037654 52.5253961305634931, 5.4511536588803553 52.52358355573357329, 5.44398126761668433 52.52410869113374048, 5.44318074402283614 52.52578411119526436, 5.44459860396222872 52.52793490460074821, 5.44722883935864566 52.52741873264788808, 5.44811852315875011 52.52785808877208495, 5.44801616849843651 52.52895479976981363, 5.4550612019170126 52.53051291088028307, 5.45477199950332459 52.5291795544531368, 5.45477199950332459 52.5291795544531368)))</t>
  </si>
  <si>
    <t>MultiPolygon (((5.47421496108170746 52.53040189464979903, 5.47207910394389163 52.52653946723192036, 5.46947847641783635 52.52584808913896097, 5.4612340676037654 52.5253961305634931, 5.46052137147282224 52.52613148565591672, 5.46491098685226362 52.52631833551723162, 5.46963401366843716 52.52783681248173053, 5.4694447598523066 52.52972219375600105, 5.47421496108170746 52.53040189464979903, 5.47421496108170746 52.53040189464979903)))</t>
  </si>
  <si>
    <t>MultiPolygon (((5.4511536588803553 52.52358355573357329, 5.45131719607670284 52.52196368239562929, 5.45268886179201751 52.52188050996544177, 5.45310725674850794 52.52011161790834848, 5.45239984325970628 52.5200850919047042, 5.44344773521241798 52.51993885751014091, 5.44398126761668433 52.52410869113374048, 5.4511536588803553 52.52358355573357329)))</t>
  </si>
  <si>
    <t>MultiPolygon (((5.4612340676037654 52.5253961305634931, 5.46229235991586215 52.52408364669717145, 5.46199614458840887 52.52044456267358186, 5.46023250559645579 52.52037855660956467, 5.45726957429141635 52.52026760644917402, 5.45310725674850794 52.52011161790834848, 5.45268886179201751 52.52188050996544177, 5.45131719607670284 52.52196368239562929, 5.4511536588803553 52.52358355573357329, 5.4612340676037654 52.5253961305634931, 5.4612340676037654 52.5253961305634931)))</t>
  </si>
  <si>
    <t>MultiPolygon (((5.4714988953397059 52.52449987415869259, 5.47144863349765664 52.52093261033130744, 5.47210741491534058 52.52049738096378917, 5.46674004124347324 52.52046241934269943, 5.46199614458840887 52.52044456267358186, 5.46229235991586215 52.52408364669717145, 5.4612340676037654 52.5253961305634931, 5.46947847641783635 52.52584808913896097, 5.47207910394389163 52.52653946723192036, 5.4714988953397059 52.52449987415869259, 5.4714988953397059 52.52449987415869259)))</t>
  </si>
  <si>
    <t>MultiPolygon (((5.46115322443327678 52.5171200960209319, 5.45802659913126753 52.51751034865754519, 5.45726957429141635 52.52026760644917402, 5.46023250559645579 52.52037855660956467, 5.46115322443327678 52.5171200960209319)))</t>
  </si>
  <si>
    <t>MultiPolygon (((5.46200260760622047 52.51606140791091804, 5.46211580377135153 52.51401456221876884, 5.46680831555660163 52.51402281399342087, 5.46717038125767196 52.51255974906452906, 5.46194015669670918 52.51235416059400762, 5.46174696954677863 52.50690717931639995, 5.45936296219503792 52.50682173422035959, 5.45793382215301559 52.51186469452829186, 5.45957265866967489 52.51358828886881014, 5.45786883627021524 52.51474786321799826, 5.45811870727122361 52.51552723105059073, 5.46200260760622047 52.51606140791091804, 5.46200260760622047 52.51606140791091804)))</t>
  </si>
  <si>
    <t>MultiPolygon (((5.45957265866967489 52.51358828886881014, 5.45793382215301559 52.51186469452829186, 5.45936296219503792 52.50682173422035959, 5.45223677050014022 52.50656603645371234, 5.45230952411451852 52.51312775164880264, 5.45249221981454202 52.51432451775825427, 5.45786883627021524 52.51474786321799826, 5.45957265866967489 52.51358828886881014)))</t>
  </si>
  <si>
    <t>MultiPolygon (((5.46717038125767196 52.51255974906452906, 5.46740661737181899 52.50710983394893105, 5.46174696954677863 52.50690717931639995, 5.46194015669670918 52.51235416059400762, 5.46717038125767196 52.51255974906452906, 5.46717038125767196 52.51255974906452906)))</t>
  </si>
  <si>
    <t>MultiPolygon (((5.47232547946389936 52.51483850414879839, 5.47258238341159053 52.5116867850101201, 5.47207182543001736 52.50722571913025405, 5.46740661737181899 52.50710983394893105, 5.46717038125767196 52.51255974906452906, 5.46680831555660163 52.51402281399342087, 5.46713393342998533 52.51491356800018906, 5.47232547946389936 52.51483850414879839, 5.47232547946389936 52.51483850414879839)))</t>
  </si>
  <si>
    <t>MultiPolygon (((5.45802659913126753 52.51751034865754519, 5.45811870727122361 52.51552723105059073, 5.45786883627021524 52.51474786321799826, 5.45249221981454202 52.51432451775825427, 5.45239984325970628 52.5200850919047042, 5.45310725674850794 52.52011161790834848, 5.45726957429141635 52.52026760644917402, 5.45802659913126753 52.51751034865754519, 5.45802659913126753 52.51751034865754519)))</t>
  </si>
  <si>
    <t>MultiPolygon (((5.46674004124347324 52.52046241934269943, 5.46713393342998533 52.51491356800018906, 5.46680831555660163 52.51402281399342087, 5.46211580377135153 52.51401456221876884, 5.46200260760622047 52.51606140791091804, 5.45811870727122361 52.51552723105059073, 5.45802659913126753 52.51751034865754519, 5.46115322443327678 52.5171200960209319, 5.46023250559645579 52.52037855660956467, 5.46199614458840887 52.52044456267358186, 5.46674004124347324 52.52046241934269943, 5.46674004124347324 52.52046241934269943)))</t>
  </si>
  <si>
    <t>MultiPolygon (((5.47191303885134239 52.51743308942591426, 5.47232547946389936 52.51483850414879839, 5.46713393342998533 52.51491356800018906, 5.46674004124347324 52.52046241934269943, 5.47210741491534058 52.52049738096378917, 5.47191303885134239 52.51743308942591426, 5.47191303885134239 52.51743308942591426)))</t>
  </si>
  <si>
    <t>MultiPolygon (((5.51108025222170994 52.49317787679886749, 5.51429790578522816 52.49106256220142797, 5.51007047048522747 52.48881091198629889, 5.50244186707189087 52.48636881841296997, 5.50126495146626127 52.48735892357731814, 5.50802434381307293 52.4914673431112746, 5.50962108207499046 52.49340442981461052, 5.51108025222170994 52.49317787679886749, 5.51108025222170994 52.49317787679886749)))</t>
  </si>
  <si>
    <t>MultiPolygon (((5.52459335965420095 52.49946491131357362, 5.52044389144070458 52.4946289639297845, 5.51429790578522816 52.49106256220142797, 5.51108025222170994 52.49317787679886749, 5.50962108207499046 52.49340442981461052, 5.51058429860577981 52.49951123803393216, 5.52459335965420095 52.49946491131357362)))</t>
  </si>
  <si>
    <t>MultiPolygon (((5.50962108207499046 52.49340442981461052, 5.50802434381307293 52.4914673431112746, 5.50126495146626127 52.48735892357731814, 5.49827306101249746 52.48998165914086655, 5.49787722232850751 52.49332855785734608, 5.49792520034347465 52.49392598325139403, 5.50962108207499046 52.49340442981461052)))</t>
  </si>
  <si>
    <t>MultiPolygon (((5.50183705845646998 52.49981761869668873, 5.51058429860577981 52.49951123803393216, 5.50962108207499046 52.49340442981461052, 5.49792520034347465 52.49392598325139403, 5.49795421335568957 52.49428725252457895, 5.49836591777287076 52.49983292555346281, 5.50183705845646998 52.49981761869668873, 5.50183705845646998 52.49981761869668873)))</t>
  </si>
  <si>
    <t>MultiPolygon (((5.48766573988652784 52.49172861938377821, 5.49236469116405068 52.48905099910483329, 5.499004480166648 52.48656937986925897, 5.49803788653603309 52.4860077449085054, 5.49538384970012572 52.48741655753354962, 5.49303010748916076 52.48714078583593334, 5.48649354578449344 52.4912993526546785, 5.4835910671550856 52.49260230841248642, 5.48766573988652784 52.49172861938377821, 5.48766573988652784 52.49172861938377821)))</t>
  </si>
  <si>
    <t>MultiPolygon (((5.49787722232850751 52.49332855785734608, 5.49827306101249746 52.48998165914086655, 5.50126495146626127 52.48735892357731814, 5.50244186707189087 52.48636881841296997, 5.49734185225426053 52.4842506975655283, 5.49303010748916076 52.48714078583593334, 5.49538384970012572 52.48741655753354962, 5.49803788653603309 52.4860077449085054, 5.499004480166648 52.48656937986925897, 5.49236469116405068 52.48905099910483329, 5.49287833767532518 52.49346067172958641, 5.49787722232850751 52.49332855785734608, 5.49787722232850751 52.49332855785734608)))</t>
  </si>
  <si>
    <t>MultiPolygon (((5.49287833767532518 52.49346067172958641, 5.49236469116405068 52.48905099910483329, 5.48766573988652784 52.49172861938377821, 5.48764581665292983 52.49421029596758359, 5.49287833767532518 52.49346067172958641, 5.49287833767532518 52.49346067172958641)))</t>
  </si>
  <si>
    <t>MultiPolygon (((5.48764778776079432 52.49423852262232515, 5.48764581665292983 52.49421029596758359, 5.48766573988652784 52.49172861938377821, 5.4835910671550856 52.49260230841248642, 5.48137741087534813 52.49311125805646583, 5.48203878841612458 52.49709121433212999, 5.48188908169358768 52.49754620989140363, 5.48775788879096105 52.49780442513984724, 5.48764778776079432 52.49423852262232515, 5.48764778776079432 52.49423852262232515)))</t>
  </si>
  <si>
    <t>MultiPolygon (((5.49286009114749785 52.4944190869763645, 5.48764778776079432 52.49423852262232515, 5.48775788879096105 52.49780442513984724, 5.49283225892764637 52.4985018649575963, 5.49286009114749785 52.4944190869763645, 5.49286009114749785 52.4944190869763645)))</t>
  </si>
  <si>
    <t>MultiPolygon (((5.49795421335568957 52.49428725252457895, 5.49286009114749785 52.4944190869763645, 5.49283225892764637 52.4985018649575963, 5.49634090746198822 52.49968610820508275, 5.49836591777287076 52.49983292555346281, 5.49795421335568957 52.49428725252457895, 5.49795421335568957 52.49428725252457895)))</t>
  </si>
  <si>
    <t>MultiPolygon (((5.48764778776079432 52.49423852262232515, 5.49286009114749785 52.4944190869763645, 5.49795421335568957 52.49428725252457895, 5.49792520034347465 52.49392598325139403, 5.49787722232850751 52.49332855785734608, 5.49287833767532518 52.49346067172958641, 5.48764581665292983 52.49421029596758359, 5.48764778776079432 52.49423852262232515, 5.48764778776079432 52.49423852262232515)))</t>
  </si>
  <si>
    <t>MultiPolygon (((5.49323613860461979 52.50793233635333479, 5.49704775087355202 52.50634798652067303, 5.50332783542409221 52.50697032275920151, 5.50437298053333457 52.50808789496100104, 5.51086534725461963 52.50820673697515417, 5.51102895169720863 52.50316914957493708, 5.50702161245959143 52.50287389136137506, 5.50699470603099339 52.50198690032879512, 5.5037664068422254 52.50188464236651953, 5.50357959374183725 52.50340104215817405, 5.49954380933023579 52.50337691795765949, 5.49302686250627303 52.50610707819498657, 5.49226057947500301 52.5077884524717291, 5.48949160254861557 52.50790620949815235, 5.48610646368746124 52.50753928666360792, 5.48459484319610535 52.50567646398611998, 5.48298825717827576 52.50559465161364159, 5.48065184427234975 52.50675312983035781, 5.4789693655247973 52.50671208125078238, 5.47897656468496574 52.507722373348102, 5.48133258784233579 52.50837811097796504, 5.48277390849853674 52.50793253324334131, 5.49323613860461979 52.50793233635333479)))</t>
  </si>
  <si>
    <t>MultiPolygon (((5.49142197099104479 52.51177048021624216, 5.49758265966147874 52.51027668732008635, 5.50051014945131733 52.51017754878863286, 5.51063903896580953 52.51055068724212305, 5.51068751794971767 52.51004860479923764, 5.51086534725461963 52.50820673697515417, 5.50437298053333457 52.50808789496100104, 5.50332783542409221 52.50697032275920151, 5.49704775087355202 52.50634798652067303, 5.49323613860461979 52.50793233635333479, 5.48277390849853674 52.50793253324334131, 5.48133258784233579 52.50837811097796504, 5.48151140771141332 52.51146369514142975, 5.48496259953719711 52.51160601637631231, 5.49142197099104479 52.51177048021624216)))</t>
  </si>
  <si>
    <t>MultiPolygon (((5.49226057947500301 52.5077884524717291, 5.49302686250627303 52.50610707819498657, 5.4901804509015939 52.50204796767477688, 5.48889276045876695 52.50234683214621612, 5.48459484319610535 52.50567646398611998, 5.48610646368746124 52.50753928666360792, 5.48949160254861557 52.50790620949815235, 5.49226057947500301 52.5077884524717291)))</t>
  </si>
  <si>
    <t>MultiPolygon (((5.51102895169720863 52.50316914957493708, 5.51058429860577981 52.49951123803393216, 5.50183705845646998 52.49981761869668873, 5.5037664068422254 52.50188464236651953, 5.50699470603099339 52.50198690032879512, 5.50702161245959143 52.50287389136137506, 5.51102895169720863 52.50316914957493708, 5.51102895169720863 52.50316914957493708)))</t>
  </si>
  <si>
    <t>MultiPolygon (((5.49112374960554384 52.50078833696401404, 5.49634090746198822 52.49968610820508275, 5.49283225892764637 52.4985018649575963, 5.48775788879096105 52.49780442513984724, 5.48188908169358768 52.49754620989140363, 5.4806973991755461 52.50027066205721127, 5.48728263847219022 52.50088743141623127, 5.49112374960554384 52.50078833696401404, 5.49112374960554384 52.50078833696401404)))</t>
  </si>
  <si>
    <t>MultiPolygon (((5.49954380933023579 52.50337691795765949, 5.50357959374183725 52.50340104215817405, 5.5037664068422254 52.50188464236651953, 5.50183705845646998 52.49981761869668873, 5.49836591777287076 52.49983292555346281, 5.49634090746198822 52.49968610820508275, 5.49112374960554384 52.50078833696401404, 5.4901804509015939 52.50204796767477688, 5.49302686250627303 52.50610707819498657, 5.49954380933023579 52.50337691795765949)))</t>
  </si>
  <si>
    <t>MultiPolygon (((5.48065184427234975 52.50675312983035781, 5.48298825717827576 52.50559465161364159, 5.48459484319610535 52.50567646398611998, 5.48889276045876695 52.50234683214621612, 5.48728263847219022 52.50088743141623127, 5.4806973991755461 52.50027066205721127, 5.48031538831183251 52.50126811287827877, 5.47915599491489758 52.50524878401024154, 5.4789693655247973 52.50671208125078238, 5.48065184427234975 52.50675312983035781)))</t>
  </si>
  <si>
    <t>MultiPolygon (((5.4901804509015939 52.50204796767477688, 5.49112374960554384 52.50078833696401404, 5.48728263847219022 52.50088743141623127, 5.48889276045876695 52.50234683214621612, 5.4901804509015939 52.50204796767477688, 5.4901804509015939 52.50204796767477688)))</t>
  </si>
  <si>
    <t>MultiPolygon (((5.47834470269739793 52.51272866295529695, 5.47629991418139639 52.51181035996607704, 5.47580402007899281 52.5160794191319269, 5.47792609671194697 52.51701623665145036, 5.47834470269739793 52.51272866295529695, 5.47834470269739793 52.51272866295529695)))</t>
  </si>
  <si>
    <t>MultiPolygon (((5.53332518809356078 52.51030440495723894, 5.52294102313051916 52.51042307980764434, 5.52357335218255674 52.51939650334751519, 5.53330893711969907 52.51973928312116868, 5.53332518809356078 52.51030440495723894)))</t>
  </si>
  <si>
    <t>MultiPolygon (((5.52294102313051916 52.51042307980764434, 5.51068751794971767 52.51004860479923764, 5.51063903896580953 52.51055068724212305, 5.50974889076278629 52.51896497950978926, 5.52357335218255674 52.51939650334751519, 5.52294102313051916 52.51042307980764434, 5.52294102313051916 52.51042307980764434)))</t>
  </si>
  <si>
    <t>MultiPolygon (((5.51063903896580953 52.51055068724212305, 5.50051014945131733 52.51017754878863286, 5.50012431199098462 52.51396691829635444, 5.5062113249659248 52.51442625676584441, 5.50582654009886774 52.51871304656652484, 5.50974889076278629 52.51896497950978926, 5.51063903896580953 52.51055068724212305, 5.51063903896580953 52.51055068724212305)))</t>
  </si>
  <si>
    <t>MultiPolygon (((5.47580402007899281 52.5160794191319269, 5.47629991418139639 52.51181035996607704, 5.47302804690266154 52.51168417914397679, 5.47258238341159053 52.5116867850101201, 5.47232547946389936 52.51483850414879839, 5.47191303885134239 52.51743308942591426, 5.47580402007899281 52.5160794191319269, 5.47580402007899281 52.5160794191319269)))</t>
  </si>
  <si>
    <t>MultiPolygon (((5.5062113249659248 52.51442625676584441, 5.50012431199098462 52.51396691829635444, 5.49646586535015302 52.51383718700687808, 5.49676589470127919 52.51804578491246644, 5.50302838263881 52.51831280248251943, 5.50582654009886774 52.51871304656652484, 5.5062113249659248 52.51442625676584441)))</t>
  </si>
  <si>
    <t>MultiPolygon (((5.48441960358936687 52.51669274305005075, 5.48496259953719711 52.51160601637631231, 5.48151140771141332 52.51146369514142975, 5.47869124129576512 52.51143570830695495, 5.47834470269739793 52.51272866295529695, 5.47792609671194697 52.51701623665145036, 5.47788013863284196 52.5174869128462305, 5.48542260990739639 52.51776205921662921, 5.48441960358936687 52.51669274305005075, 5.48441960358936687 52.51669274305005075)))</t>
  </si>
  <si>
    <t>MultiPolygon (((5.49676589470127919 52.51804578491246644, 5.49646586535015302 52.51383718700687808, 5.50012431199098462 52.51396691829635444, 5.50051014945131733 52.51017754878863286, 5.49758265966147874 52.51027668732008635, 5.49142197099104479 52.51177048021624216, 5.48496259953719711 52.51160601637631231, 5.48441960358936687 52.51669274305005075, 5.48542260990739639 52.51776205921662921, 5.4884312855517754 52.51792526889314416, 5.49676589470127919 52.51804578491246644, 5.49676589470127919 52.51804578491246644)))</t>
  </si>
  <si>
    <t>MultiPolygon (((5.47776836232694375 52.51863161399727176, 5.47788013863284196 52.5174869128462305, 5.47792609671194697 52.51701623665145036, 5.47580402007899281 52.5160794191319269, 5.47191303885134239 52.51743308942591426, 5.47210741491534058 52.52049738096378917, 5.47756636454257784 52.52070012629192775, 5.47776836232694375 52.51863161399727176, 5.47776836232694375 52.51863161399727176)))</t>
  </si>
  <si>
    <t>MultiPolygon (((5.50974889076278629 52.51896497950978926, 5.50582654009886774 52.51871304656652484, 5.50302838263881 52.51831280248251943, 5.50290350521518867 52.51968684826676537, 5.49843531692258303 52.51942226288056759, 5.49876408072860734 52.52147275352399447, 5.50946995318139265 52.52171100714959096, 5.50974889076278629 52.51896497950978926, 5.50974889076278629 52.51896497950978926)))</t>
  </si>
  <si>
    <t>MultiPolygon (((5.50946995318139265 52.52171100714959096, 5.49876408072860734 52.52147275352399447, 5.49836537585506235 52.5255435121430736, 5.49990729439548343 52.52612491264310535, 5.50161026627019112 52.52618406421901653, 5.5015130099917684 52.52721054067087181, 5.50888777437774557 52.52744124837954587, 5.50946995318139265 52.52171100714959096, 5.50946995318139265 52.52171100714959096)))</t>
  </si>
  <si>
    <t>MultiPolygon (((5.4884312855517754 52.51792526889314416, 5.48542260990739639 52.51776205921662921, 5.47788013863284196 52.5174869128462305, 5.47776836232694375 52.51863161399727176, 5.48194876523542085 52.51915866271662736, 5.48147283254445483 52.5208409822304958, 5.48775571663708028 52.52106725318246561, 5.4884312855517754 52.51792526889314416, 5.4884312855517754 52.51792526889314416)))</t>
  </si>
  <si>
    <t>MultiPolygon (((5.49843531692258303 52.51942226288056759, 5.50290350521518867 52.51968684826676537, 5.50302838263881 52.51831280248251943, 5.49676589470127919 52.51804578491246644, 5.4884312855517754 52.51792526889314416, 5.48775571663708028 52.52106725318246561, 5.49299028036271419 52.52125551474753706, 5.49876408072860734 52.52147275352399447, 5.49843531692258303 52.51942226288056759)))</t>
  </si>
  <si>
    <t>MultiPolygon (((5.48194876523542085 52.51915866271662736, 5.47776836232694375 52.51863161399727176, 5.47756636454257784 52.52070012629192775, 5.48147283254445483 52.5208409822304958, 5.48194876523542085 52.51915866271662736)))</t>
  </si>
  <si>
    <t>MultiPolygon (((5.49520122256169774 52.53658113406406471, 5.49378773759275774 52.52952980031858488, 5.48634106593986282 52.53007662922889409, 5.48647989977680695 52.53081805302048224, 5.48768029326008033 52.53712759719824277, 5.49520122256169774 52.53658113406406471, 5.49520122256169774 52.53658113406406471)))</t>
  </si>
  <si>
    <t>MultiPolygon (((5.49876408072860734 52.52147275352399447, 5.49299028036271419 52.52125551474753706, 5.49248880628876712 52.52520900014165761, 5.49836537585506235 52.5255435121430736, 5.49876408072860734 52.52147275352399447, 5.49876408072860734 52.52147275352399447)))</t>
  </si>
  <si>
    <t>MultiPolygon (((5.49378773759275774 52.52952980031858488, 5.49365733514529264 52.52888057490064, 5.49988194140954079 52.52911432791919566, 5.49984115610681989 52.5271902406444724, 5.49160316172496632 52.52698168686313807, 5.47855883954377187 52.52646029036316833, 5.47706101908210119 52.52593377544264541, 5.47689374504858062 52.52748048296074046, 5.47869515661658557 52.5275512262548574, 5.48624197103059963 52.52783409691200944, 5.48634106593986282 52.53007662922889409, 5.49378773759275774 52.52952980031858488, 5.49378773759275774 52.52952980031858488)))</t>
  </si>
  <si>
    <t>MultiPolygon (((5.50550979973999244 52.53584179507408436, 5.50424547561306898 52.5292787138465016, 5.49988194140954079 52.52911432791919566, 5.49365733514529264 52.52888057490064, 5.49378773759275774 52.52952980031858488, 5.49520122256169774 52.53658113406406471, 5.50550979973999244 52.53584179507408436, 5.50550979973999244 52.53584179507408436)))</t>
  </si>
  <si>
    <t>MultiPolygon (((5.47651581202139059 52.53011430355731193, 5.47689374504858062 52.52748048296074046, 5.47706101908210119 52.52593377544264541, 5.47719763024084472 52.52467051314685165, 5.4714988953397059 52.52449987415869259, 5.47207910394389163 52.52653946723192036, 5.47421496108170746 52.53040189464979903, 5.47651581202139059 52.53011430355731193, 5.47651581202139059 52.53011430355731193)))</t>
  </si>
  <si>
    <t>MultiPolygon (((5.49990729439548343 52.52612491264310535, 5.49836537585506235 52.5255435121430736, 5.49248880628876712 52.52520900014165761, 5.49160316172496632 52.52698168686313807, 5.49984115610681989 52.5271902406444724, 5.49990729439548343 52.52612491264310535, 5.49990729439548343 52.52612491264310535)))</t>
  </si>
  <si>
    <t>MultiPolygon (((5.49248880628876712 52.52520900014165761, 5.47719763024084472 52.52467051314685165, 5.47706101908210119 52.52593377544264541, 5.47855883954377187 52.52646029036316833, 5.49160316172496632 52.52698168686313807, 5.49248880628876712 52.52520900014165761, 5.49248880628876712 52.52520900014165761)))</t>
  </si>
  <si>
    <t>MultiPolygon (((5.49248880628876712 52.52520900014165761, 5.49299028036271419 52.52125551474753706, 5.48775571663708028 52.52106725318246561, 5.48147283254445483 52.5208409822304958, 5.47756636454257784 52.52070012629192775, 5.47719763024084472 52.52467051314685165, 5.49248880628876712 52.52520900014165761)))</t>
  </si>
  <si>
    <t>MultiPolygon (((5.47719763024084472 52.52467051314685165, 5.47756636454257784 52.52070012629192775, 5.47210741491534058 52.52049738096378917, 5.47144863349765664 52.52093261033130744, 5.4714988953397059 52.52449987415869259, 5.47719763024084472 52.52467051314685165, 5.47719763024084472 52.52467051314685165)))</t>
  </si>
  <si>
    <t>MultiPolygon (((5.62433855010153749 51.75651581429274017, 5.61722109359198196 51.75520213416279347, 5.61645882209387803 51.75501136886592946, 5.61504927722720382 51.75616011192398958, 5.61247012424760872 51.75477426970515182, 5.59732418664964548 51.75059778831759871, 5.59660589581934165 51.74741329366116105, 5.57638535561972848 51.74489142046942192, 5.58019139974467304 51.74901882365223571, 5.58824249268547479 51.7632367661962931, 5.59169808796691559 51.76706578268941428, 5.59316565693107659 51.76765848948328141, 5.59518777875753059 51.77467696935006103, 5.60162175570791199 51.77631736226801706, 5.60573062611669393 51.7782139394350267, 5.59905565146226891 51.77941550778997737, 5.59977250374346092 51.78076894618157411, 5.60640473191725963 51.78552732860383401, 5.61299281582217979 51.78329712300097754, 5.63568035967159897 51.77870004478302235, 5.63298530998582514 51.775269050057112, 5.63080615089346548 51.7704184044709308, 5.62663650391156001 51.76009723714248878, 5.62433855010153749 51.75651581429274017)))</t>
  </si>
  <si>
    <t>MultiPolygon (((5.45971772942881461 51.77095698952361857, 5.46219016622051701 51.77081688342664734, 5.46566828179158382 51.76138041999460171, 5.4732801748955433 51.7625831169548789, 5.47585696202787453 51.75897118775542793, 5.47472737353879157 51.75799598422468506, 5.48684062434577413 51.75289966735850555, 5.48694444065355391 51.7528520894011379, 5.47913941044341257 51.75070729281275561, 5.47012416350787056 51.74718164766070316, 5.46790016545101221 51.74696029506930017, 5.46809831817494807 51.74793064936593368, 5.46095733978236808 51.74762462460806489, 5.45626496816989981 51.74600640365251536, 5.4474225641922871 51.74530758661136787, 5.44351717854660677 51.75104946249491888, 5.44402628296296331 51.75331223469006403, 5.43881638438839321 51.76503027799325451, 5.44646722724643606 51.76348028095323883, 5.45335873097512369 51.7649791351605657, 5.45971772942881461 51.77095698952361857, 5.45971772942881461 51.77095698952361857)))</t>
  </si>
  <si>
    <t>MultiPolygon (((5.48594673641542219 51.75199458981560241, 5.49419306314046896 51.7472712885540389, 5.49850104383675653 51.74493988954755253, 5.49265336205519095 51.74211064356974532, 5.49296344421239802 51.73869840109652785, 5.49481185573493391 51.73669106788480576, 5.49795360447800618 51.7364849793995063, 5.49900053162543756 51.73547873274520015, 5.49530603895372671 51.73467930841781026, 5.4787171964685788 51.73021652048849717, 5.47813788434003257 51.73110974840628984, 5.47240492832601078 51.73352677396514565, 5.47134117852013979 51.73453062880032149, 5.47174391338630439 51.73575224696214292, 5.47495813623187377 51.73709026488307927, 5.47160688206192525 51.73826851064836774, 5.46860232305650928 51.74231368098036654, 5.4693641492130638 51.74376383428665349, 5.47299810028595424 51.74336568429799854, 5.47456804889135906 51.74599628547189667, 5.47012416350787056 51.74718164766070316, 5.47913941044341257 51.75070729281275561, 5.48694444065355391 51.7528520894011379, 5.48594673641542219 51.75199458981560241)))</t>
  </si>
  <si>
    <t>MultiPolygon (((5.47813788434003257 51.73110974840628984, 5.4787171964685788 51.73021652048849717, 5.47424431920269683 51.72896472033367843, 5.46686595384638263 51.72702012120867465, 5.46629391503501694 51.72665693520488617, 5.46543365930617853 51.72678777472293632, 5.4648434352318942 51.72629487230443601, 5.46318792066153502 51.72586627542166582, 5.4625922394310864 51.72819919391609034, 5.4600736101742946 51.73070759131272212, 5.45789560532657969 51.72996447746233173, 5.45645124160897144 51.73136830543916886, 5.45999128740189565 51.73336848655385012, 5.47174391338630439 51.73575224696214292, 5.47134117852013979 51.73453062880032149, 5.47240492832601078 51.73352677396514565, 5.47813788434003257 51.73110974840628984)))</t>
  </si>
  <si>
    <t>MultiPolygon (((5.46790016545101221 51.74696029506930017, 5.47012416350787056 51.74718164766070316, 5.47456804889135906 51.74599628547189667, 5.47299810028595424 51.74336568429799854, 5.4693641492130638 51.74376383428665349, 5.46860232305650928 51.74231368098036654, 5.47160688206192525 51.73826851064836774, 5.47495813623187377 51.73709026488307927, 5.47174391338630439 51.73575224696214292, 5.45999128740189565 51.73336848655385012, 5.45645124160897144 51.73136830543916886, 5.45471480435548806 51.73286955747930449, 5.45323898684909736 51.73238889790672346, 5.45192969316267018 51.73400133220085451, 5.45417324170923212 51.73545525413148738, 5.45053851857037941 51.7393771076087674, 5.45139888195485423 51.73968226352909028, 5.45130699575402744 51.73979913322975221, 5.4474225641922871 51.74530758661136787, 5.45626496816989981 51.74600640365251536, 5.46095733978236808 51.74762462460806489, 5.46809831817494807 51.74793064936593368, 5.46790016545101221 51.74696029506930017)))</t>
  </si>
  <si>
    <t>MultiPolygon (((5.41573921001545244 51.79642043643757177, 5.41637530496550301 51.79201122099309629, 5.42373384448244256 51.77284658984679311, 5.42323086024453538 51.76322786022707589, 5.41182011949188357 51.76217085230688753, 5.39081541931674124 51.7599821386324308, 5.37429268181077102 51.75332410013366768, 5.36399847761357673 51.75150681207072267, 5.35590476698734452 51.75143498392134944, 5.35556602173365448 51.75339195434028028, 5.35351436260315783 51.75547725025745649, 5.35756815655257235 51.7578903398080854, 5.35992739975634258 51.76058743748613722, 5.36042964581001335 51.76868034247992512, 5.3625388834770078 51.77946368778759023, 5.36903890415572338 51.78981619858384278, 5.37019400481381659 51.79109690017173762, 5.37330677897026998 51.79037773989028892, 5.3739216982229232 51.7873598704498761, 5.3816997105231863 51.78799486108439964, 5.3807895002811863 51.79200601374484592, 5.38641615791267547 51.79372891284299385, 5.38773681373014668 51.79182921010396257, 5.3939033425604066 51.79029120023622568, 5.39924976407122781 51.79159135566946759, 5.39833165132386572 51.79494122751844998, 5.4016700853079298 51.79585919705842656, 5.39935486171092904 51.79940401235764114, 5.40356437121484046 51.80138304292016471, 5.4120738038804177 51.80371323450007282, 5.41573921001545244 51.79642043643757177),(5.36326013455099027 51.76727586213042542, 5.36392153305971675 51.76263257110836946, 5.37017407920560697 51.75869938962227224, 5.37485894812347009 51.76140861432972429, 5.37424426447723924 51.76544761371798131, 5.36846301981409102 51.77041488325939866, 5.36405401113694946 51.77072173943586364, 5.36326013455099027 51.76727586213042542)))</t>
  </si>
  <si>
    <t>MultiPolygon (((5.36405401113694946 51.77072173943586364, 5.36846301981409102 51.77041488325939866, 5.37424426447723924 51.76544761371798131, 5.37485894812347009 51.76140861432972429, 5.37017407920560697 51.75869938962227224, 5.36392153305971675 51.76263257110836946, 5.36326013455099027 51.76727586213042542, 5.36405401113694946 51.77072173943586364, 5.36405401113694946 51.77072173943586364)))</t>
  </si>
  <si>
    <t>MultiPolygon (((5.4120738038804177 51.80371323450007282, 5.40356437121484046 51.80138304292016471, 5.39935486171092904 51.79940401235764114, 5.39165289144579241 51.79702226168804913, 5.39015198684352637 51.79799513968230684, 5.38762399213379783 51.79781412645343153, 5.38555577219150106 51.79689235032545014, 5.38462721812326173 51.79753230009730203, 5.39194545741727893 51.80258964796048105, 5.39836204736693048 51.80584040135550339, 5.40590056346031833 51.80537839501845099, 5.41025503107416394 51.80609932616232527, 5.41164165191494995 51.80713301095958911, 5.4120738038804177 51.80371323450007282, 5.4120738038804177 51.80371323450007282)))</t>
  </si>
  <si>
    <t>MultiPolygon (((5.39015198684352637 51.79799513968230684, 5.39165289144579241 51.79702226168804913, 5.38971292297160787 51.79624474270782031, 5.3910417425567001 51.79496386824757082, 5.38641615791267547 51.79372891284299385, 5.3807895002811863 51.79200601374484592, 5.3816997105231863 51.78799486108439964, 5.3739216982229232 51.7873598704498761, 5.37330677897026998 51.79037773989028892, 5.37019400481381659 51.79109690017173762, 5.37560308513768792 51.79616023551822934, 5.37841618191865845 51.79505730390872031, 5.38462721812326173 51.79753230009730203, 5.38555577219150106 51.79689235032545014, 5.38762399213379783 51.79781412645343153, 5.39015198684352637 51.79799513968230684, 5.39015198684352637 51.79799513968230684)))</t>
  </si>
  <si>
    <t>MultiPolygon (((5.39935486171092904 51.79940401235764114, 5.4016700853079298 51.79585919705842656, 5.39833165132386572 51.79494122751844998, 5.39924976407122781 51.79159135566946759, 5.3939033425604066 51.79029120023622568, 5.38773681373014668 51.79182921010396257, 5.38641615791267547 51.79372891284299385, 5.3910417425567001 51.79496386824757082, 5.38971292297160787 51.79624474270782031, 5.39165289144579241 51.79702226168804913, 5.39935486171092904 51.79940401235764114, 5.39935486171092904 51.79940401235764114)))</t>
  </si>
  <si>
    <t>MultiPolygon (((5.49600627481284576 51.8306044850289922, 5.50325512825300045 51.82876390493809993, 5.50807878994999545 51.82614341485542298, 5.51421399639464482 51.82074390438084777, 5.51773424206969221 51.8192839197191617, 5.52788422813874991 51.81848119837395927, 5.53563387520060601 51.8165743730952002, 5.53436715902313914 51.81025860137713579, 5.53148346414851488 51.81073640539661795, 5.53070818581159518 51.80865089997030282, 5.53000671684099476 51.80655319347982868, 5.52653774888191229 51.80708309155227909, 5.52541147226194607 51.80384615966598005, 5.52056179747513287 51.80012195567596933, 5.51455901680002292 51.79790142696125343, 5.51595561303181636 51.79530004191509107, 5.51492190550566619 51.79536960755164188, 5.51400634798729339 51.79546699735933402, 5.5077772839946828 51.80206666159086382, 5.50557663731704761 51.80301825981234742, 5.50237052849286101 51.80303261022466899, 5.49288580817824368 51.80019794377236053, 5.49160252484938649 51.80218377004061381, 5.48883159186931202 51.80416781606692922, 5.48710160760606769 51.80368887061481331, 5.48535480651192398 51.80536454692882131, 5.4857946668813593 51.81217587821577553, 5.48483070335715794 51.81646493294322653, 5.48221173681485396 51.81942225284314674, 5.47834881879835578 51.82005413704955998, 5.47967285913542934 51.82437160249982355, 5.48183980224852441 51.82706638101334562, 5.48584861235255694 51.82940903646393593, 5.49019029970618355 51.83050863626213101, 5.49600627481284576 51.8306044850289922),(5.49844041162508734 51.82633425553589035, 5.50234828594504499 51.81962453727727791, 5.50734395128355914 51.82333252811600488, 5.50491209393294945 51.82554460651860495, 5.4993539843698942 51.82754296691382478, 5.49844041162508734 51.82633425553589035)))</t>
  </si>
  <si>
    <t>MultiPolygon (((5.4993539843698942 51.82754296691382478, 5.50491209393294945 51.82554460651860495, 5.50734395128355914 51.82333252811600488, 5.50234828594504499 51.81962453727727791, 5.49844041162508734 51.82633425553589035, 5.4993539843698942 51.82754296691382478, 5.4993539843698942 51.82754296691382478)))</t>
  </si>
  <si>
    <t>MultiPolygon (((5.4496449653340262 51.79964430988604107, 5.45701762997896012 51.79937026697933078, 5.45495794407759504 51.79240858323990437, 5.45734176057914588 51.79214720723855692, 5.46576904424865262 51.7954810513129047, 5.47618710158264221 51.79452808871926806, 5.47962209946354672 51.79642356112594115, 5.47846667252719666 51.79215836764181802, 5.47437282808509984 51.78424730679081733, 5.471853072292725 51.78057233990126917, 5.46735472840657888 51.77691726845365139, 5.4664641201916373 51.7742786572085123, 5.45971772942881461 51.77095698952361857, 5.45335873097512369 51.7649791351605657, 5.44646722724643606 51.76348028095323883, 5.43881638438839321 51.76503027799325451, 5.43621881652822836 51.76472526327986401, 5.43607176965742589 51.76621410965996262, 5.43470637504926835 51.76735341581759542, 5.43335561679299772 51.7675052323210565, 5.44215193245301698 51.78291233136251037, 5.44856527297461746 51.78679002914552143, 5.44888608341884151 51.7902624064742696, 5.44018690558602191 51.79074121260278218, 5.4407777309559453 51.79323759525275506, 5.44219472424981365 51.79309205175128739, 5.44877504847402516 51.7947244134050564, 5.44924934139624906 51.79693613336385027, 5.44743642798484284 51.79712244483557271, 5.44814679025407589 51.79964814876587553, 5.4496449653340262 51.79964430988604107, 5.4496449653340262 51.79964430988604107)))</t>
  </si>
  <si>
    <t>MultiPolygon (((5.48221173681485396 51.81942225284314674, 5.48483070335715794 51.81646493294322653, 5.4857946668813593 51.81217587821577553, 5.48535480651192398 51.80536454692882131, 5.48710160760606769 51.80368887061481331, 5.48883159186931202 51.80416781606692922, 5.49160252484938649 51.80218377004061381, 5.49288580817824368 51.80019794377236053, 5.48960417959055569 51.80016270770470044, 5.48784320600064124 51.8008878176421419, 5.482092928252845 51.79639831034663189, 5.48912503066177493 51.79297338005479645, 5.49572608049028322 51.78729901520029699, 5.49442092457011189 51.78667596904687542, 5.48940338743377598 51.78666663157230232, 5.47839601063828674 51.78135250359509456, 5.47358064698128199 51.77644879406845746, 5.4664641201916373 51.7742786572085123, 5.46735472840657888 51.77691726845365139, 5.471853072292725 51.78057233990126917, 5.47437282808509984 51.78424730679081733, 5.47846667252719666 51.79215836764181802, 5.47962209946354672 51.79642356112594115, 5.48251723922262713 51.79862909537822446, 5.47905278432800014 51.79943311630136549, 5.47600857158386134 51.79908995093298074, 5.47416582215445935 51.79951046277064819, 5.46922939036838418 51.80315332044768439, 5.46852267734827358 51.80773950265180616, 5.46708505634556019 51.80995354837852318, 5.46748600042402089 51.81180263471760838, 5.47421458851921017 51.81464138011669007, 5.47693154276665517 51.81718303973818962, 5.47834881879835578 51.82005413704955998, 5.48221173681485396 51.81942225284314674, 5.48221173681485396 51.81942225284314674)))</t>
  </si>
  <si>
    <t>MultiPolygon (((5.50557663731704761 51.80301825981234742, 5.5077772839946828 51.80206666159086382, 5.51400634798729339 51.79546699735933402, 5.51492190550566619 51.79536960755164188, 5.51057963545435037 51.79366343974449904, 5.50948998405759216 51.79248018066044779, 5.49784457703790519 51.7884095781258651, 5.49597905983609003 51.78716188346951554, 5.49572608049028322 51.78729901520029699, 5.48912503066177493 51.79297338005479645, 5.482092928252845 51.79639831034663189, 5.48784320600064124 51.8008878176421419, 5.48960417959055569 51.80016270770470044, 5.49288580817824368 51.80019794377236053, 5.50237052849286101 51.80303261022466899, 5.50557663731704761 51.80301825981234742)))</t>
  </si>
  <si>
    <t>MultiPolygon (((5.46708505634556019 51.80995354837852318, 5.46852267734827358 51.80773950265180616, 5.46922939036838418 51.80315332044768439, 5.47416582215445935 51.79951046277064819, 5.47600857158386134 51.79908995093298074, 5.47905278432800014 51.79943311630136549, 5.48251723922262713 51.79862909537822446, 5.47962209946354672 51.79642356112594115, 5.47618710158264221 51.79452808871926806, 5.46576904424865262 51.7954810513129047, 5.45734176057914588 51.79214720723855692, 5.45495794407759504 51.79240858323990437, 5.45701762997896012 51.79937026697933078, 5.4496449653340262 51.79964430988604107, 5.45122609634520305 51.80679811345177654, 5.45272484782209155 51.80783802958136874, 5.46097176900523884 51.80836180001561075, 5.46512100527853484 51.80921469061004103, 5.4644803802098556 51.81118659289545292, 5.46748600042402089 51.81180263471760838, 5.46708505634556019 51.80995354837852318, 5.46708505634556019 51.80995354837852318)))</t>
  </si>
  <si>
    <t>MultiPolygon (((5.42085959534792305 51.80807055221774249, 5.42798877771316501 51.80442747861344799, 5.43197471047338887 51.80156535405872376, 5.43891612828689475 51.8001098496107204, 5.43953247413575891 51.7982267507748233, 5.44487246019176307 51.79763097883629541, 5.4455735688839022 51.80006802148379563, 5.44814679025407589 51.79964814876587553, 5.44743642798484284 51.79712244483557271, 5.44924934139624906 51.79693613336385027, 5.44877504847402516 51.7947244134050564, 5.44219472424981365 51.79309205175128739, 5.4407777309559453 51.79323759525275506, 5.44018690558602191 51.79074121260278218, 5.44888608341884151 51.7902624064742696, 5.44856527297461746 51.78679002914552143, 5.44215193245301698 51.78291233136251037, 5.43335561679299772 51.7675052323210565, 5.43470637504926835 51.76735341581759542, 5.43607176965742589 51.76621410965996262, 5.43621881652822836 51.76472526327986401, 5.42323086024453538 51.76322786022707589, 5.42373384448244256 51.77284658984679311, 5.41637530496550301 51.79201122099309629, 5.41573921001545244 51.79642043643757177, 5.4120738038804177 51.80371323450007282, 5.41164165191494995 51.80713301095958911, 5.41632615718016552 51.81186460181126563, 5.42085959534792305 51.80807055221774249)))</t>
  </si>
  <si>
    <t>MultiPolygon (((5.41040964180070372 51.82254524656683259, 5.41488544888811152 51.82129018643880158, 5.41827155049017772 51.8185579217767156, 5.42229228811565456 51.81455847305165463, 5.41632615718016552 51.81186460181126563, 5.41164165191494995 51.80713301095958911, 5.41025503107416394 51.80609932616232527, 5.40590056346031833 51.80537839501845099, 5.39836204736693048 51.80584040135550339, 5.39194545741727893 51.80258964796048105, 5.38462721812326173 51.79753230009730203, 5.37841618191865845 51.79505730390872031, 5.37560308513768792 51.79616023551822934, 5.38349052134624095 51.80463369635860715, 5.39440946551917833 51.81272305731509675, 5.39838488963780438 51.81715553370845129, 5.40005407099345636 51.81941747786802921, 5.40170634612779477 51.82089279847573238, 5.40605821009641652 51.8224201954743009, 5.41040964180070372 51.82254524656683259, 5.41040964180070372 51.82254524656683259)))</t>
  </si>
  <si>
    <t>MultiPolygon (((5.42925514656706198 51.81136743758570873, 5.43940392152638363 51.80970948566891821, 5.44955420556874781 51.80967755103837646, 5.4644803802098556 51.81118659289545292, 5.46512100527853484 51.80921469061004103, 5.46097176900523884 51.80836180001561075, 5.45272484782209155 51.80783802958136874, 5.45122609634520305 51.80679811345177654, 5.4496449653340262 51.79964430988604107, 5.44814679025407589 51.79964814876587553, 5.4455735688839022 51.80006802148379563, 5.44487246019176307 51.79763097883629541, 5.43953247413575891 51.7982267507748233, 5.43891612828689475 51.8001098496107204, 5.43197471047338887 51.80156535405872376, 5.42798877771316501 51.80442747861344799, 5.42085959534792305 51.80807055221774249, 5.41632615718016552 51.81186460181126563, 5.42229228811565456 51.81455847305165463, 5.42925514656706198 51.81136743758570873)))</t>
  </si>
  <si>
    <t>MultiPolygon (((5.61429614860131565 51.80426688669499669, 5.61346926087537934 51.80248963385614047, 5.61956333482721604 51.80218688372589497, 5.62479319071279438 51.79787004029543596, 5.63316784114491131 51.7969085331500807, 5.63739927776492955 51.79487444502606053, 5.63129019223853433 51.79250688591929475, 5.62303557294219214 51.78936027453510604, 5.61299281582217979 51.78329712300097754, 5.60640473191725963 51.78552732860383401, 5.59977250374346092 51.78076894618157411, 5.59905565146226891 51.77941550778997737, 5.59376880820192746 51.78054583860821225, 5.59364364265365044 51.78233004325127808, 5.59700781736122366 51.785465403515758, 5.59362492249007648 51.78665727216426262, 5.58959981252466331 51.78638278468987011, 5.58700953398091205 51.78680286623729501, 5.58705304056099816 51.7891555689850378, 5.58837380535167139 51.79042549692448461, 5.58991728644692465 51.7905182942792095, 5.59337845209273521 51.79204660654701087, 5.5950763527178724 51.79387955741238869, 5.60124316961262991 51.80246533428437772, 5.60109282281612941 51.80314317302181593, 5.59453157759251329 51.80496820189162577, 5.596689902274119 51.8070586091498555, 5.61429614860131565 51.80426688669499669)))</t>
  </si>
  <si>
    <t>MultiPolygon (((5.64421596726657082 51.81603679428227593, 5.64657463536773285 51.81303035809906987, 5.64990124830354823 51.80613693920937379, 5.65391375620667969 51.80115183290131853, 5.64598304535044271 51.7981833106237346, 5.64711976748186117 51.79874109121772818, 5.64573995346237023 51.80013784273238997, 5.63643865807977651 51.80171969787040354, 5.63674838389367405 51.80339361754199956, 5.63911131650125874 51.80574003313685694, 5.63704945679358893 51.80664815228526265, 5.63961113128877489 51.80878826916785584, 5.63990924999954935 51.81385280178220398, 5.6413045533554449 51.81789190892915542, 5.64421596726657082 51.81603679428227593)))</t>
  </si>
  <si>
    <t>MultiPolygon (((5.63521468358901778 51.81954367863634303, 5.6413045533554449 51.81789190892915542, 5.63990924999954935 51.81385280178220398, 5.63961113128877489 51.80878826916785584, 5.63704945679358893 51.80664815228526265, 5.63617851589397123 51.805961516702979, 5.63259045656767032 51.80752421209964353, 5.62783689925999742 51.80389835952021116, 5.61517921439770173 51.80616712495778842, 5.62093579534824261 51.81553149265626246, 5.62304386740593909 51.81518890122748644, 5.62548164897037317 51.81738309473745829, 5.62589668538403931 51.81922971643510323, 5.63521468358901778 51.81954367863634303)))</t>
  </si>
  <si>
    <t>MultiPolygon (((5.5979766152118664 51.82804944128904623, 5.60623531780652495 51.82530003058379009, 5.61781288338322593 51.82005557791625705, 5.62215963110650918 51.81921102780668065, 5.62589668538403931 51.81922971643510323, 5.62548164897037317 51.81738309473745829, 5.62304386740593909 51.81518890122748644, 5.62093579534824261 51.81553149265626246, 5.61517921439770173 51.80616712495778842, 5.61429614860131565 51.80426688669499669, 5.596689902274119 51.8070586091498555, 5.59726698904172881 51.80755311616832159, 5.59512136878217348 51.81006406730979563, 5.59495122738952766 51.81162416370246859, 5.58967161310797955 51.81627661517180172, 5.58918367998579857 51.81785302298765572, 5.58492935856404671 51.82102961661600915, 5.57857580575072465 51.82438802643818576, 5.57720813798049964 51.82572520499562785, 5.57679187192021875 51.82815180523269305, 5.58884839252630439 51.82969957167564701, 5.5979766152118664 51.82804944128904623)))</t>
  </si>
  <si>
    <t>MultiPolygon (((5.63259045656767032 51.80752421209964353, 5.63617851589397123 51.805961516702979, 5.63704945679358893 51.80664815228526265, 5.63911131650125874 51.80574003313685694, 5.63674838389367405 51.80339361754199956, 5.63643865807977651 51.80171969787040354, 5.64573995346237023 51.80013784273238997, 5.64711976748186117 51.79874109121772818, 5.64598304535044271 51.7981833106237346, 5.64312325356980971 51.79701220997432642, 5.63739927776492955 51.79487444502606053, 5.63316784114491131 51.7969085331500807, 5.62479319071279438 51.79787004029543596, 5.61956333482721604 51.80218688372589497, 5.61346926087537934 51.80248963385614047, 5.61429614860131565 51.80426688669499669, 5.61517921439770173 51.80616712495778842, 5.62783689925999742 51.80389835952021116, 5.63259045656767032 51.80752421209964353, 5.63259045656767032 51.80752421209964353)))</t>
  </si>
  <si>
    <t>MultiPolygon (((5.69650079372316664 51.78546666972912504, 5.70230932421147418 51.77814360364801871, 5.70597654116829656 51.77625509687636196, 5.71122994549050311 51.77503386233291138, 5.70104786637786276 51.76874714174677194, 5.69603582976593259 51.76133972309590092, 5.69085817009560202 51.7591306918526044, 5.68610550690549399 51.75927486350762052, 5.68013961634917575 51.76135335286223693, 5.67627567696482505 51.76477314906819771, 5.67473460132090057 51.76800961939893853, 5.67522015630831156 51.77156562756110958, 5.68162366671935892 51.77924798811812934, 5.68676523846151749 51.78251671662479083, 5.69223521959261447 51.78471896846812683, 5.69371615596691338 51.78774095819744616, 5.69650079372316664 51.78546666972912504, 5.69650079372316664 51.78546666972912504)))</t>
  </si>
  <si>
    <t>MultiPolygon (((5.66840696221051932 51.79291697274162232, 5.67410327537209902 51.7924496588592973, 5.68578971992998206 51.79119314644648853, 5.69371615596691338 51.78774095819744616, 5.69223521959261447 51.78471896846812683, 5.68676523846151749 51.78251671662479083, 5.68162366671935892 51.77924798811812934, 5.6748508372929205 51.78001659716915839, 5.67513742689992284 51.78267899888167847, 5.66829906073960821 51.78194154239675129, 5.66834504207070111 51.78022572718425209, 5.66569427694147354 51.78023060243953068, 5.66521082383659369 51.78201818326233052, 5.65972557878745874 51.77930864979015269, 5.65757783121355384 51.78006769236644402, 5.65795174682995405 51.78218490132183405, 5.65714864961853259 51.78279152707319355, 5.66303940932475314 51.78633434105142186, 5.66017117425192584 51.7883264851659888, 5.65633726811689819 51.78968854256491028, 5.66335080234919097 51.79453442471929492, 5.66840696221051932 51.79291697274162232)))</t>
  </si>
  <si>
    <t>MultiPolygon (((5.6748508372929205 51.78001659716915839, 5.68162366671935892 51.77924798811812934, 5.67522015630831156 51.77156562756110958, 5.67473460132090057 51.76800961939893853, 5.67226061373381452 51.76561615822175355, 5.66855334396251553 51.76664687433647316, 5.66772385000935319 51.76922387226923661, 5.6666823647595681 51.77465125733986895, 5.66296949720736098 51.7758800921983422, 5.6664459826005471 51.77743902433388712, 5.66569427694147354 51.78023060243953068, 5.66834504207070111 51.78022572718425209, 5.66829906073960821 51.78194154239675129, 5.67513742689992284 51.78267899888167847, 5.6748508372929205 51.78001659716915839)))</t>
  </si>
  <si>
    <t>MultiPolygon (((5.63719500420255848 51.77013824707361778, 5.6368768305368544 51.76531615160347854, 5.63795046399490829 51.76600650042135499, 5.63778129259698524 51.76674220803057125, 5.64342877131669951 51.76723771629768578, 5.64473329186664241 51.76551328774818472, 5.66772385000935319 51.76922387226923661, 5.66855334396251553 51.76664687433647316, 5.67226061373381452 51.76561615822175355, 5.66996487197105825 51.76260442174557141, 5.66769266166321284 51.7538131658138596, 5.66722266325211432 51.75225628099757813, 5.64860357095668242 51.76414253372952601, 5.64541831990753273 51.76289119406435901, 5.6337737193821722 51.76083301458913866, 5.63577547854492433 51.75832505703046138, 5.6267283238079866 51.75694196448117168, 5.62433855010153749 51.75651581429274017, 5.62663650391156001 51.76009723714248878, 5.63080615089346548 51.7704184044709308, 5.63719500420255848 51.77013824707361778, 5.63719500420255848 51.77013824707361778)))</t>
  </si>
  <si>
    <t>MultiPolygon (((5.64726621535664641 51.78002918724834558, 5.6557390798351399 51.77824971845329571, 5.66296949720736098 51.7758800921983422, 5.6666823647595681 51.77465125733986895, 5.66772385000935319 51.76922387226923661, 5.64473329186664241 51.76551328774818472, 5.64342877131669951 51.76723771629768578, 5.63778129259698524 51.76674220803057125, 5.63795046399490829 51.76600650042135499, 5.6368768305368544 51.76531615160347854, 5.63719500420255848 51.77013824707361778, 5.63080615089346548 51.7704184044709308, 5.63298530998582514 51.775269050057112, 5.63568035967159897 51.77870004478302235, 5.64550727425544974 51.77749527011138042, 5.64726621535664641 51.78002918724834558, 5.64726621535664641 51.78002918724834558)))</t>
  </si>
  <si>
    <t>MultiPolygon (((5.62760324159221703 51.78684075039163304, 5.62486698487042069 51.78486062417510283, 5.63927239189642826 51.78152793367769391, 5.65032305148512304 51.78693000469214525, 5.65260635522074217 51.78523871672386036, 5.64864688268539705 51.78317225989689376, 5.64846316826238137 51.78211848238447601, 5.65757783121355384 51.78006769236644402, 5.65972557878745874 51.77930864979015269, 5.66521082383659369 51.78201818326233052, 5.66569427694147354 51.78023060243953068, 5.6664459826005471 51.77743902433388712, 5.66296949720736098 51.7758800921983422, 5.6557390798351399 51.77824971845329571, 5.64726621535664641 51.78002918724834558, 5.64550727425544974 51.77749527011138042, 5.63568035967159897 51.77870004478302235, 5.61299281582217979 51.78329712300097754, 5.62303557294219214 51.78936027453510604, 5.62760324159221703 51.78684075039163304)))</t>
  </si>
  <si>
    <t>MultiPolygon (((5.65633726811689819 51.78968854256491028, 5.66017117425192584 51.7883264851659888, 5.66303940932475314 51.78633434105142186, 5.65714864961853259 51.78279152707319355, 5.65795174682995405 51.78218490132183405, 5.65757783121355384 51.78006769236644402, 5.64846316826238137 51.78211848238447601, 5.64864688268539705 51.78317225989689376, 5.65260635522074217 51.78523871672386036, 5.65032305148512304 51.78693000469214525, 5.65633726811689819 51.78968854256491028, 5.65633726811689819 51.78968854256491028)))</t>
  </si>
  <si>
    <t>MultiPolygon (((5.65285334931225414 51.79047211140285611, 5.65209925970437954 51.78828145702398444, 5.65032305148512304 51.78693000469214525, 5.63927239189642826 51.78152793367769391, 5.62486698487042069 51.78486062417510283, 5.62760324159221703 51.78684075039163304, 5.62303557294219214 51.78936027453510604, 5.63129019223853433 51.79250688591929475, 5.63346977108698077 51.79031772299979508, 5.64614752481625093 51.79160818186580428, 5.64720945963952392 51.79294151236248211, 5.65285334931225414 51.79047211140285611)))</t>
  </si>
  <si>
    <t>MultiPolygon (((5.64720945963952392 51.79294151236248211, 5.64614752481625093 51.79160818186580428, 5.63346977108698077 51.79031772299979508, 5.63129019223853433 51.79250688591929475, 5.63739927776492955 51.79487444502606053, 5.64312325356980971 51.79701220997432642, 5.64720945963952392 51.79294151236248211, 5.64720945963952392 51.79294151236248211)))</t>
  </si>
  <si>
    <t>MultiPolygon (((5.65749379370536065 51.79803009752411214, 5.66335080234919097 51.79453442471929492, 5.65633726811689819 51.78968854256491028, 5.65032305148512304 51.78693000469214525, 5.65209925970437954 51.78828145702398444, 5.65285334931225414 51.79047211140285611, 5.64720945963952392 51.79294151236248211, 5.64312325356980971 51.79701220997432642, 5.64598304535044271 51.7981833106237346, 5.65391375620667969 51.80115183290131853, 5.65749379370536065 51.79803009752411214)))</t>
  </si>
  <si>
    <t>MultiPolygon (((5.55511551154055727 51.81895888543929374, 5.55905526163910935 51.81124840249688646, 5.55927311460207818 51.80966317768034912, 5.55841808180225971 51.80860307759049732, 5.55296681567711126 51.80637430761041173, 5.54970140839211012 51.80617124867849554, 5.54949633848823964 51.80692819294897333, 5.5491117843438893 51.80631305308553891, 5.54862542845323237 51.80766473707879527, 5.5435065194840103 51.81029970142831331, 5.53563387520060601 51.8165743730952002, 5.54092978407625658 51.81630760279421821, 5.54528452363403268 51.81743434674718429, 5.54862869945651305 51.8198027216876298, 5.55126457770246251 51.82413081878974026, 5.55511551154055727 51.81895888543929374)))</t>
  </si>
  <si>
    <t>MultiPolygon (((5.57720813798049964 51.82572520499562785, 5.57857580575072465 51.82438802643818576, 5.58492935856404671 51.82102961661600915, 5.58918367998579857 51.81785302298765572, 5.58589736759436573 51.81537030028103885, 5.58313635269642372 51.81196558736049695, 5.57724817749965851 51.81238250010846258, 5.57533155330597463 51.80951640604737207, 5.56714896290369854 51.80985499421418439, 5.56666120939114339 51.80852226863187582, 5.56236292058216186 51.80756002571543917, 5.56425912013551738 51.81493423431032852, 5.56825353219486097 51.82315216820960302, 5.56787978548960538 51.82778327838969545, 5.57679187192021875 51.82815180523269305, 5.57720813798049964 51.82572520499562785)))</t>
  </si>
  <si>
    <t>MultiPolygon (((5.56787978548960538 51.82778327838969545, 5.56825353219486097 51.82315216820960302, 5.56425912013551738 51.81493423431032852, 5.56236292058216186 51.80756002571543917, 5.56229659539289312 51.80752939258965029, 5.55841808180225971 51.80860307759049732, 5.55927311460207818 51.80966317768034912, 5.55905526163910935 51.81124840249688646, 5.55511551154055727 51.81895888543929374, 5.55126457770246251 51.82413081878974026, 5.55214717992338347 51.82496722141326018, 5.55482428556543351 51.82656016235002028, 5.55815836948094777 51.82752670374353698, 5.56787978548960538 51.82778327838969545, 5.56787978548960538 51.82778327838969545)))</t>
  </si>
  <si>
    <t>MultiPolygon (((5.53552856103782798 51.80750732825598703, 5.54009883547498738 51.80428342113695805, 5.54770321473252093 51.8029218926130639, 5.54280649600242015 51.79139231296404233, 5.54270752607100725 51.79138368066089981, 5.54089102596495398 51.79164471892723043, 5.53516443959922988 51.78911149910324951, 5.53154050862209523 51.78882611676417724, 5.52868815511092127 51.78937272992038743, 5.52722535137102167 51.79105091534106009, 5.52091033170006451 51.79343937810541831, 5.51595561303181636 51.79530004191509107, 5.51455901680002292 51.79790142696125343, 5.52056179747513287 51.80012195567596933, 5.52541147226194607 51.80384615966598005, 5.52653774888191229 51.80708309155227909, 5.53000671684099476 51.80655319347982868, 5.53070818581159518 51.80865089997030282, 5.53552856103782798 51.80750732825598703)))</t>
  </si>
  <si>
    <t>MultiPolygon (((5.56229659539289312 51.80752939258965029, 5.56089545400169438 51.79943507007421033, 5.56081316086697175 51.79908713403199272, 5.55607720676707029 51.79787527160662819, 5.54885435604213839 51.79265350429817261, 5.54369620471604208 51.79144273046549074, 5.54280649600242015 51.79139231296404233, 5.54770321473252093 51.8029218926130639, 5.5491117843438893 51.80631305308553891, 5.54949633848823964 51.80692819294897333, 5.54970140839211012 51.80617124867849554, 5.55296681567711126 51.80637430761041173, 5.55841808180225971 51.80860307759049732, 5.56229659539289312 51.80752939258965029, 5.56229659539289312 51.80752939258965029)))</t>
  </si>
  <si>
    <t>MultiPolygon (((5.5435065194840103 51.81029970142831331, 5.54862542845323237 51.80766473707879527, 5.5491117843438893 51.80631305308553891, 5.54770321473252093 51.8029218926130639, 5.54009883547498738 51.80428342113695805, 5.53552856103782798 51.80750732825598703, 5.53070818581159518 51.80865089997030282, 5.53148346414851488 51.81073640539661795, 5.53436715902313914 51.81025860137713579, 5.53563387520060601 51.8165743730952002, 5.5435065194840103 51.81029970142831331)))</t>
  </si>
  <si>
    <t>MultiPolygon (((5.58967161310797955 51.81627661517180172, 5.59495122738952766 51.81162416370246859, 5.59355974124711874 51.809371394017802, 5.58521451388296519 51.81038667226776084, 5.58313635269642372 51.81196558736049695, 5.58589736759436573 51.81537030028103885, 5.58918367998579857 51.81785302298765572, 5.58967161310797955 51.81627661517180172, 5.58967161310797955 51.81627661517180172)))</t>
  </si>
  <si>
    <t>MultiPolygon (((5.57149563994467556 51.79822611906367058, 5.5950763527178724 51.79387955741238869, 5.59337845209273521 51.79204660654701087, 5.58991728644692465 51.7905182942792095, 5.58837380535167139 51.79042549692448461, 5.58705304056099816 51.7891555689850378, 5.58700953398091205 51.78680286623729501, 5.58004584720400043 51.78760154555082806, 5.57792279983653305 51.78907841260766531, 5.57566315007223867 51.79313896212178037, 5.57352911090142911 51.79421748399588665, 5.56878436085000583 51.79378388483758044, 5.56089771223375173 51.79908827611222222, 5.56081316086697175 51.79908713403199272, 5.56089545400169438 51.79943507007421033, 5.57149563994467556 51.79822611906367058)))</t>
  </si>
  <si>
    <t>MultiPolygon (((5.57724817749965851 51.81238250010846258, 5.58313635269642372 51.81196558736049695, 5.58521451388296519 51.81038667226776084, 5.59355974124711874 51.809371394017802, 5.59495122738952766 51.81162416370246859, 5.59512136878217348 51.81006406730979563, 5.59726698904172881 51.80755311616832159, 5.596689902274119 51.8070586091498555, 5.59453157759251329 51.80496820189162577, 5.60109282281612941 51.80314317302181593, 5.60124316961262991 51.80246533428437772, 5.5950763527178724 51.79387955741238869, 5.57149563994467556 51.79822611906367058, 5.56089545400169438 51.79943507007421033, 5.56229659539289312 51.80752939258965029, 5.56236292058216186 51.80756002571543917, 5.56666120939114339 51.80852226863187582, 5.56714896290369854 51.80985499421418439, 5.57533155330597463 51.80951640604737207, 5.57724817749965851 51.81238250010846258, 5.57724817749965851 51.81238250010846258)))</t>
  </si>
  <si>
    <t>MultiPolygon (((5.56878436085000583 51.79378388483758044, 5.57352911090142911 51.79421748399588665, 5.57566315007223867 51.79313896212178037, 5.57792279983653305 51.78907841260766531, 5.57367394274949479 51.78342587147101028, 5.5761267083504098 51.78026911732398929, 5.58234219403154786 51.78013613075234645, 5.5819359603348353 51.77657167147607709, 5.578633318764604 51.77622388672442355, 5.56747532779325827 51.77706217645327058, 5.56660735985733979 51.77664762948565169, 5.56623864376815103 51.77470008889956432, 5.56225717063630221 51.77473301726318766, 5.56232383393877683 51.77519510268523817, 5.55810954633804766 51.7755883863052162, 5.55844461115642741 51.77782987139276116, 5.56098915037317099 51.77780567579014104, 5.56296110168547653 51.78747299073833688, 5.56766193199300385 51.78725942635730206, 5.56732355835448178 51.78914175301630962, 5.56585163410255035 51.79082413883845248, 5.55908587016828193 51.79536563517879699, 5.56089771223375173 51.79908827611222222, 5.56878436085000583 51.79378388483758044)))</t>
  </si>
  <si>
    <t>MultiPolygon (((5.58019139974467304 51.74901882365223571, 5.57638535561972848 51.74489142046942192, 5.57747708428511935 51.73576090137575534, 5.57991781918379814 51.73293894226684841, 5.58222496649879396 51.73274991906530573, 5.58088116046704474 51.7314480880772436, 5.57600631267814961 51.73153196734757131, 5.57376078019649857 51.73105924970952429, 5.57159080615080349 51.73357805780872098, 5.57009049983408122 51.73865886674257553, 5.56476467309766054 51.74383945153163467, 5.56285684595247609 51.74702048098421159, 5.5597212273931218 51.75319777996270432, 5.55916011889722572 51.75388879955874444, 5.56604373118702878 51.75626104775800229, 5.5651431398189608 51.75766854898945724, 5.58824249268547479 51.7632367661962931, 5.58019139974467304 51.74901882365223571)))</t>
  </si>
  <si>
    <t>MultiPolygon (((5.58004584720400043 51.78760154555082806, 5.58700953398091205 51.78680286623729501, 5.58959981252466331 51.78638278468987011, 5.59362492249007648 51.78665727216426262, 5.59700781736122366 51.785465403515758, 5.59364364265365044 51.78233004325127808, 5.59376880820192746 51.78054583860821225, 5.59905565146226891 51.77941550778997737, 5.60573062611669393 51.7782139394350267, 5.60162175570791199 51.77631736226801706, 5.59518777875753059 51.77467696935006103, 5.58316237258826309 51.77170558000693035, 5.5819359603348353 51.77657167147607709, 5.58234219403154786 51.78013613075234645, 5.5761267083504098 51.78026911732398929, 5.57367394274949479 51.78342587147101028, 5.57792279983653305 51.78907841260766531, 5.58004584720400043 51.78760154555082806)))</t>
  </si>
  <si>
    <t>MultiPolygon (((5.59518777875753059 51.77467696935006103, 5.59316565693107659 51.76765848948328141, 5.59169808796691559 51.76706578268941428, 5.58824249268547479 51.7632367661962931, 5.5651431398189608 51.75766854898945724, 5.56463337905946531 51.75897093934575821, 5.56549711937188096 51.76009728303925073, 5.56418812478941849 51.76428005291890599, 5.56326681748241025 51.76530420362497864, 5.55881505838504619 51.76441589728742088, 5.5571668763528006 51.76528167874054276, 5.55768954314977748 51.76654872752241232, 5.5653040474069746 51.76724414205094149, 5.58316237258826309 51.77170558000693035, 5.59518777875753059 51.77467696935006103, 5.59518777875753059 51.77467696935006103)))</t>
  </si>
  <si>
    <t>MultiPolygon (((5.578633318764604 51.77622388672442355, 5.5819359603348353 51.77657167147607709, 5.58316237258826309 51.77170558000693035, 5.5653040474069746 51.76724414205094149, 5.55768954314977748 51.76654872752241232, 5.5527673037709171 51.7665605667919948, 5.55256956920459821 51.76954665852456827, 5.55390043811865475 51.77331553598063607, 5.5528278119392418 51.77355721750727469, 5.55329337174452231 51.77525392417154393, 5.55780894593392016 51.77478264151924492, 5.55810954633804766 51.7755883863052162, 5.56232383393877683 51.77519510268523817, 5.56225717063630221 51.77473301726318766, 5.56623864376815103 51.77470008889956432, 5.56660735985733979 51.77664762948565169, 5.56747532779325827 51.77706217645327058, 5.578633318764604 51.77622388672442355)))</t>
  </si>
  <si>
    <t>MultiPolygon (((5.56476467309766054 51.74383945153163467, 5.57009049983408122 51.73865886674257553, 5.57159080615080349 51.73357805780872098, 5.57376078019649857 51.73105924970952429, 5.57013296955328308 51.7310284900778683, 5.56017021875657314 51.73235974333196907, 5.55391893448692642 51.73480178159667986, 5.54329536952547031 51.73846480911998924, 5.54438786611105883 51.73914018217202937, 5.5446212091409226 51.74269256915132331, 5.54932958724092806 51.74387791201819198, 5.55648604983369143 51.74487731384861178, 5.56285684595247609 51.74702048098421159, 5.56476467309766054 51.74383945153163467)))</t>
  </si>
  <si>
    <t>MultiPolygon (((5.55500224392775177 51.75235627078370726, 5.55830114312661205 51.75360079317194106, 5.5597212273931218 51.75319777996270432, 5.56285684595247609 51.74702048098421159, 5.55648604983369143 51.74487731384861178, 5.54932958724092806 51.74387791201819198, 5.54578809039557008 51.74516947793195243, 5.54435120131650816 51.74746301284646677, 5.54430215784899971 51.74790977692663319, 5.54586603982386261 51.74850188676714424, 5.54747438405026649 51.7505077705086407, 5.54264064235226606 51.75332387824683167, 5.54594205941290141 51.75388754625159038, 5.55140135818885838 51.75487715213304796, 5.55500224392775177 51.75235627078370726)))</t>
  </si>
  <si>
    <t>MultiPolygon (((5.54435120131650816 51.74746301284646677, 5.54578809039557008 51.74516947793195243, 5.54932958724092806 51.74387791201819198, 5.5446212091409226 51.74269256915132331, 5.54438786611105883 51.73914018217202937, 5.54329536952547031 51.73846480911998924, 5.53391904027061177 51.74059664895436583, 5.53339587387994669 51.74721551462209845, 5.54435120131650816 51.74746301284646677, 5.54435120131650816 51.74746301284646677)))</t>
  </si>
  <si>
    <t>MultiPolygon (((5.52664905643402626 51.74784762437331409, 5.53054344659001629 51.74793474707837504, 5.53165399109891531 51.74716887841899648, 5.53338318308755195 51.74729858376287694, 5.53339587387994669 51.74721551462209845, 5.53391904027061177 51.74059664895436583, 5.52913862343562101 51.74044026587674949, 5.51684697720779216 51.73869516193123275, 5.51028304079549169 51.73808405572729185, 5.50965181347035493 51.74056255915951397, 5.50686206672902046 51.74368454554128505, 5.51421724775112843 51.74614143742637395, 5.51580106440454365 51.74535468388233994, 5.52664905643402626 51.74784762437331409, 5.52664905643402626 51.74784762437331409)))</t>
  </si>
  <si>
    <t>MultiPolygon (((5.50005121203726954 51.74511170148780792, 5.50685449245407899 51.74369485404962887, 5.50686206672902046 51.74368454554128505, 5.50965181347035493 51.74056255915951397, 5.51028304079549169 51.73808405572729185, 5.50993762645642526 51.7373420914336748, 5.50899497743993205 51.73717876718857411, 5.50873299632847768 51.73793047456305771, 5.50770622739770488 51.73782194001488932, 5.50461469955579208 51.7366779305900053, 5.49900053162543756 51.73547873274520015, 5.49795360447800618 51.7364849793995063, 5.49481185573493391 51.73669106788480576, 5.49296344421239802 51.73869840109652785, 5.49265336205519095 51.74211064356974532, 5.49850104383675653 51.74493988954755253, 5.50005121203726954 51.74511170148780792)))</t>
  </si>
  <si>
    <t>MultiPolygon (((5.48880977167639461 51.77232355549193699, 5.48882994266579605 51.7722092861710621, 5.48950877425488937 51.76973586321270204, 5.48922185376086968 51.76582278707086004, 5.49116460204329826 51.76166967284862608, 5.49351462164103221 51.75976996912650918, 5.49689290112718165 51.75563396027656893, 5.48684062434577413 51.75289966735850555, 5.47472737353879157 51.75799598422468506, 5.47585696202787453 51.75897118775542793, 5.4732801748955433 51.7625831169548789, 5.46566828179158382 51.76138041999460171, 5.46219016622051701 51.77081688342664734, 5.45971772942881461 51.77095698952361857, 5.4664641201916373 51.7742786572085123, 5.47358064698128199 51.77644879406845746, 5.47839601063828674 51.78135250359509456, 5.48880977167639461 51.77232355549193699)))</t>
  </si>
  <si>
    <t>MultiPolygon (((5.49597905983609003 51.78716188346951554, 5.50288522916583922 51.78166576736722249, 5.49795055365552177 51.77983830147778832, 5.49270817261971622 51.77780165789341282, 5.4953146408361242 51.77592808962210569, 5.4930228034236519 51.77442909965483864, 5.49280971053651879 51.77250611181120377, 5.48880977167639461 51.77232355549193699, 5.47839601063828674 51.78135250359509456, 5.48940338743377598 51.78666663157230232, 5.49442092457011189 51.78667596904687542, 5.49572608049028322 51.78729901520029699, 5.49597905983609003 51.78716188346951554, 5.49597905983609003 51.78716188346951554)))</t>
  </si>
  <si>
    <t>MultiPolygon (((5.51595561303181636 51.79530004191509107, 5.52091033170006451 51.79343937810541831, 5.51879651831740858 51.78383109367498349, 5.51852937538025934 51.78369876947010653, 5.51093653762714375 51.78316212331526458, 5.50301432327384354 51.78166681455732601, 5.50288522916583922 51.78166576736722249, 5.49597905983609003 51.78716188346951554, 5.49784457703790519 51.7884095781258651, 5.50948998405759216 51.79248018066044779, 5.51057963545435037 51.79366343974449904, 5.51492190550566619 51.79536960755164188, 5.51595561303181636 51.79530004191509107, 5.51595561303181636 51.79530004191509107)))</t>
  </si>
  <si>
    <t>MultiPolygon (((5.52722535137102167 51.79105091534106009, 5.52868815511092127 51.78937272992038743, 5.53154050862209523 51.78882611676417724, 5.53516443959922988 51.78911149910324951, 5.54089102596495398 51.79164471892723043, 5.54270752607100725 51.79138368066089981, 5.54140685158970836 51.78915546510262402, 5.53879708232622381 51.7891551138017121, 5.53449252838137085 51.78574925066192947, 5.53379323531133149 51.78090160556315169, 5.53736165156303439 51.77892111643673445, 5.53123477007290276 51.78072157741451775, 5.51879651831740858 51.78383109367498349, 5.52091033170006451 51.79343937810541831, 5.52722535137102167 51.79105091534106009)))</t>
  </si>
  <si>
    <t>MultiPolygon (((5.50301432327384354 51.78166681455732601, 5.50753817924071054 51.77819321063176972, 5.50792682740179274 51.7753492345952111, 5.50215007344369855 51.7737572662374177, 5.50081915701267032 51.77747578594330946, 5.49795055365552177 51.77983830147778832, 5.50288522916583922 51.78166576736722249, 5.50301432327384354 51.78166681455732601, 5.50301432327384354 51.78166681455732601)))</t>
  </si>
  <si>
    <t>MultiPolygon (((5.50081915701267032 51.77747578594330946, 5.50215007344369855 51.7737572662374177, 5.49280971053651879 51.77250611181120377, 5.4930228034236519 51.77442909965483864, 5.4953146408361242 51.77592808962210569, 5.49270817261971622 51.77780165789341282, 5.49795055365552177 51.77983830147778832, 5.50081915701267032 51.77747578594330946, 5.50081915701267032 51.77747578594330946)))</t>
  </si>
  <si>
    <t>MultiPolygon (((5.50792682740179274 51.7753492345952111, 5.50794656562517115 51.77437718849762405, 5.50803066388481355 51.770530748925637, 5.50507145883474269 51.77054351761023554, 5.49689767770246274 51.77219737585008374, 5.48882994266579605 51.7722092861710621, 5.48880977167639461 51.77232355549193699, 5.49280971053651879 51.77250611181120377, 5.50215007344369855 51.7737572662374177, 5.50792682740179274 51.7753492345952111, 5.50792682740179274 51.7753492345952111)))</t>
  </si>
  <si>
    <t>MultiPolygon (((5.49689767770246274 51.77219737585008374, 5.50507145883474269 51.77054351761023554, 5.50803066388481355 51.770530748925637, 5.50814863658123599 51.76927198691845433, 5.50149292597018125 51.76899188813785457, 5.49611662716257943 51.76995789352099564, 5.48950877425488937 51.76973586321270204, 5.48882994266579605 51.7722092861710621, 5.49689767770246274 51.77219737585008374)))</t>
  </si>
  <si>
    <t>MultiPolygon (((5.50149292597018125 51.76899188813785457, 5.50814863658123599 51.76927198691845433, 5.51013398777852981 51.76677028264751357, 5.50353290135004691 51.7657103794538358, 5.49834127736846856 51.76537248295042559, 5.49571824205257276 51.76584770359505683, 5.49455297570605161 51.76796579508718565, 5.49611662716257943 51.76995789352099564, 5.50149292597018125 51.76899188813785457)))</t>
  </si>
  <si>
    <t>MultiPolygon (((5.49611662716257943 51.76995789352099564, 5.49455297570605161 51.76796579508718565, 5.49571824205257276 51.76584770359505683, 5.49834127736846856 51.76537248295042559, 5.4971178942723169 51.76494162262727627, 5.49887356639025793 51.7640415945083916, 5.49116460204329826 51.76166967284862608, 5.48922185376086968 51.76582278707086004, 5.48950877425488937 51.76973586321270204, 5.49611662716257943 51.76995789352099564, 5.49611662716257943 51.76995789352099564)))</t>
  </si>
  <si>
    <t>MultiPolygon (((5.50353290135004691 51.7657103794538358, 5.5047321866010428 51.7627952673446643, 5.50023603549332307 51.76178561086538821, 5.49351462164103221 51.75976996912650918, 5.49116460204329826 51.76166967284862608, 5.49887356639025793 51.7640415945083916, 5.4971178942723169 51.76494162262727627, 5.49834127736846856 51.76537248295042559, 5.50353290135004691 51.7657103794538358, 5.50353290135004691 51.7657103794538358)))</t>
  </si>
  <si>
    <t>MultiPolygon (((5.51013398777852981 51.76677028264751357, 5.5103685660086299 51.76657241653245478, 5.51281791457193826 51.76477161608769251, 5.5047321866010428 51.7627952673446643, 5.50353290135004691 51.7657103794538358, 5.51013398777852981 51.76677028264751357, 5.51013398777852981 51.76677028264751357)))</t>
  </si>
  <si>
    <t>MultiPolygon (((5.50148872081665097 51.76054617505533173, 5.50138079266113067 51.75865785517688522, 5.50237243102085039 51.75717026558649536, 5.49715198615018696 51.75569615538134371, 5.49689290112718165 51.75563396027656893, 5.49351462164103221 51.75976996912650918, 5.50023603549332307 51.76178561086538821, 5.50148872081665097 51.76054617505533173, 5.50148872081665097 51.76054617505533173)))</t>
  </si>
  <si>
    <t>MultiPolygon (((5.51596865257336422 51.76103696898824325, 5.50727362053883152 51.75855308754190531, 5.50237243102085039 51.75717026558649536, 5.50138079266113067 51.75865785517688522, 5.50148872081665097 51.76054617505533173, 5.50023603549332307 51.76178561086538821, 5.5047321866010428 51.7627952673446643, 5.51281791457193826 51.76477161608769251, 5.51596865257336422 51.76103696898824325)))</t>
  </si>
  <si>
    <t>MultiPolygon (((5.50323020244124361 51.74814293130725673, 5.50685449245407899 51.74369485404962887, 5.50005121203726954 51.74511170148780792, 5.49850104383675653 51.74493988954755253, 5.49419306314046896 51.7472712885540389, 5.49499337357495943 51.74899067832578936, 5.50097190628950194 51.75071049705789505, 5.50323020244124361 51.74814293130725673, 5.50323020244124361 51.74814293130725673)))</t>
  </si>
  <si>
    <t>MultiPolygon (((5.53410003609054435 51.75209626920050709, 5.53338318308755195 51.74729858376287694, 5.53165399109891531 51.74716887841899648, 5.53054344659001629 51.74793474707837504, 5.52664905643402626 51.74784762437331409, 5.51580106440454365 51.74535468388233994, 5.51421724775112843 51.74614143742637395, 5.51682090011520287 51.74770555774254888, 5.5178722887769025 51.74758488744502927, 5.51774036590815609 51.74806841542130798, 5.52897435731191589 51.75179258521387027, 5.53410003609054435 51.75209626920050709, 5.53410003609054435 51.75209626920050709)))</t>
  </si>
  <si>
    <t>MultiPolygon (((5.52436172985292728 51.7563202466144503, 5.52433809122410757 51.75575049608681155, 5.51443426645343138 51.75238044670280857, 5.51407244458388401 51.75238492462475648, 5.51150708055070737 51.75626898456607705, 5.51873082477717514 51.75907530936921574, 5.52436172985292728 51.7563202466144503)))</t>
  </si>
  <si>
    <t>MultiPolygon (((5.51603003284845794 51.76102202111407991, 5.51873082477717514 51.75907530936921574, 5.51150708055070737 51.75626898456607705, 5.51102141000521772 51.75607115673297898, 5.50727362053883152 51.75855308754190531, 5.51596865257336422 51.76103696898824325, 5.51603003284845794 51.76102202111407991, 5.51603003284845794 51.76102202111407991)))</t>
  </si>
  <si>
    <t>MultiPolygon (((5.51443426645343138 51.75238044670280857, 5.51774036590815609 51.74806841542130798, 5.5178722887769025 51.74758488744502927, 5.51682090011520287 51.74770555774254888, 5.51421724775112843 51.74614143742637395, 5.50686206672902046 51.74368454554128505, 5.50685449245407899 51.74369485404962887, 5.50323020244124361 51.74814293130725673, 5.51449032830307306 51.75148316375612723, 5.51407244458388401 51.75238492462475648, 5.51443426645343138 51.75238044670280857, 5.51443426645343138 51.75238044670280857)))</t>
  </si>
  <si>
    <t>MultiPolygon (((5.52897435731191589 51.75179258521387027, 5.51774036590815609 51.74806841542130798, 5.51443426645343138 51.75238044670280857, 5.52433809122410757 51.75575049608681155, 5.52897435731191589 51.75179258521387027, 5.52897435731191589 51.75179258521387027)))</t>
  </si>
  <si>
    <t>MultiPolygon (((5.51407244458388401 51.75238492462475648, 5.51449032830307306 51.75148316375612723, 5.50323020244124361 51.74814293130725673, 5.50097190628950194 51.75071049705789505, 5.49985970341744501 51.7522935818640093, 5.51102141000521772 51.75607115673297898, 5.51150708055070737 51.75626898456607705, 5.51407244458388401 51.75238492462475648, 5.51407244458388401 51.75238492462475648)))</t>
  </si>
  <si>
    <t>MultiPolygon (((5.49715198615018696 51.75569615538134371, 5.49985970341744501 51.7522935818640093, 5.50097190628950194 51.75071049705789505, 5.49499337357495943 51.74899067832578936, 5.49419306314046896 51.7472712885540389, 5.48594673641542219 51.75199458981560241, 5.48694444065355391 51.7528520894011379, 5.48684062434577413 51.75289966735850555, 5.49689290112718165 51.75563396027656893, 5.49715198615018696 51.75569615538134371, 5.49715198615018696 51.75569615538134371)))</t>
  </si>
  <si>
    <t>MultiPolygon (((5.51102141000521772 51.75607115673297898, 5.49985970341744501 51.7522935818640093, 5.49715198615018696 51.75569615538134371, 5.50237243102085039 51.75717026558649536, 5.50727362053883152 51.75855308754190531, 5.51102141000521772 51.75607115673297898, 5.51102141000521772 51.75607115673297898)))</t>
  </si>
  <si>
    <t>MultiPolygon (((5.56296110168547653 51.78747299073833688, 5.56098915037317099 51.77780567579014104, 5.55844461115642741 51.77782987139276116, 5.55810954633804766 51.7755883863052162, 5.55780894593392016 51.77478264151924492, 5.55329337174452231 51.77525392417154393, 5.5528278119392418 51.77355721750727469, 5.55390043811865475 51.77331553598063607, 5.55203627328057614 51.77367375439662567, 5.55382753245919769 51.78781186868988584, 5.56296110168547653 51.78747299073833688, 5.56296110168547653 51.78747299073833688)))</t>
  </si>
  <si>
    <t>MultiPolygon (((5.55908587016828193 51.79536563517879699, 5.56585163410255035 51.79082413883845248, 5.56732355835448178 51.78914175301630962, 5.56766193199300385 51.78725942635730206, 5.56296110168547653 51.78747299073833688, 5.55382753245919769 51.78781186868988584, 5.5556787282782043 51.79191479601178116, 5.55908587016828193 51.79536563517879699, 5.55908587016828193 51.79536563517879699)))</t>
  </si>
  <si>
    <t>MultiPolygon (((5.56081316086697175 51.79908713403199272, 5.56089771223375173 51.79908827611222222, 5.55908587016828193 51.79536563517879699, 5.5556787282782043 51.79191479601178116, 5.55400577161886577 51.79254934433286195, 5.55005549190582759 51.79271562282357877, 5.54791951247028514 51.79174252067823403, 5.54369620471604208 51.79144273046549074, 5.54885435604213839 51.79265350429817261, 5.55607720676707029 51.79787527160662819, 5.56081316086697175 51.79908713403199272)))</t>
  </si>
  <si>
    <t>MultiPolygon (((5.55400577161886577 51.79254934433286195, 5.5556787282782043 51.79191479601178116, 5.55382753245919769 51.78781186868988584, 5.55203627328057614 51.77367375439662567, 5.54551851404771767 51.77340688974793892, 5.54516371085019699 51.77358030609718043, 5.54519292528161944 51.7747227317403258, 5.54491630770034405 51.7760925720698566, 5.53770190333833767 51.77604337791363065, 5.53736165156303439 51.77892111643673445, 5.53379323531133149 51.78090160556315169, 5.53449252838137085 51.78574925066192947, 5.53879708232622381 51.7891551138017121, 5.54140685158970836 51.78915546510262402, 5.54270752607100725 51.79138368066089981, 5.54280649600242015 51.79139231296404233, 5.54369620471604208 51.79144273046549074, 5.54791951247028514 51.79174252067823403, 5.55005549190582759 51.79271562282357877, 5.55400577161886577 51.79254934433286195)))</t>
  </si>
  <si>
    <t>MultiPolygon (((5.53123477007290276 51.78072157741451775, 5.52612429236617775 51.77622494726855251, 5.5253060648966601 51.77568348163479328, 5.52436147440756908 51.77614456512294794, 5.52509958814264035 51.77556486202263386, 5.51794493722200041 51.77884915757877593, 5.51852937538025934 51.78369876947010653, 5.51879651831740858 51.78383109367498349, 5.53123477007290276 51.78072157741451775)))</t>
  </si>
  <si>
    <t>MultiPolygon (((5.51794493722200041 51.77884915757877593, 5.51554088707470402 51.7792840066504283, 5.50753817924071054 51.77819321063176972, 5.50301432327384354 51.78166681455732601, 5.51093653762714375 51.78316212331526458, 5.51852937538025934 51.78369876947010653, 5.51794493722200041 51.77884915757877593, 5.51794493722200041 51.77884915757877593)))</t>
  </si>
  <si>
    <t>MultiPolygon (((5.51794493722200041 51.77884915757877593, 5.52509958814264035 51.77556486202263386, 5.52531281009192732 51.77461587378046204, 5.51821483363617737 51.77517901008494761, 5.50794656562517115 51.77437718849762405, 5.50792682740179274 51.7753492345952111, 5.50753817924071054 51.77819321063176972, 5.51554088707470402 51.7792840066504283, 5.51794493722200041 51.77884915757877593)))</t>
  </si>
  <si>
    <t>MultiPolygon (((5.51821483363617737 51.77517901008494761, 5.52026033700166785 51.77217310549143292, 5.515065952884175 51.77034110077482865, 5.51464710818577242 51.76748137687862084, 5.5103685660086299 51.76657241653245478, 5.51013398777852981 51.76677028264751357, 5.50814863658123599 51.76927198691845433, 5.50803066388481355 51.770530748925637, 5.50794656562517115 51.77437718849762405, 5.51821483363617737 51.77517901008494761, 5.51821483363617737 51.77517901008494761)))</t>
  </si>
  <si>
    <t>MultiPolygon (((5.52531281009192732 51.77461587378046204, 5.52531525233913801 51.77434566990672238, 5.52542417477327152 51.77250551205902696, 5.52061820834581596 51.77225390876244404, 5.52026033700166785 51.77217310549143292, 5.51821483363617737 51.77517901008494761, 5.52531281009192732 51.77461587378046204, 5.52531281009192732 51.77461587378046204)))</t>
  </si>
  <si>
    <t>MultiPolygon (((5.54030310224550071 51.75134486123067035, 5.54430215784899971 51.74790977692663319, 5.54435120131650816 51.74746301284646677, 5.53339587387994669 51.74721551462209845, 5.53338318308755195 51.74729858376287694, 5.53410003609054435 51.75209626920050709, 5.53458590561173125 51.75226438975874288, 5.53943282591040376 51.75296379521429202, 5.54030310224550071 51.75134486123067035)))</t>
  </si>
  <si>
    <t>MultiPolygon (((5.54264064235226606 51.75332387824683167, 5.54747438405026649 51.7505077705086407, 5.54586603982386261 51.74850188676714424, 5.54430215784899971 51.74790977692663319, 5.54030310224550071 51.75134486123067035, 5.53943282591040376 51.75296379521429202, 5.53962417329736745 51.75299180147841582, 5.54264064235226606 51.75332387824683167, 5.54264064235226606 51.75332387824683167)))</t>
  </si>
  <si>
    <t>MultiPolygon (((5.53962417329736745 51.75299180147841582, 5.53943282591040376 51.75296379521429202, 5.53458590561173125 51.75226438975874288, 5.53428831733647897 51.75508092488919232, 5.53773529456405011 51.75587760260342662, 5.53962417329736745 51.75299180147841582, 5.53962417329736745 51.75299180147841582)))</t>
  </si>
  <si>
    <t>MultiPolygon (((5.54022576336690165 51.75643146128805228, 5.54547371065960171 51.75665370035352453, 5.54594205941290141 51.75388754625159038, 5.54264064235226606 51.75332387824683167, 5.53962417329736745 51.75299180147841582, 5.53773529456405011 51.75587760260342662, 5.53727374629054303 51.75762367967765698, 5.54022576336690165 51.75643146128805228, 5.54022576336690165 51.75643146128805228)))</t>
  </si>
  <si>
    <t>MultiPolygon (((5.54575110401068461 51.75922647381268149, 5.54547371065960171 51.75665370035352453, 5.54022576336690165 51.75643146128805228, 5.53727374629054303 51.75762367967765698, 5.53713099312219548 51.75786291914363346, 5.54036101067571174 51.76037274328516702, 5.54575110401068461 51.75922647381268149, 5.54575110401068461 51.75922647381268149)))</t>
  </si>
  <si>
    <t>MultiPolygon (((5.53682768433710137 51.7613981370382561, 5.54036101067571174 51.76037274328516702, 5.53713099312219548 51.75786291914363346, 5.53300689264758994 51.7597793119168017, 5.53682768433710137 51.7613981370382561, 5.53682768433710137 51.7613981370382561)))</t>
  </si>
  <si>
    <t>MultiPolygon (((5.53300689264758994 51.7597793119168017, 5.53713099312219548 51.75786291914363346, 5.53727374629054303 51.75762367967765698, 5.53773529456405011 51.75587760260342662, 5.53428831733647897 51.75508092488919232, 5.53458590561173125 51.75226438975874288, 5.53410003609054435 51.75209626920050709, 5.52897435731191589 51.75179258521387027, 5.52433809122410757 51.75575049608681155, 5.52436172985292728 51.7563202466144503, 5.53057263750380468 51.75985246334515466, 5.53051719149143128 51.76071400113741561, 5.53300689264758994 51.7597793119168017, 5.53300689264758994 51.7597793119168017)))</t>
  </si>
  <si>
    <t>MultiPolygon (((5.53051719149143128 51.76071400113741561, 5.53057263750380468 51.75985246334515466, 5.52436172985292728 51.7563202466144503, 5.51873082477717514 51.75907530936921574, 5.51603003284845794 51.76102202111407991, 5.51965040720137701 51.76206142679053102, 5.52792150592344989 51.76436572332261932, 5.53051719149143128 51.76071400113741561, 5.53051719149143128 51.76071400113741561)))</t>
  </si>
  <si>
    <t>MultiPolygon (((5.55768954314977748 51.76654872752241232, 5.5571668763528006 51.76528167874054276, 5.55881505838504619 51.76441589728742088, 5.56326681748241025 51.76530420362497864, 5.56418812478941849 51.76428005291890599, 5.56549711937188096 51.76009728303925073, 5.56463337905946531 51.75897093934575821, 5.5651431398189608 51.75766854898945724, 5.56604373118702878 51.75626104775800229, 5.55916011889722572 51.75388879955874444, 5.5597212273931218 51.75319777996270432, 5.55830114312661205 51.75360079317194106, 5.55500224392775177 51.75235627078370726, 5.55140135818885838 51.75487715213304796, 5.55582194757169656 51.7562084594623002, 5.55287166150402012 51.76065041797287591, 5.55230820169015438 51.7665521059626883, 5.5527673037709171 51.7665605667919948, 5.55768954314977748 51.76654872752241232, 5.55768954314977748 51.76654872752241232)))</t>
  </si>
  <si>
    <t>MultiPolygon (((5.55287166150402012 51.76065041797287591, 5.55582194757169656 51.7562084594623002, 5.55140135818885838 51.75487715213304796, 5.54594205941290141 51.75388754625159038, 5.54547371065960171 51.75665370035352453, 5.54575110401068461 51.75922647381268149, 5.54574589982521804 51.76643010501361175, 5.55230820169015438 51.7665521059626883, 5.55287166150402012 51.76065041797287591)))</t>
  </si>
  <si>
    <t>MultiPolygon (((5.54573723812481045 51.76644406499156048, 5.54574589982521804 51.76643010501361175, 5.54575110401068461 51.75922647381268149, 5.54036101067571174 51.76037274328516702, 5.53682768433710137 51.7613981370382561, 5.53300689264758994 51.7597793119168017, 5.53051719149143128 51.76071400113741561, 5.52792150592344989 51.76436572332261932, 5.53198318971721559 51.76550954894978673, 5.53794930121016549 51.76630073817082689, 5.54573723812481045 51.76644406499156048, 5.54573723812481045 51.76644406499156048)))</t>
  </si>
  <si>
    <t>MultiPolygon (((5.53736165156303439 51.77892111643673445, 5.53770190333833767 51.77604337791363065, 5.54491630770034405 51.7760925720698566, 5.54519292528161944 51.7747227317403258, 5.53688753986719107 51.77414207615803576, 5.52531525233913801 51.77434566990672238, 5.52531281009192732 51.77461587378046204, 5.52509958814264035 51.77556486202263386, 5.52436147440756908 51.77614456512294794, 5.5253060648966601 51.77568348163479328, 5.52612429236617775 51.77622494726855251, 5.53123477007290276 51.78072157741451775, 5.53736165156303439 51.77892111643673445, 5.53736165156303439 51.77892111643673445)))</t>
  </si>
  <si>
    <t>MultiPolygon (((5.55203627328057614 51.77367375439662567, 5.55390043811865475 51.77331553598063607, 5.55256956920459821 51.76954665852456827, 5.5457831472221768 51.76987139133412086, 5.54578072895025986 51.76989231967684191, 5.54551851404771767 51.77340688974793892, 5.55203627328057614 51.77367375439662567, 5.55203627328057614 51.77367375439662567)))</t>
  </si>
  <si>
    <t>MultiPolygon (((5.55256956920459821 51.76954665852456827, 5.5527673037709171 51.7665605667919948, 5.55230820169015438 51.7665521059626883, 5.54574589982521804 51.76643010501361175, 5.54573723812481045 51.76644406499156048, 5.5457831472221768 51.76987139133412086, 5.55256956920459821 51.76954665852456827)))</t>
  </si>
  <si>
    <t>MultiPolygon (((5.54578072895025986 51.76989231967684191, 5.5457831472221768 51.76987139133412086, 5.54573723812481045 51.76644406499156048, 5.53794930121016549 51.76630073817082689, 5.53780877946996597 51.76950803377951615, 5.54186880163343076 51.77021227154172323, 5.54578072895025986 51.76989231967684191)))</t>
  </si>
  <si>
    <t>MultiPolygon (((5.54516371085019699 51.77358030609718043, 5.54551851404771767 51.77340688974793892, 5.54578072895025986 51.76989231967684191, 5.54186880163343076 51.77021227154172323, 5.53780877946996597 51.76950803377951615, 5.53736713276978598 51.76951009293179595, 5.53688753986719107 51.77414207615803576, 5.54519292528161944 51.7747227317403258, 5.54516371085019699 51.77358030609718043, 5.54516371085019699 51.77358030609718043)))</t>
  </si>
  <si>
    <t>MultiPolygon (((5.53736713276978598 51.76951009293179595, 5.53780877946996597 51.76950803377951615, 5.53794930121016549 51.76630073817082689, 5.53198318971721559 51.76550954894978673, 5.52810807900398782 51.76624074048610424, 5.5278537821484024 51.76959780247317866, 5.53736713276978598 51.76951009293179595, 5.53736713276978598 51.76951009293179595)))</t>
  </si>
  <si>
    <t>MultiPolygon (((5.53688753986719107 51.77414207615803576, 5.53736713276978598 51.76951009293179595, 5.5278537821484024 51.76959780247317866, 5.52774115018980083 51.76974013462772461, 5.52868443406409682 51.77225387098904008, 5.52542417477327152 51.77250551205902696, 5.52531525233913801 51.77434566990672238, 5.53688753986719107 51.77414207615803576, 5.53688753986719107 51.77414207615803576)))</t>
  </si>
  <si>
    <t>MultiPolygon (((5.52774115018980083 51.76974013462772461, 5.5278537821484024 51.76959780247317866, 5.52810807900398782 51.76624074048610424, 5.53198318971721559 51.76550954894978673, 5.52792150592344989 51.76436572332261932, 5.51965040720137701 51.76206142679053102, 5.51878004269875078 51.76366178304612475, 5.523303658023484 51.76839648223621992, 5.52310637828207529 51.76949446812850653, 5.52774115018980083 51.76974013462772461, 5.52774115018980083 51.76974013462772461)))</t>
  </si>
  <si>
    <t>MultiPolygon (((5.52542417477327152 51.77250551205902696, 5.52868443406409682 51.77225387098904008, 5.52774115018980083 51.76974013462772461, 5.52310637828207529 51.76949446812850653, 5.52061820834581596 51.77225390876244404, 5.52542417477327152 51.77250551205902696, 5.52542417477327152 51.77250551205902696)))</t>
  </si>
  <si>
    <t>MultiPolygon (((5.52061820834581596 51.77225390876244404, 5.52310637828207529 51.76949446812850653, 5.523303658023484 51.76839648223621992, 5.51878004269875078 51.76366178304612475, 5.51965040720137701 51.76206142679053102, 5.51603003284845794 51.76102202111407991, 5.51596865257336422 51.76103696898824325, 5.51281791457193826 51.76477161608769251, 5.5103685660086299 51.76657241653245478, 5.51464710818577242 51.76748137687862084, 5.515065952884175 51.77034110077482865, 5.52026033700166785 51.77217310549143292, 5.52061820834581596 51.77225390876244404)))</t>
  </si>
  <si>
    <t>MultiPolygon (((4.69371583918335222 51.56795239678326226, 4.69328848430343371 51.56258734004792643, 4.69462428901930995 51.55673342449533436, 4.69418676440048266 51.54484844980426317, 4.68707671976464813 51.54260302785054648, 4.68594217037594341 51.54853881278066297, 4.68387049054255478 51.54817582525541297, 4.683294895537645 51.54885496157170621, 4.6815578110071181 51.55711210022558788, 4.67415492555427114 51.57309221874898242, 4.69085637044171389 51.57412456741317186, 4.69371583918335222 51.56795239678326226)))</t>
  </si>
  <si>
    <t>MultiPolygon (((4.6815578110071181 51.55711210022558788, 4.683294895537645 51.54885496157170621, 4.68387049054255478 51.54817582525541297, 4.68594217037594341 51.54853881278066297, 4.68707671976464813 51.54260302785054648, 4.68107940661690947 51.54069536459369516, 4.676624147714465 51.54562145512547744, 4.67275235984903414 51.54692259059125092, 4.66751494229057506 51.55013357441829669, 4.65649312225860701 51.55764411998038099, 4.65491093224277108 51.55975186825829581, 4.66214147265777523 51.56765236104090633, 4.66501854130483284 51.57003174725728201, 4.66901956568359289 51.57187708803228787, 4.67415492555427114 51.57309221874898242, 4.6815578110071181 51.55711210022558788)))</t>
  </si>
  <si>
    <t>MultiPolygon (((4.65649312225860701 51.55764411998038099, 4.66751494229057506 51.55013357441829669, 4.67275235984903414 51.54692259059125092, 4.676624147714465 51.54562145512547744, 4.68107940661690947 51.54069536459369516, 4.66042377394667007 51.52639214105766996, 4.65518394544422165 51.53179387140724543, 4.65540187715052234 51.53595336277808059, 4.65076685873631934 51.53984594358907145, 4.65158294127743854 51.54105577984929454, 4.6465184001530675 51.54982985788438299, 4.64530876970217932 51.55386064978976179, 4.64544037888859673 51.55454847442058508, 4.64697760189178499 51.55496002895692698, 4.64703967961695508 51.55632897738287568, 4.6513493211073671 51.55772573437200634, 4.65491093224277108 51.55975186825829581, 4.65649312225860701 51.55764411998038099)))</t>
  </si>
  <si>
    <t>MultiPolygon (((4.64697760189178499 51.55496002895692698, 4.64544037888859673 51.55454847442058508, 4.64530876970217932 51.55386064978976179, 4.6465184001530675 51.54982985788438299, 4.65158294127743854 51.54105577984929454, 4.65076685873631934 51.53984594358907145, 4.65540187715052234 51.53595336277808059, 4.65518394544422165 51.53179387140724543, 4.66042377394667007 51.52639214105766996, 4.65421701722097136 51.52414513843557842, 4.65238451641509432 51.52192661771071158, 4.65092652636278281 51.52128729537302831, 4.64306151474443496 51.5181473942995467, 4.63815778876585139 51.51720523988460343, 4.63871604785359271 51.5244126552196704, 4.64011007489129135 51.54342316121105938, 4.63786840174629056 51.54232597465304622, 4.63608348543298021 51.54318899615280003, 4.63528573379647391 51.54235140021243211, 4.63277725241954297 51.54424918609309003, 4.63177580309218229 51.54388153225706048, 4.63007772510343241 51.54716178243545954, 4.62878239198464758 51.54662708105819036, 4.62701665403202966 51.54808112188056413, 4.62580934428814494 51.54741155954428677, 4.62479570270932161 51.55238557355784224, 4.62471775661581486 51.55280174129875093, 4.62963952437629356 51.5530244239221247, 4.63262068650952408 51.55340037200362957, 4.64703967961695508 51.55632897738287568, 4.64697760189178499 51.55496002895692698)))</t>
  </si>
  <si>
    <t>MultiPolygon (((4.66901956568359289 51.57187708803228787, 4.66501854130483284 51.57003174725728201, 4.66214147265777523 51.56765236104090633, 4.65863865009908906 51.57088320080891464, 4.65522945306811309 51.57091426328188533, 4.65547148470324057 51.57132958520379873, 4.66451299513789319 51.57220207733163875, 4.66901956568359289 51.57187708803228787, 4.66901956568359289 51.57187708803228787)))</t>
  </si>
  <si>
    <t>MultiPolygon (((4.62694030036174553 51.56416620656219152, 4.62643374975744504 51.56096135890812349, 4.62736290071274325 51.55953338372822969, 4.62899545810839363 51.55757580652255001, 4.62963952437629356 51.5530244239221247, 4.62471775661581486 51.55280174129875093, 4.62479570270932161 51.55238557355784224, 4.61579046423214567 51.55317942049100566, 4.61100327324442372 51.55433847621388566, 4.61010784657177286 51.55360287399521013, 4.60813633420357505 51.55424161186122944, 4.6065712634556526 51.55602308258958288, 4.60165874803542518 51.55869488643909904, 4.59681921927755166 51.56002088123340599, 4.59200038312250758 51.5602463530557884, 4.59185783260506764 51.56089944842057093, 4.60342580702754045 51.56252516573502476, 4.62579850443297413 51.56750787495941069, 4.62694030036174553 51.56416620656219152)))</t>
  </si>
  <si>
    <t>MultiPolygon (((4.64701310884446617 51.55913348902624449, 4.64703967961695508 51.55632897738287568, 4.63262068650952408 51.55340037200362957, 4.63066105512298165 51.55498573437454723, 4.64027118103498459 51.55933720580368629, 4.64427871022879746 51.5617497255177426, 4.64701310884446617 51.55913348902624449)))</t>
  </si>
  <si>
    <t>MultiPolygon (((4.6406139176690937 51.56887308794640035, 4.64488768166578758 51.56913259611351208, 4.64299849052119029 51.56716482211848529, 4.64196044000445784 51.56759353028783011, 4.63747001297206562 51.56678083986055583, 4.63680880955244668 51.56601795588584025, 4.63536274273277549 51.56873270440134149, 4.63573060357947586 51.56945129784696746, 4.6406139176690937 51.56887308794640035, 4.6406139176690937 51.56887308794640035)))</t>
  </si>
  <si>
    <t>MultiPolygon (((4.65522945306811309 51.57091426328188533, 4.65863865009908906 51.57088320080891464, 4.66214147265777523 51.56765236104090633, 4.65491093224277108 51.55975186825829581, 4.65491656517008234 51.561627682693846, 4.65028589386285418 51.56853263661509601, 4.64925751390633213 51.56994405441482598, 4.65547148470324057 51.57132958520379873, 4.65522945306811309 51.57091426328188533, 4.65522945306811309 51.57091426328188533)))</t>
  </si>
  <si>
    <t>MultiPolygon (((4.6421418399477945 51.56310712484631864, 4.64378297437597443 51.56224416459969717, 4.64427871022879746 51.5617497255177426, 4.64027118103498459 51.55933720580368629, 4.63661892994015812 51.56208875637416611, 4.64070607685734959 51.56382614885303894, 4.6421418399477945 51.56310712484631864, 4.6421418399477945 51.56310712484631864)))</t>
  </si>
  <si>
    <t>MultiPolygon (((4.64027118103498459 51.55933720580368629, 4.63066105512298165 51.55498573437454723, 4.63262068650952408 51.55340037200362957, 4.62963952437629356 51.5530244239221247, 4.62899545810839363 51.55757580652255001, 4.62736290071274325 51.55953338372822969, 4.63213824063899793 51.56001265372457709, 4.63661892994015812 51.56208875637416611, 4.64027118103498459 51.55933720580368629, 4.64027118103498459 51.55933720580368629)))</t>
  </si>
  <si>
    <t>MultiPolygon (((4.64070607685734959 51.56382614885303894, 4.63661892994015812 51.56208875637416611, 4.63213824063899793 51.56001265372457709, 4.62736290071274325 51.55953338372822969, 4.62643374975744504 51.56096135890812349, 4.62694030036174553 51.56416620656219152, 4.63101936173485651 51.56472581463733462, 4.63192215618374981 51.56398058086524827, 4.63789558703252336 51.56535559345633857, 4.64070607685734959 51.56382614885303894, 4.64070607685734959 51.56382614885303894)))</t>
  </si>
  <si>
    <t>MultiPolygon (((4.63101936173485651 51.56472581463733462, 4.62694030036174553 51.56416620656219152, 4.62579850443297413 51.56750787495941069, 4.6258705551895396 51.56752194534702483, 4.62941358944861037 51.568251541280965, 4.63101936173485651 51.56472581463733462, 4.63101936173485651 51.56472581463733462)))</t>
  </si>
  <si>
    <t>MultiPolygon (((4.63536274273277549 51.56873270440134149, 4.63680880955244668 51.56601795588584025, 4.63789558703252336 51.56535559345633857, 4.63192215618374981 51.56398058086524827, 4.63101936173485651 51.56472581463733462, 4.62941358944861037 51.568251541280965, 4.63536274273277549 51.56873270440134149, 4.63536274273277549 51.56873270440134149)))</t>
  </si>
  <si>
    <t>MultiPolygon (((4.65491656517008234 51.561627682693846, 4.65491093224277108 51.55975186825829581, 4.6513493211073671 51.55772573437200634, 4.64703967961695508 51.55632897738287568, 4.64701310884446617 51.55913348902624449, 4.64427871022879746 51.5617497255177426, 4.64378297437597443 51.56224416459969717, 4.6491216757030811 51.56260567599462519, 4.65491656517008234 51.561627682693846)))</t>
  </si>
  <si>
    <t>MultiPolygon (((4.65491656517008234 51.561627682693846, 4.6491216757030811 51.56260567599462519, 4.64378297437597443 51.56224416459969717, 4.6421418399477945 51.56310712484631864, 4.64333718160049358 51.56423914316421531, 4.64705113807085635 51.56720611868465909, 4.65028589386285418 51.56853263661509601, 4.65491656517008234 51.561627682693846)))</t>
  </si>
  <si>
    <t>MultiPolygon (((4.65028589386285418 51.56853263661509601, 4.64705113807085635 51.56720611868465909, 4.64333718160049358 51.56423914316421531, 4.64227296723570682 51.56563473695156574, 4.64372986249642494 51.56681145597030991, 4.64299849052119029 51.56716482211848529, 4.64488768166578758 51.56913259611351208, 4.64925751390633213 51.56994405441482598, 4.65028589386285418 51.56853263661509601, 4.65028589386285418 51.56853263661509601)))</t>
  </si>
  <si>
    <t>MultiPolygon (((4.64299849052119029 51.56716482211848529, 4.64372986249642494 51.56681145597030991, 4.64227296723570682 51.56563473695156574, 4.64333718160049358 51.56423914316421531, 4.6421418399477945 51.56310712484631864, 4.64070607685734959 51.56382614885303894, 4.63789558703252336 51.56535559345633857, 4.63680880955244668 51.56601795588584025, 4.63747001297206562 51.56678083986055583, 4.64196044000445784 51.56759353028783011, 4.64299849052119029 51.56716482211848529, 4.64299849052119029 51.56716482211848529)))</t>
  </si>
  <si>
    <t>MultiPolygon (((4.66507157672891104 51.63431920743104797, 4.66416016931326993 51.63088228473974084, 4.66480769027189091 51.6283614773655799, 4.66356020553825168 51.62535941152152219, 4.660291314014394 51.62159129008583847, 4.65798449535871928 51.62045266293735324, 4.66037711403184485 51.61239758090349028, 4.66432961467011697 51.60872360084606214, 4.66387187911972845 51.60406868968502181, 4.67556105061132232 51.60385398381114896, 4.67488170369029987 51.6001920733478201, 4.68210622692257328 51.59889335112703179, 4.68600622242230269 51.58771176649759838, 4.68605038224128112 51.58757111910713178, 4.67071792871043812 51.58374790802558607, 4.66776660718319647 51.58706394173487553, 4.66781683275763015 51.58786734881157798, 4.66565820049553537 51.59482756763073752, 4.65562270429829894 51.59412308030950101, 4.65610082981743645 51.59893300444390718, 4.65322181746389685 51.6097163190639634, 4.6444181196889458 51.61389947648321197, 4.63651150219928887 51.61326687508557143, 4.6324724770182657 51.6144285561963585, 4.62877775868032959 51.61648474033894729, 4.62305992994038384 51.61993836001236247, 4.62275189891455529 51.62469072809675907, 4.62443530412140369 51.62426561261212754, 4.6292061111419569 51.62404829661971206, 4.63434216734534754 51.62544309136812615, 4.63570072814375944 51.62629323751396981, 4.63664628639914511 51.62864425265581758, 4.63802418166642649 51.62971367966639491, 4.64391695584887199 51.63237881147691866, 4.6581757472883849 51.63458668570029886, 4.66507157672891104 51.63431920743104797)))</t>
  </si>
  <si>
    <t>MultiPolygon (((4.6324724770182657 51.6144285561963585, 4.63651150219928887 51.61326687508557143, 4.6444181196889458 51.61389947648321197, 4.65322181746389685 51.6097163190639634, 4.65610082981743645 51.59893300444390718, 4.65562270429829894 51.59412308030950101, 4.64756884587993646 51.59416876437498445, 4.64638695004613922 51.59023082553584061, 4.64453460499599569 51.58897217480995323, 4.63723690048080783 51.58911430376108598, 4.63404873978068199 51.58799962025851471, 4.63146910478638585 51.5861526118314444, 4.62956772574144537 51.58962488456604945, 4.62816092324639605 51.60312948805444933, 4.63089942488769246 51.60324356136008817, 4.6309062734011599 51.60389317776598972, 4.62867282778565947 51.60793578898886835, 4.62628842368424387 51.60988553438548365, 4.62898845276906723 51.61285366254121243, 4.6262673286626006 51.61377732321987111, 4.62877775868032959 51.61648474033894729, 4.6324724770182657 51.6144285561963585, 4.6324724770182657 51.6144285561963585)))</t>
  </si>
  <si>
    <t>MultiPolygon (((4.62956772574144537 51.58962488456604945, 4.63146910478638585 51.5861526118314444, 4.63142630076972406 51.58503483431464076, 4.61797375827211098 51.58515356641286331, 4.61616916309551684 51.58422787453609715, 4.60895900072568221 51.58627196149830496, 4.59825169655770427 51.5856202847746772, 4.59680449927420653 51.59034840168873615, 4.60867228675879925 51.60216494234516915, 4.61060600488018135 51.60314225406622057, 4.61389162307072276 51.60803798205314763, 4.61072967333549588 51.60954121518699367, 4.61093247492620684 51.61220272204227655, 4.60929454871215594 51.61316376831581465, 4.60891368833355664 51.61495452320352939, 4.60670664536023633 51.61661625230900086, 4.60356498311386542 51.6172036841596551, 4.60435152324309449 51.62086013817093999, 4.60123317821307598 51.62523889112881648, 4.60629086485671113 51.62772018187575895, 4.61132112615274625 51.62850296732812438, 4.61682050364229291 51.62762354029769085, 4.62275189891455529 51.62469072809675907, 4.62305992994038384 51.61993836001236247, 4.62877775868032959 51.61648474033894729, 4.6262673286626006 51.61377732321987111, 4.62898845276906723 51.61285366254121243, 4.62628842368424387 51.60988553438548365, 4.62867282778565947 51.60793578898886835, 4.6309062734011599 51.60389317776598972, 4.63089942488769246 51.60324356136008817, 4.62816092324639605 51.60312948805444933, 4.62956772574144537 51.58962488456604945)))</t>
  </si>
  <si>
    <t>MultiPolygon (((4.61616916309551684 51.58422787453609715, 4.61797375827211098 51.58515356641286331, 4.63142630076972406 51.58503483431464076, 4.63099770915745879 51.5806033134116575, 4.63064209392449655 51.57918257155910169, 4.62774254912309235 51.57596063581364376, 4.61939862740264751 51.57501525601199432, 4.60865265615082542 51.57540050663695297, 4.60623622689827261 51.57297839220590419, 4.60660811474588616 51.5706574191059417, 4.60838763837827514 51.56912212751201707, 4.5946707803405813 51.56674040682182891, 4.59596322339263974 51.57336318705569767, 4.59597907848614451 51.57568383515580024, 4.59855782901734322 51.58437818999421154, 4.59825169655770427 51.5856202847746772, 4.60895900072568221 51.58627196149830496, 4.61616916309551684 51.58422787453609715)))</t>
  </si>
  <si>
    <t>MultiPolygon (((4.61939862740264751 51.57501525601199432, 4.62257440383326657 51.57173492961927508, 4.60838763837827514 51.56912212751201707, 4.60660811474588616 51.5706574191059417, 4.60623622689827261 51.57297839220590419, 4.60865265615082542 51.57540050663695297, 4.61939862740264751 51.57501525601199432, 4.61939862740264751 51.57501525601199432)))</t>
  </si>
  <si>
    <t>MultiPolygon (((4.66781683275763015 51.58786734881157798, 4.65490517147595551 51.58684257071605117, 4.65562270429829894 51.59412308030950101, 4.66565820049553537 51.59482756763073752, 4.66781683275763015 51.58786734881157798)))</t>
  </si>
  <si>
    <t>MultiPolygon (((4.67071792871043812 51.58374790802558607, 4.65901520817893555 51.58083342900145141, 4.65869684399664585 51.58157059462288885, 4.66142062904572185 51.58424333565261577, 4.66243346193730446 51.58682282566459065, 4.66776660718319647 51.58706394173487553, 4.67071792871043812 51.58374790802558607, 4.67071792871043812 51.58374790802558607)))</t>
  </si>
  <si>
    <t>MultiPolygon (((4.65562270429829894 51.59412308030950101, 4.65490517147595551 51.58684257071605117, 4.65476741113279857 51.58678079745010336, 4.65112736204950128 51.5853146539482168, 4.64588807856906527 51.58523322585038073, 4.64569823983234631 51.58427315539918112, 4.64533831641772021 51.5844621807035324, 4.64374825309327033 51.58568909494806576, 4.64453460499599569 51.58897217480995323, 4.64638695004613922 51.59023082553584061, 4.64756884587993646 51.59416876437498445, 4.65562270429829894 51.59412308030950101)))</t>
  </si>
  <si>
    <t>MultiPolygon (((4.63067514776088629 51.57558754970539638, 4.63229706101710548 51.57417113322088653, 4.6304180695171997 51.57368766640237112, 4.62320039103519775 51.57188931145466171, 4.62257440383326657 51.57173492961927508, 4.61939862740264751 51.57501525601199432, 4.62774254912309235 51.57596063581364376, 4.63067514776088629 51.57558754970539638, 4.63067514776088629 51.57558754970539638)))</t>
  </si>
  <si>
    <t>MultiPolygon (((4.63872727225787518 51.58252568997210119, 4.64096191604656116 51.57950973710280351, 4.63860870911147138 51.57888778199014723, 4.64017045658522775 51.5761322098525028, 4.63677354525329566 51.57528348612943603, 4.63777445448689907 51.57630647312969785, 4.63643459157968607 51.57826035922653318, 4.63473034658723559 51.57760437929864139, 4.63388589402308604 51.57877793810894218, 4.63475932375922195 51.57972007574556983, 4.63433551747912453 51.58116718970925518, 4.63872727225787518 51.58252568997210119, 4.63872727225787518 51.58252568997210119)))</t>
  </si>
  <si>
    <t>MultiPolygon (((4.64453460499599569 51.58897217480995323, 4.64374825309327033 51.58568909494806576, 4.64533831641772021 51.5844621807035324, 4.63872727225787518 51.58252568997210119, 4.63433551747912453 51.58116718970925518, 4.63099770915745879 51.5806033134116575, 4.63142630076972406 51.58503483431464076, 4.63146910478638585 51.5861526118314444, 4.63404873978068199 51.58799962025851471, 4.63723690048080783 51.58911430376108598, 4.64453460499599569 51.58897217480995323)))</t>
  </si>
  <si>
    <t>MultiPolygon (((4.63475932375922195 51.57972007574556983, 4.63388589402308604 51.57877793810894218, 4.63473034658723559 51.57760437929864139, 4.63067514776088629 51.57558754970539638, 4.62774254912309235 51.57596063581364376, 4.63064209392449655 51.57918257155910169, 4.63099770915745879 51.5806033134116575, 4.63433551747912453 51.58116718970925518, 4.63475932375922195 51.57972007574556983, 4.63475932375922195 51.57972007574556983)))</t>
  </si>
  <si>
    <t>MultiPolygon (((4.63777445448689907 51.57630647312969785, 4.63677354525329566 51.57528348612943603, 4.63229706101710548 51.57417113322088653, 4.63067514776088629 51.57558754970539638, 4.63473034658723559 51.57760437929864139, 4.63643459157968607 51.57826035922653318, 4.63777445448689907 51.57630647312969785, 4.63777445448689907 51.57630647312969785)))</t>
  </si>
  <si>
    <t>MultiPolygon (((4.64569823983234631 51.58427315539918112, 4.64493042441098947 51.58263025423495662, 4.64533485329019324 51.58091679388260076, 4.64096191604656116 51.57950973710280351, 4.63872727225787518 51.58252568997210119, 4.64533831641772021 51.5844621807035324, 4.64569823983234631 51.58427315539918112, 4.64569823983234631 51.58427315539918112)))</t>
  </si>
  <si>
    <t>MultiPolygon (((4.64728533698044011 51.58127868576500674, 4.64923185747571299 51.57839124739636105, 4.64340066578362176 51.57693967528860668, 4.64017045658522775 51.5761322098525028, 4.63860870911147138 51.57888778199014723, 4.64096191604656116 51.57950973710280351, 4.64533485329019324 51.58091679388260076, 4.64493042441098947 51.58263025423495662, 4.64569823983234631 51.58427315539918112, 4.64728533698044011 51.58127868576500674)))</t>
  </si>
  <si>
    <t>MultiPolygon (((4.65345795893192893 51.57944157192606127, 4.64923185747571299 51.57839124739636105, 4.64728533698044011 51.58127868576500674, 4.65187932260896186 51.58253595283642312, 4.65345795893192893 51.57944157192606127, 4.65345795893192893 51.57944157192606127)))</t>
  </si>
  <si>
    <t>MultiPolygon (((4.65112736204950128 51.5853146539482168, 4.65148444803506855 51.58315546491941461, 4.65187932260896186 51.58253595283642312, 4.64728533698044011 51.58127868576500674, 4.64569823983234631 51.58427315539918112, 4.64588807856906527 51.58523322585038073, 4.65112736204950128 51.5853146539482168)))</t>
  </si>
  <si>
    <t>MultiPolygon (((4.66142062904572185 51.58424333565261577, 4.65869684399664585 51.58157059462288885, 4.65836300987360286 51.58178194034464781, 4.65616977122638076 51.58550890859464033, 4.66142062904572185 51.58424333565261577, 4.66142062904572185 51.58424333565261577)))</t>
  </si>
  <si>
    <t>MultiPolygon (((4.65711421001463055 51.58124946289463253, 4.65836300987360286 51.58178194034464781, 4.65869684399664585 51.58157059462288885, 4.65901520817893555 51.58083342900145141, 4.65345795893192893 51.57944157192606127, 4.65187932260896186 51.58253595283642312, 4.65148444803506855 51.58315546491941461, 4.65523100348991914 51.5839157333995928, 4.65711421001463055 51.58124946289463253, 4.65711421001463055 51.58124946289463253)))</t>
  </si>
  <si>
    <t>MultiPolygon (((4.65476741113279857 51.58678079745010336, 4.65616977122638076 51.58550890859464033, 4.65836300987360286 51.58178194034464781, 4.65711421001463055 51.58124946289463253, 4.65523100348991914 51.5839157333995928, 4.65148444803506855 51.58315546491941461, 4.65112736204950128 51.5853146539482168, 4.65476741113279857 51.58678079745010336, 4.65476741113279857 51.58678079745010336)))</t>
  </si>
  <si>
    <t>MultiPolygon (((4.66781683275763015 51.58786734881157798, 4.66776660718319647 51.58706394173487553, 4.66243346193730446 51.58682282566459065, 4.66142062904572185 51.58424333565261577, 4.65616977122638076 51.58550890859464033, 4.65476741113279857 51.58678079745010336, 4.65490517147595551 51.58684257071605117, 4.66781683275763015 51.58786734881157798, 4.66781683275763015 51.58786734881157798)))</t>
  </si>
  <si>
    <t>MultiPolygon (((4.69085637044171389 51.57412456741317186, 4.67415492555427114 51.57309221874898242, 4.66901956568359289 51.57187708803228787, 4.66451299513789319 51.57220207733163875, 4.65901520817893555 51.58083342900145141, 4.67071792871043812 51.58374790802558607, 4.68605038224128112 51.58757111910713178, 4.69085637044171389 51.57412456741317186)))</t>
  </si>
  <si>
    <t>MultiPolygon (((4.6258705551895396 51.56752194534702483, 4.62579850443297413 51.56750787495941069, 4.60342580702754045 51.56252516573502476, 4.59185783260506764 51.56089944842057093, 4.59176131561337986 51.56103164863110777, 4.59222247761013946 51.56128932641350815, 4.59042054045211412 51.56494017913325223, 4.59064572258935666 51.5659786808214804, 4.5946707803405813 51.56674040682182891, 4.60838763837827514 51.56912212751201707, 4.62257440383326657 51.57173492961927508, 4.62320039103519775 51.57188931145466171, 4.6258705551895396 51.56752194534702483)))</t>
  </si>
  <si>
    <t>MultiPolygon (((4.66451299513789319 51.57220207733163875, 4.65547148470324057 51.57132958520379873, 4.64925751390633213 51.56994405441482598, 4.64855903267640969 51.57057306962303755, 4.64751223754992449 51.57403956036074533, 4.64958638091237919 51.57444748992917027, 4.64923185747571299 51.57839124739636105, 4.65345795893192893 51.57944157192606127, 4.65901520817893555 51.58083342900145141, 4.66451299513789319 51.57220207733163875)))</t>
  </si>
  <si>
    <t>MultiPolygon (((4.63130897952763565 51.57223871797718573, 4.63104735471535456 51.57091342503150599, 4.62869896104807665 51.57032464745463329, 4.62941358944861037 51.568251541280965, 4.6258705551895396 51.56752194534702483, 4.62320039103519775 51.57188931145466171, 4.6304180695171997 51.57368766640237112, 4.63130897952763565 51.57223871797718573)))</t>
  </si>
  <si>
    <t>MultiPolygon (((4.63503385661921818 51.57084707564902004, 4.63573060357947586 51.56945129784696746, 4.63536274273277549 51.56873270440134149, 4.62941358944861037 51.568251541280965, 4.62869896104807665 51.57032464745463329, 4.63104735471535456 51.57091342503150599, 4.63130897952763565 51.57223871797718573, 4.6304180695171997 51.57368766640237112, 4.63229706101710548 51.57417113322088653, 4.63503385661921818 51.57084707564902004, 4.63503385661921818 51.57084707564902004)))</t>
  </si>
  <si>
    <t>MultiPolygon (((4.64958638091237919 51.57444748992917027, 4.64751223754992449 51.57403956036074533, 4.64855903267640969 51.57057306962303755, 4.64615738031787373 51.57038466259790965, 4.64474034382528789 51.57450422566447656, 4.64340066578362176 51.57693967528860668, 4.64923185747571299 51.57839124739636105, 4.64958638091237919 51.57444748992917027)))</t>
  </si>
  <si>
    <t>MultiPolygon (((4.64474034382528789 51.57450422566447656, 4.63962609542227522 51.57314493673759159, 4.63503385661921818 51.57084707564902004, 4.63229706101710548 51.57417113322088653, 4.63677354525329566 51.57528348612943603, 4.64017045658522775 51.5761322098525028, 4.64340066578362176 51.57693967528860668, 4.64474034382528789 51.57450422566447656, 4.64474034382528789 51.57450422566447656)))</t>
  </si>
  <si>
    <t>MultiPolygon (((4.64615738031787373 51.57038466259790965, 4.64855903267640969 51.57057306962303755, 4.64925751390633213 51.56994405441482598, 4.64488768166578758 51.56913259611351208, 4.6406139176690937 51.56887308794640035, 4.63573060357947586 51.56945129784696746, 4.63503385661921818 51.57084707564902004, 4.63962609542227522 51.57314493673759159, 4.64474034382528789 51.57450422566447656, 4.64615738031787373 51.57038466259790965)))</t>
  </si>
  <si>
    <t>MultiPolygon (((4.82803839751042663 51.62457819860868113, 4.84268313554184626 51.61698586229531571, 4.83907877446526236 51.60893419244351321, 4.84355192931454859 51.60387614900446351, 4.83989248140018358 51.60245739932418019, 4.83980296888578909 51.60168142281653303, 4.83407261859419979 51.59741167098574266, 4.82256433383495331 51.59741852820424413, 4.82075650387058552 51.59938377276027666, 4.82721959555627489 51.59975106150886859, 4.83217604593467698 51.60407258128665831, 4.83287280533804608 51.60762352643422446, 4.8260032100210557 51.60889130290520654, 4.83030448503748477 51.60896356863236889, 4.83262558705515133 51.61476898728463425, 4.83467085302368282 51.61576085368034938, 4.83519723054505679 51.61713904594979851, 4.83153274690327095 51.61776546507408625, 4.83054641899148418 51.61975851433427209, 4.81921465840666663 51.6218254816155806, 4.81910482951155217 51.62893098587035468, 4.82003520951932085 51.63062347569839261, 4.8212602494826049 51.62955859556554117, 4.8218665342226652 51.62727431579165938, 4.82377944909407042 51.62769529704284821, 4.82603635257108277 51.62698441787311765, 4.82803839751042663 51.62457819860868113)))</t>
  </si>
  <si>
    <t>MultiPolygon (((4.8069695458705386 51.63260713251494849, 4.81184514466208224 51.63290504499035194, 4.81827309225980471 51.63161564651257862, 4.82003520951932085 51.63062347569839261, 4.81910482951155217 51.62893098587035468, 4.81921465840666663 51.6218254816155806, 4.8168843562702266 51.61788812482963351, 4.81621622362234802 51.61193052206353826, 4.80703172308009208 51.61150134753962959, 4.80323041753897773 51.61221848011466307, 4.79287906182486712 51.61445451717064259, 4.78201238144868146 51.61675478826529684, 4.77803874115963456 51.61814654642518008, 4.77546236966288085 51.6191207642778167, 4.77643959578393762 51.62307540018159102, 4.78050070859394616 51.62616844600363208, 4.78175718717650433 51.62941090755552409, 4.78461453821223603 51.63176273209429468, 4.78894027462458016 51.63232425022825112, 4.78891264050127941 51.63441769797283598, 4.8069695458705386 51.63260713251494849)))</t>
  </si>
  <si>
    <t>MultiPolygon (((4.83054641899148418 51.61975851433427209, 4.83153274690327095 51.61776546507408625, 4.83519723054505679 51.61713904594979851, 4.83467085302368282 51.61576085368034938, 4.83262558705515133 51.61476898728463425, 4.83030448503748477 51.60896356863236889, 4.8260032100210557 51.60889130290520654, 4.83287280533804608 51.60762352643422446, 4.83217604593467698 51.60407258128665831, 4.82721959555627489 51.59975106150886859, 4.82075650387058552 51.59938377276027666, 4.82256433383495331 51.59741852820424413, 4.81916016284203419 51.59725099924014557, 4.81238789435249092 51.5968904457483788, 4.81223657861726029 51.60011264111439289, 4.81097976457157372 51.60048180959081066, 4.80859267690900882 51.60121667823912617, 4.80647526127676894 51.60432042383754236, 4.80658642595340968 51.60604474151189436, 4.80703172308009208 51.61150134753962959, 4.81621622362234802 51.61193052206353826, 4.8168843562702266 51.61788812482963351, 4.81921465840666663 51.6218254816155806, 4.83054641899148418 51.61975851433427209)))</t>
  </si>
  <si>
    <t>MultiPolygon (((4.69873798355655659 51.63797469765179216, 4.715039128121151 51.61455760450645869, 4.71770165260302576 51.61070801929265173, 4.7179514494968231 51.61034965294246035, 4.70896870966871095 51.6091754318912237, 4.70725619269799633 51.60757911479868909, 4.69843419672008977 51.60488822008058207, 4.6990599850355288 51.60293761176403393, 4.70646957700549606 51.59769209488404584, 4.70322199643072913 51.59687798690964655, 4.70183952612809986 51.59220556325557538, 4.70344908360313418 51.59200909464198048, 4.70307908426970211 51.5900896902480639, 4.69424244944512115 51.58944542557348711, 4.68600622242230269 51.58771176649759838, 4.68210622692257328 51.59889335112703179, 4.67488170369029987 51.6001920733478201, 4.67556105061132232 51.60385398381114896, 4.66387187911972845 51.60406868968502181, 4.66432961467011697 51.60872360084606214, 4.66037711403184485 51.61239758090349028, 4.65798449535871928 51.62045266293735324, 4.660291314014394 51.62159129008583847, 4.66356020553825168 51.62535941152152219, 4.66480769027189091 51.6283614773655799, 4.66416016931326993 51.63088228473974084, 4.66507157672891104 51.63431920743104797, 4.67225705784998446 51.63262296828042253, 4.67851250147579467 51.63259402328387893, 4.68275395011233186 51.63363643946104986, 4.69095871085952076 51.63735795979537357, 4.69873798355655659 51.63797469765179216)))</t>
  </si>
  <si>
    <t>MultiPolygon (((4.72333365793493165 51.60284857616956344, 4.72385504186682237 51.60229166507768639, 4.72800964569806226 51.59903025812722177, 4.73254043638532096 51.59683913269943645, 4.74240182108122976 51.59343725334261421, 4.74825012915858835 51.59273806387889039, 4.74169292838251 51.59270950952543444, 4.72364758852185762 51.59152258172036198, 4.70307908426970211 51.5900896902480639, 4.70344908360313418 51.59200909464198048, 4.70183952612809986 51.59220556325557538, 4.70322199643072913 51.59687798690964655, 4.70646957700549606 51.59769209488404584, 4.6990599850355288 51.60293761176403393, 4.69843419672008977 51.60488822008058207, 4.70725619269799633 51.60757911479868909, 4.70896870966871095 51.6091754318912237, 4.7179514494968231 51.61034965294246035, 4.72333365793493165 51.60284857616956344, 4.72333365793493165 51.60284857616956344)))</t>
  </si>
  <si>
    <t>MultiPolygon (((4.81043974703716515 51.55881870273076117, 4.81655093647641319 51.55496629996120106, 4.82452052757442207 51.54783963631312815, 4.79935092502802796 51.53706418522266119, 4.80132599239837532 51.53608344624677784, 4.79803827342105826 51.53514136639998355, 4.79425296390519673 51.53489711288915487, 4.77810505850405853 51.52944923664720278, 4.77725908483311468 51.53076290187811992, 4.77805056427519048 51.53283085824287468, 4.78196963498252803 51.53588437749526463, 4.78014443430579217 51.54338382706739452, 4.78140104471365657 51.54436736968539634, 4.78434760101086987 51.54455604485420395, 4.7870405773875655 51.54615668283673102, 4.78793443427307253 51.54809260671117954, 4.78731786871868437 51.55093922233043457, 4.78952688265822601 51.55290097617329792, 4.7921117049840678 51.55331779765518974, 4.79309200064648522 51.54913032168653331, 4.79192475100825455 51.54908345676598458, 4.79233600753973743 51.54318909433322915, 4.79359888182266225 51.54069793643557773, 4.79605303562887464 51.53917124765183644, 4.80004842305090218 51.5418724829018231, 4.80846879328509402 51.54355048158301855, 4.81246864692424658 51.54532827634213277, 4.81160101666564621 51.54943196980972431, 4.80794432626015489 51.54889778622540319, 4.80096772188722021 51.55738854273729288, 4.8053756169244739 51.55734782281446371, 4.8079041961057376 51.56001549111184801, 4.81043974703716515 51.55881870273076117)))</t>
  </si>
  <si>
    <t>MultiPolygon (((4.80794432626015489 51.54889778622540319, 4.81160101666564621 51.54943196980972431, 4.81246864692424658 51.54532827634213277, 4.80846879328509402 51.54355048158301855, 4.80004842305090218 51.5418724829018231, 4.79605303562887464 51.53917124765183644, 4.79359888182266225 51.54069793643557773, 4.79233600753973743 51.54318909433322915, 4.79192475100825455 51.54908345676598458, 4.79309200064648522 51.54913032168653331, 4.7921117049840678 51.55331779765518974, 4.79405895071480437 51.55556565640503663, 4.79761146689720253 51.55735251720030732, 4.80096772188722021 51.55738854273729288, 4.80794432626015489 51.54889778622540319)))</t>
  </si>
  <si>
    <t>MultiPolygon (((4.85439794841350825 51.57937045329732229, 4.8642385221296518 51.57908886124154435, 4.86537027894382845 51.57291726403207122, 4.87008533666957444 51.57081879929488366, 4.87168450276129583 51.56711039783674266, 4.86910534942662743 51.56676173975550626, 4.86827839839487719 51.55992592749817049, 4.86731119047427185 51.55886500193224009, 4.86415069074002204 51.55940271520465501, 4.86298496522175316 51.55726955759772778, 4.84370308227807822 51.55423643011529578, 4.83978020701543432 51.55318577302933392, 4.83739664756914323 51.54951316799694894, 4.83290427483654828 51.54957963642686991, 4.83076954321157892 51.55035179681951263, 4.82452052757442207 51.54783963631312815, 4.81655093647641319 51.55496629996120106, 4.81043974703716515 51.55881870273076117, 4.81453344333908806 51.55981429172802422, 4.82106782688590219 51.56020076196959678, 4.83386479166612659 51.55742345731349729, 4.83675169324315934 51.55834506977588916, 4.83912883554453099 51.55813036863984422, 4.8393094141889712 51.55985131606425398, 4.83750340323580819 51.56427645190810694, 4.83780799671964168 51.56765794012553528, 4.83214492696746767 51.57124913758429585, 4.83338871661261837 51.57270557101201547, 4.82875802575375079 51.57560803437478114, 4.82331057890791914 51.57340646474579415, 4.82311480033491868 51.57226161787085772, 4.81639549287199298 51.57340973024830078, 4.81651693629163002 51.57436131787191158, 4.80748502300663727 51.57891323954994789, 4.8079607437277625 51.57968277141181801, 4.81853472309393993 51.58146349831645239, 4.82037406764595211 51.57951512312739339, 4.82365221630631247 51.57965840068653307, 4.8292471630914191 51.57813890089980191, 4.83862593335695301 51.57854144036141264, 4.84573003952707904 51.58345025699038189, 4.85439794841350825 51.57937045329732229)))</t>
  </si>
  <si>
    <t>MultiPolygon (((4.82311480033491868 51.57226161787085772, 4.82097664272554915 51.56415922379313344, 4.82106782688590219 51.56020076196959678, 4.81453344333908806 51.55981429172802422, 4.81043974703716515 51.55881870273076117, 4.8079041961057376 51.56001549111184801, 4.80792920392710066 51.5630840926016063, 4.8095401059393641 51.56452867886218172, 4.81155037101712857 51.5649327526437915, 4.81182878435091599 51.56595834164684788, 4.81165157897659412 51.56758728042696305, 4.81604254930985665 51.57149259654271845, 4.81639549287199298 51.57340973024830078, 4.82311480033491868 51.57226161787085772)))</t>
  </si>
  <si>
    <t>MultiPolygon (((4.83338871661261837 51.57270557101201547, 4.83214492696746767 51.57124913758429585, 4.83780799671964168 51.56765794012553528, 4.83750340323580819 51.56427645190810694, 4.8393094141889712 51.55985131606425398, 4.83912883554453099 51.55813036863984422, 4.83675169324315934 51.55834506977588916, 4.83386479166612659 51.55742345731349729, 4.82106782688590219 51.56020076196959678, 4.82097664272554915 51.56415922379313344, 4.82311480033491868 51.57226161787085772, 4.82331057890791914 51.57340646474579415, 4.82875802575375079 51.57560803437478114, 4.83338871661261837 51.57270557101201547)))</t>
  </si>
  <si>
    <t>MultiPolygon (((4.73853684627299643 51.64281362791171404, 4.74500057454844892 51.64043980450848181, 4.74902903138143895 51.63897964161935761, 4.75736836360013982 51.63757551746306973, 4.76265210389881233 51.63503376503205544, 4.76501751217333069 51.63191024272928331, 4.7656861819180536 51.62914042117142088, 4.76720085070941746 51.62389972255703441, 4.76337873204756956 51.61741058831209017, 4.75983199267288004 51.61879467508430253, 4.75141453522822044 51.61890309131965893, 4.7459633595488091 51.61895124064803753, 4.7390600388362385 51.60918093654736083, 4.73928561183682628 51.60825831641356842, 4.73970451361843281 51.60639356132941202, 4.73316370155560318 51.60585442188265404, 4.7298972802108894 51.60608831313700051, 4.72886633014701996 51.60752409737507662, 4.72920141743103706 51.61229675089420255, 4.7284015719995649 51.6126066333508362, 4.72896020325048028 51.61341501347880012, 4.73080240430488885 51.61292277225269487, 4.73906339685958233 51.6169698260116121, 4.74916110364469368 51.62235729814926799, 4.75004689607536701 51.62166241950392731, 4.76194112352125654 51.62424532766583951, 4.75907850175186109 51.62784167005859359, 4.75726493439347387 51.62741619957864714, 4.75719085101053807 51.62588920930214442, 4.75605037101042427 51.62527070284671993, 4.75140487849612025 51.62466625427771305, 4.74856127771007408 51.62601565376307633, 4.74713300178665243 51.62783637615729759, 4.74139031921074849 51.6289914080188268, 4.74016479232220078 51.62870675888434135, 4.73688838096531217 51.62929424419564128, 4.73361315649569736 51.62737348293862283, 4.72318992155520068 51.62030308250728439, 4.71834686215053978 51.61835227806894721, 4.715039128121151 51.61455760450645869, 4.69873798355655659 51.63797469765179216, 4.69905965738351217 51.63807319222909342, 4.70433350354982593 51.63824614992859807, 4.73184012127985199 51.64305625369610908, 4.73853684627299643 51.64281362791171404)))</t>
  </si>
  <si>
    <t>MultiPolygon (((4.75983199267288004 51.61879467508430253, 4.76337873204756956 51.61741058831209017, 4.75983017605759251 51.61171356854195125, 4.75916575073955528 51.60698966531921172, 4.76396707117720375 51.6001927856899627, 4.76438413297640118 51.59765920463087951, 4.7670442195909617 51.59626754460554565, 4.76990848389958533 51.59576077049217702, 4.77100928246063472 51.59405637572060499, 4.76345930394516248 51.59245144219204349, 4.7567921557429278 51.59219378067388817, 4.74492693908579444 51.59919493557971037, 4.73292759961404474 51.60227617304393277, 4.72385504186682237 51.60229166507768639, 4.72333365793493165 51.60284857616956344, 4.734222484649103 51.60244798474833772, 4.74236608702417595 51.60010085106468125, 4.74893643807923649 51.60035403867193793, 4.74722832678306705 51.6047489692968071, 4.7480010477884047 51.60569949942237855, 4.74989630399676077 51.60623814772525009, 4.75222017726024415 51.60730171916271303, 4.75462395931053639 51.61148628907100289, 4.75438337796603427 51.61341151113885672, 4.75191049086289219 51.6156510786747873, 4.75141453522822044 51.61890309131965893, 4.75983199267288004 51.61879467508430253, 4.75983199267288004 51.61879467508430253)))</t>
  </si>
  <si>
    <t>MultiPolygon (((4.73361315649569736 51.62737348293862283, 4.73540160520710973 51.62627723402966495, 4.73449948483679961 51.62569593388128908, 4.73387854270672026 51.62595618208947457, 4.73002451887893915 51.62275979218107125, 4.73452096035401304 51.62052805108900344, 4.73437499934047867 51.62015787794788224, 4.72839462217686712 51.61691812243462607, 4.72358777823563258 51.61750522596484103, 4.72318992155520068 51.62030308250728439, 4.73361315649569736 51.62737348293862283, 4.73361315649569736 51.62737348293862283)))</t>
  </si>
  <si>
    <t>MultiPolygon (((4.74016479232220078 51.62870675888434135, 4.74139031921074849 51.6289914080188268, 4.74348992260883051 51.62519510005346035, 4.73945166091031123 51.62395941842220282, 4.73452096035401304 51.62052805108900344, 4.73002451887893915 51.62275979218107125, 4.73387854270672026 51.62595618208947457, 4.73449948483679961 51.62569593388128908, 4.73540160520710973 51.62627723402966495, 4.73361315649569736 51.62737348293862283, 4.73688838096531217 51.62929424419564128, 4.74016479232220078 51.62870675888434135)))</t>
  </si>
  <si>
    <t>MultiPolygon (((4.74713300178665243 51.62783637615729759, 4.74856127771007408 51.62601565376307633, 4.75140487849612025 51.62466625427771305, 4.75605037101042427 51.62527070284671993, 4.75719085101053807 51.62588920930214442, 4.75726493439347387 51.62741619957864714, 4.75907850175186109 51.62784167005859359, 4.76194112352125654 51.62424532766583951, 4.75004689607536701 51.62166241950392731, 4.74916110364469368 51.62235729814926799, 4.73906339685958233 51.6169698260116121, 4.73675731829406921 51.61841112924020791, 4.73631225390097921 51.61952806565521712, 4.73437499934047867 51.62015787794788224, 4.73452096035401304 51.62052805108900344, 4.73945166091031123 51.62395941842220282, 4.74348992260883051 51.62519510005346035, 4.74139031921074849 51.6289914080188268, 4.74713300178665243 51.62783637615729759, 4.74713300178665243 51.62783637615729759)))</t>
  </si>
  <si>
    <t>MultiPolygon (((4.72358777823563258 51.61750522596484103, 4.72839462217686712 51.61691812243462607, 4.73437499934047867 51.62015787794788224, 4.73631225390097921 51.61952806565521712, 4.73675731829406921 51.61841112924020791, 4.73906339685958233 51.6169698260116121, 4.73080240430488885 51.61292277225269487, 4.72896020325048028 51.61341501347880012, 4.7284015719995649 51.6126066333508362, 4.72420670513596974 51.61277510839943972, 4.71770165260302576 51.61070801929265173, 4.715039128121151 51.61455760450645869, 4.71834686215053978 51.61835227806894721, 4.72318992155520068 51.62030308250728439, 4.72358777823563258 51.61750522596484103)))</t>
  </si>
  <si>
    <t>MultiPolygon (((4.72420670513596974 51.61277510839943972, 4.7284015719995649 51.6126066333508362, 4.72920141743103706 51.61229675089420255, 4.72886633014701996 51.60752409737507662, 4.7298972802108894 51.60608831313700051, 4.73316370155560318 51.60585442188265404, 4.734222484649103 51.60244798474833772, 4.72333365793493165 51.60284857616956344, 4.7179514494968231 51.61034965294246035, 4.71770165260302576 51.61070801929265173, 4.72420670513596974 51.61277510839943972, 4.72420670513596974 51.61277510839943972)))</t>
  </si>
  <si>
    <t>MultiPolygon (((4.75141453522822044 51.61890309131965893, 4.75191049086289219 51.6156510786747873, 4.75438337796603427 51.61341151113885672, 4.75462395931053639 51.61148628907100289, 4.75222017726024415 51.60730171916271303, 4.74989630399676077 51.60623814772525009, 4.75005557091891095 51.60824945042614331, 4.74747197001869026 51.61024892315450074, 4.73928561183682628 51.60825831641356842, 4.7390600388362385 51.60918093654736083, 4.7459633595488091 51.61895124064803753, 4.75141453522822044 51.61890309131965893, 4.75141453522822044 51.61890309131965893)))</t>
  </si>
  <si>
    <t>MultiPolygon (((4.75005557091891095 51.60824945042614331, 4.74989630399676077 51.60623814772525009, 4.7480010477884047 51.60569949942237855, 4.74722832678306705 51.6047489692968071, 4.74893643807923649 51.60035403867193793, 4.74236608702417595 51.60010085106468125, 4.734222484649103 51.60244798474833772, 4.73316370155560318 51.60585442188265404, 4.73970451361843281 51.60639356132941202, 4.73928561183682628 51.60825831641356842, 4.74747197001869026 51.61024892315450074, 4.75005557091891095 51.60824945042614331, 4.75005557091891095 51.60824945042614331)))</t>
  </si>
  <si>
    <t>MultiPolygon (((4.72370975688479611 51.58528204906506431, 4.72550266877195302 51.57909588655436295, 4.72852751293214713 51.5722944789963833, 4.72502830566737142 51.57203718364417711, 4.72472272243284319 51.5754056943198691, 4.71269532130566926 51.57152638471755068, 4.71190004402549256 51.56936741653014167, 4.71007327052481806 51.5679684943440293, 4.70225729776901957 51.563949579241104, 4.69328848430343371 51.56258734004792643, 4.69371583918335222 51.56795239678326226, 4.69085637044171389 51.57412456741317186, 4.68605038224128112 51.58757111910713178, 4.68600622242230269 51.58771176649759838, 4.69424244944512115 51.58944542557348711, 4.70307908426970211 51.5900896902480639, 4.72364758852185762 51.59152258172036198, 4.72370975688479611 51.58528204906506431)))</t>
  </si>
  <si>
    <t>MultiPolygon (((4.72502830566737142 51.57203718364417711, 4.72852751293214713 51.5722944789963833, 4.73555754980471111 51.55930481315341041, 4.73926040196828602 51.5504321353690429, 4.74046030644521732 51.53770715606903252, 4.74269756124020248 51.53120167631441007, 4.74180161286548962 51.53109635245867537, 4.74146393608569738 51.53285799373298914, 4.73973257789578106 51.53210976235105534, 4.73879875949356943 51.5322669861204119, 4.7356185460347815 51.53369368073300905, 4.73203146249981277 51.53634115096567569, 4.73019922563595774 51.53641698635236423, 4.73001328357774131 51.53519340077686905, 4.72886445729386118 51.53484175259539768, 4.72817493340443473 51.53366100699732755, 4.72550095139708493 51.53310066469996542, 4.72507862204315998 51.53291904502521703, 4.72248993989994137 51.53515816449428399, 4.72841724399339647 51.53687754825063649, 4.7039968178571856 51.54979854237664938, 4.69418676440048266 51.54484844980426317, 4.69462428901930995 51.55673342449533436, 4.69328848430343371 51.56258734004792643, 4.70225729776901957 51.563949579241104, 4.71007327052481806 51.5679684943440293, 4.71190004402549256 51.56936741653014167, 4.71269532130566926 51.57152638471755068, 4.72472272243284319 51.5754056943198691, 4.72502830566737142 51.57203718364417711)))</t>
  </si>
  <si>
    <t>MultiPolygon (((4.73292759961404474 51.60227617304393277, 4.74492693908579444 51.59919493557971037, 4.7567921557429278 51.59219378067388817, 4.75111220340002127 51.59255882298356255, 4.74825012915858835 51.59273806387889039, 4.74240182108122976 51.59343725334261421, 4.73254043638532096 51.59683913269943645, 4.72800964569806226 51.59903025812722177, 4.72385504186682237 51.60229166507768639, 4.73292759961404474 51.60227617304393277, 4.73292759961404474 51.60227617304393277)))</t>
  </si>
  <si>
    <t>MultiPolygon (((4.75879543947174977 51.50095313402902519, 4.75835978012149674 51.50015735061253963, 4.75537789125076849 51.50036385794649618, 4.75526002936292613 51.50054183817678677, 4.75269951055175088 51.49980752456647082, 4.74894449067187274 51.49668450789805973, 4.75000322849687873 51.49543139667144942, 4.74969906733820402 51.49436392519617556, 4.74813377657734126 51.49193989100357527, 4.74682977189220878 51.49070413338464647, 4.74656141192364256 51.48950462279203322, 4.73399659986775223 51.48554820654415209, 4.73565198925167241 51.49174772947135637, 4.7421577098049239 51.50563140087159297, 4.74348381396902141 51.51090972191414608, 4.74398372350508168 51.51876133372457645, 4.74323483645314514 51.52539384179740267, 4.74113387814033427 51.5263145595042289, 4.74011874527128541 51.52785817303870175, 4.74180161286548962 51.53109635245867537, 4.74269756124020248 51.53120167631441007, 4.74633986971091471 51.5275786682278607, 4.75250884585929523 51.52643851322787327, 4.75060157082085777 51.52423847784542232, 4.74893418051995386 51.51896161929549578, 4.7469951420287142 51.51547857395542707, 4.75094763025933897 51.50910674527870015, 4.75347206448270665 51.50579575524936615, 4.7600232812967338 51.5023727659570838, 4.75879543947174977 51.50095313402902519)))</t>
  </si>
  <si>
    <t>MultiPolygon (((4.74022456734351394 51.59036876146355155, 4.74240291525002711 51.58687480087495203, 4.74250984296941702 51.5827433091083023, 4.73043796758173674 51.57963278385838635, 4.72550266877195302 51.57909588655436295, 4.72370975688479611 51.58528204906506431, 4.72364758852185762 51.59152258172036198, 4.74169292838251 51.59270950952543444, 4.74022456734351394 51.59036876146355155)))</t>
  </si>
  <si>
    <t>MultiPolygon (((4.74825012915858835 51.59273806387889039, 4.75111220340002127 51.59255882298356255, 4.75017972110969033 51.58889398852188179, 4.75054557606852601 51.58336489225791865, 4.74250984296941702 51.5827433091083023, 4.74240291525002711 51.58687480087495203, 4.74022456734351394 51.59036876146355155, 4.74169292838251 51.59270950952543444, 4.74825012915858835 51.59273806387889039, 4.74825012915858835 51.59273806387889039)))</t>
  </si>
  <si>
    <t>MultiPolygon (((4.75132546404300005 51.58054088449636509, 4.75324009534002645 51.5790507495353836, 4.74372510358938371 51.57290908774363913, 4.74482508307118422 51.56744197085095038, 4.74342049646350006 51.56703548223925537, 4.74340405532661524 51.56523879292627299, 4.74614338299657224 51.56592372968317761, 4.74796923573692009 51.56341671869376597, 4.74746406501660356 51.56321347738319361, 4.74580140497313874 51.56254450554958879, 4.74419110774152841 51.56481265800670144, 4.73880500850242381 51.56339970686299523, 4.73555754980471111 51.55930481315341041, 4.72852751293214713 51.5722944789963833, 4.72550266877195302 51.57909588655436295, 4.73043796758173674 51.57963278385838635, 4.74250984296941702 51.5827433091083023, 4.75054557606852601 51.58336489225791865, 4.75132546404300005 51.58054088449636509)))</t>
  </si>
  <si>
    <t>MultiPolygon (((4.771516275410149 51.5928383851402117, 4.77130010158107165 51.59263994291544719, 4.76411636671898009 51.58952209584595039, 4.76314569526262055 51.58778407656510012, 4.76348622859227788 51.58566506517636441, 4.75972919993274157 51.58387639196297414, 4.75699636368300194 51.58144055063050359, 4.75324009534002645 51.5790507495353836, 4.75132546404300005 51.58054088449636509, 4.75054557606852601 51.58336489225791865, 4.75017972110969033 51.58889398852188179, 4.75111220340002127 51.59255882298356255, 4.7567921557429278 51.59219378067388817, 4.76345930394516248 51.59245144219204349, 4.77100928246063472 51.59405637572060499, 4.771516275410149 51.5928383851402117, 4.771516275410149 51.5928383851402117)))</t>
  </si>
  <si>
    <t>MultiPolygon (((4.75718512540162219 51.57994769849610606, 4.76270470916363209 51.57920371969277795, 4.75695900782771819 51.57193680379302947, 4.75712334117406055 51.5707763695531014, 4.74482508307118422 51.56744197085095038, 4.74372510358938371 51.57290908774363913, 4.75324009534002645 51.5790507495353836, 4.75699636368300194 51.58144055063050359, 4.75718512540162219 51.57994769849610606)))</t>
  </si>
  <si>
    <t>MultiPolygon (((4.76589831114548979 51.58318383445878652, 4.76498256566757661 51.58115391284859186, 4.76270470916363209 51.57920371969277795, 4.75718512540162219 51.57994769849610606, 4.75699636368300194 51.58144055063050359, 4.75972919993274157 51.58387639196297414, 4.76348622859227788 51.58566506517636441, 4.76589831114548979 51.58318383445878652, 4.76589831114548979 51.58318383445878652)))</t>
  </si>
  <si>
    <t>MultiPolygon (((4.77849693777283324 51.57202901776967963, 4.777395125753789 51.56772225729660875, 4.77688120253031112 51.56679836633192338, 4.77567855921735784 51.56651750080764884, 4.77175311711906502 51.56430923153664736, 4.76501342131035077 51.56425243361497479, 4.76012933413870609 51.56321901473934588, 4.75546530163715797 51.56089658408357224, 4.75464771172031408 51.56198396447140908, 4.75578950609117257 51.56345882189896201, 4.754246309253924 51.56455568956250346, 4.753179686961027 51.56444365294579768, 4.75131767545015826 51.56290701153344003, 4.75113405772300013 51.56135400959439608, 4.74963987480732541 51.56089095424067636, 4.74746406501660356 51.56321347738319361, 4.74796923573692009 51.56341671869376597, 4.74614338299657224 51.56592372968317761, 4.74340405532661524 51.56523879292627299, 4.74342049646350006 51.56703548223925537, 4.74482508307118422 51.56744197085095038, 4.75712334117406055 51.5707763695531014, 4.76299725157484044 51.57197974842608801, 4.77849693777283324 51.57202901776967963)))</t>
  </si>
  <si>
    <t>MultiPolygon (((4.77310231701645193 51.5822783138615506, 4.77733518980232841 51.58081331332417818, 4.77597472108335364 51.57277744567254985, 4.77849693777283324 51.57202901776967963, 4.76299725157484044 51.57197974842608801, 4.75712334117406055 51.5707763695531014, 4.75695900782771819 51.57193680379302947, 4.76270470916363209 51.57920371969277795, 4.76498256566757661 51.58115391284859186, 4.76589831114548979 51.58318383445878652, 4.77310231701645193 51.5822783138615506, 4.77310231701645193 51.5822783138615506)))</t>
  </si>
  <si>
    <t>MultiPolygon (((4.78328598369891544 51.56631223403098829, 4.78966730635019822 51.56234124711104272, 4.78975269784341595 51.56146417830732531, 4.78548200242137423 51.55741570102385651, 4.78695265437399442 51.55477850155087793, 4.78952688265822601 51.55290097617329792, 4.78731786871868437 51.55093922233043457, 4.78793443427307253 51.54809260671117954, 4.7870405773875655 51.54615668283673102, 4.78434760101086987 51.54455604485420395, 4.78140104471365657 51.54436736968539634, 4.78014443430579217 51.54338382706739452, 4.78196963498252803 51.53588437749526463, 4.77805056427519048 51.53283085824287468, 4.77725908483311468 51.53076290187811992, 4.77810505850405853 51.52944923664720278, 4.77784851724409254 51.52938955254121822, 4.77006045690776759 51.52735729026418454, 4.76931355516221078 51.5253818014789573, 4.77028549195305018 51.52439668117541061, 4.77001920211270125 51.52364182074195043, 4.76863284995348291 51.52512898393031548, 4.76754607182511858 51.52510529252742089, 4.76446966553466922 51.52404576231155175, 4.76018511230053498 51.51930821089924706, 4.74893418051995386 51.51896161929549578, 4.75060157082085777 51.52423847784542232, 4.75250884585929523 51.52643851322787327, 4.74633986971091471 51.5275786682278607, 4.74269756124020248 51.53120167631441007, 4.74046030644521732 51.53770715606903252, 4.73926040196828602 51.5504321353690429, 4.73555754980471111 51.55930481315341041, 4.73880500850242381 51.56339970686299523, 4.74419110774152841 51.56481265800670144, 4.74580140497313874 51.56254450554958879, 4.74746406501660356 51.56321347738319361, 4.74963987480732541 51.56089095424067636, 4.75113405772300013 51.56135400959439608, 4.75131767545015826 51.56290701153344003, 4.753179686961027 51.56444365294579768, 4.754246309253924 51.56455568956250346, 4.75578950609117257 51.56345882189896201, 4.75464771172031408 51.56198396447140908, 4.75546530163715797 51.56089658408357224, 4.76012933413870609 51.56321901473934588, 4.76501342131035077 51.56425243361497479, 4.77175311711906502 51.56430923153664736, 4.77567855921735784 51.56651750080764884, 4.78328598369891544 51.56631223403098829)))</t>
  </si>
  <si>
    <t>MultiPolygon (((4.78543220915162149 51.57283618311146967, 4.78897694503876181 51.57273723964738821, 4.7926275099328759 51.56965685522816045, 4.79386178405176366 51.56719248218367824, 4.79265573775440412 51.56322231183276728, 4.79291356541245328 51.55689008365040849, 4.79405895071480437 51.55556565640503663, 4.7921117049840678 51.55331779765518974, 4.78952688265822601 51.55290097617329792, 4.78695265437399442 51.55477850155087793, 4.78548200242137423 51.55741570102385651, 4.78975269784341595 51.56146417830732531, 4.78966730635019822 51.56234124711104272, 4.78328598369891544 51.56631223403098829, 4.77567855921735784 51.56651750080764884, 4.77688120253031112 51.56679836633192338, 4.777395125753789 51.56772225729660875, 4.77849693777283324 51.57202901776967963, 4.78363244709763968 51.57363179990165492, 4.78543220915162149 51.57283618311146967)))</t>
  </si>
  <si>
    <t>MultiPolygon (((4.79890317654617959 51.57125053799857284, 4.80534291849659567 51.56602069710717018, 4.81182878435091599 51.56595834164684788, 4.81155037101712857 51.5649327526437915, 4.8095401059393641 51.56452867886218172, 4.80792920392710066 51.5630840926016063, 4.8079041961057376 51.56001549111184801, 4.8053756169244739 51.55734782281446371, 4.80096772188722021 51.55738854273729288, 4.79761146689720253 51.55735251720030732, 4.79405895071480437 51.55556565640503663, 4.79291356541245328 51.55689008365040849, 4.79265573775440412 51.56322231183276728, 4.79386178405176366 51.56719248218367824, 4.7926275099328759 51.56965685522816045, 4.79567640317477917 51.57104571806107884, 4.79890317654617959 51.57125053799857284, 4.79890317654617959 51.57125053799857284)))</t>
  </si>
  <si>
    <t>MultiPolygon (((4.80748502300663727 51.57891323954994789, 4.81651693629163002 51.57436131787191158, 4.81639549287199298 51.57340973024830078, 4.81604254930985665 51.57149259654271845, 4.81165157897659412 51.56758728042696305, 4.81182878435091599 51.56595834164684788, 4.80534291849659567 51.56602069710717018, 4.79890317654617959 51.57125053799857284, 4.79567640317477917 51.57104571806107884, 4.79531311615172662 51.57135159302702476, 4.7980600167413483 51.57246459767563351, 4.80687100111460541 51.57830684891746387, 4.80607146365187976 51.57932036348823601, 4.8079607437277625 51.57968277141181801, 4.80748502300663727 51.57891323954994789, 4.80748502300663727 51.57891323954994789)))</t>
  </si>
  <si>
    <t>MultiPolygon (((4.80607146365187976 51.57932036348823601, 4.80687100111460541 51.57830684891746387, 4.7980600167413483 51.57246459767563351, 4.79531311615172662 51.57135159302702476, 4.79567640317477917 51.57104571806107884, 4.7926275099328759 51.56965685522816045, 4.78897694503876181 51.57273723964738821, 4.78543220915162149 51.57283618311146967, 4.78363244709763968 51.57363179990165492, 4.7909309648853835 51.57650650586757735, 4.79793395695485003 51.5776771824238125, 4.80538889359467358 51.57977131643420421, 4.80607146365187976 51.57932036348823601, 4.80607146365187976 51.57932036348823601)))</t>
  </si>
  <si>
    <t>MultiPolygon (((4.84137118207173511 51.59625956368601152, 4.84202057443452549 51.59602694681939283, 4.84262184483887204 51.58582934208546078, 4.84573003952707904 51.58345025699038189, 4.83862593335695301 51.57854144036141264, 4.8292471630914191 51.57813890089980191, 4.82365221630631247 51.57965840068653307, 4.82487298115221908 51.58642889050855729, 4.82923214538022005 51.59267747761980161, 4.83472264524623974 51.59734643025575451, 4.84137118207173511 51.59625956368601152, 4.84137118207173511 51.59625956368601152)))</t>
  </si>
  <si>
    <t>MultiPolygon (((4.83407261859419979 51.59741167098574266, 4.83472264524623974 51.59734643025575451, 4.82923214538022005 51.59267747761980161, 4.81860372067012932 51.59363589227989166, 4.81916016284203419 51.59725099924014557, 4.82256433383495331 51.59741852820424413, 4.83407261859419979 51.59741167098574266)))</t>
  </si>
  <si>
    <t>MultiPolygon (((4.81860372067012932 51.59363589227989166, 4.82923214538022005 51.59267747761980161, 4.82487298115221908 51.58642889050855729, 4.82365221630631247 51.57965840068653307, 4.82037406764595211 51.57951512312739339, 4.81853472309393993 51.58146349831645239, 4.8079607437277625 51.57968277141181801, 4.80607146365187976 51.57932036348823601, 4.80538889359467358 51.57977131643420421, 4.80401994250529274 51.58156184941660882, 4.80887788349357237 51.58188975933173737, 4.81197981057660762 51.5827622009144946, 4.81135900398302585 51.59333318635493981, 4.8132135284190678 51.59416400100009525, 4.81860372067012932 51.59363589227989166)))</t>
  </si>
  <si>
    <t>MultiPolygon (((4.78499779479220599 51.58022401547597724, 4.78883862064974686 51.57931438921394829, 4.7909309648853835 51.57650650586757735, 4.78363244709763968 51.57363179990165492, 4.77849693777283324 51.57202901776967963, 4.77597472108335364 51.57277744567254985, 4.77733518980232841 51.58081331332417818, 4.78108019193457867 51.58214250615166208, 4.78499779479220599 51.58022401547597724)))</t>
  </si>
  <si>
    <t>MultiPolygon (((4.79945351262342079 51.58561266852511551, 4.80204709009432662 51.5841419950513469, 4.80401994250529274 51.58156184941660882, 4.80538889359467358 51.57977131643420421, 4.79793395695485003 51.5776771824238125, 4.7909309648853835 51.57650650586757735, 4.78883862064974686 51.57931438921394829, 4.78499779479220599 51.58022401547597724, 4.78108019193457867 51.58214250615166208, 4.78656273164185642 51.58720241393827877, 4.79945351262342079 51.58561266852511551)))</t>
  </si>
  <si>
    <t>MultiPolygon (((4.81860372067012932 51.59363589227989166, 4.8132135284190678 51.59416400100009525, 4.81135900398302585 51.59333318635493981, 4.81197981057660762 51.5827622009144946, 4.80887788349357237 51.58188975933173737, 4.80401994250529274 51.58156184941660882, 4.80204709009432662 51.5841419950513469, 4.79945351262342079 51.58561266852511551, 4.78656273164185642 51.58720241393827877, 4.7894177335786301 51.59133586533119598, 4.78813754907360956 51.59320839369709688, 4.79127334892927603 51.59570512747838222, 4.81238789435249092 51.5968904457483788, 4.81916016284203419 51.59725099924014557, 4.81860372067012932 51.59363589227989166, 4.81860372067012932 51.59363589227989166)))</t>
  </si>
  <si>
    <t>MultiPolygon (((4.80703172308009208 51.61150134753962959, 4.80658642595340968 51.60604474151189436, 4.80099205873269597 51.60744567837392083, 4.80323041753897773 51.61221848011466307, 4.80703172308009208 51.61150134753962959, 4.80703172308009208 51.61150134753962959)))</t>
  </si>
  <si>
    <t>MultiPolygon (((4.80323041753897773 51.61221848011466307, 4.80099205873269597 51.60744567837392083, 4.79154821946833831 51.60814759416706465, 4.78973680739678187 51.60929633569970321, 4.79287906182486712 51.61445451717064259, 4.80323041753897773 51.61221848011466307, 4.80323041753897773 51.61221848011466307)))</t>
  </si>
  <si>
    <t>MultiPolygon (((4.78891264050127941 51.63441769797283598, 4.78894027462458016 51.63232425022825112, 4.78461453821223603 51.63176273209429468, 4.78175718717650433 51.62941090755552409, 4.78050070859394616 51.62616844600363208, 4.77643959578393762 51.62307540018159102, 4.77546236966288085 51.6191207642778167, 4.77803874115963456 51.61814654642518008, 4.77430503822975449 51.61257194847812713, 4.77474135811154365 51.61153516649712714, 4.77531852588619632 51.61012559085760643, 4.77870645033729069 51.60987223145517788, 4.77966773467518724 51.60223366321204708, 4.7788152242991897 51.60136929355140722, 4.77423562806305934 51.60177193063072565, 4.76918968305112667 51.5976157676423739, 4.76990848389958533 51.59576077049217702, 4.7670442195909617 51.59626754460554565, 4.76438413297640118 51.59765920463087951, 4.76396707117720375 51.6001927856899627, 4.75916575073955528 51.60698966531921172, 4.75983017605759251 51.61171356854195125, 4.76337873204756956 51.61741058831209017, 4.76720085070941746 51.62389972255703441, 4.7656861819180536 51.62914042117142088, 4.76958211812588218 51.62950994644501179, 4.7875059385922345 51.63704801274007394, 4.78891264050127941 51.63441769797283598, 4.78891264050127941 51.63441769797283598)))</t>
  </si>
  <si>
    <t>MultiPolygon (((4.78201238144868146 51.61675478826529684, 4.79287906182486712 51.61445451717064259, 4.78973680739678187 51.60929633569970321, 4.78151879512671663 51.60994998928945421, 4.77474135811154365 51.61153516649712714, 4.77430503822975449 51.61257194847812713, 4.77803874115963456 51.61814654642518008, 4.78201238144868146 51.61675478826529684)))</t>
  </si>
  <si>
    <t>MultiPolygon (((4.80099205873269597 51.60744567837392083, 4.80658642595340968 51.60604474151189436, 4.80647526127676894 51.60432042383754236, 4.80859267690900882 51.60121667823912617, 4.81097976457157372 51.60048180959081066, 4.79570337612928821 51.60207674465046779, 4.79020857048050441 51.60180173883493637, 4.7905222495056945 51.60692816271398442, 4.79154821946833831 51.60814759416706465, 4.80099205873269597 51.60744567837392083, 4.80099205873269597 51.60744567837392083)))</t>
  </si>
  <si>
    <t>MultiPolygon (((4.78151879512671663 51.60994998928945421, 4.78973680739678187 51.60929633569970321, 4.79154821946833831 51.60814759416706465, 4.7905222495056945 51.60692816271398442, 4.79020857048050441 51.60180173883493637, 4.78323092084597601 51.601027743758074, 4.7788152242991897 51.60136929355140722, 4.77966773467518724 51.60223366321204708, 4.77870645033729069 51.60987223145517788, 4.77531852588619632 51.61012559085760643, 4.77474135811154365 51.61153516649712714, 4.78151879512671663 51.60994998928945421)))</t>
  </si>
  <si>
    <t>MultiPolygon (((4.79570337612928821 51.60207674465046779, 4.81097976457157372 51.60048180959081066, 4.81223657861726029 51.60011264111439289, 4.81238789435249092 51.5968904457483788, 4.79127334892927603 51.59570512747838222, 4.78424758845050224 51.59537677003655887, 4.78398868860893955 51.5962137292102625, 4.77963193739624703 51.59917178953787698, 4.7788152242991897 51.60136929355140722, 4.78323092084597601 51.601027743758074, 4.79020857048050441 51.60180173883493637, 4.79570337612928821 51.60207674465046779)))</t>
  </si>
  <si>
    <t>MultiPolygon (((4.7788152242991897 51.60136929355140722, 4.77963193739624703 51.59917178953787698, 4.78398868860893955 51.5962137292102625, 4.78424758845050224 51.59537677003655887, 4.77100928246063472 51.59405637572060499, 4.76990848389958533 51.59576077049217702, 4.76918968305112667 51.5976157676423739, 4.77423562806305934 51.60177193063072565, 4.7788152242991897 51.60136929355140722)))</t>
  </si>
  <si>
    <t>MultiPolygon (((4.77767195818544455 51.59304840715417129, 4.7768189136199295 51.59028462374229207, 4.78300884649370683 51.58780136823710194, 4.78234572583376583 51.58632766173928985, 4.78086261868871798 51.58674232928203196, 4.77379492788588067 51.58547970595921583, 4.77100734966579765 51.58824001119015179, 4.77130010158107165 51.59263994291544719, 4.771516275410149 51.5928383851402117, 4.77767195818544455 51.59304840715417129, 4.77767195818544455 51.59304840715417129)))</t>
  </si>
  <si>
    <t>MultiPolygon (((4.78813754907360956 51.59320839369709688, 4.78341712505870031 51.5935538928255113, 4.78166537233528466 51.5928862102999588, 4.77767195818544455 51.59304840715417129, 4.771516275410149 51.5928383851402117, 4.77100928246063472 51.59405637572060499, 4.78424758845050224 51.59537677003655887, 4.79127334892927603 51.59570512747838222, 4.78813754907360956 51.59320839369709688, 4.78813754907360956 51.59320839369709688)))</t>
  </si>
  <si>
    <t>MultiPolygon (((4.77100734966579765 51.58824001119015179, 4.76895729763244436 51.58687452560398157, 4.76348622859227788 51.58566506517636441, 4.76314569526262055 51.58778407656510012, 4.76411636671898009 51.58952209584595039, 4.77130010158107165 51.59263994291544719, 4.77100734966579765 51.58824001119015179, 4.77100734966579765 51.58824001119015179)))</t>
  </si>
  <si>
    <t>MultiPolygon (((4.77100734966579765 51.58824001119015179, 4.77379492788588067 51.58547970595921583, 4.77310231701645193 51.5822783138615506, 4.76589831114548979 51.58318383445878652, 4.76348622859227788 51.58566506517636441, 4.76895729763244436 51.58687452560398157, 4.77100734966579765 51.58824001119015179, 4.77100734966579765 51.58824001119015179)))</t>
  </si>
  <si>
    <t>MultiPolygon (((4.78656273164185642 51.58720241393827877, 4.78108019193457867 51.58214250615166208, 4.77733518980232841 51.58081331332417818, 4.77310231701645193 51.5822783138615506, 4.77379492788588067 51.58547970595921583, 4.78086261868871798 51.58674232928203196, 4.78234572583376583 51.58632766173928985, 4.78300884649370683 51.58780136823710194, 4.78656273164185642 51.58720241393827877, 4.78656273164185642 51.58720241393827877)))</t>
  </si>
  <si>
    <t>MultiPolygon (((4.78813754907360956 51.59320839369709688, 4.7894177335786301 51.59133586533119598, 4.78656273164185642 51.58720241393827877, 4.78300884649370683 51.58780136823710194, 4.7768189136199295 51.59028462374229207, 4.77767195818544455 51.59304840715417129, 4.78166537233528466 51.5928862102999588, 4.78341712505870031 51.5935538928255113, 4.78813754907360956 51.59320839369709688)))</t>
  </si>
  <si>
    <t>MultiPolygon (((5.38242626349028086 51.51695346615408511, 5.37796817458755427 51.51230151157236747, 5.37783887743067801 51.50907035938091383, 5.37781760574195999 51.50876051768875641, 5.3735123295345959 51.50873148041708305, 5.37049883198189537 51.50751990815631132, 5.36455867567443079 51.50670311625122366, 5.36417310765140609 51.51092542903882787, 5.36308838910128483 51.51297286343789494, 5.36540578199389273 51.51614169647707087, 5.37079039417190351 51.52030268466393892, 5.37810497965243428 51.52162828240975045, 5.38242626349028086 51.51695346615408511, 5.38242626349028086 51.51695346615408511)))</t>
  </si>
  <si>
    <t>MultiPolygon (((5.39096819052993137 51.52308081672904194, 5.39301697919480105 51.52140460290135593, 5.38242626349028086 51.51695346615408511, 5.37810497965243428 51.52162828240975045, 5.39051222623745296 51.52567510709193499, 5.39096819052993137 51.52308081672904194)))</t>
  </si>
  <si>
    <t>MultiPolygon (((5.39190273503100492 51.49772188821173557, 5.39300893798674075 51.49293901866964518, 5.39057729066123326 51.49279154754441379, 5.3853970078657758 51.49325131299356428, 5.38453104246726344 51.49617901556530342, 5.38950843317116313 51.49786183207935863, 5.39190273503100492 51.49772188821173557, 5.39190273503100492 51.49772188821173557)))</t>
  </si>
  <si>
    <t>MultiPolygon (((5.3879639711299756 51.51079284845094719, 5.37783887743067801 51.50907035938091383, 5.37796817458755427 51.51230151157236747, 5.38242626349028086 51.51695346615408511, 5.3879639711299756 51.51079284845094719, 5.3879639711299756 51.51079284845094719)))</t>
  </si>
  <si>
    <t>MultiPolygon (((5.39627442200467744 51.4846163857947019, 5.39543776567242617 51.48319652093355359, 5.39769229067104028 51.48094256746170316, 5.3985275473040133 51.48126562128052797, 5.39908995950793003 51.48083432500467183, 5.39714803818904798 51.47829441495260028, 5.39692424061505793 51.47583225294446407, 5.39488503445316692 51.47326593089000824, 5.39156986999674803 51.47283514555711292, 5.39118688815016434 51.47175640408737962, 5.39051850848497782 51.48515425651837063, 5.39104163948523141 51.4850373064086142, 5.39627442200467744 51.4846163857947019)),((5.41093574450110726 51.5422690844684297, 5.41204508830630093 51.54269993712874509, 5.42030350688721185 51.53856517407979254, 5.42215815579731597 51.53691074406015105, 5.42297794282113177 51.53394066470731616, 5.42384280751135961 51.53405509919580396, 5.42546327176823961 51.53241278379859125, 5.42643377859790821 51.53273278347331399, 5.42750503873153889 51.53166630413173266, 5.4265840509070884 51.53127681005510397, 5.4333703669751614 51.52439703957936246, 5.44750769232806054 51.51206895350571102, 5.44070480801379297 51.49605928723151038, 5.44257056891830349 51.49392721604360901, 5.4421678170772001 51.49383879954002197, 5.42715568912573953 51.48961199331514393, 5.41799525629946466 51.48623699429916911, 5.41191175706895411 51.48468305941116085, 5.40854933450249487 51.4882722144182523, 5.41875947488577658 51.49224228416233018, 5.42104037838040664 51.49501952883670697, 5.41563714070363211 51.50039249981901435, 5.41825745205016496 51.50131348061737668, 5.41357697602577836 51.50674683866949977, 5.41187804543096984 51.50541417069124606, 5.40745721397162349 51.50953015764368814, 5.40069633796930137 51.5157224974209953, 5.40030977577856852 51.51615284566007347, 5.39485475417114291 51.52172013894428204, 5.39301697919480105 51.52140460290135593, 5.39096819052993137 51.52308081672904194, 5.39051222623745296 51.52567510709193499, 5.37810497965243428 51.52162828240975045, 5.37079039417190351 51.52030268466393892, 5.36540578199389273 51.51614169647707087, 5.36308838910128483 51.51297286343789494, 5.36417310765140609 51.51092542903882787, 5.36455867567443079 51.50670311625122366, 5.3606906744687306 51.5063104408599699, 5.36086051792897678 51.50459344899915237, 5.36563848895247641 51.49845939477032886, 5.36917089658996982 51.49534914914963935, 5.37646630691357075 51.49441522139269267, 5.37501764267528337 51.48904925286448986, 5.36461054804645876 51.49144656253061925, 5.35588744161080221 51.49610683603766148, 5.35557448710258033 51.49693450004745898, 5.35518151353710437 51.49915912545520058, 5.35332620421238037 51.50179639292132094, 5.35260669143320644 51.50599216908945976, 5.35131772885861512 51.50605383049565944, 5.3507513518051999 51.50755310421368449, 5.35089263489850264 51.51212749992139805, 5.34948632246824118 51.51716841534381786, 5.35150697166915013 51.51800704391920505, 5.35390217862897089 51.52118687275990538, 5.35357037820750037 51.52380261114717541, 5.35373188623056873 51.52608388109101156, 5.35545923037664817 51.52890283319234044, 5.36562247855760344 51.52998049203520736, 5.36859591966133376 51.53148999974290945, 5.35691077941695148 51.54471657359209757, 5.36517091183905759 51.54500302669802636, 5.36852003914680598 51.54352319034298091, 5.38267497227829139 51.54372844690578148, 5.38816603488163448 51.54433233278736282, 5.40423333534288552 51.54829166965383536, 5.40536028903065624 51.54835326808998275, 5.41093574450110726 51.5422690844684297)))</t>
  </si>
  <si>
    <t>MultiPolygon (((5.37781760574195999 51.50876051768875641, 5.37875112027901281 51.50558445070672775, 5.3784069998427082 51.5033540618028951, 5.37672188527489503 51.50295229568187949, 5.37568205535682697 51.50147272952361988, 5.36563848895247641 51.49845939477032886, 5.36086051792897678 51.50459344899915237, 5.3606906744687306 51.5063104408599699, 5.36455867567443079 51.50670311625122366, 5.37049883198189537 51.50751990815631132, 5.3735123295345959 51.50873148041708305, 5.37781760574195999 51.50876051768875641)))</t>
  </si>
  <si>
    <t>MultiPolygon (((5.3784069998427082 51.5033540618028951, 5.38156207960200383 51.49930898549932579, 5.38453104246726344 51.49617901556530342, 5.3853970078657758 51.49325131299356428, 5.37646630691357075 51.49441522139269267, 5.36917089658996982 51.49534914914963935, 5.36563848895247641 51.49845939477032886, 5.37568205535682697 51.50147272952361988, 5.37672188527489503 51.50295229568187949, 5.3784069998427082 51.5033540618028951)))</t>
  </si>
  <si>
    <t>MultiPolygon (((5.3853970078657758 51.49325131299356428, 5.39057729066123326 51.49279154754441379, 5.39072412690452474 51.49014789433176276, 5.39101656215702807 51.48555482874211719, 5.3900340375815281 51.48581365028766044, 5.38973676568758719 51.48751683561006587, 5.38601449449835368 51.48670346159600086, 5.37501764267528337 51.48904925286448986, 5.37646630691357075 51.49441522139269267, 5.3853970078657758 51.49325131299356428)))</t>
  </si>
  <si>
    <t>MultiPolygon (((5.40854933450249487 51.4882722144182523, 5.41191175706895411 51.48468305941116085, 5.41170832642956423 51.48464628686753031, 5.40714611086384878 51.48407013637763896, 5.40478649953001966 51.48555670231473158, 5.40241992347305722 51.486019504125629, 5.39851593858883483 51.48472441924670306, 5.39627442200467744 51.4846163857947019, 5.39104163948523141 51.4850373064086142, 5.39101656215702807 51.48555482874211719, 5.39072412690452474 51.49014789433176276, 5.39362777039828512 51.49007406952348731, 5.39522870753302453 51.48866361176566642, 5.40115076481399647 51.48990823431002184, 5.39762765671017064 51.49370232854396079, 5.40189043307080308 51.49551561771502151, 5.40854933450249487 51.4882722144182523, 5.40854933450249487 51.4882722144182523)))</t>
  </si>
  <si>
    <t>MultiPolygon (((5.41825745205016496 51.50131348061737668, 5.41563714070363211 51.50039249981901435, 5.40189043307080308 51.49551561771502151, 5.39450647737728595 51.50368002852600569, 5.39453568093847746 51.50369151772864029, 5.40035929931789127 51.50589715072143804, 5.40331806900182166 51.50506530076889078, 5.41187804543096984 51.50541417069124606, 5.41357697602577836 51.50674683866949977, 5.41825745205016496 51.50131348061737668)))</t>
  </si>
  <si>
    <t>MultiPolygon (((5.39054253350471768 51.50807964156810925, 5.39453568093847746 51.50369151772864029, 5.39450647737728595 51.50368002852600569, 5.38156207960200383 51.49930898549932579, 5.3784069998427082 51.5033540618028951, 5.37875112027901281 51.50558445070672775, 5.37781760574195999 51.50876051768875641, 5.37783887743067801 51.50907035938091383, 5.3879639711299756 51.51079284845094719, 5.38802130214992836 51.51080994526051882, 5.39054253350471768 51.50807964156810925, 5.39054253350471768 51.50807964156810925)))</t>
  </si>
  <si>
    <t>MultiPolygon (((5.39450647737728595 51.50368002852600569, 5.40189043307080308 51.49551561771502151, 5.39762765671017064 51.49370232854396079, 5.39300893798674075 51.49293901866964518, 5.39190273503100492 51.49772188821173557, 5.38950843317116313 51.49786183207935863, 5.38453104246726344 51.49617901556530342, 5.38156207960200383 51.49930898549932579, 5.39450647737728595 51.50368002852600569, 5.39450647737728595 51.50368002852600569)))</t>
  </si>
  <si>
    <t>MultiPolygon (((5.39485475417114291 51.52172013894428204, 5.40030977577856852 51.51615284566007347, 5.39876938197909606 51.51605792882541834, 5.39035355847884734 51.51275142799681817, 5.38802130214992836 51.51080994526051882, 5.3879639711299756 51.51079284845094719, 5.38242626349028086 51.51695346615408511, 5.39301697919480105 51.52140460290135593, 5.39485475417114291 51.52172013894428204)))</t>
  </si>
  <si>
    <t>MultiPolygon (((5.39762765671017064 51.49370232854396079, 5.40115076481399647 51.48990823431002184, 5.39522870753302453 51.48866361176566642, 5.39362777039828512 51.49007406952348731, 5.39072412690452474 51.49014789433176276, 5.39057729066123326 51.49279154754441379, 5.39300893798674075 51.49293901866964518, 5.39762765671017064 51.49370232854396079, 5.39762765671017064 51.49370232854396079)))</t>
  </si>
  <si>
    <t>MultiPolygon (((5.42104037838040664 51.49501952883670697, 5.41875947488577658 51.49224228416233018, 5.40854933450249487 51.4882722144182523, 5.40189043307080308 51.49551561771502151, 5.41563714070363211 51.50039249981901435, 5.42104037838040664 51.49501952883670697)))</t>
  </si>
  <si>
    <t>MultiPolygon (((5.40175172275930571 51.5082385060120771, 5.40035929931789127 51.50589715072143804, 5.39453568093847746 51.50369151772864029, 5.39054253350471768 51.50807964156810925, 5.3954483935315265 51.509961172598274, 5.39877477589552957 51.5100532258893935, 5.40175172275930571 51.5082385060120771, 5.40175172275930571 51.5082385060120771)))</t>
  </si>
  <si>
    <t>MultiPolygon (((5.41187804543096984 51.50541417069124606, 5.40331806900182166 51.50506530076889078, 5.40035929931789127 51.50589715072143804, 5.40175172275930571 51.5082385060120771, 5.40745721397162349 51.50953015764368814, 5.41187804543096984 51.50541417069124606, 5.41187804543096984 51.50541417069124606)))</t>
  </si>
  <si>
    <t>MultiPolygon (((5.40745721397162349 51.50953015764368814, 5.40175172275930571 51.5082385060120771, 5.39877477589552957 51.5100532258893935, 5.39673065855654954 51.51184697106398858, 5.40069633796930137 51.5157224974209953, 5.40745721397162349 51.50953015764368814)))</t>
  </si>
  <si>
    <t>MultiPolygon (((5.40069633796930137 51.5157224974209953, 5.39673065855654954 51.51184697106398858, 5.39877477589552957 51.5100532258893935, 5.3954483935315265 51.509961172598274, 5.39054253350471768 51.50807964156810925, 5.38802130214992836 51.51080994526051882, 5.39035355847884734 51.51275142799681817, 5.39876938197909606 51.51605792882541834, 5.40030977577856852 51.51615284566007347, 5.40069633796930137 51.5157224974209953, 5.40069633796930137 51.5157224974209953)))</t>
  </si>
  <si>
    <t>MultiPolygon (((5.74181127055958118 51.43101735209356917, 5.74189412718739955 51.43011043132813143, 5.73857759745164842 51.42741364274337457, 5.74006996555204019 51.42428841244850446, 5.74123824771212021 51.42321970247054708, 5.73134057904174377 51.42126819647768343, 5.72971335506880131 51.42283521295282611, 5.72901986065564461 51.42459808233595453, 5.73295550352599115 51.42719078763577301, 5.7329320022187904 51.4313888111573192, 5.74181127055958118 51.43101735209356917, 5.74181127055958118 51.43101735209356917)))</t>
  </si>
  <si>
    <t>MultiPolygon (((5.71824546690286972 51.43873364973597972, 5.72177763329680822 51.43821890393654428, 5.73455054983980439 51.43900976747786302, 5.74395422949271506 51.4373672565971205, 5.75569887142315118 51.43426787514489007, 5.76241480209277501 51.4305749246122943, 5.7662450595927579 51.425276421358177, 5.7692184717332502 51.42429842778986426, 5.77603793934528031 51.41917429429577879, 5.78036728812552791 51.41823648180277928, 5.782960369629917 51.41693105774388073, 5.7880813919448979 51.41312100273198382, 5.78788203904394916 51.41264732304282603, 5.77392793035159091 51.41584755616818114, 5.76045013387612848 51.41805864192865272, 5.75347847869802376 51.41904003487526609, 5.75194959646086357 51.41672593395593793, 5.74976296671360476 51.41710471979373409, 5.74685577621999677 51.41727769179671981, 5.74458058041293285 51.41739605850950312, 5.74467477534161564 51.41812125901753916, 5.7358423801304026 51.41886662865133673, 5.72898584510799758 51.41868137047983112, 5.72407908026443923 51.42030252001545421, 5.69997874229171408 51.42215434921273953, 5.69398345195795397 51.43923979306062222, 5.69872353083878203 51.43804215023996562, 5.70920328662191867 51.44006553831470541, 5.71824546690286972 51.43873364973597972),(5.73295550352599115 51.42719078763577301, 5.72901986065564461 51.42459808233595453, 5.72971335506880131 51.42283521295282611, 5.73134057904174377 51.42126819647768343, 5.74123824771212021 51.42321970247054708, 5.74659652912176355 51.42021604164360582, 5.74934504164962412 51.41993937095156042, 5.7503965943790476 51.42035603289443912, 5.75183423717105757 51.42284786838253297, 5.75095456727238918 51.42292293113212764, 5.75030004722027588 51.424555371218446, 5.74657155142144571 51.42576197103348079, 5.74006996555204019 51.42428841244850446, 5.73857759745164842 51.42741364274337457, 5.74189412718739955 51.43011043132813143, 5.74181127055958118 51.43101735209356917, 5.7329320022187904 51.4313888111573192, 5.73295550352599115 51.42719078763577301)))</t>
  </si>
  <si>
    <t>MultiPolygon (((5.75030004722027588 51.424555371218446, 5.75095456727238918 51.42292293113212764, 5.75183423717105757 51.42284786838253297, 5.7503965943790476 51.42035603289443912, 5.74934504164962412 51.41993937095156042, 5.74659652912176355 51.42021604164360582, 5.74123824771212021 51.42321970247054708, 5.74006996555204019 51.42428841244850446, 5.74657155142144571 51.42576197103348079, 5.75030004722027588 51.424555371218446)))</t>
  </si>
  <si>
    <t>MultiPolygon (((5.82178952401604466 51.36163946969151084, 5.82764698764037359 51.36031615466612976, 5.83190211587510632 51.36216994186479212, 5.83554719617848416 51.36028285726732889, 5.83922077443736409 51.35920325692879373, 5.84115446413843298 51.35939880328634644, 5.8584666860042276 51.35029474862734844, 5.84019368788354232 51.34687706374277383, 5.78825154543715392 51.33718255026727206, 5.78454807980899144 51.33957919067893982, 5.79500762575189832 51.34586670696291577, 5.79817852083908836 51.34645751336088182, 5.79591786957264699 51.35020436032130675, 5.79994905330691424 51.3511792900805446, 5.79450610139577282 51.36098500860874339, 5.81100449105555672 51.36416854778013175, 5.81234457803134408 51.36523803497964025, 5.81231388740604871 51.36752397672474046, 5.82178952401604466 51.36163946969151084)))</t>
  </si>
  <si>
    <t>MultiPolygon (((5.77033506655351225 51.39542427381035594, 5.78207345411199114 51.38494885705785009, 5.78999725742882987 51.38495740090141339, 5.79536837746598277 51.38609112720590133, 5.79795510609238995 51.38717325065158548, 5.80371251392968368 51.39293569626432401, 5.82027290233061834 51.3893911868135902, 5.82354920847466495 51.38646403277858354, 5.82933603734125061 51.38881211123488413, 5.83230736108610959 51.38685106138080982, 5.83644408621734456 51.3809174031999305, 5.83821760409832446 51.37231129965894638, 5.8327095577450212 51.36908780583594591, 5.84051852826234885 51.3641992328993453, 5.83857493308445008 51.36270418917865044, 5.84265317134959439 51.36042814298487258, 5.84115446413843298 51.35939880328634644, 5.83922077443736409 51.35920325692879373, 5.83554719617848416 51.36028285726732889, 5.83190211587510632 51.36216994186479212, 5.82764698764037359 51.36031615466612976, 5.82178952401604466 51.36163946969151084, 5.81231388740604871 51.36752397672474046, 5.81234457803134408 51.36523803497964025, 5.81100449105555672 51.36416854778013175, 5.79450610139577282 51.36098500860874339, 5.79994905330691424 51.3511792900805446, 5.79591786957264699 51.35020436032130675, 5.79817852083908836 51.34645751336088182, 5.79500762575189832 51.34586670696291577, 5.78454807980899144 51.33957919067893982, 5.78825154543715392 51.33718255026727206, 5.77106101689645534 51.33392091792540413, 5.77044861287139899 51.33380458877762464, 5.7454597672806953 51.37110572514257711, 5.7429927846290143 51.37469823848165618, 5.74456590636709397 51.37788919638020246, 5.74289318605347532 51.38263940324729617, 5.74260985997809925 51.38965537996199373, 5.74160936486549112 51.39155263211664249, 5.74976202692815708 51.39152269580658583, 5.75340183114883441 51.39222216420937883, 5.75624327986137274 51.39176082394450873, 5.75813565200363708 51.39179995413588387, 5.75955875015432728 51.39077072991939588, 5.77033506655351225 51.39542427381035594, 5.77033506655351225 51.39542427381035594),(5.75913885501588663 51.38930099910345461, 5.75760912378327827 51.38639350625015823, 5.75816615961741718 51.38275624135423669, 5.75974127192986884 51.38131596677914104, 5.75664870162086295 51.37683587048305611, 5.76155575160260014 51.37814870351925833, 5.76190272371486678 51.37870636719032547, 5.76042288293609239 51.37927168530264765, 5.76126940190935333 51.38023138198504114, 5.76338492669440416 51.3810764467901393, 5.76648240206216034 51.38103532984804644, 5.7717753156254954 51.38399214522196701, 5.7721321492310258 51.38515241939194311, 5.76910374688528282 51.38604927942949274, 5.7657189954743906 51.38612283358398969, 5.76089309116847126 51.3898705461395835, 5.75913885501588663 51.38930099910345461)))</t>
  </si>
  <si>
    <t>MultiPolygon (((5.76089309116847126 51.3898705461395835, 5.7657189954743906 51.38612283358398969, 5.76910374688528282 51.38604927942949274, 5.7721321492310258 51.38515241939194311, 5.7717753156254954 51.38399214522196701, 5.76648240206216034 51.38103532984804644, 5.76338492669440416 51.3810764467901393, 5.76126940190935333 51.38023138198504114, 5.76042288293609239 51.37927168530264765, 5.76190272371486678 51.37870636719032547, 5.76155575160260014 51.37814870351925833, 5.75664870162086295 51.37683587048305611, 5.75974127192986884 51.38131596677914104, 5.75816615961741718 51.38275624135423669, 5.75760912378327827 51.38639350625015823, 5.75913885501588663 51.38930099910345461, 5.76089309116847126 51.3898705461395835, 5.76089309116847126 51.3898705461395835)))</t>
  </si>
  <si>
    <t>MultiPolygon (((5.75418172819742058 51.39568362378884103, 5.75438254067563104 51.39543517058361033, 5.75624327986137274 51.39176082394450873, 5.75340183114883441 51.39222216420937883, 5.74976202692815708 51.39152269580658583, 5.74160936486549112 51.39155263211664249, 5.73403525489098698 51.39604780446715893, 5.73009394803603644 51.39644149154602815, 5.72882494034094947 51.39712481727995197, 5.73143041925140206 51.39789267810314755, 5.73858506039013516 51.39894128934062678, 5.75418172819742058 51.39568362378884103)))</t>
  </si>
  <si>
    <t>MultiPolygon (((5.72407908026443923 51.42030252001545421, 5.72898584510799758 51.41868137047983112, 5.7358423801304026 51.41886662865133673, 5.74467477534161564 51.41812125901753916, 5.74458058041293285 51.41739605850950312, 5.74685577621999677 51.41727769179671981, 5.74517385701986605 51.41270440415227938, 5.74053674907676381 51.41112449503078352, 5.73702128027421931 51.41155340930158957, 5.7352536581367195 51.40973640030717462, 5.73335163366319733 51.40663404707648709, 5.73440905798470624 51.40438812116514811, 5.72954814443610783 51.40141882349937674, 5.73143041925140206 51.39789267810314755, 5.72882494034094947 51.39712481727995197, 5.73009394803603644 51.39644149154602815, 5.73403525489098698 51.39604780446715893, 5.74160936486549112 51.39155263211664249, 5.74260985997809925 51.38965537996199373, 5.74289318605347532 51.38263940324729617, 5.74456590636709397 51.37788919638020246, 5.7429927846290143 51.37469823848165618, 5.7454597672806953 51.37110572514257711, 5.74021603806125658 51.36979327691894071, 5.73936998896904438 51.37480176329138004, 5.73749646793074586 51.3868146099827996, 5.7361087614812023 51.38968524912991853, 5.73372413940883252 51.39187286187242165, 5.70524536312571762 51.40966420147096727, 5.70287729796997223 51.41254119697246949, 5.70071692241681482 51.41854799118219432, 5.70029616938560402 51.42127374536367057, 5.69997874229171408 51.42215434921273953, 5.72407908026443923 51.42030252001545421)))</t>
  </si>
  <si>
    <t>MultiPolygon (((5.746742529911117 51.40729976960715675, 5.74664039617089806 51.40590709862745911, 5.74739844529679278 51.4055371939625303, 5.75003496676050485 51.40490110142269486, 5.7521961329056257 51.40517780596372432, 5.75291938424447213 51.40274198553446183, 5.74875136457934222 51.40312406252069621, 5.7459652747508656 51.40198313103302041, 5.74422238186583467 51.40328520622426112, 5.74207423291742369 51.4045650057088821, 5.746742529911117 51.40729976960715675, 5.746742529911117 51.40729976960715675)))</t>
  </si>
  <si>
    <t>MultiPolygon (((5.74053674907676381 51.41112449503078352, 5.74332904351628137 51.40856102435503061, 5.74484425470854632 51.40909642352264086, 5.74733745563534448 51.4088236639734717, 5.746742529911117 51.40729976960715675, 5.74207423291742369 51.4045650057088821, 5.74046037466805359 51.40555390285179271, 5.73838873490452883 51.4055548146149448, 5.73440905798470624 51.40438812116514811, 5.73335163366319733 51.40663404707648709, 5.7352536581367195 51.40973640030717462, 5.73702128027421931 51.41155340930158957, 5.74053674907676381 51.41112449503078352)))</t>
  </si>
  <si>
    <t>MultiPolygon (((5.74207423291742369 51.4045650057088821, 5.74422238186583467 51.40328520622426112, 5.73858506039013516 51.39894128934062678, 5.73143041925140206 51.39789267810314755, 5.72954814443610783 51.40141882349937674, 5.73440905798470624 51.40438812116514811, 5.73838873490452883 51.4055548146149448, 5.74046037466805359 51.40555390285179271, 5.74207423291742369 51.4045650057088821)))</t>
  </si>
  <si>
    <t>MultiPolygon (((5.75863112041319791 51.3986414578988402, 5.76253002797786174 51.39577625561567231, 5.75727709718673353 51.39504848513372792, 5.75438254067563104 51.39543517058361033, 5.75418172819742058 51.39568362378884103, 5.75359442269968646 51.39865176837381711, 5.75863112041319791 51.3986414578988402, 5.75863112041319791 51.3986414578988402)))</t>
  </si>
  <si>
    <t>MultiPolygon (((5.76624913854109789 51.40193789174841044, 5.7667159406142332 51.40157358266976217, 5.76542590384296272 51.40105043535912444, 5.75976943702053656 51.39961487029831488, 5.75964937836830071 51.40211959322068935, 5.76624913854109789 51.40193789174841044, 5.76624913854109789 51.40193789174841044)))</t>
  </si>
  <si>
    <t>MultiPolygon (((5.7459652747508656 51.40198313103302041, 5.74875136457934222 51.40312406252069621, 5.75291938424447213 51.40274198553446183, 5.75340639657476061 51.40267571187672502, 5.75295249172166745 51.39965969094637899, 5.75359442269968646 51.39865176837381711, 5.75418172819742058 51.39568362378884103, 5.73858506039013516 51.39894128934062678, 5.74422238186583467 51.40328520622426112, 5.7459652747508656 51.40198313103302041)))</t>
  </si>
  <si>
    <t>MultiPolygon (((5.75964937836830071 51.40211959322068935, 5.75976943702053656 51.39961487029831488, 5.75863112041319791 51.3986414578988402, 5.75359442269968646 51.39865176837381711, 5.75295249172166745 51.39965969094637899, 5.75340639657476061 51.40267571187672502, 5.75783132113066376 51.40291034947596671, 5.75964937836830071 51.40211959322068935, 5.75964937836830071 51.40211959322068935)))</t>
  </si>
  <si>
    <t>MultiPolygon (((5.76406616717452103 51.41057487066797904, 5.76688495150443536 51.40658633425803004, 5.76479315181789698 51.40637469367138834, 5.76443757997759398 51.40762617497884435, 5.76194983409963246 51.40688663451231832, 5.75982323833836229 51.40720791798530342, 5.75641623312403272 51.40924099553495807, 5.75685935898128776 51.41027051504356393, 5.76406616717452103 51.41057487066797904, 5.76406616717452103 51.41057487066797904)))</t>
  </si>
  <si>
    <t>MultiPolygon (((5.76580887384526175 51.40392471686437403, 5.76624913854109789 51.40193789174841044, 5.75964937836830071 51.40211959322068935, 5.75783132113066376 51.40291034947596671, 5.75726505975741354 51.40376287813081291, 5.75935885674138959 51.40434811635174839, 5.76580887384526175 51.40392471686437403)))</t>
  </si>
  <si>
    <t>MultiPolygon (((5.76479315181789698 51.40637469367138834, 5.76420702519822026 51.40500222861001589, 5.76580887384526175 51.40392471686437403, 5.75935885674138959 51.40434811635174839, 5.75982323833836229 51.40720791798530342, 5.76194983409963246 51.40688663451231832, 5.76443757997759398 51.40762617497884435, 5.76479315181789698 51.40637469367138834, 5.76479315181789698 51.40637469367138834)))</t>
  </si>
  <si>
    <t>MultiPolygon (((5.75726505975741354 51.40376287813081291, 5.75783132113066376 51.40291034947596671, 5.75340639657476061 51.40267571187672502, 5.75291938424447213 51.40274198553446183, 5.7521961329056257 51.40517780596372432, 5.75377113205207724 51.40607869377596018, 5.75726505975741354 51.40376287813081291, 5.75726505975741354 51.40376287813081291)))</t>
  </si>
  <si>
    <t>MultiPolygon (((5.75982323833836229 51.40720791798530342, 5.75935885674138959 51.40434811635174839, 5.75726505975741354 51.40376287813081291, 5.75377113205207724 51.40607869377596018, 5.7537732422638701 51.40629001318503555, 5.75531465046975033 51.40715418315446072, 5.75641623312403272 51.40924099553495807, 5.75982323833836229 51.40720791798530342, 5.75982323833836229 51.40720791798530342)))</t>
  </si>
  <si>
    <t>MultiPolygon (((5.7537732422638701 51.40629001318503555, 5.75377113205207724 51.40607869377596018, 5.7521961329056257 51.40517780596372432, 5.75003496676050485 51.40490110142269486, 5.74739844529679278 51.4055371939625303, 5.74664039617089806 51.40590709862745911, 5.746742529911117 51.40729976960715675, 5.74733745563534448 51.4088236639734717, 5.7474735679270692 51.40891974403794507, 5.7537732422638701 51.40629001318503555, 5.7537732422638701 51.40629001318503555)))</t>
  </si>
  <si>
    <t>MultiPolygon (((5.75721259360598214 51.41116501745925405, 5.75685935898128776 51.41027051504356393, 5.75641623312403272 51.40924099553495807, 5.75531465046975033 51.40715418315446072, 5.7537732422638701 51.40629001318503555, 5.7474735679270692 51.40891974403794507, 5.74773857785123088 51.41244060064617827, 5.75721259360598214 51.41116501745925405, 5.75721259360598214 51.41116501745925405)))</t>
  </si>
  <si>
    <t>MultiPolygon (((5.7545799775539086 51.41360391020245402, 5.75800354807932724 51.41304013058796585, 5.75721259360598214 51.41116501745925405, 5.74773857785123088 51.41244060064617827, 5.74847305304226897 51.41350107824411708, 5.7545799775539086 51.41360391020245402, 5.7545799775539086 51.41360391020245402)))</t>
  </si>
  <si>
    <t>MultiPolygon (((5.77392793035159091 51.41584755616818114, 5.78788203904394916 51.41264732304282603, 5.79115299970437025 51.41163144118792871, 5.82131335916604797 51.40233159726942347, 5.82038307488127504 51.40020483649280436, 5.82089464310672522 51.39708082163457448, 5.8264998544404607 51.39123657499199282, 5.82027290233061834 51.3893911868135902, 5.80371251392968368 51.39293569626432401, 5.79795510609238995 51.38717325065158548, 5.79536837746598277 51.38609112720590133, 5.78999725742882987 51.38495740090141339, 5.78207345411199114 51.38494885705785009, 5.77033506655351225 51.39542427381035594, 5.75955875015432728 51.39077072991939588, 5.75813565200363708 51.39179995413588387, 5.75624327986137274 51.39176082394450873, 5.75438254067563104 51.39543517058361033, 5.75727709718673353 51.39504848513372792, 5.76253002797786174 51.39577625561567231, 5.75863112041319791 51.3986414578988402, 5.75976943702053656 51.39961487029831488, 5.76542590384296272 51.40105043535912444, 5.7667159406142332 51.40157358266976217, 5.76624913854109789 51.40193789174841044, 5.76580887384526175 51.40392471686437403, 5.76420702519822026 51.40500222861001589, 5.76479315181789698 51.40637469367138834, 5.76688495150443536 51.40658633425803004, 5.76406616717452103 51.41057487066797904, 5.75685935898128776 51.41027051504356393, 5.75721259360598214 51.41116501745925405, 5.75800354807932724 51.41304013058796585, 5.75875098567652 51.41460290308110359, 5.76161555079878696 51.41354498995512756, 5.76153665349755606 51.41250914890198231, 5.7657869892989817 51.41371587304235646, 5.76349809315343453 51.41590072139213419, 5.76076402122296027 51.41654283726239782, 5.76045013387612848 51.41805864192865272, 5.77392793035159091 51.41584755616818114)))</t>
  </si>
  <si>
    <t>MultiPolygon (((5.8318828839166672 51.39926974926493841, 5.83289842680028947 51.39758029022899422, 5.83827097219236446 51.39525729580235947, 5.85410310366892173 51.37642963108441307, 5.85323517806867422 51.37272864479091794, 5.85658060523017365 51.3537639181538097, 5.86601887680828593 51.35462045480858961, 5.8703595650072451 51.352534966026532, 5.86825816231825215 51.3521374351332156, 5.8584666860042276 51.35029474862734844, 5.84115446413843298 51.35939880328634644, 5.84265317134959439 51.36042814298487258, 5.83857493308445008 51.36270418917865044, 5.84051852826234885 51.3641992328993453, 5.8327095577450212 51.36908780583594591, 5.83821760409832446 51.37231129965894638, 5.83644408621734456 51.3809174031999305, 5.83230736108610959 51.38685106138080982, 5.82933603734125061 51.38881211123488413, 5.82354920847466495 51.38646403277858354, 5.82027290233061834 51.3893911868135902, 5.8264998544404607 51.39123657499199282, 5.82089464310672522 51.39708082163457448, 5.82038307488127504 51.40020483649280436, 5.82131335916604797 51.40233159726942347, 5.8318828839166672 51.39926974926493841)))</t>
  </si>
  <si>
    <t>MultiPolygon (((5.76349809315343453 51.41590072139213419, 5.7657869892989817 51.41371587304235646, 5.76153665349755606 51.41250914890198231, 5.76161555079878696 51.41354498995512756, 5.75875098567652 51.41460290308110359, 5.75870509904379446 51.41484599063282701, 5.76076402122296027 51.41654283726239782, 5.76349809315343453 51.41590072139213419)))</t>
  </si>
  <si>
    <t>MultiPolygon (((5.76045013387612848 51.41805864192865272, 5.76076402122296027 51.41654283726239782, 5.75870509904379446 51.41484599063282701, 5.75875098567652 51.41460290308110359, 5.75800354807932724 51.41304013058796585, 5.7545799775539086 51.41360391020245402, 5.74847305304226897 51.41350107824411708, 5.74976296671360476 51.41710471979373409, 5.75194959646086357 51.41672593395593793, 5.75347847869802376 51.41904003487526609, 5.76045013387612848 51.41805864192865272)))</t>
  </si>
  <si>
    <t>MultiPolygon (((5.74976296671360476 51.41710471979373409, 5.74847305304226897 51.41350107824411708, 5.74773857785123088 51.41244060064617827, 5.7474735679270692 51.40891974403794507, 5.74733745563534448 51.4088236639734717, 5.74484425470854632 51.40909642352264086, 5.74332904351628137 51.40856102435503061, 5.74053674907676381 51.41112449503078352, 5.74517385701986605 51.41270440415227938, 5.74685577621999677 51.41727769179671981, 5.74976296671360476 51.41710471979373409, 5.74976296671360476 51.41710471979373409)))</t>
  </si>
  <si>
    <t>MultiPolygon (((3.68739895429013531 51.52407245394967816, 3.69777749283506818 51.5156371272477287, 3.70077773923300679 51.51407442367424494, 3.69918209614695837 51.51163629039356096, 3.70362086690593451 51.50794045100045793, 3.71908746041944838 51.50914412529473907, 3.72046950445019364 51.51028677007191448, 3.72179691746047681 51.5146916125465566, 3.71605545926223524 51.51537825038943907, 3.71386305875389144 51.51823062892687943, 3.71501157448480868 51.51952767016211254, 3.72058628773252265 51.5223322283022398, 3.72339439765572511 51.52317394848372345, 3.72611856828122878 51.52375506047079057, 3.72903018731202662 51.52340972174347655, 3.72815355860449982 51.52446566677998163, 3.74694347675317774 51.51685246933759288, 3.74524500063951526 51.5124719482440625, 3.71110315828256176 51.50672068628819034, 3.71085370450192276 51.50347023938349622, 3.70560852580814437 51.50364158127921854, 3.70553631967829977 51.50245590883885427, 3.6997950805622688 51.49394347133740268, 3.69905046525553383 51.49234097220190165, 3.69947764236233212 51.49061961596573411, 3.69557252056629881 51.49062463128498734, 3.69397697488063326 51.49238072864421412, 3.68457937507519695 51.49258518388815986, 3.67735733972665413 51.49675418132252247, 3.66588403565710808 51.49677761744595017, 3.66170829946746679 51.49795215309384133, 3.66033689853300181 51.49745943180119667, 3.65839466471562424 51.49892085294020205, 3.65342011183473536 51.49845490626692879, 3.65011108615386703 51.49979761223411856, 3.64289642419425785 51.506047996750425, 3.64260881353967569 51.50766907667771477, 3.65884034101229405 51.51926115393781203, 3.68020231929468755 51.53449610700454286, 3.68277950420137756 51.52961322036156133, 3.68739895429013531 51.52407245394967816),(3.66249382947054913 51.51983913313770813, 3.66311444756835369 51.51787239433463128, 3.66792074631497167 51.51942018602817086, 3.66676362574067749 51.52116273837285831, 3.66249382947054913 51.51983913313770813),(3.66588103600179505 51.50322884728735318, 3.6690077951931932 51.50211765330366376, 3.66877690807358592 51.50152147571961336, 3.66505439248781606 51.50112220679999808, 3.66418849712589889 51.49903544220607898, 3.66760227728734289 51.49972858404999698, 3.67319645735789102 51.4986932530492254, 3.67909731650459948 51.49903907801628833, 3.68221636804646835 51.49981875681752541, 3.68636092048612563 51.50282641697892672, 3.67987756176802439 51.50287644741536042, 3.67853922792290744 51.5033962902993423, 3.67651722337145337 51.50658740227502363, 3.67620436292853681 51.50907251450494329, 3.68059730804119178 51.50809851574226883, 3.68207782205891565 51.51053700126310275, 3.67625208518618374 51.51002382575435234, 3.67133913093683439 51.50991239066598837, 3.67128561837948597 51.51126183221489185, 3.6686283492034768 51.51117757744847836, 3.66675921914051184 51.51028273765415832, 3.66658489211995375 51.50758321281767849, 3.66419680987387286 51.50388056678788473, 3.66588103600179505 51.50322884728735318)))</t>
  </si>
  <si>
    <t>MultiPolygon (((3.69415516606157368 51.52456583277879076, 3.6942186991173096 51.52355805562093138, 3.69213659616454981 51.52499312938931553, 3.69415516606157368 51.52456583277879076)),((3.71625525678097546 51.52452012415754012, 3.71762963341101482 51.52440176885123435, 3.71525784117526925 51.52376761381493253, 3.71337634561365659 51.52491570757793227, 3.71768352950321201 51.5287167011334688, 3.71844450096045431 51.52840381844659845, 3.71578969751925303 51.52513134696011576, 3.71625525678097546 51.52452012415754012)),((3.69099583157544942 51.52725194858907543, 3.68985737431151239 51.5281335517668424, 3.69019962774326649 51.52995807237744685, 3.69104654588664571 51.53057625691916144, 3.69183273771296872 51.52928065878791131, 3.69099583157544942 51.52725194858907543)))</t>
  </si>
  <si>
    <t>MultiPolygon (((3.70072647891688966 51.5158969730602081, 3.70478746301024708 51.51531490909142974, 3.70820070605635488 51.51321208050713096, 3.70290684321879615 51.51326635338620719, 3.70012493892789163 51.51565082667048756, 3.70072647891688966 51.5158969730602081)),((3.71605545926223524 51.51537825038943907, 3.72179691746047681 51.5146916125465566, 3.72046950445019364 51.51028677007191448, 3.71908746041944838 51.50914412529473907, 3.70362086690593451 51.50794045100045793, 3.69918209614695837 51.51163629039356096, 3.70077773923300679 51.51407442367424494, 3.70210797068410091 51.51256842607565289, 3.70142983758012312 51.51249569936857853, 3.70071596091900501 51.51170042581897235, 3.702073626055157 51.51010094861599953, 3.70350708955211116 51.51063092586120717, 3.70320292873886148 51.51201961492789394, 3.70642998262965584 51.50882224366424822, 3.70731629015183684 51.50916391256127014, 3.7033548645956671 51.51251128841482796, 3.71121372370048741 51.51280838803543816, 3.71179379053681879 51.51310215372523515, 3.71312376409051037 51.51335431341782112, 3.71316404444937298 51.51323813243379846, 3.71231771967697588 51.51250107027421166, 3.71246317758120448 51.5110212640015277, 3.71411409020359473 51.51093438483683684, 3.71383670761110096 51.51270755616441477, 3.71339863932995806 51.51302833500010792, 3.71331270453260176 51.51339441144822473, 3.71391501376246191 51.51356663920932277, 3.71394898902217241 51.51383152797402687, 3.71329857149500731 51.5142145429535816, 3.71120618354836251 51.51334136792033291, 3.70868616247083471 51.51350959354868309, 3.70488250385841678 51.51631683205952328, 3.71198768728632311 51.51786555912298837, 3.71501157448480868 51.51952767016211254, 3.71386305875389144 51.51823062892687943, 3.71605545926223524 51.51537825038943907)))</t>
  </si>
  <si>
    <t>MultiPolygon (((3.66792074631497167 51.51942018602817086, 3.66311444756835369 51.51787239433463128, 3.66249382947054913 51.51983913313770813, 3.66676362574067749 51.52116273837285831, 3.66792074631497167 51.51942018602817086, 3.66792074631497167 51.51942018602817086)))</t>
  </si>
  <si>
    <t>MultiPolygon (((3.67133913093683439 51.50991239066598837, 3.67128025734875507 51.50763286899028515, 3.66658489211995375 51.50758321281767849, 3.66675921914051184 51.51028273765415832, 3.6686283492034768 51.51117757744847836, 3.67128561837948597 51.51126183221489185, 3.67133913093683439 51.50991239066598837, 3.67133913093683439 51.50991239066598837)))</t>
  </si>
  <si>
    <t>MultiPolygon (((3.68207782205891565 51.51053700126310275, 3.68059730804119178 51.50809851574226883, 3.67620436292853681 51.50907251450494329, 3.67625208518618374 51.51002382575435234, 3.68207782205891565 51.51053700126310275, 3.68207782205891565 51.51053700126310275)))</t>
  </si>
  <si>
    <t>MultiPolygon (((3.67128025734875507 51.50763286899028515, 3.67102512517322799 51.50502255624405734, 3.66982433946806408 51.5042967481856877, 3.6665386249016807 51.50415985478880287, 3.66588103600179505 51.50322884728735318, 3.66419680987387286 51.50388056678788473, 3.66658489211995375 51.50758321281767849, 3.67128025734875507 51.50763286899028515, 3.67128025734875507 51.50763286899028515)))</t>
  </si>
  <si>
    <t>MultiPolygon (((3.67126890344761003 51.50496718928857121, 3.67199308806063351 51.50498941821402354, 3.67311756445129856 51.50334739069547396, 3.67138429858302162 51.5022478545599256, 3.6690077951931932 51.50211765330366376, 3.66588103600179505 51.50322884728735318, 3.6665386249016807 51.50415985478880287, 3.66982433946806408 51.5042967481856877, 3.67102512517322799 51.50502255624405734, 3.67126890344761003 51.50496718928857121, 3.67126890344761003 51.50496718928857121)))</t>
  </si>
  <si>
    <t>MultiPolygon (((3.67625208518618374 51.51002382575435234, 3.67620436292853681 51.50907251450494329, 3.67651722337145337 51.50658740227502363, 3.67241354516435958 51.50644636728846137, 3.67126890344761003 51.50496718928857121, 3.67102512517322799 51.50502255624405734, 3.67128025734875507 51.50763286899028515, 3.67133913093683439 51.50991239066598837, 3.67625208518618374 51.51002382575435234, 3.67625208518618374 51.51002382575435234)))</t>
  </si>
  <si>
    <t>MultiPolygon (((3.67651722337145337 51.50658740227502363, 3.67853922792290744 51.5033962902993423, 3.67987756176802439 51.50287644741536042, 3.68636092048612563 51.50282641697892672, 3.67757146440228189 51.5021204189283921, 3.66877690807358592 51.50152147571961336, 3.6690077951931932 51.50211765330366376, 3.67138429858302162 51.5022478545599256, 3.67311756445129856 51.50334739069547396, 3.67199308806063351 51.50498941821402354, 3.67126890344761003 51.50496718928857121, 3.67241354516435958 51.50644636728846137, 3.67651722337145337 51.50658740227502363, 3.67651722337145337 51.50658740227502363)))</t>
  </si>
  <si>
    <t>MultiPolygon (((3.68221636804646835 51.49981875681752541, 3.67909731650459948 51.49903907801628833, 3.67757146440228189 51.5021204189283921, 3.68636092048612563 51.50282641697892672, 3.68221636804646835 51.49981875681752541)))</t>
  </si>
  <si>
    <t>MultiPolygon (((3.67757146440228189 51.5021204189283921, 3.67909731650459948 51.49903907801628833, 3.67319645735789102 51.4986932530492254, 3.66760227728734289 51.49972858404999698, 3.66418849712589889 51.49903544220607898, 3.66505439248781606 51.50112220679999808, 3.66877690807358592 51.50152147571961336, 3.67757146440228189 51.5021204189283921, 3.67757146440228189 51.5021204189283921)))</t>
  </si>
  <si>
    <t>MultiPolygon (((3.69397697488063326 51.49238072864421412, 3.69557252056629881 51.49062463128498734, 3.69947764236233212 51.49061961596573411, 3.70077601887574703 51.48313547288857706, 3.70335896357438887 51.48242242980779082, 3.7036479310032755 51.48227034837061922, 3.6956976466509448 51.48100122876956419, 3.68541703979755741 51.4769986424874304, 3.67538750354162502 51.4828892720710769, 3.6789914711391436 51.48475614436964776, 3.68322212526701787 51.48935980290860215, 3.68457937507519695 51.49258518388815986, 3.69397697488063326 51.49238072864421412)))</t>
  </si>
  <si>
    <t>MultiPolygon (((3.68541703979755741 51.4769986424874304, 3.6675012659036379 51.46982250738139442, 3.66182741930043987 51.46838276683140379, 3.66001680557607978 51.46927044746237812, 3.65884622926751968 51.4741300224176257, 3.65917956118271981 51.47507567772895243, 3.66194072033877882 51.47606906870909427, 3.66500226794591999 51.47660620356379013, 3.66740055287993982 51.47776239887578953, 3.67058302345464593 51.48087491315273212, 3.67538750354162502 51.4828892720710769, 3.68541703979755741 51.4769986424874304)))</t>
  </si>
  <si>
    <t>MultiPolygon (((3.65776992658612876 51.47754019392204583, 3.65973840621691116 51.47810821227026423, 3.66194072033877882 51.47606906870909427, 3.65917956118271981 51.47507567772895243, 3.65884622926751968 51.4741300224176257, 3.66001680557607978 51.46927044746237812, 3.66182741930043987 51.46838276683140379, 3.66154511422780748 51.46834328818292903, 3.65499919427254838 51.46833094739765357, 3.64834970360791289 51.46984509868341462, 3.63662513974745583 51.47682841596183323, 3.64872988190012215 51.48000554062448231, 3.65244424410282242 51.48170149813564933, 3.65382663948097086 51.48133469684147911, 3.65776992658612876 51.47754019392204583)))</t>
  </si>
  <si>
    <t>MultiPolygon (((3.68457937507519695 51.49258518388815986, 3.68322212526701787 51.48935980290860215, 3.6789914711391436 51.48475614436964776, 3.66789991398790693 51.49140630342875369, 3.67735733972665413 51.49675418132252247, 3.68457937507519695 51.49258518388815986, 3.68457937507519695 51.49258518388815986)))</t>
  </si>
  <si>
    <t>MultiPolygon (((3.6789914711391436 51.48475614436964776, 3.67538750354162502 51.4828892720710769, 3.67058302345464593 51.48087491315273212, 3.66740055287993982 51.47776239887578953, 3.66500226794591999 51.47660620356379013, 3.66194072033877882 51.47606906870909427, 3.65973840621691116 51.47810821227026423, 3.66185724381314781 51.47910617346559548, 3.66261501215313601 51.48258864245350708, 3.66250108312050049 51.48515191638765032, 3.65970540939960687 51.48674138718397586, 3.66789991398790693 51.49140630342875369, 3.6789914711391436 51.48475614436964776, 3.6789914711391436 51.48475614436964776)))</t>
  </si>
  <si>
    <t>MultiPolygon (((3.66588403565710808 51.49677761744595017, 3.67735733972665413 51.49675418132252247, 3.66789991398790693 51.49140630342875369, 3.65970540939960687 51.48674138718397586, 3.65495551046479994 51.48491330056362614, 3.65099034960373015 51.48526491800463134, 3.64934379800593023 51.48645561506127422, 3.65358171340382665 51.4917756330979941, 3.66033689853300181 51.49745943180119667, 3.66170829946746679 51.49795215309384133, 3.66588403565710808 51.49677761744595017, 3.66588403565710808 51.49677761744595017)))</t>
  </si>
  <si>
    <t>MultiPolygon (((3.66250108312050049 51.48515191638765032, 3.66261501215313601 51.48258864245350708, 3.66185724381314781 51.47910617346559548, 3.65973840621691116 51.47810821227026423, 3.65776992658612876 51.47754019392204583, 3.65382663948097086 51.48133469684147911, 3.65244424410282242 51.48170149813564933, 3.64934379800593023 51.48645561506127422, 3.65099034960373015 51.48526491800463134, 3.65495551046479994 51.48491330056362614, 3.65970540939960687 51.48674138718397586, 3.66250108312050049 51.48515191638765032, 3.66250108312050049 51.48515191638765032)))</t>
  </si>
  <si>
    <t>MultiPolygon (((3.62854049430534031 51.48105259340920981, 3.62897859759258923 51.48075507987835664, 3.62165586316907051 51.47548451085951626, 3.61772882931299566 51.4777549742800602, 3.6174448708171818 51.47792851853845519, 3.62139174268824471 51.48101475385487191, 3.62507280338754834 51.48391712658541763, 3.62854049430534031 51.48105259340920981, 3.62854049430534031 51.48105259340920981)))</t>
  </si>
  <si>
    <t>MultiPolygon (((3.64934379800593023 51.48645561506127422, 3.65244424410282242 51.48170149813564933, 3.64872988190012215 51.48000554062448231, 3.63662513974745583 51.47682841596183323, 3.62897859759258923 51.48075507987835664, 3.62854049430534031 51.48105259340920981, 3.64263494852794123 51.48947353466699184, 3.64934379800593023 51.48645561506127422)))</t>
  </si>
  <si>
    <t>MultiPolygon (((3.64263494852794123 51.48947353466699184, 3.62854049430534031 51.48105259340920981, 3.62507280338754834 51.48391712658541763, 3.63046967037908175 51.48741395771627793, 3.63512214280969159 51.49080091439692097, 3.63774865482253507 51.49244811003280375, 3.64263494852794123 51.48947353466699184, 3.64263494852794123 51.48947353466699184)))</t>
  </si>
  <si>
    <t>MultiPolygon (((3.64289642419425785 51.506047996750425, 3.65011108615386703 51.49979761223411856, 3.6287438691068159 51.49770487367369753, 3.62566942100041478 51.49727828340961366, 3.62526566947628437 51.49845257443571711, 3.62624768646486606 51.49900598159394605, 3.6332132303639324 51.50121673782028608, 3.64179916279067406 51.50708611253990199, 3.64260881353967569 51.50766907667771477, 3.64289642419425785 51.506047996750425)))</t>
  </si>
  <si>
    <t>MultiPolygon (((3.65342011183473536 51.49845490626692879, 3.65839466471562424 51.49892085294020205, 3.66033689853300181 51.49745943180119667, 3.65358171340382665 51.4917756330979941, 3.64934379800593023 51.48645561506127422, 3.64263494852794123 51.48947353466699184, 3.63774865482253507 51.49244811003280375, 3.6287438691068159 51.49770487367369753, 3.65011108615386703 51.49979761223411856, 3.65342011183473536 51.49845490626692879)))</t>
  </si>
  <si>
    <t>MultiPolygon (((3.62566942100041478 51.49727828340961366, 3.6263290729071711 51.49569686158451987, 3.62270730966751442 51.49394801499025931, 3.61888123044738075 51.49058771566333803, 3.6175144971976203 51.49147317647081934, 3.61342040853091673 51.49419451498874167, 3.61766831941462375 51.4958395151032633, 3.62526566947628437 51.49845257443571711, 3.62566942100041478 51.49727828340961366, 3.62566942100041478 51.49727828340961366)))</t>
  </si>
  <si>
    <t>MultiPolygon (((3.62407798342759557 51.49272201717378294, 3.62277112452022987 51.49200426158356692, 3.63046967037908175 51.48741395771627793, 3.62507280338754834 51.48391712658541763, 3.62300713517282658 51.48632024517657158, 3.61888123044738075 51.49058771566333803, 3.62270730966751442 51.49394801499025931, 3.62407798342759557 51.49272201717378294)))</t>
  </si>
  <si>
    <t>MultiPolygon (((3.62959658253538331 51.49448260088446716, 3.63512214280969159 51.49080091439692097, 3.63046967037908175 51.48741395771627793, 3.62277112452022987 51.49200426158356692, 3.62407798342759557 51.49272201717378294, 3.62270730966751442 51.49394801499025931, 3.6263290729071711 51.49569686158451987, 3.62959658253538331 51.49448260088446716)))</t>
  </si>
  <si>
    <t>MultiPolygon (((3.63774865482253507 51.49244811003280375, 3.63512214280969159 51.49080091439692097, 3.62959658253538331 51.49448260088446716, 3.6263290729071711 51.49569686158451987, 3.62566942100041478 51.49727828340961366, 3.6287438691068159 51.49770487367369753, 3.63774865482253507 51.49244811003280375)))</t>
  </si>
  <si>
    <t>MultiPolygon (((3.61162889178383528 51.48244316262899645, 3.61188031945476551 51.48243967787328046, 3.61144275156540129 51.48109097485731667, 3.6174448708171818 51.47792851853845519, 3.61772882931299566 51.4777549742800602, 3.60875050065752401 51.47563588377337851, 3.6049653338019132 51.47825951887610785, 3.60176054777534249 51.47932624141184732, 3.60246509018843053 51.48069079038150875, 3.60382813887380982 51.48328827770602345, 3.61162889178383528 51.48244316262899645, 3.61162889178383528 51.48244316262899645)))</t>
  </si>
  <si>
    <t>MultiPolygon (((3.6175144971976203 51.49147317647081934, 3.61350624743387794 51.48956062688215951, 3.61105868687074016 51.49093050040077202, 3.60820807935653898 51.49086910306018439, 3.61342040853091673 51.49419451498874167, 3.6175144971976203 51.49147317647081934, 3.6175144971976203 51.49147317647081934)))</t>
  </si>
  <si>
    <t>MultiPolygon (((3.61837006265494665 51.48232461123132708, 3.62139174268824471 51.48101475385487191, 3.6174448708171818 51.47792851853845519, 3.61144275156540129 51.48109097485731667, 3.61188031945476551 51.48243967787328046, 3.6123251901534128 51.48331387298267003, 3.61837006265494665 51.48232461123132708, 3.61837006265494665 51.48232461123132708)))</t>
  </si>
  <si>
    <t>MultiPolygon (((3.62507280338754834 51.48391712658541763, 3.62139174268824471 51.48101475385487191, 3.61837006265494665 51.48232461123132708, 3.62300713517282658 51.48632024517657158, 3.62507280338754834 51.48391712658541763, 3.62507280338754834 51.48391712658541763)))</t>
  </si>
  <si>
    <t>MultiPolygon (((3.61162889178383528 51.48244316262899645, 3.60382813887380982 51.48328827770602345, 3.60820807935653898 51.49086910306018439, 3.61105868687074016 51.49093050040077202, 3.61162889178383528 51.48244316262899645)))</t>
  </si>
  <si>
    <t>MultiPolygon (((3.62300713517282658 51.48632024517657158, 3.61837006265494665 51.48232461123132708, 3.6123251901534128 51.48331387298267003, 3.61431012456742451 51.48710726713092356, 3.61888123044738075 51.49058771566333803, 3.62300713517282658 51.48632024517657158, 3.62300713517282658 51.48632024517657158)))</t>
  </si>
  <si>
    <t>MultiPolygon (((3.61888123044738075 51.49058771566333803, 3.61431012456742451 51.48710726713092356, 3.6123251901534128 51.48331387298267003, 3.61188031945476551 51.48243967787328046, 3.61162889178383528 51.48244316262899645, 3.61105868687074016 51.49093050040077202, 3.61350624743387794 51.48956062688215951, 3.6175144971976203 51.49147317647081934, 3.61888123044738075 51.49058771566333803, 3.61888123044738075 51.49058771566333803)))</t>
  </si>
  <si>
    <t>MultiPolygon (((3.60176054777534249 51.47932624141184732, 3.59965880237720448 51.47529455742578364, 3.59842670160364397 51.47554861368486456, 3.59822347789517849 51.47572903932039168, 3.59774023774944984 51.47629976739763435, 3.59686671169008809 51.47643944325191967, 3.5970083622087925 51.47709578470283276, 3.59259645179088638 51.47758806596471004, 3.59030842216372381 51.47865864378373146, 3.58942138794528898 51.47980352352050204, 3.58943555745890519 51.47980920442793717, 3.59549841187689445 51.48223956859135342, 3.60246509018843053 51.48069079038150875, 3.60176054777534249 51.47932624141184732)))</t>
  </si>
  <si>
    <t>MultiPolygon (((3.59300726031844109 51.48708927217312947, 3.59416378485742749 51.48338762646844913, 3.59549841187689445 51.48223956859135342, 3.58942138794528898 51.47980352352050204, 3.58697877802189469 51.47925336690010312, 3.58476217234224848 51.48289151650310913, 3.58331573057152397 51.48270356495818589, 3.58123662183755487 51.48638461521706233, 3.58940462104974101 51.48753117047814243, 3.59142131803887388 51.48840877970059182, 3.59300726031844109 51.48708927217312947)))</t>
  </si>
  <si>
    <t>MultiPolygon (((3.59112523797651217 51.49391425007502932, 3.59474521583364037 51.49046567106839234, 3.59142131803887388 51.48840877970059182, 3.58940462104974101 51.48753117047814243, 3.58123662183755487 51.48638461521706233, 3.57963044899273353 51.48921586071394074, 3.58143738667713496 51.4895312549947306, 3.58156134147109517 51.49031966575929431, 3.58503026579571049 51.49090838911980939, 3.5848902440423096 51.49436803895066106, 3.59112523797651217 51.49391425007502932)))</t>
  </si>
  <si>
    <t>MultiPolygon (((3.58991766276978863 51.49816328017456613, 3.59112523797651217 51.49391425007502932, 3.5848902440423096 51.49436803895066106, 3.58201141427312564 51.49981971472858078, 3.59032258414397454 51.50021608954298813, 3.58991766276978863 51.49816328017456613)))</t>
  </si>
  <si>
    <t>MultiPolygon (((3.59675655341119915 51.50011533728094548, 3.59844335451076969 51.4941585659335459, 3.60110888684452979 51.49254870316998023, 3.59823654052157149 51.49138820669750771, 3.59474521583364037 51.49046567106839234, 3.59112523797651217 51.49391425007502932, 3.58991766276978863 51.49816328017456613, 3.59032258414397454 51.50021608954298813, 3.59409870846814528 51.501034473833883, 3.59675655341119915 51.50011533728094548, 3.59675655341119915 51.50011533728094548)))</t>
  </si>
  <si>
    <t>MultiPolygon (((3.59994690410736462 51.49099024213541043, 3.59954422099121762 51.48762052759849439, 3.59549841187689445 51.48223956859135342, 3.59416378485742749 51.48338762646844913, 3.59300726031844109 51.48708927217312947, 3.59142131803887388 51.48840877970059182, 3.59474521583364037 51.49046567106839234, 3.59823654052157149 51.49138820669750771, 3.59994690410736462 51.49099024213541043, 3.59994690410736462 51.49099024213541043)))</t>
  </si>
  <si>
    <t>MultiPolygon (((3.60820807935653898 51.49086910306018439, 3.60382813887380982 51.48328827770602345, 3.60246509018843053 51.48069079038150875, 3.59549841187689445 51.48223956859135342, 3.59954422099121762 51.48762052759849439, 3.59994690410736462 51.49099024213541043, 3.60351801290979923 51.49175448302900548, 3.60820807935653898 51.49086910306018439)))</t>
  </si>
  <si>
    <t>MultiPolygon (((3.60289914102920372 51.49921369610151345, 3.60389861274047396 51.49709992699354189, 3.60377722982327642 51.49611109574042445, 3.60655523884275331 51.49540498800974575, 3.60703282123958902 51.49392911867064271, 3.60110888684452979 51.49254870316998023, 3.59844335451076969 51.4941585659335459, 3.59675655341119915 51.50011533728094548, 3.60289914102920372 51.49921369610151345, 3.60289914102920372 51.49921369610151345)))</t>
  </si>
  <si>
    <t>MultiPolygon (((3.61342040853091673 51.49419451498874167, 3.60820807935653898 51.49086910306018439, 3.60351801290979923 51.49175448302900548, 3.59994690410736462 51.49099024213541043, 3.59823654052157149 51.49138820669750771, 3.60110888684452979 51.49254870316998023, 3.60703282123958902 51.49392911867064271, 3.61072404451359219 51.49485755975030798, 3.61342040853091673 51.49419451498874167)))</t>
  </si>
  <si>
    <t>MultiPolygon (((3.65884034101229405 51.51926115393781203, 3.64260881353967569 51.50766907667771477, 3.64179916279067406 51.50708611253990199, 3.63977348358494979 51.50796952929812278, 3.63438497189151377 51.50869825406042679, 3.63298291960003183 51.50838481232766242, 3.63061524469491692 51.51028715162451732, 3.63964070429867581 51.5205030819910661, 3.64159677820807426 51.51969320026114474, 3.65650608997980253 51.52217292068924337, 3.65884034101229405 51.51926115393781203)))</t>
  </si>
  <si>
    <t>MultiPolygon (((3.63370992153564121 51.52600380471205455, 3.63490461979199608 51.52312633350493343, 3.63477429760566295 51.52052879883676439, 3.63964070429867581 51.5205030819910661, 3.63061524469491692 51.51028715162451732, 3.62981037767417947 51.51007146166059414, 3.62881885641634483 51.51103441609644307, 3.63167749654157124 51.51237169918188386, 3.62702940822056119 51.51627222271478246, 3.62627089985592699 51.52300023664899697, 3.62625341984497362 51.52593521926650766, 3.63370992153564121 51.52600380471205455, 3.63370992153564121 51.52600380471205455)))</t>
  </si>
  <si>
    <t>MultiPolygon (((3.59706262001824584 51.52158825114007357, 3.60073149898481537 51.51954682240981498, 3.59877475243463252 51.51775657926089735, 3.59951455187320191 51.51261470606129222, 3.58620979292697584 51.51231155686986085, 3.58417278878754031 51.51686511258353818, 3.5836842999016838 51.51962664341117204, 3.59663482894244124 51.52245161389249972, 3.59706262001824584 51.52158825114007357, 3.59706262001824584 51.52158825114007357)))</t>
  </si>
  <si>
    <t>MultiPolygon (((3.58620979292697584 51.51231155686986085, 3.5879397406438156 51.50766517521436327, 3.58331237910947831 51.50858688927438322, 3.58342318785619884 51.50866101265779662, 3.57883772384318055 51.51242509317543039, 3.58110391340422529 51.51348667861666542, 3.5828483922783172 51.51347357595020071, 3.58243236277177646 51.51668758289076777, 3.58417278878754031 51.51686511258353818, 3.58620979292697584 51.51231155686986085)))</t>
  </si>
  <si>
    <t>MultiPolygon (((3.5879397406438156 51.50766517521436327, 3.59019337790517579 51.50744658171471713, 3.58918626537607643 51.50473888314557769, 3.59032258414397454 51.50021608954298813, 3.58201141427312564 51.49981971472858078, 3.57986193460770385 51.50097692581441322, 3.57817147114290757 51.50236922173653653, 3.57806379914627026 51.50474192154931075, 3.57632772044987091 51.50527340277386656, 3.57533560589240551 51.50657985655060145, 3.57788012434144465 51.50721764376447709, 3.58260065858365895 51.5082252806747718, 3.58331237910947831 51.50858688927438322, 3.5879397406438156 51.50766517521436327)))</t>
  </si>
  <si>
    <t>MultiPolygon (((3.61595525259614714 51.51714600361420793, 3.61345384921831059 51.51484965006482497, 3.60883062181733294 51.51214024351934739, 3.60749646032770999 51.51112906734922348, 3.60600837892009674 51.5120520782141682, 3.60708852792840018 51.51522433458701045, 3.60887466326004303 51.5170859559939629, 3.60862800080593571 51.51928891208304861, 3.60743535716226482 51.52048835910508728, 3.60948382867924122 51.52136142644632599, 3.61467861553681002 51.52304729401514294, 3.61595525259614714 51.51714600361420793)))</t>
  </si>
  <si>
    <t>MultiPolygon (((3.62627089985592699 51.52300023664899697, 3.62702940822056119 51.51627222271478246, 3.62025926378922813 51.51992107897387285, 3.61595525259614714 51.51714600361420793, 3.61467861553681002 51.52304729401514294, 3.62627089985592699 51.52300023664899697, 3.62627089985592699 51.52300023664899697)))</t>
  </si>
  <si>
    <t>MultiPolygon (((3.61721443005962495 51.52526505611223229, 3.62625341984497362 51.52593521926650766, 3.62627089985592699 51.52300023664899697, 3.61467861553681002 51.52304729401514294, 3.60948382867924122 51.52136142644632599, 3.60745051822687435 51.53015997636398993, 3.61485815188799808 51.53052019947369189, 3.61721443005962495 51.52526505611223229)))</t>
  </si>
  <si>
    <t>MultiPolygon (((3.63167749654157124 51.51237169918188386, 3.62881885641634483 51.51103441609644307, 3.62981037767417947 51.51007146166059414, 3.62704759404750465 51.50637246407696779, 3.62252784784370796 51.50696696555915111, 3.62126082968198038 51.50784062530652108, 3.61838484281055495 51.50671975770543298, 3.61773656006196509 51.5112232871735003, 3.62670077036176597 51.51483921825456491, 3.62702940822056119 51.51627222271478246, 3.63167749654157124 51.51237169918188386)))</t>
  </si>
  <si>
    <t>MultiPolygon (((3.62702940822056119 51.51627222271478246, 3.62670077036176597 51.51483921825456491, 3.61773656006196509 51.5112232871735003, 3.61345384921831059 51.51484965006482497, 3.61595525259614714 51.51714600361420793, 3.62025926378922813 51.51992107897387285, 3.62702940822056119 51.51627222271478246)))</t>
  </si>
  <si>
    <t>MultiPolygon (((3.63977348358494979 51.50796952929812278, 3.64179916279067406 51.50708611253990199, 3.6332132303639324 51.50121673782028608, 3.62624768646486606 51.49900598159394605, 3.62754160812408299 51.50108143555759455, 3.62463633828044873 51.50279214428825014, 3.62850305305768872 51.50374763587009852, 3.63117826874545635 51.50738450783772748, 3.63298291960003183 51.50838481232766242, 3.63438497189151377 51.50869825406042679, 3.63977348358494979 51.50796952929812278, 3.63977348358494979 51.50796952929812278)))</t>
  </si>
  <si>
    <t>MultiPolygon (((3.61097510028359103 51.53530118162856155, 3.61315813102430994 51.53514198222455889, 3.61485815188799808 51.53052019947369189, 3.60745051822687435 51.53015997636398993, 3.6019894865643427 51.52967810874245203, 3.60079928293872342 51.52893329166678171, 3.60080990311561644 51.52739888589753292, 3.59475527702680697 51.52646552522992351, 3.59347030776450538 51.52878113338832833, 3.59063830862898792 51.53002207259254419, 3.58979703785742421 51.53181355458012547, 3.5929581979656029 51.53216705628670979, 3.60271296655003903 51.53491329833715895, 3.60354450973514551 51.53395736441902386, 3.6109204381030473 51.53488456408672391, 3.61097510028359103 51.53530118162856155)))</t>
  </si>
  <si>
    <t>MultiPolygon (((3.60139328528288027 51.52446889774008554, 3.60256977754953356 51.52464553571346784, 3.60345535541205297 51.52108261336643125, 3.60073149898481537 51.51954682240981498, 3.59706262001824584 51.52158825114007357, 3.59663482894244124 51.52245161389249972, 3.59475527702680697 51.52646552522992351, 3.60080990311561644 51.52739888589753292, 3.60139328528288027 51.52446889774008554)))</t>
  </si>
  <si>
    <t>MultiPolygon (((3.60948382867924122 51.52136142644632599, 3.60743535716226482 51.52048835910508728, 3.60466706680678461 51.52027353995467962, 3.60345535541205297 51.52108261336643125, 3.60256977754953356 51.52464553571346784, 3.60139328528288027 51.52446889774008554, 3.60080990311561644 51.52739888589753292, 3.60079928293872342 51.52893329166678171, 3.6019894865643427 51.52967810874245203, 3.60745051822687435 51.53015997636398993, 3.60948382867924122 51.52136142644632599)))</t>
  </si>
  <si>
    <t>MultiPolygon (((3.60466706680678461 51.52027353995467962, 3.60472587397340494 51.50931478237460936, 3.60575129521905113 51.50771351873496684, 3.60125056459706316 51.50619155903679314, 3.59951455187320191 51.51261470606129222, 3.59877475243463252 51.51775657926089735, 3.60073149898481537 51.51954682240981498, 3.60345535541205297 51.52108261336643125, 3.60466706680678461 51.52027353995467962, 3.60466706680678461 51.52027353995467962)))</t>
  </si>
  <si>
    <t>MultiPolygon (((3.60862800080593571 51.51928891208304861, 3.60887466326004303 51.5170859559939629, 3.60708852792840018 51.51522433458701045, 3.60600837892009674 51.5120520782141682, 3.60749646032770999 51.51112906734922348, 3.60635732125142949 51.50906627461068865, 3.60472587397340494 51.50931478237460936, 3.60466706680678461 51.52027353995467962, 3.60743535716226482 51.52048835910508728, 3.60862800080593571 51.51928891208304861, 3.60862800080593571 51.51928891208304861)))</t>
  </si>
  <si>
    <t>MultiPolygon (((3.63061524469491692 51.51028715162451732, 3.63298291960003183 51.50838481232766242, 3.63117826874545635 51.50738450783772748, 3.62850305305768872 51.50374763587009852, 3.62463633828044873 51.50279214428825014, 3.62414258399945277 51.50292241424942574, 3.62158031954610093 51.50347506959207777, 3.61605823016544603 51.50583926833031967, 3.61838484281055495 51.50671975770543298, 3.62126082968198038 51.50784062530652108, 3.62252784784370796 51.50696696555915111, 3.62704759404750465 51.50637246407696779, 3.62981037767417947 51.51007146166059414, 3.63061524469491692 51.51028715162451732, 3.63061524469491692 51.51028715162451732)))</t>
  </si>
  <si>
    <t>MultiPolygon (((3.61773656006196509 51.5112232871735003, 3.61838484281055495 51.50671975770543298, 3.61605823016544603 51.50583926833031967, 3.61559901639882941 51.50615418744536811, 3.61070531146709417 51.51125909541902814, 3.60883062181733294 51.51214024351934739, 3.61345384921831059 51.51484965006482497, 3.61773656006196509 51.5112232871735003, 3.61773656006196509 51.5112232871735003)))</t>
  </si>
  <si>
    <t>MultiPolygon (((3.61070531146709417 51.51125909541902814, 3.61559901639882941 51.50615418744536811, 3.61049032025912453 51.5052187089596174, 3.60635732125142949 51.50906627461068865, 3.60749646032770999 51.51112906734922348, 3.60883062181733294 51.51214024351934739, 3.61070531146709417 51.51125909541902814)))</t>
  </si>
  <si>
    <t>MultiPolygon (((3.60635732125142949 51.50906627461068865, 3.61049032025912453 51.5052187089596174, 3.61005630277366807 51.50371250941217482, 3.60779975434436206 51.50364036305873583, 3.60767149189710956 51.50229465397998752, 3.60554922853665438 51.50176734342206686, 3.60125056459706316 51.50619155903679314, 3.60575129521905113 51.50771351873496684, 3.60472587397340494 51.50931478237460936, 3.60635732125142949 51.50906627461068865, 3.60635732125142949 51.50906627461068865)))</t>
  </si>
  <si>
    <t>MultiPolygon (((3.59951455187320191 51.51261470606129222, 3.60125056459706316 51.50619155903679314, 3.59887484199886298 51.50557188359997696, 3.59694890872614526 51.50641132933200339, 3.59019337790517579 51.50744658171471713, 3.5879397406438156 51.50766517521436327, 3.58620979292697584 51.51231155686986085, 3.59951455187320191 51.51261470606129222)))</t>
  </si>
  <si>
    <t>MultiPolygon (((3.59694890872614526 51.50641132933200339, 3.59887484199886298 51.50557188359997696, 3.59501660946748336 51.50313920383139532, 3.59409870846814528 51.501034473833883, 3.59032258414397454 51.50021608954298813, 3.58918626537607643 51.50473888314557769, 3.59019337790517579 51.50744658171471713, 3.59694890872614526 51.50641132933200339)))</t>
  </si>
  <si>
    <t>MultiPolygon (((3.60554922853665438 51.50176734342206686, 3.60289914102920372 51.49921369610151345, 3.59675655341119915 51.50011533728094548, 3.59409870846814528 51.501034473833883, 3.59501660946748336 51.50313920383139532, 3.59887484199886298 51.50557188359997696, 3.60125056459706316 51.50619155903679314, 3.60554922853665438 51.50176734342206686, 3.60554922853665438 51.50176734342206686)))</t>
  </si>
  <si>
    <t>MultiPolygon (((3.62463633828044873 51.50279214428825014, 3.62754160812408299 51.50108143555759455, 3.62624768646486606 51.49900598159394605, 3.62294420964169728 51.5006071247034285, 3.62414258399945277 51.50292241424942574, 3.62463633828044873 51.50279214428825014, 3.62463633828044873 51.50279214428825014)))</t>
  </si>
  <si>
    <t>MultiPolygon (((3.62414258399945277 51.50292241424942574, 3.62294420964169728 51.5006071247034285, 3.62624768646486606 51.49900598159394605, 3.62526566947628437 51.49845257443571711, 3.61766831941462375 51.4958395151032633, 3.61488127160960682 51.49847415171192466, 3.61947816486735974 51.50128841830728277, 3.62158031954610093 51.50347506959207777, 3.62414258399945277 51.50292241424942574, 3.62414258399945277 51.50292241424942574)))</t>
  </si>
  <si>
    <t>MultiPolygon (((3.61488127160960682 51.49847415171192466, 3.61766831941462375 51.4958395151032633, 3.61342040853091673 51.49419451498874167, 3.61072404451359219 51.49485755975030798, 3.60703282123958902 51.49392911867064271, 3.60655523884275331 51.49540498800974575, 3.60377722982327642 51.49611109574042445, 3.60389861274047396 51.49709992699354189, 3.60660938415682963 51.49717171768991619, 3.61154338825566246 51.49878909351829037, 3.61488127160960682 51.49847415171192466, 3.61488127160960682 51.49847415171192466)))</t>
  </si>
  <si>
    <t>MultiPolygon (((3.61106212042124497 51.50303328183757401, 3.61152855681610596 51.50123249880250853, 3.61073168651769905 51.50013505457133789, 3.61154338825566246 51.49878909351829037, 3.60660938415682963 51.49717171768991619, 3.60389861274047396 51.49709992699354189, 3.60289914102920372 51.49921369610151345, 3.60554922853665438 51.50176734342206686, 3.60767149189710956 51.50229465397998752, 3.60779975434436206 51.50364036305873583, 3.61005630277366807 51.50371250941217482, 3.61106212042124497 51.50303328183757401)))</t>
  </si>
  <si>
    <t>MultiPolygon (((3.61605823016544603 51.50583926833031967, 3.62158031954610093 51.50347506959207777, 3.61947816486735974 51.50128841830728277, 3.61488127160960682 51.49847415171192466, 3.61154338825566246 51.49878909351829037, 3.61073168651769905 51.50013505457133789, 3.61152855681610596 51.50123249880250853, 3.61106212042124497 51.50303328183757401, 3.61005630277366807 51.50371250941217482, 3.61049032025912453 51.5052187089596174, 3.61559901639882941 51.50615418744536811, 3.61605823016544603 51.50583926833031967, 3.61605823016544603 51.50583926833031967)))</t>
  </si>
  <si>
    <t>MultiPolygon (((4.83220763835077882 52.79939406624077236, 4.83125622893745543 52.7838199437191804, 4.82740916530073694 52.78356527679479626, 4.82899638135259757 52.77535240571461372, 4.82899657123226689 52.77533749732486967, 4.82846851964992485 52.7753128161256484, 4.82712885349022791 52.77503893888302144, 4.81984939267614809 52.77412947998463011, 4.82075396624434749 52.76960717879892826, 4.81549275490003126 52.77024129806152786, 4.81333647139245091 52.77133366539528225, 4.80684253131917139 52.77031704966525183, 4.80680006236650481 52.770312927212359, 4.80652609820737986 52.77201589956503369, 4.81964764632435561 52.77410161609654438, 4.81394084226490104 52.78309546668252494, 4.81318798029145967 52.78716031929700847, 4.8120662762498414 52.79325950449703697, 4.80978588751089831 52.79720874753201798, 4.80867521068054593 52.79702345195995861, 4.8039730329786936 52.80159877265551671, 4.81108976635699737 52.80311088645719764, 4.81462372474737599 52.80323198449036681, 4.82727454368627473 52.79991901420025613, 4.83220763835077882 52.79939406624077236)))</t>
  </si>
  <si>
    <t>MultiPolygon (((4.79807189629672948 52.80911742734600978, 4.80688261515474391 52.80684587439606048, 4.8343064772322677 52.80777935563949654, 4.83220763835077882 52.79939406624077236, 4.82727454368627473 52.79991901420025613, 4.81462372474737599 52.80323198449036681, 4.81108976635699737 52.80311088645719764, 4.8039730329786936 52.80159877265551671, 4.80375520857175342 52.80155145868592825, 4.78559362922278275 52.79748484082502813, 4.7836100993272499 52.79724933349817206, 4.77869571030732221 52.79934239774835447, 4.77703989608602608 52.80006033386155906, 4.78310164029725193 52.80312131821820998, 4.79012360007263727 52.80805462986619858, 4.79807189629672948 52.80911742734600978)))</t>
  </si>
  <si>
    <t>MultiPolygon (((4.81394084226490104 52.78309546668252494, 4.81964764632435561 52.77410161609654438, 4.80652609820737986 52.77201589956503369, 4.80603597481426359 52.77714139747726563, 4.80550785183496654 52.78271905554333188, 4.81394084226490104 52.78309546668252494, 4.81394084226490104 52.78309546668252494)))</t>
  </si>
  <si>
    <t>MultiPolygon (((4.80867521068054593 52.79702345195995861, 4.80978588751089831 52.79720874753201798, 4.8120662762498414 52.79325950449703697, 4.81068135017037957 52.79264296598796591, 4.80912157915691019 52.79289917530756071, 4.80433565462931789 52.79538706057854824, 4.80415744075779205 52.79727859839826465, 4.80375520857175342 52.80155145868592825, 4.8039730329786936 52.80159877265551671, 4.80867521068054593 52.79702345195995861)))</t>
  </si>
  <si>
    <t>MultiPolygon (((4.80912157915691019 52.79289917530756071, 4.81068135017037957 52.79264296598796591, 4.8120662762498414 52.79325950449703697, 4.81318798029145967 52.78716031929700847, 4.80826084592547165 52.78831305354285774, 4.80496695947661934 52.78838053199452673, 4.80471999960326013 52.79069898741477118, 4.80433565462931789 52.79538706057854824, 4.80912157915691019 52.79289917530756071)))</t>
  </si>
  <si>
    <t>MultiPolygon (((4.80826084592547165 52.78831305354285774, 4.81318798029145967 52.78716031929700847, 4.81394084226490104 52.78309546668252494, 4.80550785183496654 52.78271905554333188, 4.80523595314595209 52.78556518973130096, 4.80496695947661934 52.78838053199452673, 4.80826084592547165 52.78831305354285774, 4.80826084592547165 52.78831305354285774)))</t>
  </si>
  <si>
    <t>MultiPolygon (((4.77886234826791689 52.78185711243134648, 4.78155621198438219 52.78280364701682714, 4.78277458840002723 52.77995220003239751, 4.78496762700298284 52.77914726916267085, 4.79451823157622492 52.78122244684617215, 4.79688248296924069 52.77548518878159456, 4.79699270483117779 52.77402800509907621, 4.79999734578194115 52.77008959356204087, 4.80680006236650481 52.770312927212359, 4.80684253131917139 52.77031704966525183, 4.80900285155365825 52.76611096122444167, 4.81251888161080821 52.76276505645448367, 4.8051802454350252 52.76384911844503023, 4.80112302206800301 52.76088723335571729, 4.79646590572098042 52.75938938252284061, 4.79457298749323257 52.7594658163097634, 4.79311550316512314 52.76037109434074068, 4.79376453912398492 52.76202867640530059, 4.79579973247953184 52.76501317349567444, 4.79132372271052098 52.76574260487298318, 4.78310976940265498 52.77123071727187664, 4.7774120957647197 52.77468838414507246, 4.77518901915079219 52.77740206285709235, 4.77463919148322447 52.77945712106905773, 4.7746442385306489 52.78289866745203796, 4.77886234826791689 52.78185711243134648)))</t>
  </si>
  <si>
    <t>MultiPolygon (((4.77869571030732221 52.79934239774835447, 4.77700702490320861 52.79868675541512602, 4.77532099145671829 52.79657730625354617, 4.78235484754530571 52.78924822637148395, 4.77325075925498155 52.78694612618509296, 4.77532859060149217 52.7838227010438672, 4.7746442385306489 52.78289866745203796, 4.77463919148322447 52.77945712106905773, 4.76563723924450322 52.77635193934004576, 4.76081471287633029 52.77603409148812119, 4.75848532914481659 52.77647494723734667, 4.75405049122506185 52.77484096830117721, 4.74735902814823252 52.77392211345781448, 4.7447633256334294 52.77401738543699139, 4.74244496727938536 52.77558957291506658, 4.74137418952072043 52.77536244896520401, 4.74112932830307532 52.77541043679941879, 4.7450030205894258 52.78203603607958883, 4.74816030707934544 52.78574354121825962, 4.7510763324118388 52.78764081593588742, 4.76378452850531531 52.79349018924995107, 4.77365401759788899 52.79699547488682043, 4.77703989608602608 52.80006033386155906, 4.77869571030732221 52.79934239774835447, 4.77869571030732221 52.79934239774835447)))</t>
  </si>
  <si>
    <t>MultiPolygon (((4.7836100993272499 52.79724933349817206, 4.78559362922278275 52.79748484082502813, 4.78829614246540469 52.79322897905516498, 4.79008102545971148 52.78983151764958848, 4.78235484754530571 52.78924822637148395, 4.77532099145671829 52.79657730625354617, 4.77700702490320861 52.79868675541512602, 4.77869571030732221 52.79934239774835447, 4.7836100993272499 52.79724933349817206)))</t>
  </si>
  <si>
    <t>MultiPolygon (((4.79212781195393323 52.78495864512444058, 4.78638202534803803 52.78375026461294084, 4.78235484754530571 52.78924822637148395, 4.79008102545971148 52.78983151764958848, 4.79212781195393323 52.78495864512444058, 4.79212781195393323 52.78495864512444058)))</t>
  </si>
  <si>
    <t>MultiPolygon (((4.78638202534803803 52.78375026461294084, 4.78155621198438219 52.78280364701682714, 4.77886234826791689 52.78185711243134648, 4.7746442385306489 52.78289866745203796, 4.77532859060149217 52.7838227010438672, 4.77325075925498155 52.78694612618509296, 4.78235484754530571 52.78924822637148395, 4.78638202534803803 52.78375026461294084, 4.78638202534803803 52.78375026461294084)))</t>
  </si>
  <si>
    <t>MultiPolygon (((4.79247791470139362 52.78430947780059057, 4.79451823157622492 52.78122244684617215, 4.78496762700298284 52.77914726916267085, 4.78277458840002723 52.77995220003239751, 4.78155621198438219 52.78280364701682714, 4.78638202534803803 52.78375026461294084, 4.79212781195393323 52.78495864512444058, 4.79247791470139362 52.78430947780059057, 4.79247791470139362 52.78430947780059057)))</t>
  </si>
  <si>
    <t>MultiPolygon (((4.76936714001011719 52.87892266999077151, 4.77093891953755822 52.87862622477847907, 4.75885526035007445 52.84868928048319248, 4.74478637606750642 52.84685142677503933, 4.73422581555529298 52.85348191574716026, 4.7292968281709884 52.85713664792052668, 4.72293313880825671 52.85936047499748014, 4.7237643830805629 52.8604803587982417, 4.71718048587242667 52.86338632383105818, 4.71789931573198107 52.86402211528621109, 4.71710407276150168 52.86438458174937693, 4.71365242727742917 52.86490034210505939, 4.70218119065171258 52.86474893487343962, 4.70603075437184692 52.8736138436544536, 4.70898156767693266 52.88362696549589259, 4.7267898794111689 52.88220778575034586, 4.73417317337765375 52.88165838754470371, 4.74254047307496585 52.88101956441673224, 4.74980725860968711 52.88045518180462778, 4.76936714001011719 52.87892266999077151)))</t>
  </si>
  <si>
    <t>MultiPolygon (((4.74478637606750642 52.84685142677503933, 4.73505456024842886 52.84534404291402865, 4.72852356201935109 52.84125803879231142, 4.7183186679245317 52.83265615453579755, 4.7127051667863924 52.8246337865261566, 4.69377675916903847 52.8322950184265423, 4.69635258746306761 52.8331882180993091, 4.69847668834556575 52.83193895214663627, 4.6996200842948932 52.83232946881631875, 4.7069033334905539 52.83484305886185695, 4.70404633339584333 52.83787474525637862, 4.70761827003006594 52.84063943386971829, 4.70576694995190969 52.84382142056796283, 4.73422581555529298 52.85348191574716026, 4.74478637606750642 52.84685142677503933)))</t>
  </si>
  <si>
    <t>MultiPolygon (((4.71710407276150168 52.86438458174937693, 4.71789931573198107 52.86402211528621109, 4.71718048587242667 52.86338632383105818, 4.7237643830805629 52.8604803587982417, 4.72293313880825671 52.85936047499748014, 4.7292968281709884 52.85713664792052668, 4.73422581555529298 52.85348191574716026, 4.70576694995190969 52.84382142056796283, 4.70219138172011508 52.84251364155725383, 4.70060922660155889 52.84253699500095536, 4.69832844638847824 52.84529424426212785, 4.69591209936478116 52.84341082354670505, 4.69468029760422834 52.84037328419658053, 4.69183515335809531 52.84081500821976363, 4.70218119065171258 52.86474893487343962, 4.71365242727742917 52.86490034210505939, 4.71710407276150168 52.86438458174937693)))</t>
  </si>
  <si>
    <t>MultiPolygon (((4.69154445375807061 52.8336899060696652, 4.69377675916903847 52.8322950184265423, 4.7127051667863924 52.8246337865261566, 4.71053254336728777 52.82202461576452635, 4.70095575098327956 52.81049884324589527, 4.68706464396254852 52.79344879517820033, 4.67592887891499753 52.80108693660138641, 4.69183515335809531 52.84081500821976363, 4.69468029760422834 52.84037328419658053, 4.69154445375807061 52.8336899060696652)))</t>
  </si>
  <si>
    <t>MultiPolygon (((4.70404633339584333 52.83787474525637862, 4.7069033334905539 52.83484305886185695, 4.6996200842948932 52.83232946881631875, 4.69747159775070511 52.83414531674043246, 4.70112960517029599 52.83543567934202656, 4.70214021109179203 52.83655926670863323, 4.70107456348816921 52.83716188812074677, 4.70231193719034213 52.83804235936226945, 4.70404633339584333 52.83787474525637862)))</t>
  </si>
  <si>
    <t>MultiPolygon (((4.70060922660155889 52.84253699500095536, 4.70219138172011508 52.84251364155725383, 4.70576694995190969 52.84382142056796283, 4.70761827003006594 52.84063943386971829, 4.70404633339584333 52.83787474525637862, 4.70231193719034213 52.83804235936226945, 4.70107456348816921 52.83716188812074677, 4.70214021109179203 52.83655926670863323, 4.70112960517029599 52.83543567934202656, 4.69747159775070511 52.83414531674043246, 4.6996200842948932 52.83232946881631875, 4.69847668834556575 52.83193895214663627, 4.69635258746306761 52.8331882180993091, 4.69377675916903847 52.8322950184265423, 4.69154445375807061 52.8336899060696652, 4.69468029760422834 52.84037328419658053, 4.69591209936478116 52.84341082354670505, 4.69832844638847824 52.84529424426212785, 4.70060922660155889 52.84253699500095536)))</t>
  </si>
  <si>
    <t>MultiPolygon (((4.71958851894267895 52.80111011202736648, 4.70987632948797597 52.78938685293399402, 4.71190788928561588 52.78879470788415773, 4.71074290660656825 52.78734201824335059, 4.70848053903280572 52.78765447419959145, 4.70749164592319058 52.78797997005038667, 4.70618309748099772 52.78677044827861664, 4.70028362052088422 52.78844880752185276, 4.70071664481118745 52.78900135355993939, 4.69982257080178734 52.78928485784999936, 4.69713697630233984 52.7893809041625488, 4.6944342257911913 52.78610425537890194, 4.69603467498811167 52.78342324724324897, 4.69414821275201977 52.78077730923819644, 4.69783282859085904 52.7796610933432504, 4.69901752082390178 52.78062571130093517, 4.70314247888960946 52.78577638261121763, 4.6999263194379024 52.78676973771300851, 4.70088046987493513 52.78803263589936279, 4.70597846676711029 52.78654230299636652, 4.70494177534163693 52.78524762295988637, 4.70637615728891756 52.78484033578119039, 4.70138945726145252 52.77760335309721285, 4.69660234290809342 52.77295095745072473, 4.69592029074070716 52.77196228644556442, 4.68553087098273569 52.77494255300494075, 4.68464753875165218 52.77386450496832992, 4.67490212652783921 52.77682385365498163, 4.67767760805888422 52.78076408551741139, 4.68424840942198895 52.78840104783338205, 4.68434949046605631 52.79012926145312434, 4.68706464396254852 52.79344879517820033, 4.70095575098327956 52.81049884324589527, 4.71958851894267895 52.80111011202736648),(4.6865889451941749 52.79172979349021233, 4.68547394095990999 52.78885048300746519, 4.68731314481302253 52.7883077239342029, 4.6934384292231357 52.79053716820887843, 4.69966979626870618 52.79831091537100463, 4.69432705685641416 52.79989320199512548, 4.6865889451941749 52.79172979349021233)))</t>
  </si>
  <si>
    <t>MultiPolygon (((4.69966979626870618 52.79831091537100463, 4.6934384292231357 52.79053716820887843, 4.68731314481302253 52.7883077239342029, 4.68547394095990999 52.78885048300746519, 4.6865889451941749 52.79172979349021233, 4.69432705685641416 52.79989320199512548, 4.69966979626870618 52.79831091537100463)))</t>
  </si>
  <si>
    <t>MultiPolygon (((4.69982257080178734 52.78928485784999936, 4.70071664481118745 52.78900135355993939, 4.70028362052088422 52.78844880752185276, 4.70618309748099772 52.78677044827861664, 4.70749164592319058 52.78797997005038667, 4.70848053903280572 52.78765447419959145, 4.70637817689627624 52.78484343434447368, 4.70637615728891756 52.78484033578119039, 4.70494177534163693 52.78524762295988637, 4.70597846676711029 52.78654230299636652, 4.70088046987493513 52.78803263589936279, 4.6999263194379024 52.78676973771300851, 4.70314247888960946 52.78577638261121763, 4.69901752082390178 52.78062571130093517, 4.69783282859085904 52.7796610933432504, 4.69414821275201977 52.78077730923819644, 4.69603467498811167 52.78342324724324897, 4.6944342257911913 52.78610425537890194, 4.69713697630233984 52.7893809041625488, 4.69982257080178734 52.78928485784999936)))</t>
  </si>
  <si>
    <t>MultiPolygon (((4.71074290660656825 52.78734201824335059, 4.70983310352356277 52.78620193175970599, 4.7130177055683502 52.78489129153342674, 4.7147977486803665 52.78436641583787292, 4.71577841925924535 52.78561499504267118, 4.71677057831894153 52.78533575619260176, 4.71519226440115169 52.782540843434262, 4.70637615728891756 52.78484033578119039, 4.70637817689627624 52.78484343434447368, 4.70848053903280572 52.78765447419959145, 4.71074290660656825 52.78734201824335059, 4.71074290660656825 52.78734201824335059)))</t>
  </si>
  <si>
    <t>MultiPolygon (((4.75885526035007445 52.84868928048319248, 4.75843704634559028 52.84780094458304234, 4.75582865773115415 52.84160054474071444, 4.7542520788407705 52.84151667432466581, 4.75131057754310149 52.83894768182192792, 4.75036407360181467 52.83364240530259082, 4.75144228922169898 52.83344983661454108, 4.74661577572751092 52.82502962361365206, 4.74589744080810139 52.82528547411983766, 4.72893601536215691 52.81748827800345936, 4.71623387755176449 52.81731735245249837, 4.71441718940675525 52.81957936193578007, 4.71053254336728777 52.82202461576452635, 4.7127051667863924 52.8246337865261566, 4.7183186679245317 52.83265615453579755, 4.72852356201935109 52.84125803879231142, 4.73505456024842886 52.84534404291402865, 4.74478637606750642 52.84685142677503933, 4.75885526035007445 52.84868928048319248, 4.75885526035007445 52.84868928048319248)))</t>
  </si>
  <si>
    <t>MultiPolygon (((4.79442289084039253 52.84737364822114358, 4.7994573669418541 52.84377115585997586, 4.7985510201581576 52.84333061543683385, 4.79899821058145371 52.83770809978624072, 4.77223568929135666 52.82558951936773184, 4.74145797773094557 52.81136694969681855, 4.73858023577696041 52.81273646102944497, 4.74661577572751092 52.82502962361365206, 4.75144228922169898 52.83344983661454108, 4.75206233836423397 52.83455592172020943, 4.75475632242193225 52.83412345057851667, 4.75738707653747372 52.83205232881162772, 4.76025150507864492 52.83333171800441619, 4.75878121228285966 52.83418145193063253, 4.76265757202996998 52.83590112328157318, 4.7649033008064583 52.83563684722331288, 4.76166396797562896 52.84100591070137654, 4.76446060402637617 52.84227039578942708, 4.76387742393884395 52.8449326378388804, 4.75997681332740807 52.84799182238742077, 4.75843704634559028 52.84780094458304234, 4.75885526035007445 52.84868928048319248, 4.75965144098936577 52.84839574779137905, 4.78256256877185493 52.85143550627252296, 4.79442289084039253 52.84737364822114358)))</t>
  </si>
  <si>
    <t>MultiPolygon (((4.76387742393884395 52.8449326378388804, 4.76446060402637617 52.84227039578942708, 4.76166396797562896 52.84100591070137654, 4.75956973321168331 52.84289366224030005, 4.7566510511057265 52.84165408359510963, 4.75582865773115415 52.84160054474071444, 4.75843704634559028 52.84780094458304234, 4.75997681332740807 52.84799182238742077, 4.76387742393884395 52.8449326378388804)))</t>
  </si>
  <si>
    <t>MultiPolygon (((4.75956973321168331 52.84289366224030005, 4.76166396797562896 52.84100591070137654, 4.7649033008064583 52.83563684722331288, 4.76265757202996998 52.83590112328157318, 4.75878121228285966 52.83418145193063253, 4.75523854236162435 52.83651996123316508, 4.7566510511057265 52.84165408359510963, 4.75956973321168331 52.84289366224030005, 4.75956973321168331 52.84289366224030005)))</t>
  </si>
  <si>
    <t>MultiPolygon (((4.75582865773115415 52.84160054474071444, 4.7566510511057265 52.84165408359510963, 4.75523854236162435 52.83651996123316508, 4.75878121228285966 52.83418145193063253, 4.76025150507864492 52.83333171800441619, 4.75738707653747372 52.83205232881162772, 4.75475632242193225 52.83412345057851667, 4.75206233836423397 52.83455592172020943, 4.75144228922169898 52.83344983661454108, 4.75036407360181467 52.83364240530259082, 4.75131057754310149 52.83894768182192792, 4.7542520788407705 52.84151667432466581, 4.75582865773115415 52.84160054474071444, 4.75582865773115415 52.84160054474071444)))</t>
  </si>
  <si>
    <t>MultiPolygon (((4.73095507432535367 52.79548962179120508, 4.7510763324118388 52.78764081593588742, 4.74816030707934544 52.78574354121825962, 4.7450030205894258 52.78203603607958883, 4.74112932830307532 52.77541043679941879, 4.73510761499539701 52.7706813107561814, 4.72718421530000654 52.76271555359498677, 4.71754241459475843 52.76553181695114603, 4.71505866227563342 52.76660233023071811, 4.71554861844598427 52.76729917802999381, 4.69660234290809342 52.77295095745072473, 4.70138945726145252 52.77760335309721285, 4.70637615728891756 52.78484033578119039, 4.71519226440115169 52.782540843434262, 4.71677057831894153 52.78533575619260176, 4.71577841925924535 52.78561499504267118, 4.7147977486803665 52.78436641583787292, 4.7130177055683502 52.78489129153342674, 4.70983310352356277 52.78620193175970599, 4.71074290660656825 52.78734201824335059, 4.71190788928561588 52.78879470788415773, 4.70987632948797597 52.78938685293399402, 4.71958851894267895 52.80111011202736648, 4.73095507432535367 52.79548962179120508),(4.72435145818599533 52.78358597886862213, 4.72243742688190427 52.78084650852532178, 4.72560896677540043 52.7774729805080014, 4.73049206891204221 52.78008711222066296, 4.7291415310591649 52.78314280521672686, 4.72618693545364366 52.7839829907314666, 4.72435145818599533 52.78358597886862213)))</t>
  </si>
  <si>
    <t>MultiPolygon (((4.72618693545364366 52.7839829907314666, 4.7291415310591649 52.78314280521672686, 4.73049206891204221 52.78008711222066296, 4.72560896677540043 52.7774729805080014, 4.72243742688190427 52.78084650852532178, 4.72435145818599533 52.78358597886862213, 4.72618693545364366 52.7839829907314666, 4.72618693545364366 52.7839829907314666)))</t>
  </si>
  <si>
    <t>MultiPolygon (((4.66763781495445862 52.77685253417502764, 4.66589129581256046 52.77505772684131102, 4.65955759049947904 52.77144585319835812, 4.65819991914431331 52.76894647755808165, 4.6567618044148853 52.7684713801754981, 4.65524448387192535 52.76631497335333165, 4.65387536425999571 52.76351136935632269, 4.66026152504566493 52.76154673564101927, 4.66126037282343386 52.76168631829644085, 4.66338073002366471 52.76411600304271587, 4.66718455351268435 52.76985089667879691, 4.66704217476334815 52.77085035988122286, 4.67086611779046557 52.77192288848333845, 4.67490212652783921 52.77682385365498163, 4.68464753875165218 52.77386450496832992, 4.66243456952969915 52.74673576085888271, 4.66046329065776188 52.74670467964978116, 4.65919137288901197 52.74730915881572457, 4.65895635498342742 52.74963437516053943, 4.65637236014716027 52.75055420497904635, 4.65642680468701631 52.75161974748186822, 4.65104000984705923 52.7558469080239405, 4.64559859422972998 52.75666265619650375, 4.65250060312182434 52.76919027392134609, 4.66000733435774706 52.77825802686781742, 4.66763781495445862 52.77685253417502764)))</t>
  </si>
  <si>
    <t>MultiPolygon (((4.68126236204748558 52.78981494573390165, 4.68434949046605631 52.79012926145312434, 4.68424840942198895 52.78840104783338205, 4.67767760805888422 52.78076408551741139, 4.67448029442071356 52.78132278561351853, 4.67281289636844122 52.78679855219662187, 4.67515070379048314 52.78731547216946751, 4.67675979162380795 52.79131203612115542, 4.67906707481280826 52.79209423388207512, 4.68119656271687123 52.79263833790034965, 4.68126236204748558 52.78981494573390165)))</t>
  </si>
  <si>
    <t>MultiPolygon (((4.68706464396254852 52.79344879517820033, 4.68434949046605631 52.79012926145312434, 4.68126236204748558 52.78981494573390165, 4.68119656271687123 52.79263833790034965, 4.67906707481280826 52.79209423388207512, 4.67675979162380795 52.79131203612115542, 4.67515070379048314 52.78731547216946751, 4.67281289636844122 52.78679855219662187, 4.67448029442071356 52.78132278561351853, 4.67767760805888422 52.78076408551741139, 4.67490212652783921 52.77682385365498163, 4.67086611779046557 52.77192288848333845, 4.66704217476334815 52.77085035988122286, 4.6691472332677133 52.77587484163076681, 4.66889958410854522 52.77717757361327955, 4.66763781495445862 52.77685253417502764, 4.66000733435774706 52.77825802686781742, 4.66655693462038546 52.78502302238705823, 4.67592887891499753 52.80108693660138641, 4.68706464396254852 52.79344879517820033)))</t>
  </si>
  <si>
    <t>MultiPolygon (((4.66150922986122396 52.76462008133617587, 4.66338073002366471 52.76411600304271587, 4.66126037282343386 52.76168631829644085, 4.66026152504566493 52.76154673564101927, 4.65387536425999571 52.76351136935632269, 4.65524448387192535 52.76631497335333165, 4.66150922986122396 52.76462008133617587, 4.66150922986122396 52.76462008133617587)))</t>
  </si>
  <si>
    <t>MultiPolygon (((4.66150922986122396 52.76462008133617587, 4.65524448387192535 52.76631497335333165, 4.6567618044148853 52.7684713801754981, 4.65819991914431331 52.76894647755808165, 4.6596041203820544 52.76913685972855461, 4.66150922986122396 52.76462008133617587)))</t>
  </si>
  <si>
    <t>MultiPolygon (((4.66889958410854522 52.77717757361327955, 4.6691472332677133 52.77587484163076681, 4.66704217476334815 52.77085035988122286, 4.66718455351268435 52.76985089667879691, 4.66338073002366471 52.76411600304271587, 4.66150922986122396 52.76462008133617587, 4.6596041203820544 52.76913685972855461, 4.65819991914431331 52.76894647755808165, 4.65955759049947904 52.77144585319835812, 4.66589129581256046 52.77505772684131102, 4.66763781495445862 52.77685253417502764, 4.66889958410854522 52.77717757361327955)))</t>
  </si>
  <si>
    <t>MultiPolygon (((4.80603597481426359 52.77714139747726563, 4.80652609820737986 52.77201589956503369, 4.80680006236650481 52.770312927212359, 4.79999734578194115 52.77008959356204087, 4.79699270483117779 52.77402800509907621, 4.79688248296924069 52.77548518878159456, 4.80478356413173024 52.77635007191324945, 4.80603597481426359 52.77714139747726563, 4.80603597481426359 52.77714139747726563)))</t>
  </si>
  <si>
    <t>MultiPolygon (((4.80603597481426359 52.77714139747726563, 4.80478356413173024 52.77635007191324945, 4.79688248296924069 52.77548518878159456, 4.79451823157622492 52.78122244684617215, 4.80550785183496654 52.78271905554333188, 4.80603597481426359 52.77714139747726563, 4.80603597481426359 52.77714139747726563)))</t>
  </si>
  <si>
    <t>MultiPolygon (((4.80415744075779205 52.79727859839826465, 4.79209418708936852 52.79561076017258614, 4.79281330165788955 52.79411895698747514, 4.78829614246540469 52.79322897905516498, 4.78559362922278275 52.79748484082502813, 4.80375520857175342 52.80155145868592825, 4.80415744075779205 52.79727859839826465, 4.80415744075779205 52.79727859839826465)))</t>
  </si>
  <si>
    <t>MultiPolygon (((4.80415744075779205 52.79727859839826465, 4.80433565462931789 52.79538706057854824, 4.80254695801337483 52.79545343453970219, 4.79609886742109026 52.79224515565627485, 4.79413143601732106 52.79213819737608304, 4.79281330165788955 52.79411895698747514, 4.79209418708936852 52.79561076017258614, 4.80415744075779205 52.79727859839826465, 4.80415744075779205 52.79727859839826465)))</t>
  </si>
  <si>
    <t>MultiPolygon (((4.80433565462931789 52.79538706057854824, 4.80471999960326013 52.79069898741477118, 4.79544692716263299 52.78958262733264917, 4.79008102545971148 52.78983151764958848, 4.78829614246540469 52.79322897905516498, 4.79281330165788955 52.79411895698747514, 4.79413143601732106 52.79213819737608304, 4.79609886742109026 52.79224515565627485, 4.80254695801337483 52.79545343453970219, 4.80433565462931789 52.79538706057854824)))</t>
  </si>
  <si>
    <t>MultiPolygon (((4.80523595314595209 52.78556518973130096, 4.80550785183496654 52.78271905554333188, 4.79451823157622492 52.78122244684617215, 4.79247791470139362 52.78430947780059057, 4.80197290004207389 52.78582991152772053, 4.80523595314595209 52.78556518973130096)))</t>
  </si>
  <si>
    <t>MultiPolygon (((4.80471999960326013 52.79069898741477118, 4.80496695947661934 52.78838053199452673, 4.80523595314595209 52.78556518973130096, 4.80197290004207389 52.78582991152772053, 4.79247791470139362 52.78430947780059057, 4.79212781195393323 52.78495864512444058, 4.79008102545971148 52.78983151764958848, 4.79544692716263299 52.78958262733264917, 4.80471999960326013 52.79069898741477118, 4.80471999960326013 52.79069898741477118)))</t>
  </si>
  <si>
    <t>MultiPolygon (((4.80987312604056161 52.83626119380528507, 4.81069615282225982 52.83518700831464088, 4.80955326670754335 52.83479853128640968, 4.80610664509513796 52.83738594542440126, 4.80404245320976564 52.83692919652551012, 4.80276965177957393 52.8341640403202959, 4.80953992649478934 52.83100214693731544, 4.81288216364063981 52.83231965951788567, 4.83457335853283166 52.80777848095018356, 4.8343064772322677 52.80777935563949654, 4.80688261515474391 52.80684587439606048, 4.79807189629672948 52.80911742734600978, 4.77223568929135666 52.82558951936773184, 4.79899821058145371 52.83770809978624072, 4.7985510201581576 52.84333061543683385, 4.7994573669418541 52.84377115585997586, 4.80987312604056161 52.83626119380528507)))</t>
  </si>
  <si>
    <t>MultiPolygon (((4.80955326670754335 52.83479853128640968, 4.81069615282225982 52.83518700831464088, 4.8128229242513294 52.83262998799246901, 4.81288216364063981 52.83231965951788567, 4.80953992649478934 52.83100214693731544, 4.80276965177957393 52.8341640403202959, 4.80404245320976564 52.83692919652551012, 4.80610664509513796 52.83738594542440126, 4.80955326670754335 52.83479853128640968)))</t>
  </si>
  <si>
    <t>MultiPolygon (((4.78991679447241836 52.76419581586021224, 4.79112938315991421 52.76301928507005101, 4.79376453912398492 52.76202867640530059, 4.79311550316512314 52.76037109434074068, 4.79457298749323257 52.7594658163097634, 4.79646590572098042 52.75938938252284061, 4.80112302206800301 52.76088723335571729, 4.8051802454350252 52.76384911844503023, 4.81251888161080821 52.76276505645448367, 4.81563110189894772 52.7600454123979361, 4.83037965556436077 52.74720271503219493, 4.82718209442271551 52.74617036347567733, 4.82758770866238773 52.74469730891176766, 4.81987877614346072 52.74403668648109544, 4.81916117156247203 52.74543683585220322, 4.80593506120361358 52.7473825459825818, 4.7983777080757779 52.7460523700342705, 4.79930174333186876 52.74505329334539994, 4.79892333562304518 52.74363146096214194, 4.79646625284043893 52.7420124953908882, 4.79410169802812636 52.73878172200837611, 4.79568143022638704 52.73719964011784356, 4.79533946579968529 52.73287121897964624, 4.79687065921200606 52.72665052461937307, 4.7997594540881936 52.72249952200106549, 4.79760246893288489 52.72084753703864379, 4.79736628478627924 52.72087663564976623, 4.79566587629187957 52.72052667373014145, 4.79548585760744572 52.7204319902880485, 4.79403834030001175 52.72071368574147954, 4.79407548333245881 52.72007776671605939, 4.79361242524179509 52.72010550638799486, 4.79270241365308802 52.72049298704122577, 4.79037398642043755 52.7206413438617929, 4.78821884877933446 52.72104336909820432, 4.78662606616855868 52.72099828295662149, 4.78541199053114319 52.7224512563769494, 4.78687298268695915 52.72637229641377843, 4.78656602340969339 52.72794571086718918, 4.78176890445705727 52.72986670901796913, 4.78280057317233531 52.73025078963902246, 4.77913819759107383 52.731277224368867, 4.78049744331657678 52.73707920293649209, 4.77533822378229544 52.73783644216665323, 4.77510305241234434 52.73721439955482992, 4.76543672152938314 52.73881566903671114, 4.76165496833166824 52.73929854704094566, 4.76272433866666223 52.74249555400088951, 4.7603181141643951 52.74277136148644729, 4.76183387152185578 52.74888202257110947, 4.76460442494025216 52.74862740160509134, 4.76500509999866928 52.75024691498467888, 4.76587089753407422 52.75029822050146322, 4.76823268491575547 52.74960565863182183, 4.76796865789639668 52.74815500386938538, 4.77346694063792221 52.74746788813054366, 4.77232163698800527 52.74365364578309823, 4.77792976518136303 52.7429954730152204, 4.78203925887124104 52.74491444396811346, 4.78381529928180438 52.74889413075231204, 4.7800090390244856 52.75109058603685952, 4.77032529479896894 52.75050592843567188, 4.76730610591597603 52.7511876622638809, 4.77954881303769241 52.75666715126983775, 4.77605551476911572 52.75984425413786738, 4.78510912315389358 52.76508118890754417, 4.78991679447241836 52.76419581586021224)))</t>
  </si>
  <si>
    <t>MultiPolygon (((4.78049744331657678 52.73707920293649209, 4.77913819759107383 52.731277224368867, 4.77632942026022711 52.73250344526307742, 4.77634472024924417 52.73267207576095927, 4.77641005191775925 52.73321045616387437, 4.77689559103201411 52.73612564482117904, 4.77486629279814601 52.73637541191506273, 4.77510305241234434 52.73721439955482992, 4.77533822378229544 52.73783644216665323, 4.78049744331657678 52.73707920293649209)))</t>
  </si>
  <si>
    <t>MultiPolygon (((4.78381529928180438 52.74889413075231204, 4.78203925887124104 52.74491444396811346, 4.77792976518136303 52.7429954730152204, 4.77232163698800527 52.74365364578309823, 4.77346694063792221 52.74746788813054366, 4.76796865789639668 52.74815500386938538, 4.76823268491575547 52.74960565863182183, 4.76587089753407422 52.75029822050146322, 4.76706397599284504 52.75072203787950542, 4.76730610591597603 52.7511876622638809, 4.77032529479896894 52.75050592843567188, 4.7800090390244856 52.75109058603685952, 4.78381529928180438 52.74889413075231204, 4.78381529928180438 52.74889413075231204)))</t>
  </si>
  <si>
    <t>MultiPolygon (((4.81916117156247203 52.74543683585220322, 4.81987877614346072 52.74403668648109544, 4.82758770866238773 52.74469730891176766, 4.82718209442271551 52.74617036347567733, 4.83037965556436077 52.74720271503219493, 4.83670153138535497 52.7401276156039529, 4.84006529313716527 52.734433789117233, 4.84317642652896385 52.73288555076505446, 4.84951236690027798 52.72575123007312925, 4.84768531286956428 52.72025936718061701, 4.84374684531605304 52.7196545269494834, 4.84404302792559172 52.72471582105547583, 4.84269133447713429 52.72463401927605986, 4.84073872944894568 52.72586911107137553, 4.84008598111313137 52.7302920588916848, 4.83444279304314328 52.73063053525459054, 4.83352577516137227 52.72910467286506986, 4.83067752137001172 52.72836996513062502, 4.82956387510729179 52.73036283280355008, 4.83053657553626348 52.73076430575116547, 4.83028592490605657 52.73136981090875963, 4.82585577967915125 52.73055355958375401, 4.82734827556562074 52.72844879691268716, 4.82489777054709545 52.72710648966841518, 4.8211697941963445 52.72644514070935173, 4.82122066906873759 52.72412485252827707, 4.82939823112311029 52.72241626688656169, 4.83136403702396855 52.72429983536963505, 4.83648622984433807 52.72450208086767276, 4.84065957033475947 52.72256029375193975, 4.84114876941338768 52.71930166241796201, 4.82858688204802622 52.71806594814880498, 4.8272562858091197 52.71756267126225737, 4.81794039107727823 52.71550694645194568, 4.8132074906278417 52.71494112626995587, 4.80967167656347172 52.71514725628848907, 4.80502584928860443 52.7142087841569591, 4.80392399460962061 52.71477959665099178, 4.80501126376124699 52.71506993425722243, 4.80452909812316076 52.71567442689331529, 4.80335446908282027 52.71542100952105869, 4.80173930601238919 52.71615196457722163, 4.79985025260362619 52.71796226716066514, 4.7975418956458542 52.71963606934330215, 4.79760246893288489 52.72084753703864379, 4.7997594540881936 52.72249952200106549, 4.79687065921200606 52.72665052461937307, 4.79533946579968529 52.73287121897964624, 4.79568143022638704 52.73719964011784356, 4.79410169802812636 52.73878172200837611, 4.79646625284043893 52.7420124953908882, 4.79892333562304518 52.74363146096214194, 4.79930174333186876 52.74505329334539994, 4.7983777080757779 52.7460523700342705, 4.80593506120361358 52.7473825459825818, 4.81916117156247203 52.74543683585220322)))</t>
  </si>
  <si>
    <t>MultiPolygon (((4.83444279304314328 52.73063053525459054, 4.84008598111313137 52.7302920588916848, 4.84073872944894568 52.72586911107137553, 4.84269133447713429 52.72463401927605986, 4.84404302792559172 52.72471582105547583, 4.84374684531605304 52.7196545269494834, 4.84114876941338768 52.71930166241796201, 4.84065957033475947 52.72256029375193975, 4.83648622984433807 52.72450208086767276, 4.83136403702396855 52.72429983536963505, 4.82939823112311029 52.72241626688656169, 4.82122066906873759 52.72412485252827707, 4.8211697941963445 52.72644514070935173, 4.82489777054709545 52.72710648966841518, 4.82734827556562074 52.72844879691268716, 4.82585577967915125 52.73055355958375401, 4.83028592490605657 52.73136981090875963, 4.83053657553626348 52.73076430575116547, 4.82956387510729179 52.73036283280355008, 4.83067752137001172 52.72836996513062502, 4.83352577516137227 52.72910467286506986, 4.83444279304314328 52.73063053525459054)))</t>
  </si>
  <si>
    <t>MultiPolygon (((4.77634472024924417 52.73267207576095927, 4.77632942026022711 52.73250344526307742, 4.77281842982769344 52.73196276585385078, 4.77336418369568616 52.73360112017240908, 4.77641005191775925 52.73321045616387437, 4.77634472024924417 52.73267207576095927, 4.77634472024924417 52.73267207576095927)),((4.775910045248005 52.73091643659504513, 4.77540623914205398 52.72880958611300883, 4.75545366970985484 52.73065764140537226, 4.75644998241779859 52.73363971128709693, 4.775910045248005 52.73091643659504513)),((4.74373846479703776 52.74276580466821684, 4.7462324009962531 52.74081245235301196, 4.74612204017910422 52.73800169186534958, 4.74446740434105418 52.7375246477311066, 4.74283788377075233 52.73772295984878866, 4.74318674333052748 52.73988900251066525, 4.74022682380320237 52.74023037273175873, 4.73898751262178042 52.73600439094187209, 4.74263983806599221 52.73557773099317814, 4.74200803458921083 52.73357086183089848, 4.73710569682719917 52.73418867262292054, 4.7339758274391226 52.73523132806975866, 4.73411064912536172 52.73567001642054919, 4.73584496074592121 52.74188929703831974, 4.74052946059794422 52.7413393506316126, 4.74095139824691536 52.74291157946111497, 4.7417829511353089 52.74300500991378016, 4.74373846479703776 52.74276580466821684, 4.74373846479703776 52.74276580466821684)),((4.7603181141643951 52.74277136148644729, 4.76272433866666223 52.74249555400088951, 4.76165496833166824 52.73929854704094566, 4.76543672152938314 52.73881566903671114, 4.76476018029620541 52.73655148988872554, 4.76923575954501633 52.7342916390227785, 4.76884165903864687 52.73309453174805128, 4.76832426176215751 52.73271484630205208, 4.76360000212181856 52.73327351035288757, 4.7607382061870922 52.73484522976524858, 4.75564803531305014 52.73862211449184656, 4.75626562671058473 52.7402569002565329, 4.75757238228256085 52.74010618743530898, 4.75763114960504474 52.73857719999688243, 4.76045356976247547 52.73796585484450361, 4.76130470059556732 52.74041771406937329, 4.75545436230385565 52.74114524217581845, 4.74979630741949066 52.74277435662228442, 4.74363774782685166 52.74330942337776662, 4.74251915195824569 52.74425214434580766, 4.74733765074842218 52.74363188205991548, 4.74907732986685094 52.74697677144568786, 4.75120205116695882 52.74678529798401883, 4.75199511472142344 52.7497705660567533, 4.76183387152185578 52.74888202257110947, 4.7603181141643951 52.74277136148644729, 4.7603181141643951 52.74277136148644729)))</t>
  </si>
  <si>
    <t>MultiPolygon (((4.74363774782685166 52.74330942337776662, 4.74979630741949066 52.74277435662228442, 4.74920636902796822 52.73503205995667287, 4.75648021907151186 52.73371934217754387, 4.75644998241779859 52.73363971128709693, 4.75545366970985484 52.73065764140537226, 4.7488920700776962 52.73126217363014945, 4.7454271714990881 52.73316829306474318, 4.74200803458921083 52.73357086183089848, 4.74263983806599221 52.73557773099317814, 4.73898751262178042 52.73600439094187209, 4.74022682380320237 52.74023037273175873, 4.74318674333052748 52.73988900251066525, 4.74283788377075233 52.73772295984878866, 4.74446740434105418 52.7375246477311066, 4.74612204017910422 52.73800169186534958, 4.7462324009962531 52.74081245235301196, 4.74373846479703776 52.74276580466821684, 4.7417829511353089 52.74300500991378016, 4.74095139824691536 52.74291157946111497, 4.74052946059794422 52.7413393506316126, 4.73584496074592121 52.74188929703831974, 4.73726937952806271 52.74382392904733763, 4.74251915195824569 52.74425214434580766, 4.74363774782685166 52.74330942337776662, 4.74363774782685166 52.74330942337776662)))</t>
  </si>
  <si>
    <t>MultiPolygon (((4.75545436230385565 52.74114524217581845, 4.76130470059556732 52.74041771406937329, 4.76045356976247547 52.73796585484450361, 4.75763114960504474 52.73857719999688243, 4.75757238228256085 52.74010618743530898, 4.75626562671058473 52.7402569002565329, 4.75564803531305014 52.73862211449184656, 4.7607382061870922 52.73484522976524858, 4.75648021907151186 52.73371934217754387, 4.74920636902796822 52.73503205995667287, 4.74979630741949066 52.74277435662228442, 4.75545436230385565 52.74114524217581845)))</t>
  </si>
  <si>
    <t>MultiPolygon (((4.77510305241234434 52.73721439955482992, 4.77486629279814601 52.73637541191506273, 4.77689559103201411 52.73612564482117904, 4.77641005191775925 52.73321045616387437, 4.77336418369568616 52.73360112017240908, 4.77281842982769344 52.73196276585385078, 4.77632942026022711 52.73250344526307742, 4.77913819759107383 52.731277224368867, 4.78280057317233531 52.73025078963902246, 4.78176890445705727 52.72986670901796913, 4.77881225518661257 52.73134687810648558, 4.77768986686490837 52.72856184871456975, 4.77540623914205398 52.72880958611300883, 4.775910045248005 52.73091643659504513, 4.75644998241779859 52.73363971128709693, 4.75648021907151186 52.73371934217754387, 4.7607382061870922 52.73484522976524858, 4.76360000212181856 52.73327351035288757, 4.76832426176215751 52.73271484630205208, 4.76884165903864687 52.73309453174805128, 4.76923575954501633 52.7342916390227785, 4.76476018029620541 52.73655148988872554, 4.76543672152938314 52.73881566903671114, 4.77510305241234434 52.73721439955482992)))</t>
  </si>
  <si>
    <t>MultiPolygon (((4.70323370139949315 52.73271950788402762, 4.704006892254748 52.7326689290633368, 4.71016639771554946 52.73171701887741136, 4.70514225510788631 52.72573386095680092, 4.70138141360117245 52.72557764044000805, 4.70284648622532853 52.72225741268245969, 4.70498698788301617 52.7210492972700564, 4.70433542133578531 52.72042185534239422, 4.6903520652830526 52.73262236473501474, 4.69070190003919407 52.73332612503832451, 4.69445520147401663 52.73401671296964111, 4.70323370139949315 52.73271950788402762)))</t>
  </si>
  <si>
    <t>MultiPolygon (((4.73411064912536172 52.73567001642054919, 4.7339758274391226 52.73523132806975866, 4.73710569682719917 52.73418867262292054, 4.74200803458921083 52.73357086183089848, 4.7454271714990881 52.73316829306474318, 4.7488920700776962 52.73126217363014945, 4.75545366970985484 52.73065764140537226, 4.77540623914205398 52.72880958611300883, 4.77768986686490837 52.72856184871456975, 4.77290181722195417 52.7199819981318285, 4.77045945222160306 52.70872462530306279, 4.77068716268426662 52.70148683050630467, 4.76964702154674747 52.69879348866673752, 4.76848474136710099 52.69841984288572689, 4.76742508109886298 52.69820597290095066, 4.75184723027804079 52.69707220239060774, 4.73431474208199354 52.69280603204811797, 4.73203651975140094 52.69280908641352568, 4.72885382060110082 52.69140378592108931, 4.72522229850725761 52.69384960068942547, 4.72059877116016668 52.6971166961128219, 4.7192100232996772 52.6990959372129808, 4.71786314313528887 52.70263798823788193, 4.71970731317346903 52.70388748008351598, 4.71858841984226629 52.70650307225372444, 4.72098077234094493 52.70718056165011234, 4.72065252789453904 52.70920106221989698, 4.7144794095732756 52.7129200205962718, 4.71121353972291157 52.71665442786531486, 4.71155371943604973 52.7187754430374298, 4.70743284171784548 52.72107369035835234, 4.70498698788301617 52.7210492972700564, 4.70284648622532853 52.72225741268245969, 4.70138141360117245 52.72557764044000805, 4.70514225510788631 52.72573386095680092, 4.71016639771554946 52.73171701887741136, 4.704006892254748 52.7326689290633368, 4.70867958302609413 52.7342417113771873, 4.70952046040633121 52.73549769132394971, 4.71575749960154589 52.73433551797864283, 4.71726026483936156 52.73576281745526018, 4.72147994689596828 52.73445664428827939, 4.72056569844907514 52.73338781864179481, 4.72404668677308059 52.73235636756803046, 4.72624810221380365 52.73344413557952493, 4.72759666351702812 52.73648180326432566, 4.73411064912536172 52.73567001642054919),(4.74327745542378842 52.73151753589016266, 4.73759356322579439 52.73165952990530059, 4.73613826773535163 52.72676376674437648, 4.72728985095973986 52.72728042147371497, 4.72871349926829154 52.72656064485920524, 4.73227734389398602 52.72234533211246799, 4.72606069696746278 52.72226915391292579, 4.72596961748326017 52.71925619575542754, 4.72735838837142097 52.71248999183399064, 4.72902955578388795 52.7115786214762494, 4.73294086067099773 52.7114757374784233, 4.73490073363123543 52.71393362754174916, 4.73948222291008658 52.71658853771602793, 4.74523672373942862 52.7163098148150624, 4.74652098233405084 52.7193908740524293, 4.74765136108094321 52.72485632374834097, 4.74936848899775832 52.72804906776463696, 4.74503367287681677 52.73179358314030907, 4.74409606830825048 52.73226890289262769, 4.74327745542378842 52.73151753589016266)))</t>
  </si>
  <si>
    <t>MultiPolygon (((4.73880552930647259 52.71804519541680634, 4.73948222291008658 52.71658853771602793, 4.73490073363123543 52.71393362754174916, 4.73294086067099773 52.7114757374784233, 4.72902955578388795 52.7115786214762494, 4.72735838837142097 52.71248999183399064, 4.72596961748326017 52.71925619575542754, 4.7339536171392389 52.71991195225969307, 4.73880552930647259 52.71804519541680634, 4.73880552930647259 52.71804519541680634)))</t>
  </si>
  <si>
    <t>MultiPolygon (((4.73613826773535163 52.72676376674437648, 4.73392627859187431 52.72230971054096216, 4.73227734389398602 52.72234533211246799, 4.72871349926829154 52.72656064485920524, 4.72728985095973986 52.72728042147371497, 4.73613826773535163 52.72676376674437648)))</t>
  </si>
  <si>
    <t>MultiPolygon (((4.71155371943604973 52.7187754430374298, 4.71121353972291157 52.71665442786531486, 4.7144794095732756 52.7129200205962718, 4.72065252789453904 52.70920106221989698, 4.72098077234094493 52.70718056165011234, 4.71858841984226629 52.70650307225372444, 4.71970731317346903 52.70388748008351598, 4.71786314313528887 52.70263798823788193, 4.71580713125219741 52.71004728350089152, 4.7104685244965987 52.71452967368750819, 4.70698528991038501 52.71870353749218907, 4.70433542133578531 52.72042185534239422, 4.70498698788301617 52.7210492972700564, 4.70743284171784548 52.72107369035835234, 4.71155371943604973 52.7187754430374298, 4.71155371943604973 52.7187754430374298)))</t>
  </si>
  <si>
    <t>MultiPolygon (((4.74652098233405084 52.7193908740524293, 4.74523672373942862 52.7163098148150624, 4.73948222291008658 52.71658853771602793, 4.73880552930647259 52.71804519541680634, 4.73845626246168727 52.71946299110342693, 4.74652098233405084 52.7193908740524293, 4.74652098233405084 52.7193908740524293)))</t>
  </si>
  <si>
    <t>MultiPolygon (((4.74765136108094321 52.72485632374834097, 4.74652098233405084 52.7193908740524293, 4.73845626246168727 52.71946299110342693, 4.73801874298310111 52.72281963188387977, 4.73939423511000246 52.7255071857555464, 4.74765136108094321 52.72485632374834097, 4.74765136108094321 52.72485632374834097)))</t>
  </si>
  <si>
    <t>MultiPolygon (((4.74503367287681677 52.73179358314030907, 4.74936848899775832 52.72804906776463696, 4.74765136108094321 52.72485632374834097, 4.73939423511000246 52.7255071857555464, 4.74065144579162645 52.7278951444603905, 4.7424545115129213 52.72857247321228868, 4.74327745542378842 52.73151753589016266, 4.74409606830825048 52.73226890289262769, 4.74503367287681677 52.73179358314030907)))</t>
  </si>
  <si>
    <t>MultiPolygon (((4.73227734389398602 52.72234533211246799, 4.73392627859187431 52.72230971054096216, 4.7339536171392389 52.71991195225969307, 4.72596961748326017 52.71925619575542754, 4.72606069696746278 52.72226915391292579, 4.73227734389398602 52.72234533211246799)))</t>
  </si>
  <si>
    <t>MultiPolygon (((4.74327745542378842 52.73151753589016266, 4.7424545115129213 52.72857247321228868, 4.74065144579162645 52.7278951444603905, 4.73939423511000246 52.7255071857555464, 4.73801874298310111 52.72281963188387977, 4.73845626246168727 52.71946299110342693, 4.73880552930647259 52.71804519541680634, 4.7339536171392389 52.71991195225969307, 4.73392627859187431 52.72230971054096216, 4.73613826773535163 52.72676376674437648, 4.73759356322579439 52.73165952990530059, 4.74327745542378842 52.73151753589016266)))</t>
  </si>
  <si>
    <t>MultiPolygon (((4.74126484701852924 52.75434528649407184, 4.73726937952806271 52.74382392904733763, 4.73584496074592121 52.74188929703831974, 4.73411064912536172 52.73567001642054919, 4.72759666351702812 52.73648180326432566, 4.72624810221380365 52.73344413557952493, 4.72404668677308059 52.73235636756803046, 4.72056569844907514 52.73338781864179481, 4.72147994689596828 52.73445664428827939, 4.71726026483936156 52.73576281745526018, 4.71575749960154589 52.73433551797864283, 4.70952046040633121 52.73549769132394971, 4.70867958302609413 52.7342417113771873, 4.704006892254748 52.7326689290633368, 4.70323370139949315 52.73271950788402762, 4.7061803815536809 52.73415189082069077, 4.70499462174458483 52.73830762816596973, 4.71064834719750714 52.73813354582787127, 4.71535893665172345 52.74075485343784209, 4.72245462154027873 52.74939897621588614, 4.72361530353121228 52.75448601941449311, 4.72530712982432277 52.75696844747101011, 4.74126484701852924 52.75434528649407184, 4.74126484701852924 52.75434528649407184)))</t>
  </si>
  <si>
    <t>MultiPolygon (((4.74960990503068281 52.76191939337477521, 4.75193618362146086 52.76183740242000653, 4.75176573019733972 52.76041035235369492, 4.75126632801364668 52.75477585241158351, 4.75253077132698998 52.75206756296795874, 4.75199511472142344 52.7497705660567533, 4.75120205116695882 52.74678529798401883, 4.74907732986685094 52.74697677144568786, 4.74733765074842218 52.74363188205991548, 4.74251915195824569 52.74425214434580766, 4.73726937952806271 52.74382392904733763, 4.74126484701852924 52.75434528649407184, 4.7435557501912351 52.76077352081534144, 4.74570615987963507 52.76313799168232066, 4.74960990503068281 52.76191939337477521)))</t>
  </si>
  <si>
    <t>MultiPolygon (((4.79132372271052098 52.76574260487298318, 4.79579973247953184 52.76501317349567444, 4.79376453912398492 52.76202867640530059, 4.79112938315991421 52.76301928507005101, 4.78991679447241836 52.76419581586021224, 4.78510912315389358 52.76508118890754417, 4.77605551476911572 52.75984425413786738, 4.77954881303769241 52.75666715126983775, 4.76730610591597603 52.7511876622638809, 4.76706397599284504 52.75072203787950542, 4.76403404295204425 52.75124462046155571, 4.75996490855719312 52.75307084698001603, 4.75693386107273763 52.75599345762568504, 4.75633107318213177 52.76133674943361029, 4.7547117153393339 52.76268314149735517, 4.75382231318242265 52.76256846443243376, 4.75094205240272416 52.76762812382403212, 4.75537592398627496 52.76865260969882598, 4.76988369452651906 52.7704548572804697, 4.77349101183043167 52.76740789601731052, 4.78310976940265498 52.77123071727187664, 4.79132372271052098 52.76574260487298318)))</t>
  </si>
  <si>
    <t>MultiPolygon (((4.77518901915079219 52.77740206285709235, 4.7774120957647197 52.77468838414507246, 4.78310976940265498 52.77123071727187664, 4.77349101183043167 52.76740789601731052, 4.76988369452651906 52.7704548572804697, 4.75537592398627496 52.76865260969882598, 4.75290123558651612 52.77119081286942759, 4.74906903546017034 52.77073932777702225, 4.74640846846835718 52.77283086550293945, 4.74735902814823252 52.77392211345781448, 4.75405049122506185 52.77484096830117721, 4.75848532914481659 52.77647494723734667, 4.76081471287633029 52.77603409148812119, 4.76563723924450322 52.77635193934004576, 4.77463919148322447 52.77945712106905773, 4.77518901915079219 52.77740206285709235)))</t>
  </si>
  <si>
    <t>MultiPolygon (((4.75432630650661636 52.75529211865010382, 4.75612436143138773 52.75266327783889153, 4.75957748924013391 52.75244456963183382, 4.76385675750234938 52.75092614405578217, 4.76348755514718025 52.74942684929578007, 4.76476828555602605 52.74929120308924979, 4.76500509999866928 52.75024691498467888, 4.76460442494025216 52.74862740160509134, 4.76183387152185578 52.74888202257110947, 4.75199511472142344 52.7497705660567533, 4.75253077132698998 52.75206756296795874, 4.75126632801364668 52.75477585241158351, 4.75176573019733972 52.76041035235369492, 4.7551780335835927 52.76009752379171402, 4.75432630650661636 52.75529211865010382)),((4.74307342633000051 52.76980221348562594, 4.74802731505901843 52.76969637582966044, 4.75094205240272416 52.76762812382403212, 4.75382231318242265 52.76256846443243376, 4.75193618362146086 52.76183740242000653, 4.74960990503068281 52.76191939337477521, 4.74570615987963507 52.76313799168232066, 4.7435557501912351 52.76077352081534144, 4.74126484701852924 52.75434528649407184, 4.72530712982432277 52.75696844747101011, 4.72727703579653014 52.76112379357615367, 4.72587905198724378 52.76194031292462228, 4.72718421530000654 52.76271555359498677, 4.73510761499539701 52.7706813107561814, 4.74112932830307532 52.77541043679941879, 4.74137418952072043 52.77536244896520401, 4.73957701724606029 52.77094268683489275, 4.74307342633000051 52.76980221348562594)))</t>
  </si>
  <si>
    <t>MultiPolygon (((4.75633107318213177 52.76133674943361029, 4.75693386107273763 52.75599345762568504, 4.75996490855719312 52.75307084698001603, 4.76403404295204425 52.75124462046155571, 4.76706397599284504 52.75072203787950542, 4.76587089753407422 52.75029822050146322, 4.76500509999866928 52.75024691498467888, 4.76476828555602605 52.74929120308924979, 4.76348755514718025 52.74942684929578007, 4.76385675750234938 52.75092614405578217, 4.75957748924013391 52.75244456963183382, 4.75612436143138773 52.75266327783889153, 4.75432630650661636 52.75529211865010382, 4.7551780335835927 52.76009752379171402, 4.75176573019733972 52.76041035235369492, 4.75193618362146086 52.76183740242000653, 4.75382231318242265 52.76256846443243376, 4.7547117153393339 52.76268314149735517, 4.75633107318213177 52.76133674943361029, 4.75633107318213177 52.76133674943361029)))</t>
  </si>
  <si>
    <t>MultiPolygon (((4.7447633256334294 52.77401738543699139, 4.74735902814823252 52.77392211345781448, 4.74640846846835718 52.77283086550293945, 4.74906903546017034 52.77073932777702225, 4.75290123558651612 52.77119081286942759, 4.75537592398627496 52.76865260969882598, 4.75094205240272416 52.76762812382403212, 4.74802731505901843 52.76969637582966044, 4.74307342633000051 52.76980221348562594, 4.73957701724606029 52.77094268683489275, 4.74137418952072043 52.77536244896520401, 4.74244496727938536 52.77558957291506658, 4.7447633256334294 52.77401738543699139)))</t>
  </si>
  <si>
    <t>MultiPolygon (((4.69592029074070716 52.77196228644556442, 4.68210915128392102 52.7546006916349981, 4.68852181034293469 52.73433053147832084, 4.68982236031640554 52.73299196833669811, 4.68689717629797187 52.73264591828834824, 4.68352860846783514 52.73353650939900206, 4.68102120795326471 52.73767519579084251, 4.67889489745437004 52.7391685920497153, 4.67136957549246468 52.74053799834283751, 4.66243456952969915 52.74673576085888271, 4.68464753875165218 52.77386450496832992, 4.68553087098273569 52.77494255300494075, 4.69592029074070716 52.77196228644556442)))</t>
  </si>
  <si>
    <t>MultiPolygon (((4.71554861844598427 52.76729917802999381, 4.71505866227563342 52.76660233023071811, 4.71754241459475843 52.76553181695114603, 4.72718421530000654 52.76271555359498677, 4.72587905198724378 52.76194031292462228, 4.72727703579653014 52.76112379357615367, 4.72530712982432277 52.75696844747101011, 4.72361530353121228 52.75448601941449311, 4.72245462154027873 52.74939897621588614, 4.71535893665172345 52.74075485343784209, 4.71064834719750714 52.73813354582787127, 4.70499462174458483 52.73830762816596973, 4.7061803815536809 52.73415189082069077, 4.70323370139949315 52.73271950788402762, 4.69445520147401663 52.73401671296964111, 4.69070190003919407 52.73332612503832451, 4.6903520652830526 52.73262236473501474, 4.68982236031640554 52.73299196833669811, 4.68852181034293469 52.73433053147832084, 4.68210915128392102 52.7546006916349981, 4.69592029074070716 52.77196228644556442, 4.69660234290809342 52.77295095745072473, 4.71554861844598427 52.76729917802999381),(4.70341098620003883 52.74958005479706458, 4.69913573868421341 52.75085174782751096, 4.69798571099154305 52.74931047071502377, 4.69800563731017728 52.74861828519907903, 4.7008363117512344 52.7477868799001115, 4.70090171343728702 52.74641529155174169, 4.6994382620852706 52.74453799700237511, 4.70031022503581841 52.74428508988704323, 4.70422550748519264 52.74715979591297099, 4.70787913431496552 52.75153800217965738, 4.70577174407106646 52.75216568192090705, 4.70341098620003883 52.74958005479706458)))</t>
  </si>
  <si>
    <t>MultiPolygon (((4.70577174407106646 52.75216568192090705, 4.70787913431496552 52.75153800217965738, 4.70422550748519264 52.74715979591297099, 4.70031022503581841 52.74428508988704323, 4.6994382620852706 52.74453799700237511, 4.70090171343728702 52.74641529155174169, 4.7008363117512344 52.7477868799001115, 4.69800563731017728 52.74861828519907903, 4.69798571099154305 52.74931047071502377, 4.69913573868421341 52.75085174782751096, 4.70341098620003883 52.74958005479706458, 4.70577174407106646 52.75216568192090705, 4.70577174407106646 52.75216568192090705)))</t>
  </si>
  <si>
    <t>MultiPolygon (((4.79807189629672948 52.80911742734600978, 4.79012360007263727 52.80805462986619858, 4.78310164029725193 52.80312131821820998, 4.77703989608602608 52.80006033386155906, 4.75387904091284952 52.80980661254363184, 4.73728064731827381 52.81095660973620909, 4.73858023577696041 52.81273646102944497, 4.74145797773094557 52.81136694969681855, 4.77223568929135666 52.82558951936773184, 4.79807189629672948 52.80911742734600978, 4.79807189629672948 52.80911742734600978)))</t>
  </si>
  <si>
    <t>MultiPolygon (((4.74661577572751092 52.82502962361365206, 4.73858023577696041 52.81273646102944497, 4.73728064731827381 52.81095660973620909, 4.7288444019751612 52.80564686722699719, 4.71958851894267895 52.80111011202736648, 4.70095575098327956 52.81049884324589527, 4.71053254336728777 52.82202461576452635, 4.71441718940675525 52.81957936193578007, 4.71623387755176449 52.81731735245249837, 4.72893601536215691 52.81748827800345936, 4.74589744080810139 52.82528547411983766, 4.74661577572751092 52.82502962361365206, 4.74661577572751092 52.82502962361365206)))</t>
  </si>
  <si>
    <t>MultiPolygon (((4.75387904091284952 52.80980661254363184, 4.77703989608602608 52.80006033386155906, 4.77365401759788899 52.79699547488682043, 4.76378452850531531 52.79349018924995107, 4.7510763324118388 52.78764081593588742, 4.73095507432535367 52.79548962179120508, 4.71958851894267895 52.80111011202736648, 4.7288444019751612 52.80564686722699719, 4.73728064731827381 52.81095660973620909, 4.75387904091284952 52.80980661254363184),(4.75924762604537932 52.80345201057579629, 4.75569623234830186 52.80354543575733572, 4.75184636448382491 52.80471443925773656, 4.74970497454503882 52.80247038549382665, 4.75437602154826155 52.79871034405745434, 4.75673761611372381 52.80006767654361255, 4.76680951246916784 52.79672736738457672, 4.76799093903902182 52.79786520482985424, 4.76613238450646914 52.80282153727329586, 4.763305099346133 52.80409964620460528, 4.76390067971607589 52.80495786159416127, 4.75924762604537932 52.80345201057579629)))</t>
  </si>
  <si>
    <t>MultiPolygon (((4.76390067971607589 52.80495786159416127, 4.763305099346133 52.80409964620460528, 4.76613238450646914 52.80282153727329586, 4.76799093903902182 52.79786520482985424, 4.76680951246916784 52.79672736738457672, 4.75673761611372381 52.80006767654361255, 4.75437602154826155 52.79871034405745434, 4.74970497454503882 52.80247038549382665, 4.75184636448382491 52.80471443925773656, 4.75569623234830186 52.80354543575733572, 4.75924762604537932 52.80345201057579629, 4.76390067971607589 52.80495786159416127, 4.76390067971607589 52.80495786159416127)))</t>
  </si>
  <si>
    <t>MultiPolygon (((5.19148462175915437 52.00454982391552505, 5.25414113117101067 51.98607068774270346, 5.2714075570710861 51.98114487104232495, 5.2712683273438854 51.98105067188978978, 5.26659114751315016 51.97626289531356747, 5.25627113766840104 51.97094139916173106, 5.24652374464525018 51.97749823602176633, 5.24227038343074803 51.97872971840214973, 5.23686707713955357 51.97875747724224738, 5.23300666795376923 51.97755042297188055, 5.22991251974994409 51.97564895890623404, 5.22395686557219996 51.96781407986483003, 5.21905841235895984 51.96342762199711984, 5.2134702286494905 51.96066604396972366, 5.19739513605963754 51.97785362369432249, 5.19231779951030425 51.99057574494681688, 5.19487303420674884 51.99075395736070249, 5.19743921431737377 51.98931923842420133, 5.19728457567474944 51.9887888660086972, 5.20703249928647072 51.98665128928291779, 5.21127983708193554 51.98407908150657875, 5.21974267897520505 51.98166887930061364, 5.22465789534492409 51.97850375337197448, 5.2292625922664957 51.97959273702198857, 5.22955656062061447 51.98043207954805212, 5.22629092334674006 51.9825009678283223, 5.21336345083074626 51.98724641266509394, 5.20497125838180352 51.98907676076764517, 5.20099636894960238 51.99173510693060507, 5.19793419620584096 51.99120627707731046, 5.19286828179399951 51.99220454035834393, 5.19135286342692837 51.99319758760039889, 5.18971679746085712 51.99750758965391384, 5.18526657621357412 52.00581875639005602, 5.19148462175915437 52.00454982391552505)))</t>
  </si>
  <si>
    <t>MultiPolygon (((5.13099327762607782 52.02472380866456803, 5.14602492601732031 52.01542110094689519, 5.15209853362394377 52.0127599958931981, 5.18526657621357412 52.00581875639005602, 5.18971679746085712 51.99750758965391384, 5.18623080803254943 51.9981303881363246, 5.18414821152580796 51.99694840283476083, 5.17998057781840426 51.99741646467681022, 5.1814295273870119 51.99877945579390826, 5.1763672452666647 51.99584342020205696, 5.17644998606965245 51.99400974558049171, 5.17803337960487475 51.99287579738486187, 5.17994469674149904 51.99397769475402242, 5.18430732160301488 51.99335742305074604, 5.18630398219479716 51.99187554030076797, 5.18923550618492868 51.99123329314085851, 5.19147346174833224 51.99217618248173522, 5.19231779951030425 51.99057574494681688, 5.19739513605963754 51.97785362369432249, 5.2134702286494905 51.96066604396972366, 5.21343545446068823 51.96065326802143858, 5.20598881987772533 51.95943248301824724, 5.19884547501797645 51.96019776986567962, 5.18972066342238492 51.96291421715979908, 5.18022665608033872 51.96744832552887772, 5.17272194954825348 51.96961731859572353, 5.16095343949703622 51.97047005498546213, 5.15460357852895612 51.97176615573452807, 5.14971369198154516 51.97427134804362936, 5.14688318417958612 51.97681740212748025, 5.14361058193994758 51.98414935028085893, 5.14622040439483186 51.98415338234985228, 5.14767229732230103 51.98315163501967362, 5.1504861990068127 51.98254947257059655, 5.15920905802787466 51.98288118638063082, 5.16093919077829089 51.98585936664462537, 5.16355056748626673 51.98671695866352138, 5.1653914589479264 51.98948064354712528, 5.16400838140099872 51.99008566753143867, 5.16665509232731246 51.99217252628852748, 5.16106570589583757 51.99453906606458986, 5.16252348929586802 52.00216093075157175, 5.13896269903674696 52.01197552773895438, 5.12556909497863256 52.01668645513393585, 5.12838627310562245 52.02478110734598005, 5.13099327762607782 52.02472380866456803)))</t>
  </si>
  <si>
    <t>MultiPolygon (((5.19793419620584096 51.99120627707731046, 5.20099636894960238 51.99173510693060507, 5.20497125838180352 51.98907676076764517, 5.21336345083074626 51.98724641266509394, 5.22629092334674006 51.9825009678283223, 5.22955656062061447 51.98043207954805212, 5.2292625922664957 51.97959273702198857, 5.22465789534492409 51.97850375337197448, 5.21974267897520505 51.98166887930061364, 5.21127983708193554 51.98407908150657875, 5.20703249928647072 51.98665128928291779, 5.19728457567474944 51.9887888660086972, 5.19743921431737377 51.98931923842420133, 5.19487303420674884 51.99075395736070249, 5.19231779951030425 51.99057574494681688, 5.19147346174833224 51.99217618248173522, 5.19135286342692837 51.99319758760039889, 5.19286828179399951 51.99220454035834393, 5.19793419620584096 51.99120627707731046, 5.19793419620584096 51.99120627707731046)))</t>
  </si>
  <si>
    <t>MultiPolygon (((5.17998057781840426 51.99741646467681022, 5.18414821152580796 51.99694840283476083, 5.18623080803254943 51.9981303881363246, 5.18971679746085712 51.99750758965391384, 5.19135286342692837 51.99319758760039889, 5.19147346174833224 51.99217618248173522, 5.18923550618492868 51.99123329314085851, 5.18630398219479716 51.99187554030076797, 5.18430732160301488 51.99335742305074604, 5.17994469674149904 51.99397769475402242, 5.17803337960487475 51.99287579738486187, 5.17644998606965245 51.99400974558049171, 5.1763672452666647 51.99584342020205696, 5.1814295273870119 51.99877945579390826, 5.17998057781840426 51.99741646467681022)))</t>
  </si>
  <si>
    <t>MultiPolygon (((5.13896269903674696 52.01197552773895438, 5.16252348929586802 52.00216093075157175, 5.16106570589583757 51.99453906606458986, 5.16009571599317063 51.98758887822615549, 5.16093919077829089 51.98585936664462537, 5.15920905802787466 51.98288118638063082, 5.1504861990068127 51.98254947257059655, 5.14767229732230103 51.98315163501967362, 5.14622040439483186 51.98415338234985228, 5.14361058193994758 51.98414935028085893, 5.14359587390420447 51.98421823151058874, 5.14188050806823505 51.99073009106707133, 5.13967676084925351 51.99394323430097131, 5.13386803471061892 51.99668725222335297, 5.12821678686460292 51.99775300103990361, 5.11956321000710179 51.99992413394930679, 5.12082100730550227 52.00332482710949478, 5.12297072782943541 52.00281560036876982, 5.12969315805506465 51.99928266751309991, 5.13246472517028618 51.99880749562925786, 5.13507916997060132 52.00006883545137981, 5.14980402546725902 51.99588102719540927, 5.15272743856059545 51.99707533890997979, 5.15236080259917095 51.99834435107000985, 5.14353236527707658 52.0016488767471543, 5.13310353082556237 52.00444258019702914, 5.12486067973943182 52.00855472666057722, 5.12283660412740449 52.0086067915192416, 5.12556909497863256 52.01668645513393585, 5.13896269903674696 52.01197552773895438)))</t>
  </si>
  <si>
    <t>MultiPolygon (((5.16665509232731246 51.99217252628852748, 5.16400838140099872 51.99008566753143867, 5.1653914589479264 51.98948064354712528, 5.16355056748626673 51.98671695866352138, 5.16093919077829089 51.98585936664462537, 5.16009571599317063 51.98758887822615549, 5.16106570589583757 51.99453906606458986, 5.16665509232731246 51.99217252628852748, 5.16665509232731246 51.99217252628852748)))</t>
  </si>
  <si>
    <t>MultiPolygon (((5.12486067973943182 52.00855472666057722, 5.13310353082556237 52.00444258019702914, 5.14353236527707658 52.0016488767471543, 5.15236080259917095 51.99834435107000985, 5.15272743856059545 51.99707533890997979, 5.14980402546725902 51.99588102719540927, 5.13507916997060132 52.00006883545137981, 5.13246472517028618 51.99880749562925786, 5.12969315805506465 51.99928266751309991, 5.12297072782943541 52.00281560036876982, 5.12082100730550227 52.00332482710949478, 5.12102233658110251 52.00370128517477752, 5.12283660412740449 52.0086067915192416, 5.12486067973943182 52.00855472666057722, 5.12486067973943182 52.00855472666057722)))</t>
  </si>
  <si>
    <t>MultiPolygon (((5.22940845301451152 52.01119299910831018, 5.24319059192980141 51.99879303049291934, 5.24235510608112598 51.99866197442580784, 5.24401843207960816 51.99835073441636268, 5.24354102705060843 51.99761382666048348, 5.24538526662291549 51.99598371887791615, 5.25612985817594236 51.9936106412743797, 5.25332533090842091 51.9923350235584607, 5.25414113117101067 51.98607068774270346, 5.19148462175915437 52.00454982391552505, 5.19145824746839768 52.00538422332149224, 5.19228269578225721 52.00579792262018941, 5.19200431193575529 52.00948187957389024, 5.19310675195211946 52.01116298573400343, 5.19220740112162371 52.01139648672442206, 5.19412767553588761 52.01097877411138626, 5.19556438040766189 52.01419088518690614, 5.20113097821550863 52.01531612855418985, 5.2010148045876905 52.01661491213347688, 5.20216502391662861 52.01744671675862719, 5.21937402328791666 52.01521537652860872, 5.22940845301451152 52.01119299910831018),(5.21064504004217977 52.00171566588232963, 5.21505414537667189 52.00044060598030171, 5.21557086817870275 52.00111459159266047, 5.21224220763916435 52.00519907448418166, 5.21093582494686114 52.00433659133753395, 5.21064504004217977 52.00171566588232963),(5.22081966017822374 52.00229112316530689, 5.22449426632684943 51.997984750712682, 5.22633756503024749 51.99725152018267238, 5.23061570997628777 51.99995462447291317, 5.22899653946050069 52.00205969062386657, 5.22480413634171814 52.00417228806653469, 5.22081966017822374 52.00229112316530689)))</t>
  </si>
  <si>
    <t>MultiPolygon (((5.21224220763916435 52.00519907448418166, 5.21557086817870275 52.00111459159266047, 5.21505414537667189 52.00044060598030171, 5.21064504004217977 52.00171566588232963, 5.21093582494686114 52.00433659133753395, 5.21224220763916435 52.00519907448418166, 5.21224220763916435 52.00519907448418166)))</t>
  </si>
  <si>
    <t>MultiPolygon (((5.22899653946050069 52.00205969062386657, 5.23061570997628777 51.99995462447291317, 5.22633756503024749 51.99725152018267238, 5.22449426632684943 51.997984750712682, 5.22081966017822374 52.00229112316530689, 5.22480413634171814 52.00417228806653469, 5.22899653946050069 52.00205969062386657)))</t>
  </si>
  <si>
    <t>MultiPolygon (((5.17893072607252325 52.04634041117638787, 5.18736748208680165 52.0441234325858062, 5.18949931680103482 52.04331408931587077, 5.1914727121860027 52.04304437746461076, 5.18898463270113641 52.03840462542801504, 5.18954135731365263 52.03698845745508805, 5.19250361682647288 52.03440871944500401, 5.19543250164528825 52.03642691583308277, 5.19944985458859055 52.03371715646056117, 5.20091059868165928 52.03166319309550403, 5.19910316339103051 52.02521889283671896, 5.2002562866718236 52.02284766216434519, 5.20352706927177611 52.02007610052364583, 5.20216502391662861 52.01744671675862719, 5.2010148045876905 52.01661491213347688, 5.20113097821550863 52.01531612855418985, 5.19556438040766189 52.01419088518690614, 5.1957839017500671 52.01626544647589157, 5.19906419184560686 52.01962881536719152, 5.19892762376854467 52.02104758580724564, 5.19404957731658623 52.02564781582699283, 5.19186205489677732 52.02633179813844322, 5.19198510201893537 52.02579569526731262, 5.18698517345567733 52.02540630639199293, 5.18401510510675045 52.02657463200607424, 5.18447153173759112 52.0323967536686709, 5.18539085211790596 52.04197138358508568, 5.18290766715610385 52.04346493845875443, 5.17858167816284798 52.04433353010458063, 5.1741085150384265 52.04416606827685854, 5.16851468311050777 52.04147512274282406, 5.16384467852593154 52.04043652217793436, 5.16074355109508964 52.04551467975812784, 5.17883652695769303 52.04572019975034891, 5.17893072607252325 52.04634041117638787)))</t>
  </si>
  <si>
    <t>MultiPolygon (((5.16074355109508964 52.04551467975812784, 5.16384467852593154 52.04043652217793436, 5.1556592589049135 52.03870345303588607, 5.15139816720459898 52.03840322706695076, 5.15025595535747094 52.03893378789785373, 5.14847179092535967 52.04092884962894772, 5.14499810899162568 52.0430400731539109, 5.14151169365674932 52.04334921922755797, 5.1391732351309134 52.03630760186748461, 5.13658675717100621 52.0309419788063181, 5.13665646845710633 52.02836416501331485, 5.1337516467707669 52.0253204864224017, 5.13069032892056853 52.02686394763829725, 5.13307093986379748 52.03012101972377934, 5.12775051813181459 52.02749032910784877, 5.13270049241618054 52.02481183646440144, 5.13933907356773645 52.02398321828024308, 5.14065436029307854 52.0232396203076064, 5.13766355675217845 52.02140785494820108, 5.14821981414759922 52.01507138739323466, 5.15449690877755007 52.0127101469160138, 5.15779169579406638 52.01451061170432411, 5.15867359820856564 52.01264236248599104, 5.16050187040361052 52.01158806440327709, 5.17466425962934906 52.00875907681405863, 5.1781662854302839 52.0092896147978081, 5.17635525020267639 52.00822775182556512, 5.19145824746839768 52.00538422332149224, 5.19148462175915437 52.00454982391552505, 5.18526657621357412 52.00581875639005602, 5.15209853362394377 52.0127599958931981, 5.14602492601732031 52.01542110094689519, 5.13099327762607782 52.02472380866456803, 5.1217741612125014 52.0304328039100028, 5.12967243766690295 52.04985284889343689, 5.12471797209927171 52.04991543985372004, 5.12683195656895219 52.05491822431142168, 5.145675682031289 52.05255911748378139, 5.14994157890339732 52.05558927050257267, 5.1528086630523644 52.05668804367859082, 5.15303062539772849 52.05675729602533153, 5.16074355109508964 52.04551467975812784, 5.16074355109508964 52.04551467975812784)))</t>
  </si>
  <si>
    <t>MultiPolygon (((5.19220740112162371 52.01139648672442206, 5.19310675195211946 52.01116298573400343, 5.19200431193575529 52.00948187957389024, 5.19228269578225721 52.00579792262018941, 5.19145824746839768 52.00538422332149224, 5.17635525020267639 52.00822775182556512, 5.1781662854302839 52.0092896147978081, 5.18290260774142464 52.01035307248358919, 5.19220740112162371 52.01139648672442206, 5.19220740112162371 52.01139648672442206)))</t>
  </si>
  <si>
    <t>MultiPolygon (((5.18401510510675045 52.02657463200607424, 5.17916178656406956 52.02727044543788537, 5.17853246182861948 52.02847336894573971, 5.17905150409732151 52.03066808043396918, 5.18447153173759112 52.0323967536686709, 5.18401510510675045 52.02657463200607424, 5.18401510510675045 52.02657463200607424)))</t>
  </si>
  <si>
    <t>MultiPolygon (((5.14968660891599583 52.0253027329121025, 5.15222832798629415 52.02446691528100331, 5.15731984261222109 52.0249089225256256, 5.16017733891844976 52.02438445103307885, 5.16290721755084903 52.02323227667856997, 5.16365237274992062 52.02193898633213109, 5.16338692217450657 52.01936497699200146, 5.16146430496159159 52.01916098924908738, 5.15719984270333942 52.02098708685610973, 5.15647101987940992 52.02203770667289007, 5.15040850708343534 52.02393753639321261, 5.14874921626580484 52.02541273081626372, 5.14942507767430957 52.02597510119459656, 5.14968660891599583 52.0253027329121025)))</t>
  </si>
  <si>
    <t>MultiPolygon (((5.14381756139821089 52.03597593612560956, 5.14179842018390154 52.03224644297277734, 5.13857025087311481 52.03066639874086263, 5.13755208026961618 52.02796836785815771, 5.13665646845710633 52.02836416501331485, 5.13658675717100621 52.0309419788063181, 5.1391732351309134 52.03630760186748461, 5.14381756139821089 52.03597593612560956, 5.14381756139821089 52.03597593612560956)))</t>
  </si>
  <si>
    <t>MultiPolygon (((5.15004187776009559 52.01836484462505439, 5.15772467816669966 52.0156797778131903, 5.15779169579406638 52.01451061170432411, 5.15449690877755007 52.0127101469160138, 5.14821981414759922 52.01507138739323466, 5.13766355675217845 52.02140785494820108, 5.14065436029307854 52.0232396203076064, 5.15004187776009559 52.01836484462505439)))</t>
  </si>
  <si>
    <t>MultiPolygon (((5.15040850708343534 52.02393753639321261, 5.15647101987940992 52.02203770667289007, 5.15004187776009559 52.01836484462505439, 5.14065436029307854 52.0232396203076064, 5.13933907356773645 52.02398321828024308, 5.14874921626580484 52.02541273081626372, 5.15040850708343534 52.02393753639321261)))</t>
  </si>
  <si>
    <t>MultiPolygon (((5.15719984270333942 52.02098708685610973, 5.16146430496159159 52.01916098924908738, 5.16338692217450657 52.01936497699200146, 5.15772467816669966 52.0156797778131903, 5.15004187776009559 52.01836484462505439, 5.15647101987940992 52.02203770667289007, 5.15719984270333942 52.02098708685610973, 5.15719984270333942 52.02098708685610973)))</t>
  </si>
  <si>
    <t>MultiPolygon (((5.14179842018390154 52.03224644297277734, 5.14345977382459907 52.02903373671609444, 5.14616967261074088 52.02835648305219252, 5.1489259797980429 52.02627954592566795, 5.14135491834552649 52.02461423153888376, 5.13687368274224454 52.02451564016083552, 5.1337516467707669 52.0253204864224017, 5.13665646845710633 52.02836416501331485, 5.13755208026961618 52.02796836785815771, 5.13857025087311481 52.03066639874086263, 5.14179842018390154 52.03224644297277734, 5.14179842018390154 52.03224644297277734)))</t>
  </si>
  <si>
    <t>MultiPolygon (((5.14499810899162568 52.0430400731539109, 5.14847179092535967 52.04092884962894772, 5.15025595535747094 52.03893378789785373, 5.15021761503434572 52.03798965153262657, 5.14612621687412997 52.03714858277590594, 5.14381756139821089 52.03597593612560956, 5.1391732351309134 52.03630760186748461, 5.14151169365674932 52.04334921922755797, 5.14499810899162568 52.0430400731539109)))</t>
  </si>
  <si>
    <t>MultiPolygon (((5.13069032892056853 52.02686394763829725, 5.1337516467707669 52.0253204864224017, 5.13687368274224454 52.02451564016083552, 5.14135491834552649 52.02461423153888376, 5.1489259797980429 52.02627954592566795, 5.14942507767430957 52.02597510119459656, 5.14874921626580484 52.02541273081626372, 5.13933907356773645 52.02398321828024308, 5.13270049241618054 52.02481183646440144, 5.12775051813181459 52.02749032910784877, 5.13307093986379748 52.03012101972377934, 5.13069032892056853 52.02686394763829725)))</t>
  </si>
  <si>
    <t>MultiPolygon (((5.17916178656406956 52.02727044543788537, 5.18401510510675045 52.02657463200607424, 5.18698517345567733 52.02540630639199293, 5.19198510201893537 52.02579569526731262, 5.19186205489677732 52.02633179813844322, 5.19404957731658623 52.02564781582699283, 5.19892762376854467 52.02104758580724564, 5.19906419184560686 52.01962881536719152, 5.1957839017500671 52.01626544647589157, 5.19556438040766189 52.01419088518690614, 5.19412767553588761 52.01097877411138626, 5.19220740112162371 52.01139648672442206, 5.18290260774142464 52.01035307248358919, 5.18282773240273542 52.01050215502438334, 5.18761986540859699 52.01132899586467317, 5.19241581010570741 52.01178492212809346, 5.19418590368542166 52.01253763673287267, 5.19520510599750818 52.0166994500624682, 5.1970651411486859 52.01859798606216145, 5.19851260511019397 52.02053764473635766, 5.19439077116928427 52.02496713683203922, 5.19183615042446611 52.02541481784853517, 5.18878044933142579 52.02499807516697672, 5.18844445076863181 52.02451745950092743, 5.18413192593539929 52.0256593196488879, 5.17961213613088667 52.02663007997053768, 5.17864477851668958 52.02726505526915446, 5.17916178656406956 52.02727044543788537, 5.17916178656406956 52.02727044543788537)))</t>
  </si>
  <si>
    <t>MultiPolygon (((5.1882370797319961 52.01920100047273365, 5.18909754955287728 52.01892490563430727, 5.18869546511308055 52.01202431262154136, 5.18761986540859699 52.01132899586467317, 5.18282773240273542 52.01050215502438334, 5.18020858255137018 52.0155096561175796, 5.18019422278451636 52.01553733237155797, 5.18269632503094435 52.01770202301871393, 5.1882370797319961 52.01920100047273365, 5.1882370797319961 52.01920100047273365)))</t>
  </si>
  <si>
    <t>MultiPolygon (((5.1970651411486859 52.01859798606216145, 5.19520510599750818 52.0166994500624682, 5.19418590368542166 52.01253763673287267, 5.19241581010570741 52.01178492212809346, 5.18761986540859699 52.01132899586467317, 5.18869546511308055 52.01202431262154136, 5.18909754955287728 52.01892490563430727, 5.18957254818091851 52.0189670399359656, 5.1970651411486859 52.01859798606216145, 5.1970651411486859 52.01859798606216145)))</t>
  </si>
  <si>
    <t>MultiPolygon (((5.19439077116928427 52.02496713683203922, 5.19851260511019397 52.02053764473635766, 5.1970651411486859 52.01859798606216145, 5.18957254818091851 52.0189670399359656, 5.18828391505384978 52.02116854857816719, 5.18895090206061838 52.02278122886973932, 5.18844445076863181 52.02451745950092743, 5.18878044933142579 52.02499807516697672, 5.19183615042446611 52.02541481784853517, 5.19439077116928427 52.02496713683203922)))</t>
  </si>
  <si>
    <t>MultiPolygon (((5.17961213613088667 52.02663007997053768, 5.17890630099004223 52.02410927865814472, 5.17982270436399084 52.02236977520920647, 5.18372723137278157 52.0213836724637062, 5.18157821445585398 52.01945368243431034, 5.17849848117525191 52.01847111084131114, 5.17845982979340658 52.01853109218502169, 5.17537207954523293 52.02323917130492248, 5.1742173625285437 52.02496399926114634, 5.17841386392085479 52.0271701899338268, 5.17864477851668958 52.02726505526915446, 5.17961213613088667 52.02663007997053768, 5.17961213613088667 52.02663007997053768)))</t>
  </si>
  <si>
    <t>MultiPolygon (((5.18844445076863181 52.02451745950092743, 5.18895090206061838 52.02278122886973932, 5.18828391505384978 52.02116854857816719, 5.18957254818091851 52.0189670399359656, 5.18909754955287728 52.01892490563430727, 5.1882370797319961 52.01920100047273365, 5.18269632503094435 52.01770202301871393, 5.18157821445585398 52.01945368243431034, 5.18372723137278157 52.0213836724637062, 5.18413192593539929 52.0256593196488879, 5.18844445076863181 52.02451745950092743, 5.18844445076863181 52.02451745950092743)))</t>
  </si>
  <si>
    <t>MultiPolygon (((5.18413192593539929 52.0256593196488879, 5.18372723137278157 52.0213836724637062, 5.17982270436399084 52.02236977520920647, 5.17890630099004223 52.02410927865814472, 5.17961213613088667 52.02663007997053768, 5.18413192593539929 52.0256593196488879, 5.18413192593539929 52.0256593196488879)))</t>
  </si>
  <si>
    <t>MultiPolygon (((5.16464781963136854 52.02192239156914155, 5.16490454379263486 52.02148725668446616, 5.16367717278855842 52.01886696428279322, 5.15897892059276408 52.01636292929221383, 5.15840537947145528 52.01397642560800705, 5.16025430750009217 52.01192825700702826, 5.16651905231680431 52.01100853873470697, 5.17472787332349426 52.00899762959346617, 5.1777306300654109 52.00943008977105819, 5.18282773240273542 52.01050215502438334, 5.18290260774142464 52.01035307248358919, 5.1781662854302839 52.0092896147978081, 5.17466425962934906 52.00875907681405863, 5.16050187040361052 52.01158806440327709, 5.15867359820856564 52.01264236248599104, 5.15779169579406638 52.01451061170432411, 5.15772467816669966 52.0156797778131903, 5.16338692217450657 52.01936497699200146, 5.16365237274992062 52.02193898633213109, 5.16464781963136854 52.02192239156914155, 5.16464781963136854 52.02192239156914155)))</t>
  </si>
  <si>
    <t>MultiPolygon (((5.17537207954523293 52.02323917130492248, 5.17424704520734657 52.02348788524093237, 5.17132606472814782 52.01952659749184704, 5.16743190687760823 52.02169132909556737, 5.16490454379263486 52.02148725668446616, 5.16464781963136854 52.02192239156914155, 5.16470758647671513 52.0232221097447578, 5.16544473479102173 52.02311882374451102, 5.1742173625285437 52.02496399926114634, 5.17537207954523293 52.02323917130492248, 5.17537207954523293 52.02323917130492248)))</t>
  </si>
  <si>
    <t>MultiPolygon (((5.18269632503094435 52.01770202301871393, 5.18019422278451636 52.01553733237155797, 5.17849848117525191 52.01847111084131114, 5.18157821445585398 52.01945368243431034, 5.18269632503094435 52.01770202301871393, 5.18269632503094435 52.01770202301871393)))</t>
  </si>
  <si>
    <t>MultiPolygon (((5.17849848117525191 52.01847111084131114, 5.18019422278451636 52.01553733237155797, 5.18020858255137018 52.0155096561175796, 5.17704677134961511 52.01455588813094977, 5.17608890643868147 52.01631643777457725, 5.17681380067582975 52.01790719952099806, 5.17845982979340658 52.01853109218502169, 5.17849848117525191 52.01847111084131114, 5.17849848117525191 52.01847111084131114)))</t>
  </si>
  <si>
    <t>MultiPolygon (((5.17704677134961511 52.01455588813094977, 5.17308429490218646 52.01247527370740897, 5.17644311049273487 52.00966782178622339, 5.1777306300654109 52.00943008977105819, 5.17472787332349426 52.00899762959346617, 5.16651905231680431 52.01100853873470697, 5.17077410532751358 52.01404699023537859, 5.17350183699777411 52.01554933455243912, 5.17608890643868147 52.01631643777457725, 5.17704677134961511 52.01455588813094977, 5.17704677134961511 52.01455588813094977)))</t>
  </si>
  <si>
    <t>MultiPolygon (((5.18282773240273542 52.01050215502438334, 5.1777306300654109 52.00943008977105819, 5.17644311049273487 52.00966782178622339, 5.17308429490218646 52.01247527370740897, 5.17704677134961511 52.01455588813094977, 5.18020858255137018 52.0155096561175796, 5.18282773240273542 52.01050215502438334, 5.18282773240273542 52.01050215502438334)))</t>
  </si>
  <si>
    <t>MultiPolygon (((5.17077410532751358 52.01404699023537859, 5.16651905231680431 52.01100853873470697, 5.16025430750009217 52.01192825700702826, 5.15840537947145528 52.01397642560800705, 5.16772628561051839 52.01517401123692963, 5.17077410532751358 52.01404699023537859)))</t>
  </si>
  <si>
    <t>MultiPolygon (((5.17350183699777411 52.01554933455243912, 5.17077410532751358 52.01404699023537859, 5.16772628561051839 52.01517401123692963, 5.15840537947145528 52.01397642560800705, 5.15897892059276408 52.01636292929221383, 5.16367717278855842 52.01886696428279322, 5.17350183699777411 52.01554933455243912)))</t>
  </si>
  <si>
    <t>MultiPolygon (((5.16743190687760823 52.02169132909556737, 5.17132606472814782 52.01952659749184704, 5.17681380067582975 52.01790719952099806, 5.17608890643868147 52.01631643777457725, 5.17350183699777411 52.01554933455243912, 5.16367717278855842 52.01886696428279322, 5.16490454379263486 52.02148725668446616, 5.16743190687760823 52.02169132909556737, 5.16743190687760823 52.02169132909556737)))</t>
  </si>
  <si>
    <t>MultiPolygon (((5.17537207954523293 52.02323917130492248, 5.17845982979340658 52.01853109218502169, 5.17681380067582975 52.01790719952099806, 5.17132606472814782 52.01952659749184704, 5.17424704520734657 52.02348788524093237, 5.17537207954523293 52.02323917130492248)))</t>
  </si>
  <si>
    <t>MultiPolygon (((5.18290766715610385 52.04346493845875443, 5.18539085211790596 52.04197138358508568, 5.18447153173759112 52.0323967536686709, 5.17905150409732151 52.03066808043396918, 5.17853246182861948 52.02847336894573971, 5.17916178656406956 52.02727044543788537, 5.17864477851668958 52.02726505526915446, 5.17841386392085479 52.0271701899338268, 5.17806274704206171 52.02988501796875909, 5.17903585162993441 52.03131368922786493, 5.1837461848217119 52.03287477744155609, 5.18400708942797639 52.03645696910067642, 5.18454648448298183 52.04139436254093454, 5.18320516032809575 52.04282270470910277, 5.18132945698500524 52.04341247870338805, 5.17514431927514007 52.04389362841980926, 5.1728894516998718 52.04337000913447042, 5.16864217588622132 52.04102073111716464, 5.16389327505452655 52.04035697052015763, 5.16384467852593154 52.04043652217793436, 5.16851468311050777 52.04147512274282406, 5.1741085150384265 52.04416606827685854, 5.17858167816284798 52.04433353010458063, 5.18290766715610385 52.04346493845875443)))</t>
  </si>
  <si>
    <t>MultiPolygon (((5.18044830875779105 52.03564873213947806, 5.18277230358540564 52.03701299584845685, 5.18400708942797639 52.03645696910067642, 5.1837461848217119 52.03287477744155609, 5.17910451691830787 52.03269895256458, 5.1774541719021947 52.03730004181891644, 5.18044830875779105 52.03564873213947806)))</t>
  </si>
  <si>
    <t>MultiPolygon (((5.18400708942797639 52.03645696910067642, 5.18277230358540564 52.03701299584845685, 5.18044830875779105 52.03564873213947806, 5.1774541719021947 52.03730004181891644, 5.17746202903060659 52.03734639857430722, 5.18454648448298183 52.04139436254093454, 5.18400708942797639 52.03645696910067642, 5.18400708942797639 52.03645696910067642)))</t>
  </si>
  <si>
    <t>MultiPolygon (((5.18320516032809575 52.04282270470910277, 5.18454648448298183 52.04139436254093454, 5.17746202903060659 52.03734639857430722, 5.17644111441953125 52.03745064580632373, 5.17640765281988724 52.03838935055075154, 5.18063175561821421 52.04181894105584405, 5.18132945698500524 52.04341247870338805, 5.18320516032809575 52.04282270470910277)))</t>
  </si>
  <si>
    <t>MultiPolygon (((5.18132945698500524 52.04341247870338805, 5.18063175561821421 52.04181894105584405, 5.17640765281988724 52.03838935055075154, 5.17427259401529138 52.04252964673676018, 5.1728894516998718 52.04337000913447042, 5.17514431927514007 52.04389362841980926, 5.18132945698500524 52.04341247870338805)))</t>
  </si>
  <si>
    <t>MultiPolygon (((5.17746202903060659 52.03734639857430722, 5.1774541719021947 52.03730004181891644, 5.17910451691830787 52.03269895256458, 5.1837461848217119 52.03287477744155609, 5.17903585162993441 52.03131368922786493, 5.17806274704206171 52.02988501796875909, 5.17428059437365917 52.02989142919130217, 5.1718867523323766 52.03320658523253428, 5.17193093859693587 52.03551222914798302, 5.17644111441953125 52.03745064580632373, 5.17746202903060659 52.03734639857430722, 5.17746202903060659 52.03734639857430722)))</t>
  </si>
  <si>
    <t>MultiPolygon (((5.17427259401529138 52.04252964673676018, 5.17640765281988724 52.03838935055075154, 5.17644111441953125 52.03745064580632373, 5.17193093859693587 52.03551222914798302, 5.17043570232382077 52.03723940579318707, 5.16864217588622132 52.04102073111716464, 5.1728894516998718 52.04337000913447042, 5.17427259401529138 52.04252964673676018, 5.17427259401529138 52.04252964673676018)))</t>
  </si>
  <si>
    <t>MultiPolygon (((5.16864217588622132 52.04102073111716464, 5.17043570232382077 52.03723940579318707, 5.16646362203914489 52.03652409064229545, 5.16389327505452655 52.04035697052015763, 5.16864217588622132 52.04102073111716464, 5.16864217588622132 52.04102073111716464)))</t>
  </si>
  <si>
    <t>MultiPolygon (((5.1718867523323766 52.03320658523253428, 5.17428059437365917 52.02989142919130217, 5.17806274704206171 52.02988501796875909, 5.17841386392085479 52.0271701899338268, 5.1742173625285437 52.02496399926114634, 5.17116106173644319 52.02951973533352259, 5.16976992426062232 52.03160452685618509, 5.16936618731567687 52.03220059317094126, 5.1686878675388348 52.03320784155751966, 5.1718867523323766 52.03320658523253428, 5.1718867523323766 52.03320658523253428)))</t>
  </si>
  <si>
    <t>MultiPolygon (((5.17043570232382077 52.03723940579318707, 5.17193093859693587 52.03551222914798302, 5.1718867523323766 52.03320658523253428, 5.1686878675388348 52.03320784155751966, 5.16731492121595526 52.03524504478833279, 5.16646362203914489 52.03652409064229545, 5.17043570232382077 52.03723940579318707, 5.17043570232382077 52.03723940579318707)))</t>
  </si>
  <si>
    <t>MultiPolygon (((5.16731492121595526 52.03524504478833279, 5.1686878675388348 52.03320784155751966, 5.16936618731567687 52.03220059317094126, 5.16470436497183627 52.03392874863895656, 5.16731492121595526 52.03524504478833279, 5.16731492121595526 52.03524504478833279)))</t>
  </si>
  <si>
    <t>MultiPolygon (((5.16389327505452655 52.04035697052015763, 5.1583063275561063 52.03913909073585842, 5.15094481108319791 52.03775107491146912, 5.14640896381830881 52.03676171849969734, 5.14235642975609064 52.03198524915826084, 5.14285204124183792 52.03061348327013746, 5.14509924866922219 52.02959307008863732, 5.15109415927479652 52.02540705484732797, 5.15324155603058376 52.02485170127147995, 5.15962543064384782 52.02502995740793068, 5.16007560095750328 52.02554550538123834, 5.15995571440622136 52.02511185682388373, 5.16334462790137572 52.02375989500156805, 5.16449920612963176 52.02418249489998914, 5.1637115603614534 52.02370860426500343, 5.16470758647671513 52.0232221097447578, 5.16464781963136854 52.02192239156914155, 5.16365237274992062 52.02193898633213109, 5.16290721755084903 52.02323227667856997, 5.16017733891844976 52.02438445103307885, 5.15731984261222109 52.0249089225256256, 5.15222832798629415 52.02446691528100331, 5.14968660891599583 52.0253027329121025, 5.14942507767430957 52.02597510119459656, 5.1489259797980429 52.02627954592566795, 5.14616967261074088 52.02835648305219252, 5.14345977382459907 52.02903373671609444, 5.14179842018390154 52.03224644297277734, 5.14381756139821089 52.03597593612560956, 5.14612621687412997 52.03714858277590594, 5.15021761503434572 52.03798965153262657, 5.15025595535747094 52.03893378789785373, 5.15139816720459898 52.03840322706695076, 5.1556592589049135 52.03870345303588607, 5.16384467852593154 52.04043652217793436, 5.16389327505452655 52.04035697052015763, 5.16389327505452655 52.04035697052015763)))</t>
  </si>
  <si>
    <t>MultiPolygon (((5.14756481160729162 52.03548899141021877, 5.15072983058008216 52.03482803537240642, 5.15422886062317964 52.03286605635985751, 5.14658095223001499 52.03137642303924792, 5.14509924866922219 52.02959307008863732, 5.14285204124183792 52.03061348327013746, 5.14235642975609064 52.03198524915826084, 5.14640896381830881 52.03676171849969734, 5.14756481160729162 52.03548899141021877)))</t>
  </si>
  <si>
    <t>MultiPolygon (((5.15616327716243195 52.03352079542719366, 5.15545621633447038 52.03309749468974132, 5.15422886062317964 52.03286605635985751, 5.15072983058008216 52.03482803537240642, 5.14756481160729162 52.03548899141021877, 5.14640896381830881 52.03676171849969734, 5.15094481108319791 52.03775107491146912, 5.15616327716243195 52.03352079542719366, 5.15616327716243195 52.03352079542719366)))</t>
  </si>
  <si>
    <t>MultiPolygon (((5.15545621633447038 52.03309749468974132, 5.15534745041158349 52.03189641168683011, 5.15179415259430584 52.02793878955935014, 5.15408495154571167 52.026562685049484, 5.15109415927479652 52.02540705484732797, 5.14509924866922219 52.02959307008863732, 5.14658095223001499 52.03137642303924792, 5.15422886062317964 52.03286605635985751, 5.15545621633447038 52.03309749468974132, 5.15545621633447038 52.03309749468974132)))</t>
  </si>
  <si>
    <t>MultiPolygon (((5.15534745041158349 52.03189641168683011, 5.1558489685405906 52.02965022800671591, 5.15750089767407704 52.02912743850107802, 5.16007560095750328 52.02554550538123834, 5.15962543064384782 52.02502995740793068, 5.15324155603058376 52.02485170127147995, 5.15109415927479652 52.02540705484732797, 5.15408495154571167 52.026562685049484, 5.15179415259430584 52.02793878955935014, 5.15534745041158349 52.03189641168683011, 5.15534745041158349 52.03189641168683011)))</t>
  </si>
  <si>
    <t>MultiPolygon (((5.1742173625285437 52.02496399926114634, 5.16544473479102173 52.02311882374451102, 5.1668077856809278 52.02724181645585588, 5.17013587028275001 52.02831719754247786, 5.17116106173644319 52.02951973533352259, 5.1742173625285437 52.02496399926114634, 5.1742173625285437 52.02496399926114634)))</t>
  </si>
  <si>
    <t>MultiPolygon (((5.16646362203914489 52.03652409064229545, 5.16731492121595526 52.03524504478833279, 5.16470436497183627 52.03392874863895656, 5.16331310605333549 52.03403351232327623, 5.16006418374158837 52.0342545497193214, 5.1583063275561063 52.03913909073585842, 5.16389327505452655 52.04035697052015763, 5.16646362203914489 52.03652409064229545, 5.16646362203914489 52.03652409064229545)))</t>
  </si>
  <si>
    <t>MultiPolygon (((5.16006418374158837 52.0342545497193214, 5.15616327716243195 52.03352079542719366, 5.15094481108319791 52.03775107491146912, 5.1583063275561063 52.03913909073585842, 5.16006418374158837 52.0342545497193214)))</t>
  </si>
  <si>
    <t>MultiPolygon (((5.16470436497183627 52.03392874863895656, 5.16936618731567687 52.03220059317094126, 5.16976992426062232 52.03160452685618509, 5.16364563083829342 52.02949109958419882, 5.16187186884192073 52.02966285430375137, 5.16331310605333549 52.03403351232327623, 5.16470436497183627 52.03392874863895656, 5.16470436497183627 52.03392874863895656)))</t>
  </si>
  <si>
    <t>MultiPolygon (((5.16331310605333549 52.03403351232327623, 5.16187186884192073 52.02966285430375137, 5.16008436245861102 52.02933789819191901, 5.15735607659254391 52.029984660581718, 5.15674994418763166 52.02965968772070937, 5.15750089767407704 52.02912743850107802, 5.1558489685405906 52.02965022800671591, 5.15534745041158349 52.03189641168683011, 5.15545621633447038 52.03309749468974132, 5.15616327716243195 52.03352079542719366, 5.16006418374158837 52.0342545497193214, 5.16331310605333549 52.03403351232327623, 5.16331310605333549 52.03403351232327623)))</t>
  </si>
  <si>
    <t>MultiPolygon (((5.17116106173644319 52.02951973533352259, 5.17013587028275001 52.02831719754247786, 5.1668077856809278 52.02724181645585588, 5.16544473479102173 52.02311882374451102, 5.16470758647671513 52.0232221097447578, 5.1637115603614534 52.02370860426500343, 5.16449920612963176 52.02418249489998914, 5.16334462790137572 52.02375989500156805, 5.15995571440622136 52.02511185682388373, 5.16007560095750328 52.02554550538123834, 5.15750089767407704 52.02912743850107802, 5.15674994418763166 52.02965968772070937, 5.15735607659254391 52.029984660581718, 5.16008436245861102 52.02933789819191901, 5.16187186884192073 52.02966285430375137, 5.16364563083829342 52.02949109958419882, 5.16976992426062232 52.03160452685618509, 5.17116106173644319 52.02951973533352259, 5.17116106173644319 52.02951973533352259)))</t>
  </si>
  <si>
    <t>MultiPolygon (((6.17009199113694251 52.46892224656849635, 6.1744851135168215 52.46840123778234499, 6.1770588801866575 52.47058121499190264, 6.17802189575837968 52.47063564057787488, 6.18667322772794659 52.46841763521842239, 6.19094968313680827 52.46844095756658533, 6.19385387388011921 52.46804634725496186, 6.19686057799321866 52.46854073714758471, 6.19974678338838103 52.4683966484454416, 6.20241977526449961 52.46874433843849772, 6.20609737932719607 52.46759268171101098, 6.21141855724578917 52.46485455959971489, 6.21424379243794611 52.46461817549615603, 6.21872383176453258 52.46483330605921225, 6.21687860290001559 52.46427908084666569, 6.21455210828561988 52.45732556057475193, 6.21250982791325512 52.45598444848962316, 6.21000383456268779 52.45532758290674735, 6.20736911830274174 52.45305193351384787, 6.20762652445083862 52.45085270187799864, 6.21021223973855463 52.45059954053721896, 6.20894851585259566 52.44815690043401446, 6.19811294033715132 52.44306829548749249, 6.19460950441382163 52.44587025090898891, 6.18663808627811651 52.44796029659694625, 6.17579287335171845 52.44510382612306643, 6.1701949479414413 52.45260639979902351, 6.16602395569462569 52.45201867519391925, 6.16673687967834638 52.45026218773553239, 6.16128140069590291 52.44948804691576782, 6.15768076069875292 52.45354103120506295, 6.1549148375719156 52.45318302574499825, 6.1525832126729707 52.45828591787752515, 6.15239679622414304 52.46107128428853628, 6.14749191505594528 52.4657320155454201, 6.14414574700167826 52.4676647290471152, 6.15131462976467613 52.47108710111164243, 6.15222746676067178 52.47083652177860102, 6.16249545806607113 52.47438835374949662, 6.17009199113694251 52.46892224656849635),(6.17066286999977365 52.46224517303953405, 6.17011500017283776 52.45958654138529198, 6.17723231661032557 52.45511378502978772, 6.17800597348529035 52.45727367309222444, 6.17675865324455575 52.46132422129144857, 6.17540647073720095 52.46210523137060733, 6.17066286999977365 52.46224517303953405)))</t>
  </si>
  <si>
    <t>MultiPolygon (((6.17540647073720095 52.46210523137060733, 6.17675865324455575 52.46132422129144857, 6.17800597348529035 52.45727367309222444, 6.17723231661032557 52.45511378502978772, 6.17011500017283776 52.45958654138529198, 6.17066286999977365 52.46224517303953405, 6.17540647073720095 52.46210523137060733, 6.17540647073720095 52.46210523137060733)))</t>
  </si>
  <si>
    <t>MultiPolygon (((6.1701949479414413 52.45260639979902351, 6.17579287335171845 52.44510382612306643, 6.18663808627811651 52.44796029659694625, 6.19460950441382163 52.44587025090898891, 6.19811294033715132 52.44306829548749249, 6.20928440107016133 52.43314884771204731, 6.21164238014855297 52.42829301688843913, 6.21167928378463685 52.4272747401252559, 6.20989568473274645 52.4253164170923398, 6.20767967571524704 52.42551699305081314, 6.20834175872732885 52.42781553664798366, 6.20648307562243229 52.42820954710688852, 6.19658573218736919 52.42711052960602558, 6.19349344538831481 52.42832420946450611, 6.19258567233433777 52.43096356373980171, 6.19076225975756067 52.43075503559068551, 6.19105806360199207 52.43268985422697881, 6.17742810333355408 52.43114925162773687, 6.16128140069590291 52.44948804691576782, 6.16673687967834638 52.45026218773553239, 6.16602395569462569 52.45201867519391925, 6.1701949479414413 52.45260639979902351),(6.18864283909376756 52.43868755849661056, 6.18981582352579807 52.43586566273378935, 6.19149807728943014 52.43441440704029333, 6.19496944794621029 52.43487814639713207, 6.19563161855877986 52.43561113972746313, 6.19426157434499824 52.43760703316981164, 6.19142810203987359 52.43940897143721003, 6.18864283909376756 52.43868755849661056)))</t>
  </si>
  <si>
    <t>MultiPolygon (((6.19426157434499824 52.43760703316981164, 6.19563161855877986 52.43561113972746313, 6.19496944794621029 52.43487814639713207, 6.19149807728943014 52.43441440704029333, 6.18981582352579807 52.43586566273378935, 6.18864283909376756 52.43868755849661056, 6.19142810203987359 52.43940897143721003, 6.19426157434499824 52.43760703316981164, 6.19426157434499824 52.43760703316981164)))</t>
  </si>
  <si>
    <t>MultiPolygon (((6.23625722622997891 52.46561680620826706, 6.24541330459511368 52.4638749923027774, 6.25428394371065544 52.46283865261592183, 6.26776606295570371 52.45951102812546907, 6.27823841285752771 52.45704316999810857, 6.278637125993348 52.44744013328303822, 6.28994794727193884 52.44644474550348434, 6.28931578248237422 52.44380793115249162, 6.2917134951936653 52.43589499136425758, 6.29158052673883272 52.43588405621957094, 6.29182524488407324 52.43472141355645277, 6.30183410377256159 52.43522848557259408, 6.30226286495400512 52.43144361915562257, 6.30371940022449628 52.43163305032313559, 6.30372942762591748 52.43074973508495873, 6.30166467738468228 52.4304414168712043, 6.29897339539819967 52.43035550358730745, 6.29898675430155652 52.43101748039782706, 6.23229259288210269 52.42237831307721052, 6.23095835077274529 52.42349958398038723, 6.20989568473274645 52.4253164170923398, 6.21167928378463685 52.4272747401252559, 6.21164238014855297 52.42829301688843913, 6.20928440107016133 52.43314884771204731, 6.19811294033715132 52.44306829548749249, 6.20894851585259566 52.44815690043401446, 6.21021223973855463 52.45059954053721896, 6.20762652445083862 52.45085270187799864, 6.20736911830274174 52.45305193351384787, 6.21000383456268779 52.45532758290674735, 6.21250982791325512 52.45598444848962316, 6.21455210828561988 52.45732556057475193, 6.21687860290001559 52.46427908084666569, 6.21872383176453258 52.46483330605921225, 6.23625722622997891 52.46561680620826706),(6.22868221674676725 52.44550953762087886, 6.22561356773229324 52.44484160562092967, 6.22287940634439263 52.44484497819538404, 6.21729188976393843 52.44242404710687566, 6.21789634713080641 52.44033067030773765, 6.22095368581995789 52.43789419189732115, 6.22368342706412303 52.43790744668405068, 6.22630923869499675 52.4376291469809459, 6.23178180361911505 52.43514478531491108, 6.23018737913773801 52.43306158563448349, 6.22666811129512876 52.42970606908940567, 6.23546726587028299 52.42894138880734545, 6.23858911664093263 52.42779427302973261, 6.24266961578692037 52.42895702935428659, 6.24123898728309268 52.43152520167814146, 6.24137294630233885 52.43780300248197079, 6.2368765977129037 52.43991495616128162, 6.2375236817706714 52.44201087818210993, 6.23828769573174569 52.44459674740077304, 6.23090885367470193 52.44698635978573975, 6.22884718728588105 52.44745322779054675, 6.22868221674676725 52.44550953762087886)))</t>
  </si>
  <si>
    <t>MultiPolygon (((6.23090885367470193 52.44698635978573975, 6.23828769573174569 52.44459674740077304, 6.2375236817706714 52.44201087818210993, 6.23474916395887213 52.44051357911731515, 6.23030955615361393 52.443798569950971, 6.22668393899172745 52.44268808642610935, 6.22561356773229324 52.44484160562092967, 6.22868221674676725 52.44550953762087886, 6.22884718728588105 52.44745322779054675, 6.23090885367470193 52.44698635978573975, 6.23090885367470193 52.44698635978573975)))</t>
  </si>
  <si>
    <t>MultiPolygon (((6.22668393899172745 52.44268808642610935, 6.22368342706412303 52.43790744668405068, 6.22095368581995789 52.43789419189732115, 6.21789634713080641 52.44033067030773765, 6.21729188976393843 52.44242404710687566, 6.22287940634439263 52.44484497819538404, 6.22561356773229324 52.44484160562092967, 6.22668393899172745 52.44268808642610935, 6.22668393899172745 52.44268808642610935)))</t>
  </si>
  <si>
    <t>MultiPolygon (((6.2368421904842446 52.43386190417021453, 6.23694154260878442 52.43431392010447212, 6.24123898728309268 52.43152520167814146, 6.24266961578692037 52.42895702935428659, 6.23858911664093263 52.42779427302973261, 6.23546726587028299 52.42894138880734545, 6.22666811129512876 52.42970606908940567, 6.23018737913773801 52.43306158563448349, 6.23344366780874903 52.43313682957587218, 6.2368421904842446 52.43386190417021453, 6.2368421904842446 52.43386190417021453)))</t>
  </si>
  <si>
    <t>MultiPolygon (((6.23474916395887213 52.44051357911731515, 6.23265309513943588 52.43538820554166335, 6.23178180361911505 52.43514478531491108, 6.22630923869499675 52.4376291469809459, 6.22368342706412303 52.43790744668405068, 6.22668393899172745 52.44268808642610935, 6.23030955615361393 52.443798569950971, 6.23474916395887213 52.44051357911731515)))</t>
  </si>
  <si>
    <t>MultiPolygon (((6.2368765977129037 52.43991495616128162, 6.24137294630233885 52.43780300248197079, 6.24123898728309268 52.43152520167814146, 6.23694154260878442 52.43431392010447212, 6.2368421904842446 52.43386190417021453, 6.23344366780874903 52.43313682957587218, 6.23018737913773801 52.43306158563448349, 6.23178180361911505 52.43514478531491108, 6.23265309513943588 52.43538820554166335, 6.23474916395887213 52.44051357911731515, 6.2375236817706714 52.44201087818210993, 6.2368765977129037 52.43991495616128162)))</t>
  </si>
  <si>
    <t>MultiPolygon (((6.23771443410609905 52.38493388093997538, 6.24483136094453073 52.38126930364462197, 6.24606916738778128 52.37907174294569046, 6.25064970926294006 52.37919636893155939, 6.25092001933769215 52.37706762004039973, 6.24718039900036803 52.37651972003362033, 6.24685615569184094 52.37374195211133099, 6.23938115303187057 52.37537327379779839, 6.23974873076059122 52.37278426763884909, 6.23886266750574414 52.37073552371582252, 6.23649736052569548 52.36763897154014558, 6.23268781138899008 52.36657492946925885, 6.23260933914435 52.36379222865947014, 6.24157078309361157 52.36416010327935311, 6.23861728595132625 52.36047805123121179, 6.23852282420555682 52.35820870732030841, 6.24099603014175841 52.35789765110729377, 6.24138774164423005 52.356950442641363, 6.24021703943468165 52.35589126423005268, 6.23664686148305769 52.35502987848484224, 6.23588793007045261 52.3532764130999837, 6.23869802718856548 52.35263963255285802, 6.2341548969042746 52.35047104947980756, 6.22919086783410858 52.34930139734710508, 6.22423530398142688 52.34649642092305299, 6.22296122005656827 52.34723670452917332, 6.19685891301256753 52.35211164097560044, 6.19693951980702185 52.35367529637248651, 6.19529501848401765 52.35546694420315106, 6.19621303304866977 52.35861336706562952, 6.19465839257592776 52.35864594496434421, 6.19071052708059355 52.36175847409657536, 6.19087672593515048 52.36299507845786394, 6.18896241438457739 52.36426568854867014, 6.18849868036545558 52.37092697349449111, 6.18945583764554907 52.37574588359957772, 6.19546725188680902 52.37417504203549612, 6.19669045340713609 52.37221442572579377, 6.20016386748710335 52.37112212625930852, 6.20133716006636426 52.37139477206687133, 6.20147992052361285 52.37412012571424214, 6.20033682432763555 52.37500371797716525, 6.20195922848740899 52.37558034474576374, 6.20197466985026491 52.37586593856746475, 6.20362840602876897 52.37584201232861858, 6.20354197807551877 52.37618882460606073, 6.20831381438082808 52.3783719557034857, 6.23260012367505389 52.38470088986270667, 6.23771443410609905 52.38493388093997538),(6.19556808925552804 52.36521358202101339, 6.19469447146888985 52.36364991436553851, 6.20049744521467172 52.35822302663422079, 6.2030468696788601 52.36027492184490484, 6.20279926744384458 52.36234097963911438, 6.20501021544878295 52.36472670917935091, 6.2009622505944817 52.365557544862817, 6.19556808925552804 52.36521358202101339)))</t>
  </si>
  <si>
    <t>MultiPolygon (((6.20501021544878295 52.36472670917935091, 6.20279926744384458 52.36234097963911438, 6.2030468696788601 52.36027492184490484, 6.20049744521467172 52.35822302663422079, 6.19469447146888985 52.36364991436553851, 6.19556808925552804 52.36521358202101339, 6.2009622505944817 52.365557544862817, 6.20501021544878295 52.36472670917935091, 6.20501021544878295 52.36472670917935091)))</t>
  </si>
  <si>
    <t>MultiPolygon (((6.30051050148013125 52.36363181407207179, 6.31816893901354604 52.35935649533459468, 6.318749687745151 52.36027474211759625, 6.33593937839544363 52.35620872361460698, 6.33350186549652694 52.35139833687706812, 6.33620623885080914 52.34651610018144652, 6.31888143726490092 52.34295713717511234, 6.32037883981481219 52.33943549114611216, 6.31242106704869865 52.33881721052991054, 6.31497319549285496 52.3343095559154321, 6.31541748312407414 52.33136132708694532, 6.30751544634041839 52.33232328282098678, 6.30609772829242132 52.33160499099886209, 6.30811511936592861 52.33046411781931795, 6.31228824339840866 52.33014647030780964, 6.30921015888820946 52.32816891939640414, 6.31074428051858849 52.32352852376180152, 6.31474049739881149 52.31929540146749247, 6.31212923183574137 52.31593454207056482, 6.31291816709516151 52.31410074741834393, 6.30919279382729314 52.31032292329459921, 6.30696226948275207 52.30870234530306817, 6.30502982847191173 52.30897596300717822, 6.30325685317850315 52.3078860380696824, 6.30415036818330776 52.30612178644559407, 6.30730179983619266 52.30582286363191002, 6.30611598018072605 52.30059758036966855, 6.26723856433977922 52.30080467701870361, 6.25564122770115905 52.30580355509655988, 6.23513340130602955 52.31445516230603232, 6.23535499982174635 52.31982019207422496, 6.23584252454011612 52.32838918395712824, 6.23248269635331464 52.32960705161123371, 6.23187843121142837 52.3356128419569302, 6.23566525193126253 52.33990234918222484, 6.22423530398142688 52.34649642092305299, 6.22919086783410858 52.34930139734710508, 6.2341548969042746 52.35047104947980756, 6.23869802718856548 52.35263963255285802, 6.23675356088592814 52.35134259075824303, 6.24622323044729555 52.34586478570057722, 6.24718696442705923 52.34574221470307975, 6.24934259791315139 52.34878915760936735, 6.25249537737389716 52.34698808473686427, 6.25670008792672494 52.34616731001095502, 6.25940156964074657 52.34660675686168219, 6.25888044485831863 52.34889409642598679, 6.27180033807982973 52.35149566169017987, 6.27250178782708723 52.35754498191827366, 6.27497582093219197 52.36097813683732483, 6.27929838014884822 52.36182552864841711, 6.28077019382348833 52.36134413113109787, 6.28054483159842203 52.36056988449516325, 6.28506574701866239 52.36041667940392585, 6.29058196219757182 52.36196689149451799, 6.29256938051298054 52.3646083768341768, 6.30051050148013125 52.36363181407207179, 6.30051050148013125 52.36363181407207179),(6.27651220491180872 52.33777117231370823, 6.27475144792357753 52.33382644419684482, 6.27402977517790283 52.32889246839400244, 6.27617397537711508 52.32712649191208243, 6.2821384510082483 52.32682974012060129, 6.28836833056214317 52.32725504170051778, 6.29238665176288414 52.3305001894932218, 6.29212255050690317 52.33316312931163594, 6.28976507092955739 52.33521028419372811, 6.28171973614286649 52.33794679859942534, 6.27651220491180872 52.33777117231370823)))</t>
  </si>
  <si>
    <t>MultiPolygon (((6.28171973614286649 52.33794679859942534, 6.28976507092955739 52.33521028419372811, 6.29212255050690317 52.33316312931163594, 6.29238665176288414 52.3305001894932218, 6.28836833056214317 52.32725504170051778, 6.2821384510082483 52.32682974012060129, 6.27617397537711508 52.32712649191208243, 6.27402977517790283 52.32889246839400244, 6.27475144792357753 52.33382644419684482, 6.27651220491180872 52.33777117231370823, 6.28171973614286649 52.33794679859942534, 6.28171973614286649 52.33794679859942534)))</t>
  </si>
  <si>
    <t>MultiPolygon (((6.34238794906220704 52.33316926696290494, 6.3453909344471553 52.32919590896275253, 6.3501772637973577 52.32406265552170765, 6.34801589463717342 52.3239231916757106, 6.34579439865474715 52.32072550293731439, 6.34654488871087885 52.31991046869682549, 6.34412644478626042 52.31891916683412802, 6.34635885145938783 52.31782356746253981, 6.34982849200362143 52.31752269483869355, 6.35407928988156723 52.31827060579034594, 6.35483662672669247 52.31939936987688355, 6.3560156718717149 52.31821878454414332, 6.34119378595811245 52.30907848634992519, 6.32652985415941504 52.30163153874811854, 6.30611598018072605 52.30059758036966855, 6.30730179983619266 52.30582286363191002, 6.30415036818330776 52.30612178644559407, 6.30325685317850315 52.3078860380696824, 6.30502982847191173 52.30897596300717822, 6.30696226948275207 52.30870234530306817, 6.30919279382729314 52.31032292329459921, 6.31291816709516151 52.31410074741834393, 6.31212923183574137 52.31593454207056482, 6.31474049739881149 52.31929540146749247, 6.31074428051858849 52.32352852376180152, 6.30921015888820946 52.32816891939640414, 6.31228824339840866 52.33014647030780964, 6.30811511936592861 52.33046411781931795, 6.30609772829242132 52.33160499099886209, 6.30751544634041839 52.33232328282098678, 6.31541748312407414 52.33136132708694532, 6.31497319549285496 52.3343095559154321, 6.31242106704869865 52.33881721052991054, 6.32037883981481219 52.33943549114611216, 6.31888143726490092 52.34295713717511234, 6.33620623885080914 52.34651610018144652, 6.34238794906220704 52.33316926696290494)))</t>
  </si>
  <si>
    <t>MultiPolygon (((6.35483662672669247 52.31939936987688355, 6.35407928988156723 52.31827060579034594, 6.34982849200362143 52.31752269483869355, 6.34635885145938783 52.31782356746253981, 6.34412644478626042 52.31891916683412802, 6.34654488871087885 52.31991046869682549, 6.34579439865474715 52.32072550293731439, 6.34801589463717342 52.3239231916757106, 6.3501772637973577 52.32406265552170765, 6.35483662672669247 52.31939936987688355)))</t>
  </si>
  <si>
    <t>MultiPolygon (((6.3221259873163218 52.40758422005664841, 6.32447107959503896 52.40671872061520276, 6.3256184778862794 52.40198546861699924, 6.32500286390988364 52.40097673849175663, 6.33045898005098184 52.39748547194989925, 6.32910991035766735 52.39687780822126939, 6.33090462302714307 52.39415861430531862, 6.34109564136748727 52.39188862800314439, 6.34117959918534435 52.39325174755400383, 6.3440715197288915 52.39404327504549741, 6.34918058484276759 52.3917800868399226, 6.34901736706134212 52.38897027265537076, 6.35110483426845462 52.38736050407978695, 6.35245920181820711 52.38768063373517236, 6.35385216960561294 52.38606218565545447, 6.35374272732064682 52.38229639059778009, 6.3513554497013196 52.38044558977213683, 6.35726219641774026 52.37703058304909121, 6.34308213948906463 52.37003199050393931, 6.33593937839544363 52.35620872361460698, 6.318749687745151 52.36027474211759625, 6.31816893901354604 52.35935649533459468, 6.30051050148013125 52.36363181407207179, 6.29256938051298054 52.3646083768341768, 6.2934467348287102 52.36548826157259384, 6.28970364983311114 52.36586122069322613, 6.28896611153053708 52.36949365143411939, 6.29025416438902774 52.36977945503680587, 6.29896514372073213 52.37766738712017656, 6.29805748142703248 52.37847944488386531, 6.30092105257211088 52.38309539342012755, 6.29502035686968409 52.38405979841440541, 6.29481998224640105 52.38462895648208217, 6.29129355870072882 52.38592291550884283, 6.28986073609609697 52.38720560265984005, 6.29515002108949684 52.39013837068553414, 6.31821219222661146 52.40797873135313978, 6.3221259873163218 52.40758422005664841),(6.32312465385366274 52.38664114033840491, 6.31768834500100773 52.38347122464863759, 6.31745026403118448 52.38016065441015456, 6.32383186686823073 52.37927836887193678, 6.32543065405626503 52.38260911316150725, 6.3305051642043999 52.38335900539892265, 6.33001575629903712 52.38483997718326179, 6.32832980231660347 52.38460103817123326, 6.32744937446003952 52.3869961274739282, 6.32312465385366274 52.38664114033840491, 6.32312465385366274 52.38664114033840491)))</t>
  </si>
  <si>
    <t>MultiPolygon (((6.32744937446003952 52.3869961274739282, 6.32832980231660347 52.38460103817123326, 6.33001575629903712 52.38483997718326179, 6.3305051642043999 52.38335900539892265, 6.32543065405626503 52.38260911316150725, 6.32383186686823073 52.37927836887193678, 6.31745026403118448 52.38016065441015456, 6.31768834500100773 52.38347122464863759, 6.32312465385366274 52.38664114033840491, 6.32744937446003952 52.3869961274739282, 6.32744937446003952 52.3869961274739282)))</t>
  </si>
  <si>
    <t>MultiPolygon (((6.39031513210373259 52.42814451802502163, 6.40516950131631013 52.41554160167640219, 6.40136435000017645 52.40632752685962004, 6.39447040521780075 52.39220688149746508, 6.38864910938935893 52.38031259916225935, 6.38247465836465366 52.3806493188225275, 6.35726219641774026 52.37703058304909121, 6.3513554497013196 52.38044558977213683, 6.35374272732064682 52.38229639059778009, 6.35385216960561294 52.38606218565545447, 6.35245920181820711 52.38768063373517236, 6.35110483426845462 52.38736050407978695, 6.34901736706134212 52.38897027265537076, 6.34918058484276759 52.3917800868399226, 6.3440715197288915 52.39404327504549741, 6.34117959918534435 52.39325174755400383, 6.34109564136748727 52.39188862800314439, 6.33090462302714307 52.39415861430531862, 6.32910991035766735 52.39687780822126939, 6.33045898005098184 52.39748547194989925, 6.32500286390988364 52.40097673849175663, 6.3256184778862794 52.40198546861699924, 6.32447107959503896 52.40671872061520276, 6.3221259873163218 52.40758422005664841, 6.31821219222661146 52.40797873135313978, 6.32527078597439374 52.41379239579438121, 6.33433114240419126 52.42449119893082354, 6.33710955747721538 52.4277225707690917, 6.34313640838036363 52.42597058464345849, 6.34334499240728267 52.42531017850419772, 6.34940025695520838 52.42485164670397069, 6.350057509883408 52.4264073628220757, 6.35553720897199081 52.42595453468404543, 6.35625440157323141 52.42910436439898092, 6.36831912579610826 52.42775167245004297, 6.38039864277484448 52.42779917523412792, 6.38057274362027194 52.42981614378928867, 6.39031513210373259 52.42814451802502163),(6.36779832497238374 52.40988729026002346, 6.36340202081913642 52.4087242776474227, 6.36266805037657779 52.40682175406745813, 6.35559787764519246 52.40525934498817406, 6.35535908685017503 52.40434068345357588, 6.35724920438170127 52.40115993314899612, 6.3686272140914113 52.40180231752044904, 6.3714632848755226 52.40102907771618135, 6.37195825020514306 52.40779883823822161, 6.37053286794613616 52.41001072602007582, 6.36779832497238374 52.40988729026002346)))</t>
  </si>
  <si>
    <t>MultiPolygon (((6.37195825020514306 52.40779883823822161, 6.3714632848755226 52.40102907771618135, 6.3686272140914113 52.40180231752044904, 6.35724920438170127 52.40115993314899612, 6.35535908685017503 52.40434068345357588, 6.35559787764519246 52.40525934498817406, 6.36266805037657779 52.40682175406745813, 6.36340202081913642 52.4087242776474227, 6.36779832497238374 52.40988729026002346, 6.37053286794613616 52.41001072602007582, 6.37195825020514306 52.40779883823822161, 6.37195825020514306 52.40779883823822161)))</t>
  </si>
  <si>
    <t>MultiPolygon (((6.31894400434296699 52.43206727547580925, 6.32852272586585141 52.42805945988990146, 6.33433114240419126 52.42449119893082354, 6.32527078597439374 52.41379239579438121, 6.31821219222661146 52.40797873135313978, 6.29515002108949684 52.39013837068553414, 6.29385857825925221 52.39084892160541784, 6.29426219850924884 52.39375953891570248, 6.29582576545269035 52.39608176673216633, 6.29833183545687181 52.39725748046211606, 6.29606771060217074 52.39832793382554144, 6.29383279049332067 52.39853266689137001, 6.29500610996513021 52.40004348140880808, 6.2863001877139455 52.40036140490378358, 6.28199151859989069 52.40172078715647785, 6.27460427821852029 52.40372613754421849, 6.2727862670178256 52.40251058440808407, 6.27093607444368484 52.40346753255728629, 6.27025946269038581 52.40368951372592932, 6.27214785636728323 52.40804209357046517, 6.26689040340057435 52.40932512166118329, 6.26551537863476593 52.40614575336821446, 6.26237629703417564 52.40661474623340865, 6.2609857048040487 52.40782399197804153, 6.25906611017752912 52.40701158191335196, 6.26192200468970839 52.40429773517745105, 6.26830962965541971 52.40024660904262532, 6.26404615872447668 52.39426450358634213, 6.2600154309537821 52.38764018235635689, 6.25816760275171724 52.38425818512190801, 6.25889104291591281 52.38101773310692266, 6.26284378761715654 52.37239966733906726, 6.26337040726898397 52.37070445150158093, 6.27756527742765602 52.3722575454742838, 6.28172003357847331 52.37141985600242577, 6.28327603303978943 52.37118389511071825, 6.28175825836305801 52.36961490666605812, 6.28255003515453758 52.36940306435426606, 6.28896611153053708 52.36949365143411939, 6.28970364983311114 52.36586122069322613, 6.2934467348287102 52.36548826157259384, 6.29256938051298054 52.3646083768341768, 6.29058196219757182 52.36196689149451799, 6.28506574701866239 52.36041667940392585, 6.28054483159842203 52.36056988449516325, 6.28077019382348833 52.36134413113109787, 6.27929838014884822 52.36182552864841711, 6.27497582093219197 52.36097813683732483, 6.27250178782708723 52.35754498191827366, 6.27180033807982973 52.35149566169017987, 6.25888044485831863 52.34889409642598679, 6.25940156964074657 52.34660675686168219, 6.25670008792672494 52.34616731001095502, 6.25249537737389716 52.34698808473686427, 6.24934259791315139 52.34878915760936735, 6.24718696442705923 52.34574221470307975, 6.24622323044729555 52.34586478570057722, 6.23675356088592814 52.35134259075824303, 6.23869802718856548 52.35263963255285802, 6.23588793007045261 52.3532764130999837, 6.23664686148305769 52.35502987848484224, 6.24021703943468165 52.35589126423005268, 6.24138774164423005 52.356950442641363, 6.24099603014175841 52.35789765110729377, 6.23852282420555682 52.35820870732030841, 6.23861728595132625 52.36047805123121179, 6.24157078309361157 52.36416010327935311, 6.23260933914435 52.36379222865947014, 6.23268781138899008 52.36657492946925885, 6.23649736052569548 52.36763897154014558, 6.23886266750574414 52.37073552371582252, 6.23974873076059122 52.37278426763884909, 6.23938115303187057 52.37537327379779839, 6.24685615569184094 52.37374195211133099, 6.24718039900036803 52.37651972003362033, 6.25092001933769215 52.37706762004039973, 6.25064970926294006 52.37919636893155939, 6.24606916738778128 52.37907174294569046, 6.24483136094453073 52.38126930364462197, 6.23771443410609905 52.38493388093997538, 6.23260012367505389 52.38470088986270667, 6.20831381438082808 52.3783719557034857, 6.20354197807551877 52.37618882460606073, 6.20362840602876897 52.37584201232861858, 6.20197466985026491 52.37586593856746475, 6.20197123605747969 52.37594039146190994, 6.20249222091220265 52.3762183332262623, 6.20329566166703916 52.37619315509004991, 6.20371533084798266 52.37735199130796104, 6.20270977257818235 52.37713035198888889, 6.20350309455335758 52.37826174195032536, 6.20179399318355706 52.37958618987033077, 6.19867575648552016 52.38031723603160117, 6.20102037223323599 52.38030421121028013, 6.20160677857935472 52.38350773191392307, 6.20729931116658307 52.38264235291966742, 6.20757187503811192 52.38386171030440153, 6.2065205297780599 52.38470566234635584, 6.20235456898408533 52.38518002137705309, 6.20398766333357887 52.38689911208020789, 6.21640337995912162 52.38638792606079164, 6.21844641359202654 52.38527043273342088, 6.22179930933799064 52.38735532296428232, 6.22648951377682103 52.38814263457232556, 6.2297696076879312 52.38972811353223591, 6.23086442022486597 52.3919138713147774, 6.23212002520446795 52.39331292399069895, 6.23198878186528749 52.39479379787260171, 6.23004859667421051 52.3976971979224615, 6.23123294574577091 52.39787950317808196, 6.22598895062436863 52.40316833315984013, 6.22157854240117825 52.40908891112893997, 6.22385544306374783 52.41156207438384484, 6.23095835077274529 52.42349958398038723, 6.23229259288210269 52.42237831307721052, 6.29898675430155652 52.43101748039782706, 6.29897339539819967 52.43035550358730745, 6.30166467738468228 52.4304414168712043, 6.30372942762591748 52.43074973508495873, 6.30371940022449628 52.43163305032313559, 6.3144382071417029 52.43302817687808925, 6.31894400434296699 52.43206727547580925)))</t>
  </si>
  <si>
    <t>MultiPolygon (((6.29896514372073213 52.37766738712017656, 6.29025416438902774 52.36977945503680587, 6.28896611153053708 52.36949365143411939, 6.28255003515453758 52.36940306435426606, 6.28175825836305801 52.36961490666605812, 6.28327603303978943 52.37118389511071825, 6.28172003357847331 52.37141985600242577, 6.28651376969695974 52.37810424646154672, 6.28981091470467302 52.37852013843547638, 6.29896514372073213 52.37766738712017656)))</t>
  </si>
  <si>
    <t>MultiPolygon (((6.29502035686968409 52.38405979841440541, 6.30092105257211088 52.38309539342012755, 6.29805748142703248 52.37847944488386531, 6.29896514372073213 52.37766738712017656, 6.28981091470467302 52.37852013843547638, 6.28651376969695974 52.37810424646154672, 6.28172003357847331 52.37141985600242577, 6.27756527742765602 52.3722575454742838, 6.27829904932123206 52.37672888379986347, 6.27921042143109265 52.38275998584973081, 6.27955348108358358 52.38367414747801831, 6.28737889078267553 52.38260017686842929, 6.29404230516948004 52.38331134275779277, 6.29481998224640105 52.38462895648208217, 6.29502035686968409 52.38405979841440541, 6.29502035686968409 52.38405979841440541)))</t>
  </si>
  <si>
    <t>MultiPolygon (((6.27214785636728323 52.40804209357046517, 6.27025946269038581 52.40368951372592932, 6.27093607444368484 52.40346753255728629, 6.26938641900216176 52.4008895977487299, 6.26830962965541971 52.40024660904262532, 6.26192200468970839 52.40429773517745105, 6.25906611017752912 52.40701158191335196, 6.2609857048040487 52.40782399197804153, 6.26237629703417564 52.40661474623340865, 6.26551537863476593 52.40614575336821446, 6.26689040340057435 52.40932512166118329, 6.27214785636728323 52.40804209357046517, 6.27214785636728323 52.40804209357046517)))</t>
  </si>
  <si>
    <t>MultiPolygon (((6.28199151859989069 52.40172078715647785, 6.28026205165575124 52.39754986236239631, 6.2727862670178256 52.40251058440808407, 6.27460427821852029 52.40372613754421849, 6.28199151859989069 52.40172078715647785, 6.28199151859989069 52.40172078715647785)))</t>
  </si>
  <si>
    <t>MultiPolygon (((6.2727862670178256 52.40251058440808407, 6.28026205165575124 52.39754986236239631, 6.28199151859989069 52.40172078715647785, 6.2863001877139455 52.40036140490378358, 6.28705818163663288 52.39865555711096334, 6.28654728573301469 52.39656395846270698, 6.28364143365905381 52.39572144373867957, 6.2804759092631981 52.39252469471269791, 6.26830962965541971 52.40024660904262532, 6.26938641900216176 52.4008895977487299, 6.27093607444368484 52.40346753255728629, 6.2727862670178256 52.40251058440808407, 6.2727862670178256 52.40251058440808407)))</t>
  </si>
  <si>
    <t>MultiPolygon (((6.29500610996513021 52.40004348140880808, 6.29383279049332067 52.39853266689137001, 6.29088378750285937 52.39464358837027902, 6.28387218946284953 52.39037173280818394, 6.2804759092631981 52.39252469471269791, 6.28364143365905381 52.39572144373867957, 6.28654728573301469 52.39656395846270698, 6.28705818163663288 52.39865555711096334, 6.2863001877139455 52.40036140490378358, 6.29500610996513021 52.40004348140880808)))</t>
  </si>
  <si>
    <t>MultiPolygon (((6.29606771060217074 52.39832793382554144, 6.29833183545687181 52.39725748046211606, 6.29582576545269035 52.39608176673216633, 6.29426219850924884 52.39375953891570248, 6.29385857825925221 52.39084892160541784, 6.29515002108949684 52.39013837068553414, 6.28986073609609697 52.38720560265984005, 6.2892471377365462 52.38699746095579002, 6.28387218946284953 52.39037173280818394, 6.29088378750285937 52.39464358837027902, 6.29383279049332067 52.39853266689137001, 6.29606771060217074 52.39832793382554144, 6.29606771060217074 52.39832793382554144)))</t>
  </si>
  <si>
    <t>MultiPolygon (((6.2892471377365462 52.38699746095579002, 6.28986073609609697 52.38720560265984005, 6.29129355870072882 52.38592291550884283, 6.29481998224640105 52.38462895648208217, 6.29404230516948004 52.38331134275779277, 6.28737889078267553 52.38260017686842929, 6.27955348108358358 52.38367414747801831, 6.28052379060788102 52.3870493410747784, 6.28150114214271049 52.38898216044066913, 6.28387218946284953 52.39037173280818394, 6.2892471377365462 52.38699746095579002)))</t>
  </si>
  <si>
    <t>MultiPolygon (((6.2804759092631981 52.39252469471269791, 6.28387218946284953 52.39037173280818394, 6.28150114214271049 52.38898216044066913, 6.27372444469903812 52.39299276199985655, 6.26810539113640885 52.39309450337484009, 6.26404615872447668 52.39426450358634213, 6.26830962965541971 52.40024660904262532, 6.2804759092631981 52.39252469471269791)))</t>
  </si>
  <si>
    <t>MultiPolygon (((6.27756527742765602 52.3722575454742838, 6.26337040726898397 52.37070445150158093, 6.26284378761715654 52.37239966733906726, 6.27033863005180869 52.37635580651444656, 6.27829904932123206 52.37672888379986347, 6.27756527742765602 52.3722575454742838, 6.27756527742765602 52.3722575454742838)))</t>
  </si>
  <si>
    <t>MultiPolygon (((6.26654516910275561 52.38730368069144561, 6.26782835313592468 52.38496776815594558, 6.26443717745609074 52.38097027832881736, 6.26452477845975508 52.38000236724496972, 6.25889104291591281 52.38101773310692266, 6.25816760275171724 52.38425818512190801, 6.2600154309537821 52.38764018235635689, 6.26654516910275561 52.38730368069144561, 6.26654516910275561 52.38730368069144561)))</t>
  </si>
  <si>
    <t>MultiPolygon (((6.26452477845975508 52.38000236724496972, 6.26479642192183395 52.37923672105410589, 6.26869004323282653 52.37988272256943389, 6.27125427540346436 52.37923934548317817, 6.27033863005180869 52.37635580651444656, 6.26284378761715654 52.37239966733906726, 6.25889104291591281 52.38101773310692266, 6.26452477845975508 52.38000236724496972, 6.26452477845975508 52.38000236724496972)))</t>
  </si>
  <si>
    <t>MultiPolygon (((6.27921042143109265 52.38275998584973081, 6.27829904932123206 52.37672888379986347, 6.27033863005180869 52.37635580651444656, 6.27125427540346436 52.37923934548317817, 6.27485906104865432 52.38338580442159298, 6.27921042143109265 52.38275998584973081, 6.27921042143109265 52.38275998584973081)))</t>
  </si>
  <si>
    <t>MultiPolygon (((6.27160579516195504 52.38717831941342951, 6.2724056843722904 52.38371046284899535, 6.27485906104865432 52.38338580442159298, 6.27125427540346436 52.37923934548317817, 6.26869004323282653 52.37988272256943389, 6.26479642192183395 52.37923672105410589, 6.26452477845975508 52.38000236724496972, 6.26443717745609074 52.38097027832881736, 6.26782835313592468 52.38496776815594558, 6.26654516910275561 52.38730368069144561, 6.27160579516195504 52.38717831941342951, 6.27160579516195504 52.38717831941342951)))</t>
  </si>
  <si>
    <t>MultiPolygon (((6.26810539113640885 52.39309450337484009, 6.26862992259173257 52.39135182412660896, 6.2719403485740246 52.38734737962058574, 6.27160579516195504 52.38717831941342951, 6.26654516910275561 52.38730368069144561, 6.2600154309537821 52.38764018235635689, 6.26404615872447668 52.39426450358634213, 6.26810539113640885 52.39309450337484009, 6.26810539113640885 52.39309450337484009)))</t>
  </si>
  <si>
    <t>MultiPolygon (((6.27372444469903812 52.39299276199985655, 6.28150114214271049 52.38898216044066913, 6.28052379060788102 52.3870493410747784, 6.27633201675584029 52.38779440819745759, 6.27480682750418595 52.38725111680020063, 6.2719403485740246 52.38734737962058574, 6.26862992259173257 52.39135182412660896, 6.26810539113640885 52.39309450337484009, 6.27372444469903812 52.39299276199985655)))</t>
  </si>
  <si>
    <t>MultiPolygon (((6.27633201675584029 52.38779440819745759, 6.28052379060788102 52.3870493410747784, 6.27955348108358358 52.38367414747801831, 6.27921042143109265 52.38275998584973081, 6.27485906104865432 52.38338580442159298, 6.2724056843722904 52.38371046284899535, 6.27160579516195504 52.38717831941342951, 6.2719403485740246 52.38734737962058574, 6.27480682750418595 52.38725111680020063, 6.27633201675584029 52.38779440819745759, 6.27633201675584029 52.38779440819745759)))</t>
  </si>
  <si>
    <t>MultiPolygon (((5.79211201836996192 53.09836137402650991, 5.79440210267928979 53.09561354570206504, 5.7947403157223647 53.09387153807772819, 5.79196911411937609 53.09003056368013773, 5.79262067352152066 53.08551075741632985, 5.79171483215308225 53.08595195418157431, 5.79131311097413093 53.08777583669900935, 5.78676244879981994 53.08832314721246348, 5.78641440613461633 53.08588653268147084, 5.79139547312502767 53.08529497871827374, 5.78599836766610753 53.07938062333269613, 5.78661081551089751 53.07747617790904826, 5.79020538288828934 53.07445897383837519, 5.79484997236368571 53.07485813793054774, 5.80197526277504227 53.0700955411817219, 5.80418155274168335 53.06704707790377284, 5.80670129020244907 53.06556961609532408, 5.7963860355491148 53.05883930184371167, 5.77391237087745246 53.04592169040286365, 5.76984672407838861 53.04584923479464464, 5.77101181042213263 53.04696774246413327, 5.76946893048197129 53.04963302105690559, 5.76681301533141699 53.05054539074033926, 5.763124771023171 53.05662157338071694, 5.76184314235392492 53.06079840426775718, 5.76608380912038765 53.06138817834330723, 5.77505388820215249 53.06664419123093523, 5.77356361553815312 53.07410912516872514, 5.76428273129068636 53.08027617010652222, 5.77100943596923166 53.08107711481481772, 5.77262951585524053 53.08182157664876399, 5.77450238710523678 53.08632836172756697, 5.77294817081772305 53.08748175603040664, 5.77148263506206138 53.08764740907382418, 5.77204160282219458 53.08837983267630278, 5.77138390585581629 53.08910592937193229, 5.77813351783932116 53.0927363012597695, 5.78228738172692047 53.09402577745465379, 5.78204772618990503 53.09454027918978625, 5.78481550365023001 53.09545994572579275, 5.78571500803105732 53.09632255804520895, 5.78648281596183001 53.09601390388005626, 5.78822925659423859 53.09659411212145841, 5.78738027220585938 53.09849667965028885, 5.78809643324511658 53.09840103897863628, 5.79211201836996192 53.09836137402650991)))</t>
  </si>
  <si>
    <t>MultiPolygon (((5.79131311097413093 53.08777583669900935, 5.79171483215308225 53.08595195418157431, 5.79262067352152066 53.08551075741632985, 5.79681770568654819 53.08351711825263664, 5.79675906126373963 53.08176724469059593, 5.79338445635898314 53.07781581213599509, 5.79342599653818091 53.0769114505990558, 5.79609067805137368 53.07574175690718477, 5.8017531991425999 53.07593761920035291, 5.80315890693124636 53.07547231465092352, 5.80415307755572041 53.0742841877302709, 5.80438585357072956 53.07133982156332763, 5.80824273794573287 53.06658876667940916, 5.80670129020244907 53.06556961609532408, 5.80418155274168335 53.06704707790377284, 5.80197526277504227 53.0700955411817219, 5.79484997236368571 53.07485813793054774, 5.79020538288828934 53.07445897383837519, 5.78661081551089751 53.07747617790904826, 5.78599836766610753 53.07938062333269613, 5.79139547312502767 53.08529497871827374, 5.78641440613461633 53.08588653268147084, 5.78676244879981994 53.08832314721246348, 5.79131311097413093 53.08777583669900935)))</t>
  </si>
  <si>
    <t>MultiPolygon (((5.85090001540112059 53.1258897714724867, 5.85110762815912278 53.12423321118590991, 5.8534450253419994 53.1235914438338952, 5.85654113355459138 53.12375292431120499, 5.86071049914175823 53.12596165125854242, 5.86321496710910761 53.1262944501131571, 5.86841361175070375 53.1233013776586489, 5.87042430589319775 53.12042715825627681, 5.87867233598102157 53.11620880398971423, 5.89597006619237352 53.11855289977725647, 5.90941648537066744 53.12145194968071138, 5.91372316801705544 53.11914615293276398, 5.91437785572676411 53.11474880335086368, 5.91639002914128831 53.11214979262304325, 5.91540427011243874 53.10907385346227727, 5.90791857047347158 53.10895576016119435, 5.90004509427626722 53.10796042344733792, 5.89928798370211815 53.10856178150499574, 5.88200581519821419 53.10693947524497815, 5.88435870292082441 53.0997089361545207, 5.88598494771805836 53.09443913607348264, 5.88256645058574978 53.09348829914969059, 5.87836091910565184 53.09096136086225926, 5.88084763911354003 53.0901673425975531, 5.88311886528806571 53.0909755972006181, 5.88311437471388565 53.08896327814526472, 5.87744332811197356 53.08541199806447253, 5.87464327203949388 53.08507016305282633, 5.87278586589436991 53.08511702582050162, 5.85949185985750809 53.08184883022115486, 5.85444182554472725 53.08241379739987309, 5.84476918649982036 53.07957473366586498, 5.8433618985882454 53.0803827311665728, 5.83102417174076137 53.07837500021207688, 5.83016240590646628 53.07959512938229096, 5.81927433472098699 53.07586213324312752, 5.81417880635413908 53.07239321667653087, 5.80824273794573287 53.06658876667940916, 5.80438585357072956 53.07133982156332763, 5.80415307755572041 53.0742841877302709, 5.80315890693124636 53.07547231465092352, 5.8017531991425999 53.07593761920035291, 5.79609067805137368 53.07574175690718477, 5.79342599653818091 53.0769114505990558, 5.79338445635898314 53.07781581213599509, 5.79675906126373963 53.08176724469059593, 5.79681770568654819 53.08351711825263664, 5.80183984632902838 53.0895157886689546, 5.81371409854924082 53.0931968597801216, 5.81316353161395671 53.10210487772452836, 5.80878230600208934 53.10389844826234906, 5.81419310908337028 53.10533873334976107, 5.82023802273859658 53.09404134230898364, 5.82795063484145981 53.07898938575272751, 5.83444094743617292 53.08151106913402373, 5.8447601130449538 53.09108771342059185, 5.84962983853752583 53.09995539307750789, 5.8536612034478761 53.10417766064569633, 5.8379151654637722 53.10272324459123183, 5.83718326325510617 53.09989527282711208, 5.8312928393003034 53.09950102442071085, 5.83035938129464171 53.10327931971760052, 5.82727351126137538 53.10422465014046622, 5.81696596340917083 53.10094087731441448, 5.81488190199419464 53.10515805637094644, 5.81688436257797115 53.10554426670488226, 5.81966187719574002 53.11105195891406083, 5.82845469568445651 53.11964072124975189, 5.83053784177748113 53.12268355746584803, 5.83059058427910237 53.1222390796087609, 5.84260311722717596 53.12166391174817193, 5.84403455193088206 53.1241120004344296, 5.84805658488179958 53.12692522284405783, 5.85090001540112059 53.1258897714724867)))</t>
  </si>
  <si>
    <t>MultiPolygon (((5.84962983853752583 53.09995539307750789, 5.8447601130449538 53.09108771342059185, 5.83444094743617292 53.08151106913402373, 5.82795063484145981 53.07898938575272751, 5.82023802273859658 53.09404134230898364, 5.82034809647807005 53.09409085601596701, 5.81696596340917083 53.10094087731441448, 5.82727351126137538 53.10422465014046622, 5.83035938129464171 53.10327931971760052, 5.8312928393003034 53.09950102442071085, 5.83718326325510617 53.09989527282711208, 5.8379151654637722 53.10272324459123183, 5.8536612034478761 53.10417766064569633, 5.84962983853752583 53.09995539307750789)))</t>
  </si>
  <si>
    <t>MultiPolygon (((5.80878230600208934 53.10389844826234906, 5.81316353161395671 53.10210487772452836, 5.81371409854924082 53.0931968597801216, 5.80183984632902838 53.0895157886689546, 5.79681770568654819 53.08351711825263664, 5.79262067352152066 53.08551075741632985, 5.79196911411937609 53.09003056368013773, 5.7947403157223647 53.09387153807772819, 5.79440210267928979 53.09561354570206504, 5.79211201836996192 53.09836137402650991, 5.78809643324511658 53.09840103897863628, 5.78498884678178626 53.10537467640337184, 5.78628753242399885 53.10717398969792669, 5.7982591033639137 53.10825266618664386, 5.80450861816222119 53.10990578911036408, 5.80878230600208934 53.10389844826234906)))</t>
  </si>
  <si>
    <t>MultiPolygon (((5.80947559427502114 53.12376720112288098, 5.80906994514392405 53.12250979174616106, 5.81626313075873469 53.1250175966586724, 5.81860146599648687 53.12232786062951106, 5.82275906656937003 53.12275726745004079, 5.82570348474255884 53.12477987940591362, 5.83105742202761501 53.12433065079697059, 5.83053784177748113 53.12268355746584803, 5.82845469568445651 53.11964072124975189, 5.81966187719574002 53.11105195891406083, 5.81688436257797115 53.10554426670488226, 5.81488190199419464 53.10515805637094644, 5.80466993499725259 53.12483987295302512, 5.80496282513297057 53.12495374661775571, 5.8073225728876281 53.12602850188518033, 5.80947559427502114 53.12376720112288098)))</t>
  </si>
  <si>
    <t>MultiPolygon (((5.82349386181232198 53.13501872992218011, 5.82623469228141744 53.13388151709237661, 5.83331751399352338 53.13433200995197581, 5.83714103680727892 53.13382473543614992, 5.83105742202761501 53.12433065079697059, 5.82570348474255884 53.12477987940591362, 5.82275906656937003 53.12275726745004079, 5.81860146599648687 53.12232786062951106, 5.81626313075873469 53.1250175966586724, 5.80906994514392405 53.12250979174616106, 5.80947559427502114 53.12376720112288098, 5.8073225728876281 53.12602850188518033, 5.81315927922629339 53.12756133757491739, 5.81661984116556585 53.13470210289732876, 5.82239695488015307 53.13635602934586188, 5.82349386181232198 53.13501872992218011)))</t>
  </si>
  <si>
    <t>MultiPolygon (((5.78162635477452191 53.12529198860729451, 5.78491992768742502 53.12245036704651824, 5.78961669269085633 53.12370444260066904, 5.7941885798752919 53.12400185789872609, 5.79635568511632826 53.12303330551092273, 5.79705386312209558 53.12188605864871249, 5.80466993499725259 53.12483987295302512, 5.81488190199419464 53.10515805637094644, 5.81696596340917083 53.10094087731441448, 5.82034809647807005 53.09409085601596701, 5.82023802273859658 53.09404134230898364, 5.81419310908337028 53.10533873334976107, 5.80878230600208934 53.10389844826234906, 5.80450861816222119 53.10990578911036408, 5.7982591033639137 53.10825266618664386, 5.78628753242399885 53.10717398969792669, 5.78498884678178626 53.10537467640337184, 5.78809643324511658 53.09840103897863628, 5.78738027220585938 53.09849667965028885, 5.78461549379175555 53.09902989710484889, 5.78057230684061452 53.10189420176241271, 5.77696404593428081 53.10345723990518962, 5.77420852707040044 53.10380937865858897, 5.77052037077509361 53.1026918871439193, 5.77022931043104581 53.10350678480192244, 5.76953292851703736 53.10326323550685146, 5.76777930406426798 53.10506383875989656, 5.77034128948882952 53.1061157861223947, 5.76262769878383008 53.10881742844925668, 5.76081264898763834 53.11119495203035967, 5.76264640902151459 53.11163881896218442, 5.76140401823203074 53.11367904493730663, 5.75744894416070441 53.11271550264930141, 5.7565897937885051 53.11578057698213229, 5.7562437058895588 53.12083663105526909, 5.75456309821269052 53.12466293454647825, 5.76859355006427688 53.12460552098075084, 5.76928663073947412 53.12624768618496063, 5.77702441388619814 53.12585754901023449, 5.78162635477452191 53.12529198860729451),(5.79540342434126554 53.12102024656152821, 5.7939025574419567 53.1195322953836353, 5.78883852748486127 53.11866048758238179, 5.78683380733957531 53.12040245943054373, 5.78115229170998823 53.12012148556291891, 5.77920039135419383 53.11558364511554942, 5.78733618117864701 53.11266677091042965, 5.78738475683133125 53.11559088318524857, 5.79669201351378938 53.1205411558254994, 5.79682682231312985 53.12114352086507552, 5.79540342434126554 53.12102024656152821)))</t>
  </si>
  <si>
    <t>MultiPolygon (((5.79669201351378938 53.1205411558254994, 5.78738475683133125 53.11559088318524857, 5.78733618117864701 53.11266677091042965, 5.77920039135419383 53.11558364511554942, 5.78115229170998823 53.12012148556291891, 5.78683380733957531 53.12040245943054373, 5.78883852748486127 53.11866048758238179, 5.7939025574419567 53.1195322953836353, 5.79540342434126554 53.12102024656152821, 5.79682682231312985 53.12114352086507552, 5.79669201351378938 53.1205411558254994, 5.79669201351378938 53.1205411558254994)))</t>
  </si>
  <si>
    <t>MultiPolygon (((5.65411099275434559 53.14350548153205978, 5.65560548490432247 53.1417620688038852, 5.65906633160101258 53.14230272205851691, 5.66277283450959779 53.14109599566133113, 5.66360498857519179 53.13991586795708599, 5.66613363862288821 53.13930239489187102, 5.6682546235290312 53.14010214400497034, 5.67127935023337315 53.13675831396277971, 5.67572905919208015 53.13373218144779742, 5.6800370389002417 53.1285754500963705, 5.66225575643565016 53.11810042935126575, 5.65656531503565496 53.112381717840627, 5.65651011199329723 53.11236547691882492, 5.64641269648123156 53.1163501187953031, 5.64288646174365738 53.12289959777609738, 5.63734790464719193 53.12414909636098059, 5.63748356991440325 53.12714353431121594, 5.6383174294062357 53.12716977062095935, 5.63837142149858117 53.12796901969662855, 5.63729956865175286 53.12807850887033823, 5.63520463829633389 53.12959966543584045, 5.63618325762324979 53.13064591301620254, 5.63199313490017506 53.13301956610585819, 5.63821351763455159 53.13656446405599354, 5.63943816226852057 53.13621003379398644, 5.64482715297026338 53.13780954074405827, 5.64652138213171906 53.13791305498713768, 5.64460137046871857 53.13467993373595988, 5.6458473583599762 53.13213650751968942, 5.64913957015193624 53.13076125977454467, 5.65387645544158524 53.13089008767847332, 5.65467366603765775 53.13296965335823074, 5.65805724764445017 53.13623569727263174, 5.65805226000748362 53.13734265008240243, 5.65695649128767553 53.13800839287719668, 5.65260096670701451 53.1375660191191912, 5.64976366479347902 53.13932375063563285, 5.65412432865704151 53.14163897412191773, 5.65245041339496979 53.14428013244359761, 5.64918276185163393 53.14686265089813588, 5.64968031715824459 53.14761043816965724, 5.65205111149483486 53.14870073049154087, 5.65544766655323272 53.14772744428245943, 5.65646077443963424 53.14603674254388466, 5.65411099275434559 53.14350548153205978)))</t>
  </si>
  <si>
    <t>MultiPolygon (((5.6470407183888085 53.13806292532107989, 5.64810690573290586 53.13837059667705631, 5.64976366479347902 53.13932375063563285, 5.65260096670701451 53.1375660191191912, 5.65695649128767553 53.13800839287719668, 5.65805226000748362 53.13734265008240243, 5.65805724764445017 53.13623569727263174, 5.65467366603765775 53.13296965335823074, 5.65387645544158524 53.13089008767847332, 5.64913957015193624 53.13076125977454467, 5.6458473583599762 53.13213650751968942, 5.64460137046871857 53.13467993373595988, 5.64652138213171906 53.13791305498713768, 5.64707583594595697 53.13798900013611615, 5.6470407183888085 53.13806292532107989)))</t>
  </si>
  <si>
    <t>MultiPolygon (((5.66676618282778755 53.14986556143407626, 5.67538748667430415 53.14626690182636537, 5.67704123970228558 53.14469144403682321, 5.68281975565115705 53.14417724211284622, 5.68502889076296025 53.14522369402141067, 5.68602109219522145 53.14274894885395639, 5.68434341715787372 53.14192079288116588, 5.68753567994087206 53.13755337019706104, 5.68841676344316038 53.13483059851515122, 5.68747007294208196 53.13160217052134016, 5.68597405389978494 53.12986741889255882, 5.68488069773633864 53.12826748778613251, 5.6800370389002417 53.1285754500963705, 5.67572905919208015 53.13373218144779742, 5.67127935023337315 53.13675831396277971, 5.6682546235290312 53.14010214400497034, 5.66613363862288821 53.13930239489187102, 5.66360498857519179 53.13991586795708599, 5.66277283450959779 53.14109599566133113, 5.65906633160101258 53.14230272205851691, 5.65560548490432247 53.1417620688038852, 5.65411099275434559 53.14350548153205978, 5.65646077443963424 53.14603674254388466, 5.65544766655323272 53.14772744428245943, 5.65847189704986775 53.14941841807304002, 5.66332014735503986 53.14982125560372594, 5.66676618282778755 53.14986556143407626)))</t>
  </si>
  <si>
    <t>MultiPolygon (((5.68440060209953391 53.15882611141749692, 5.69125568999908982 53.1545189301484271, 5.69149834469872218 53.15317279659892336, 5.68855730282217742 53.15035085669342152, 5.6911089141939728 53.14822936230248729, 5.68968777694268102 53.14597801678865352, 5.68502889076296025 53.14522369402141067, 5.68281975565115705 53.14417724211284622, 5.67704123970228558 53.14469144403682321, 5.67538748667430415 53.14626690182636537, 5.66676618282778755 53.14986556143407626, 5.66332014735503986 53.14982125560372594, 5.66197361302890201 53.15091994188676949, 5.66281384655143505 53.15232407964131056, 5.66846221095336222 53.15174029447954496, 5.67044746546833878 53.1528853301919213, 5.67358913230069462 53.15624323215300251, 5.67327085611754001 53.15813785046818651, 5.67225381080016877 53.15782095608237512, 5.67170756417683286 53.15843986373347718, 5.67652828555888611 53.15987537916036132, 5.68440060209953391 53.15882611141749692)))</t>
  </si>
  <si>
    <t>MultiPolygon (((5.67729119220293033 53.17639267712372941, 5.67652400266609636 53.17599146016549128, 5.67767471354414521 53.17410199935263648, 5.67640841633425097 53.17101880351889065, 5.67497757642447276 53.17003589766520832, 5.67805236580122141 53.16683382185910034, 5.68331099210367263 53.16541302681612535, 5.68488186286011921 53.16163987738509178, 5.68440060209953391 53.15882611141749692, 5.67652828555888611 53.15987537916036132, 5.67170756417683286 53.15843986373347718, 5.67225381080016877 53.15782095608237512, 5.67327085611754001 53.15813785046818651, 5.67358913230069462 53.15624323215300251, 5.67044746546833878 53.1528853301919213, 5.66846221095336222 53.15174029447954496, 5.66281384655143505 53.15232407964131056, 5.66157721017524818 53.15310426834469126, 5.66190401833701884 53.15496757284064699, 5.65795324193796301 53.15432096380548188, 5.65693419354362792 53.15444187437568502, 5.65665870568764362 53.1554336333199231, 5.65765941485830304 53.15723802928104647, 5.65943523979618135 53.1576235854801169, 5.65808577441185978 53.15873593563551225, 5.65750249190037557 53.15861505551242061, 5.66098523614259008 53.16311268517205946, 5.66029663733929045 53.16427765851776854, 5.65608418750033337 53.1657335204410586, 5.65514013094640244 53.16514204525625331, 5.65353715467113993 53.16592571515833754, 5.65284017187988397 53.1662591861487428, 5.65629269683658098 53.1679610009903314, 5.65870023925679089 53.16831629417329452, 5.66252552429501055 53.17072044162645739, 5.6619649274440107 53.17121109057305972, 5.66264842858212436 53.17183340029068006, 5.66199952118203687 53.17195356425649067, 5.66595988121415317 53.17546975752141947, 5.66823956283898323 53.17502730611742123, 5.66791310172937113 53.17404387485084527, 5.66900611636942386 53.17333283116050069, 5.67283610750943623 53.17532607023554903, 5.67235200807655726 53.17575780025600096, 5.67458635332857408 53.17780789123536778, 5.67729119220293033 53.17639267712372941)))</t>
  </si>
  <si>
    <t>MultiPolygon (((5.6859127096025821 53.1816858022222263, 5.68709595320063688 53.1800389227062027, 5.6926862462551453 53.1799322273185382, 5.69729868821077545 53.17771722270784807, 5.69790133922237096 53.17447904165290851, 5.69929121301975261 53.17370983806337392, 5.70609868020785171 53.17338306285289207, 5.70769478563228283 53.17438948490089246, 5.71324405872037566 53.17522963732825048, 5.71878724162559848 53.16948279808070055, 5.72012720573206668 53.17052726115095851, 5.72375785942021587 53.16997907320620698, 5.72352947105402166 53.1684227352954224, 5.72492474386712313 53.16607900178334489, 5.72297899773859342 53.16631703900150541, 5.71814866692551682 53.16552418204533836, 5.71687536475963132 53.16717968657324178, 5.71255800422062876 53.16809230570199674, 5.70602491520859267 53.16607458898182159, 5.71202904191506722 53.16336161668475313, 5.71606593368772753 53.16375384344996036, 5.71808115983299992 53.1646113073543134, 5.71946784876301972 53.16224139309928631, 5.7217376371632156 53.1627722300490575, 5.7234119899567899 53.16222150635783095, 5.72415367679620957 53.16174888343740434, 5.72358644735945887 53.16112170640702317, 5.72560558149780707 53.1598404460609828, 5.72742152937585303 53.1574384997264815, 5.72469034393617981 53.15636519642032454, 5.7217977765654231 53.15655184821110169, 5.71998477125144955 53.15583735352232964, 5.71646757964493446 53.15735505019391383, 5.7164290963613329 53.16099160090983133, 5.70578191355074704 53.16076238736737736, 5.7021497471008411 53.16177845659000667, 5.68988621661397342 53.16301471598173833, 5.68488186286011921 53.16163987738509178, 5.68331099210367263 53.16541302681612535, 5.67805236580122141 53.16683382185910034, 5.67497757642447276 53.17003589766520832, 5.67640841633425097 53.17101880351889065, 5.67767471354414521 53.17410199935263648, 5.67652400266609636 53.17599146016549128, 5.67729119220293033 53.17639267712372941, 5.67939821684952939 53.17913285511833976, 5.6846420478685511 53.18182584985050454, 5.6859127096025821 53.1816858022222263)))</t>
  </si>
  <si>
    <t>MultiPolygon (((5.71687536475963132 53.16717968657324178, 5.71814866692551682 53.16552418204533836, 5.71787632928376421 53.16550786978537957, 5.71808115983299992 53.1646113073543134, 5.71606593368772753 53.16375384344996036, 5.71202904191506722 53.16336161668475313, 5.70602491520859267 53.16607458898182159, 5.71255800422062876 53.16809230570199674, 5.71687536475963132 53.16717968657324178)))</t>
  </si>
  <si>
    <t>MultiPolygon (((5.68988621661397342 53.16301471598173833, 5.7021497471008411 53.16177845659000667, 5.70578191355074704 53.16076238736737736, 5.7164290963613329 53.16099160090983133, 5.71646757964493446 53.15735505019391383, 5.71998477125144955 53.15583735352232964, 5.7217977765654231 53.15655184821110169, 5.72106508476777087 53.15262647893175796, 5.71673519544234576 53.15089927251855073, 5.71720322648330814 53.14830420499335162, 5.71861845208944253 53.14830093681053569, 5.71854473497598548 53.1464683676281453, 5.72095399599788834 53.14682337316702387, 5.72418776510740379 53.14598909573560803, 5.72761320459733447 53.1415142928232811, 5.72826299309622389 53.13820455149625843, 5.72709036017990769 53.13633463225899334, 5.73108918137514944 53.13604428117654521, 5.73381441044011275 53.13650593771120612, 5.73928690051312351 53.13549260322490397, 5.73761299302201966 53.13358314647692282, 5.73564940960948544 53.13316516403853029, 5.73147089188777059 53.13384183968622665, 5.72278700499104609 53.13644184391584702, 5.71448737660908979 53.13674941513929895, 5.71287771741888051 53.13627886443767778, 5.71094369750865294 53.13458435378851874, 5.70471353129531167 53.13422280640859441, 5.70221119450186631 53.13610407493947463, 5.69792268570123284 53.1363318072669486, 5.69425000227059108 53.13473648809483763, 5.69254108424679561 53.13312129355925606, 5.69544329176609132 53.12904662248380561, 5.69437330567715616 53.12696949400515933, 5.69157347402452807 53.12736344810279832, 5.69223254378205556 53.12884844537833828, 5.68597405389978494 53.12986741889255882, 5.68747007294208196 53.13160217052134016, 5.68841676344316038 53.13483059851515122, 5.68753567994087206 53.13755337019706104, 5.68434341715787372 53.14192079288116588, 5.68602109219522145 53.14274894885395639, 5.68502889076296025 53.14522369402141067, 5.68968777694268102 53.14597801678865352, 5.6911089141939728 53.14822936230248729, 5.68855730282217742 53.15035085669342152, 5.69149834469872218 53.15317279659892336, 5.69125568999908982 53.1545189301484271, 5.68440060209953391 53.15882611141749692, 5.68488186286011921 53.16163987738509178, 5.68988621661397342 53.16301471598173833),(5.71164449199692648 53.14836650756742387, 5.70389287067743744 53.14606610007881926, 5.70351839587364218 53.14451310555529062, 5.70526158052653898 53.14317409767794942, 5.70824555607706685 53.14250512371799573, 5.7139527290926786 53.14250766576279261, 5.71563802136035015 53.14304051760419156, 5.71530486392703718 53.14739505847993684, 5.71415202082038842 53.14830746586771681, 5.71164449199692648 53.14836650756742387)))</t>
  </si>
  <si>
    <t>MultiPolygon (((5.71415202082038842 53.14830746586771681, 5.71530486392703718 53.14739505847993684, 5.71563802136035015 53.14304051760419156, 5.7139527290926786 53.14250766576279261, 5.70824555607706685 53.14250512371799573, 5.70526158052653898 53.14317409767794942, 5.70351839587364218 53.14451310555529062, 5.70389287067743744 53.14606610007881926, 5.71164449199692648 53.14836650756742387, 5.71415202082038842 53.14830746586771681, 5.71415202082038842 53.14830746586771681)))</t>
  </si>
  <si>
    <t>MultiPolygon (((5.73312902133120073 53.16255146880546789, 5.74161276533513742 53.16009819320176888, 5.75288157916766885 53.15984675700925521, 5.75639000412599877 53.16084583270861685, 5.75600414988972453 53.16291985278189713, 5.76032231567439013 53.16322320039316907, 5.76087380731414989 53.16113079509629102, 5.76561020448991624 53.16140711878973235, 5.76536304575204017 53.15448513771573147, 5.75527309419534294 53.15464056732170661, 5.75119384395005007 53.15556036866506417, 5.74869412637706834 53.1555075416563767, 5.74887727208330102 53.15432168978574623, 5.74612974716972857 53.154264623900076, 5.73934028726669432 53.15487129762865948, 5.73948362545443569 53.15559640761225779, 5.73556701138799152 53.15558611173212, 5.73531976029943991 53.1531435647075412, 5.72982283123337499 53.15016945347526445, 5.71861845208944253 53.14830093681053569, 5.71720322648330814 53.14830420499335162, 5.71673519544234576 53.15089927251855073, 5.72106508476777087 53.15262647893175796, 5.7217977765654231 53.15655184821110169, 5.72469034393617981 53.15636519642032454, 5.72742152937585303 53.1574384997264815, 5.72560558149780707 53.1598404460609828, 5.73312902133120073 53.16255146880546789, 5.73312902133120073 53.16255146880546789)))</t>
  </si>
  <si>
    <t>MultiPolygon (((5.75637452157462892 53.17330727118548594, 5.76361367547342862 53.16897350717322013, 5.76561020448991624 53.16140711878973235, 5.76087380731414989 53.16113079509629102, 5.76032231567439013 53.16322320039316907, 5.75600414988972453 53.16291985278189713, 5.75639000412599877 53.16084583270861685, 5.75288157916766885 53.15984675700925521, 5.74161276533513742 53.16009819320176888, 5.73312902133120073 53.16255146880546789, 5.72560558149780707 53.1598404460609828, 5.72358644735945887 53.16112170640702317, 5.72415367679620957 53.16174888343740434, 5.7234119899567899 53.16222150635783095, 5.7217376371632156 53.1627722300490575, 5.71946784876301972 53.16224139309928631, 5.71808115983299992 53.1646113073543134, 5.71787632928376421 53.16550786978537957, 5.71814866692551682 53.16552418204533836, 5.72297899773859342 53.16631703900150541, 5.72492474386712313 53.16607900178334489, 5.72833393364682308 53.16792455574623233, 5.72821699042301979 53.16978523603918205, 5.73134566362426057 53.17074327755157981, 5.73238298596939888 53.16938870294391961, 5.73332591582666407 53.16947362182467174, 5.73481268818416545 53.1714742112041634, 5.73778614527587827 53.17254669954565571, 5.75637452157462892 53.17330727118548594)))</t>
  </si>
  <si>
    <t>MultiPolygon (((5.73948362545443569 53.15559640761225779, 5.73934028726669432 53.15487129762865948, 5.74612974716972857 53.154264623900076, 5.74887727208330102 53.15432168978574623, 5.74869412637706834 53.1555075416563767, 5.75119384395005007 53.15556036866506417, 5.75527309419534294 53.15464056732170661, 5.76536304575204017 53.15448513771573147, 5.76493802251753351 53.15354494743433378, 5.76355369039798582 53.14896301876429163, 5.76427273178949484 53.14298678617182503, 5.75608039473070487 53.13044020251793853, 5.73761299302201966 53.13358314647692282, 5.73928690051312351 53.13549260322490397, 5.73381441044011275 53.13650593771120612, 5.73108918137514944 53.13604428117654521, 5.72709036017990769 53.13633463225899334, 5.72826299309622389 53.13820455149625843, 5.72761320459733447 53.1415142928232811, 5.72418776510740379 53.14598909573560803, 5.72095399599788834 53.14682337316702387, 5.71854473497598548 53.1464683676281453, 5.71861845208944253 53.14830093681053569, 5.72982283123337499 53.15016945347526445, 5.73531976029943991 53.1531435647075412, 5.73556701138799152 53.15558611173212, 5.73948362545443569 53.15559640761225779),(5.73562014330670689 53.14724504366370184, 5.73438854190454439 53.14631858096262107, 5.73562786726410234 53.14414041381789389, 5.73789116735556615 53.14310943126533715, 5.74175874288371979 53.14253194076122355, 5.74808741683723756 53.14465167372470944, 5.75029428916182717 53.14655954517775882, 5.75106791119731753 53.14880365445891641, 5.74824603951864521 53.150408856054014, 5.73562014330670689 53.14724504366370184)))</t>
  </si>
  <si>
    <t>MultiPolygon (((5.74824603951864521 53.150408856054014, 5.75106791119731753 53.14880365445891641, 5.75029428916182717 53.14655954517775882, 5.74808741683723756 53.14465167372470944, 5.74175874288371979 53.14253194076122355, 5.73789116735556615 53.14310943126533715, 5.73562786726410234 53.14414041381789389, 5.73438854190454439 53.14631858096262107, 5.73562014330670689 53.14724504366370184, 5.74824603951864521 53.150408856054014, 5.74824603951864521 53.150408856054014)))</t>
  </si>
  <si>
    <t>MultiPolygon (((5.73147089188777059 53.13384183968622665, 5.73564940960948544 53.13316516403853029, 5.73761299302201966 53.13358314647692282, 5.75608039473070487 53.13044020251793853, 5.75456309821269052 53.12466293454647825, 5.75150892664810698 53.12553388305083502, 5.75150760597431177 53.12651590966994064, 5.74667084202915035 53.12606712994350033, 5.73617876098674273 53.12190220853219813, 5.7371536123724507 53.12083578473453116, 5.73382664254250596 53.12023363726212466, 5.73055981600163378 53.12053911489405778, 5.72512387242328735 53.12359452847292829, 5.72113855327016552 53.12050108336063658, 5.7183927665489378 53.11972894853047222, 5.70986634651749014 53.11960298687320403, 5.70793887365970942 53.1196987961842737, 5.7006126911825179 53.11577500543795338, 5.69610810134347734 53.11994190471070709, 5.69544042204397361 53.12299764228437482, 5.69336688308299799 53.1229146479552341, 5.69561653521759403 53.12682589590713889, 5.69437330567715616 53.12696949400515933, 5.69544329176609132 53.12904662248380561, 5.69254108424679561 53.13312129355925606, 5.69425000227059108 53.13473648809483763, 5.69792268570123284 53.1363318072669486, 5.70221119450186631 53.13610407493947463, 5.70471353129531167 53.13422280640859441, 5.71094369750865294 53.13458435378851874, 5.71287771741888051 53.13627886443767778, 5.71448737660908979 53.13674941513929895, 5.72278700499104609 53.13644184391584702, 5.73147089188777059 53.13384183968622665),(5.70983175372710949 53.12372324143404967, 5.71607394576502692 53.12387474964248213, 5.72045632422537764 53.12517120433097517, 5.72399077169855097 53.12710507934210113, 5.72581025806244703 53.13128005679664057, 5.72379373204809294 53.13251063030214993, 5.7151985339676612 53.13335498907498788, 5.70983175372710949 53.12372324143404967)))</t>
  </si>
  <si>
    <t>MultiPolygon (((5.72379373204809294 53.13251063030214993, 5.72581025806244703 53.13128005679664057, 5.72399077169855097 53.12710507934210113, 5.72045632422537764 53.12517120433097517, 5.71607394576502692 53.12387474964248213, 5.70983175372710949 53.12372324143404967, 5.7151985339676612 53.13335498907498788, 5.72379373204809294 53.13251063030214993)))</t>
  </si>
  <si>
    <t>MultiPolygon (((5.78470336747782277 53.15154183406730226, 5.78729970430663077 53.15068506766962031, 5.79117371963389349 53.14589652690892052, 5.79457809043337235 53.14593865194335365, 5.80496282513297057 53.12495374661775571, 5.80466993499725259 53.12483987295302512, 5.79705386312209558 53.12188605864871249, 5.79635568511632826 53.12303330551092273, 5.7941885798752919 53.12400185789872609, 5.78961669269085633 53.12370444260066904, 5.78491992768742502 53.12245036704651824, 5.78162635477452191 53.12529198860729451, 5.77702441388619814 53.12585754901023449, 5.76928663073947412 53.12624768618496063, 5.76859355006427688 53.12460552098075084, 5.75456309821269052 53.12466293454647825, 5.75608039473070487 53.13044020251793853, 5.76427273178949484 53.14298678617182503, 5.76355369039798582 53.14896301876429163, 5.76493802251753351 53.15354494743433378, 5.78470336747782277 53.15154183406730226),(5.77997989604793361 53.1435165146138857, 5.78132193164262809 53.13869895810952926, 5.7853370625436904 53.13863046535742996, 5.78701262355081703 53.14165666177144942, 5.78650515979375335 53.1431754541311463, 5.78332701181211384 53.14304989842751326, 5.78307725397487093 53.14363657087911008, 5.77997989604793361 53.1435165146138857)))</t>
  </si>
  <si>
    <t>MultiPolygon (((5.78332701181211384 53.14304989842751326, 5.78650515979375335 53.1431754541311463, 5.78701262355081703 53.14165666177144942, 5.7853370625436904 53.13863046535742996, 5.78132193164262809 53.13869895810952926, 5.77997989604793361 53.1435165146138857, 5.78307725397487093 53.14363657087911008, 5.78332701181211384 53.14304989842751326, 5.78332701181211384 53.14304989842751326)))</t>
  </si>
  <si>
    <t>MultiPolygon (((5.93277877335098314 53.17029890060566544, 5.93374567838138134 53.16886847852905618, 5.93191797993026437 53.16108407536458458, 5.9232993295780858 53.15295950071057973, 5.91896219876112362 53.14917262640840789, 5.90862880904407284 53.14478049312010199, 5.92335599300149163 53.13090985419218271, 5.92729832102693788 53.12917504380813938, 5.93240168785767086 53.12813355099384438, 5.93858042091211047 53.12540383693780655, 5.94345966643649337 53.12161397925926565, 5.94965660651072881 53.1048917024983993, 5.94594370353819635 53.10367598087653818, 5.93294059435600207 53.1094556698841842, 5.93158498371315623 53.1106084752167007, 5.92943420240666796 53.10912232768209407, 5.92786908194541251 53.10893849550561896, 5.91540427011243874 53.10907385346227727, 5.91639002914128831 53.11214979262304325, 5.91437785572676411 53.11474880335086368, 5.91372316801705544 53.11914615293276398, 5.90941648537066744 53.12145194968071138, 5.89597006619237352 53.11855289977725647, 5.87867233598102157 53.11620880398971423, 5.87042430589319775 53.12042715825627681, 5.86841361175070375 53.1233013776586489, 5.86321496710910761 53.1262944501131571, 5.86071049914175823 53.12596165125854242, 5.85654113355459138 53.12375292431120499, 5.8534450253419994 53.1235914438338952, 5.85948382096481346 53.12914355380200959, 5.87397637403948725 53.13726215425185018, 5.88208834244808187 53.14003361664912717, 5.87486693039829966 53.14582210184634903, 5.87178924466229457 53.1471118374054754, 5.87555798520347405 53.15111962028656478, 5.8793906715262132 53.14984443785437662, 5.8961501367798137 53.14832125375787086, 5.89851822253088809 53.14862561311309719, 5.90228961690620402 53.15018445879097442, 5.90574215522398305 53.14706341986070726, 5.90961441868380888 53.14966368003255326, 5.90099194202342314 53.15313357804253513, 5.90041410369295694 53.15437338810040302, 5.89266277587750409 53.15197423208052641, 5.89352163629646775 53.15015645951050516, 5.8758144216641508 53.1512039309955, 5.87020576456810605 53.15666950923798595, 5.86785748312733446 53.15805911370966186, 5.87215967563654662 53.15795373084097974, 5.87585493013673066 53.15689578698385986, 5.87686461085173129 53.15543264097217246, 5.88704205330668273 53.15442152059400627, 5.88028369990177957 53.17031982795777623, 5.91556627479647901 53.16875855275439022, 5.9259452186480237 53.16842742936601951, 5.93277877335098314 53.17029890060566544)))</t>
  </si>
  <si>
    <t>MultiPolygon (((5.90099194202342314 53.15313357804253513, 5.90961441868380888 53.14966368003255326, 5.90574215522398305 53.14706341986070726, 5.90228961690620402 53.15018445879097442, 5.89851822253088809 53.14862561311309719, 5.8961501367798137 53.14832125375787086, 5.8793906715262132 53.14984443785437662, 5.87555798520347405 53.15111962028656478, 5.87577848808075043 53.15119124925602279, 5.8758144216641508 53.1512039309955, 5.89352163629646775 53.15015645951050516, 5.89266277587750409 53.15197423208052641, 5.90041410369295694 53.15437338810040302, 5.90099194202342314 53.15313357804253513)))</t>
  </si>
  <si>
    <t>MultiPolygon (((5.88028369990177957 53.17031982795777623, 5.88704205330668273 53.15442152059400627, 5.87686461085173129 53.15543264097217246, 5.87585493013673066 53.15689578698385986, 5.87215967563654662 53.15795373084097974, 5.86785748312733446 53.15805911370966186, 5.86697561087862418 53.158625530837611, 5.86406040881229096 53.15862567188854371, 5.86303794616227325 53.15789568040737123, 5.86320774724594607 53.15681468270440746, 5.86082434632082006 53.15715369919035282, 5.85607341164251949 53.16025714866003682, 5.85741295332997147 53.16542802964930559, 5.85615130087321223 53.17035107311760811, 5.86193687398289409 53.17151871382134232, 5.88028369990177957 53.17031982795777623)))</t>
  </si>
  <si>
    <t>MultiPolygon (((5.85741295332997147 53.16542802964930559, 5.85607341164251949 53.16025714866003682, 5.86082434632082006 53.15715369919035282, 5.86320774724594607 53.15681468270440746, 5.86303794616227325 53.15789568040737123, 5.86406040881229096 53.15862567188854371, 5.86697561087862418 53.158625530837611, 5.86785748312733446 53.15805911370966186, 5.87020576456810605 53.15666950923798595, 5.8758144216641508 53.1512039309955, 5.87577848808075043 53.15119124925602279, 5.87555798520347405 53.15111962028656478, 5.87178924466229457 53.1471118374054754, 5.87486693039829966 53.14582210184634903, 5.88208834244808187 53.14003361664912717, 5.87397637403948725 53.13726215425185018, 5.85948382096481346 53.12914355380200959, 5.8534450253419994 53.1235914438338952, 5.85110762815912278 53.12423321118590991, 5.85090001540112059 53.1258897714724867, 5.84805658488179958 53.12692522284405783, 5.84403455193088206 53.1241120004344296, 5.84260311722717596 53.12166391174817193, 5.83059058427910237 53.1222390796087609, 5.83053784177748113 53.12268355746584803, 5.83105742202761501 53.12433065079697059, 5.83714103680727892 53.13382473543614992, 5.83331751399352338 53.13433200995197581, 5.82623469228141744 53.13388151709237661, 5.82349386181232198 53.13501872992218011, 5.82239695488015307 53.13635602934586188, 5.82188528184484344 53.13854382105932217, 5.82397729747223281 53.14280540456066149, 5.82463330895759057 53.14586903526510753, 5.83297996854931888 53.15112498132874208, 5.83124055177415546 53.15385233661142905, 5.82552867019273179 53.15723878523632351, 5.82342534414378132 53.16039771730622476, 5.82056116096334897 53.16255761423774118, 5.82498220927161725 53.16478488372015221, 5.82703619175918419 53.16495338652553926, 5.82960701616629251 53.16317145529678356, 5.83501624776715211 53.16444544367904967, 5.83674607821116354 53.16693177747703913, 5.84147202732478821 53.16878801371040453, 5.84218762503341527 53.16991963308461777, 5.84963140342931798 53.1698768619011517, 5.85615130087321223 53.17035107311760811, 5.85741295332997147 53.16542802964930559),(5.84552411164931929 53.15712587887944096, 5.84154560976287485 53.1551176303628381, 5.8359375819537922 53.1538073535358464, 5.83496693092566598 53.15288092794014574, 5.83552646871678071 53.14895288893621483, 5.84269314851846122 53.1475268812719861, 5.84422426076851931 53.14532791040031867, 5.84669821000655521 53.14404954297722128, 5.85140960226307882 53.14582908032061681, 5.85819202417827078 53.15075507772500885, 5.85828560698197975 53.15230339014414795, 5.85211035305363136 53.15225199885587415, 5.85040267284398485 53.15597662269892965, 5.84707060432689563 53.15732664914990124, 5.84552411164931929 53.15712587887944096, 5.84552411164931929 53.15712587887944096)))</t>
  </si>
  <si>
    <t>MultiPolygon (((5.85040267284398485 53.15597662269892965, 5.85211035305363136 53.15225199885587415, 5.85828560698197975 53.15230339014414795, 5.85819202417827078 53.15075507772500885, 5.85140960226307882 53.14582908032061681, 5.84669821000655521 53.14404954297722128, 5.84422426076851931 53.14532791040031867, 5.84269314851846122 53.1475268812719861, 5.83552646871678071 53.14895288893621483, 5.83496693092566598 53.15288092794014574, 5.8359375819537922 53.1538073535358464, 5.84154560976287485 53.1551176303628381, 5.84552411164931929 53.15712587887944096, 5.84707060432689563 53.15732664914990124, 5.85040267284398485 53.15597662269892965, 5.85040267284398485 53.15597662269892965)))</t>
  </si>
  <si>
    <t>MultiPolygon (((5.83674607821116354 53.16693177747703913, 5.83501624776715211 53.16444544367904967, 5.82960701616629251 53.16317145529678356, 5.82703619175918419 53.16495338652553926, 5.82498220927161725 53.16478488372015221, 5.82056116096334897 53.16255761423774118, 5.81667788742474112 53.15880624232975293, 5.81461314823086184 53.15783719309613531, 5.81260102674106083 53.15805884177148499, 5.81112705232557936 53.15581076059299903, 5.81232579099552371 53.1519409845556936, 5.80658786869071086 53.15431950187346644, 5.8057553734724241 53.15218599417006118, 5.7996960775599451 53.15077810351105825, 5.79971872421441681 53.14956867520029249, 5.79489744051399747 53.14779903262668626, 5.79724504863458545 53.14430371225726191, 5.79865285731458346 53.14409320897021161, 5.80996216659278364 53.14768834129993991, 5.814110719036373 53.14777360354075597, 5.81758287577169941 53.14654714696978033, 5.82009256502299532 53.14301387498212392, 5.82397729747223281 53.14280540456066149, 5.82188528184484344 53.13854382105932217, 5.82239695488015307 53.13635602934586188, 5.81661984116556585 53.13470210289732876, 5.81315927922629339 53.12756133757491739, 5.8073225728876281 53.12602850188518033, 5.80496282513297057 53.12495374661775571, 5.79457809043337235 53.14593865194335365, 5.79117371963389349 53.14589652690892052, 5.78729970430663077 53.15068506766962031, 5.78470336747782277 53.15154183406730226, 5.76493802251753351 53.15354494743433378, 5.76536304575204017 53.15448513771573147, 5.76561020448991624 53.16140711878973235, 5.76361367547342862 53.16897350717322013, 5.77976105108895233 53.15985042676415162, 5.78373190613657773 53.15870329203243472, 5.78846229260033329 53.15831237207326865, 5.80462432793784533 53.16111512721771959, 5.82964700007258418 53.16682438413531742, 5.84147202732478821 53.16878801371040453, 5.83674607821116354 53.16693177747703913)))</t>
  </si>
  <si>
    <t>MultiPolygon (((5.82342534414378132 53.16039771730622476, 5.82552867019273179 53.15723878523632351, 5.83124055177415546 53.15385233661142905, 5.83297996854931888 53.15112498132874208, 5.82463330895759057 53.14586903526510753, 5.82397729747223281 53.14280540456066149, 5.82009256502299532 53.14301387498212392, 5.81758287577169941 53.14654714696978033, 5.814110719036373 53.14777360354075597, 5.81093202833700051 53.14936086671662707, 5.81232579099552371 53.1519409845556936, 5.81112705232557936 53.15581076059299903, 5.81260102674106083 53.15805884177148499, 5.81461314823086184 53.15783719309613531, 5.81667788742474112 53.15880624232975293, 5.82056116096334897 53.16255761423774118, 5.82342534414378132 53.16039771730622476)))</t>
  </si>
  <si>
    <t>MultiPolygon (((5.80658786869071086 53.15431950187346644, 5.81232579099552371 53.1519409845556936, 5.81093202833700051 53.14936086671662707, 5.814110719036373 53.14777360354075597, 5.80996216659278364 53.14768834129993991, 5.79865285731458346 53.14409320897021161, 5.79724504863458545 53.14430371225726191, 5.79489744051399747 53.14779903262668626, 5.79971872421441681 53.14956867520029249, 5.7996960775599451 53.15077810351105825, 5.8057553734724241 53.15218599417006118, 5.80658786869071086 53.15431950187346644, 5.80658786869071086 53.15431950187346644)))</t>
  </si>
  <si>
    <t>MultiPolygon (((5.79466113964742124 53.18334496481668339, 5.79389352434657656 53.1797414569290865, 5.79586949016482933 53.17911505325551502, 5.7925937743002418 53.17348878720073913, 5.79230461858582846 53.1731464354943526, 5.78587923553613237 53.17462179264209965, 5.78366400825043492 53.16980705218166037, 5.78271048629350126 53.16994949061173514, 5.77395213151559616 53.18525749040534834, 5.79466113964742124 53.18334496481668339)))</t>
  </si>
  <si>
    <t>MultiPolygon (((5.79230461858582846 53.1731464354943526, 5.791072434745411 53.16996329397444043, 5.79241729071705969 53.16646040149738894, 5.78495117892896271 53.16544418824340568, 5.78271048629350126 53.16994949061173514, 5.78366400825043492 53.16980705218166037, 5.78587923553613237 53.17462179264209965, 5.79230461858582846 53.1731464354943526)))</t>
  </si>
  <si>
    <t>MultiPolygon (((5.80912112247689638 53.17188733570977632, 5.81089518538660865 53.16908308402405936, 5.80634941695059492 53.1663140075325984, 5.8032148447971128 53.16684269900118665, 5.80069268393429915 53.16860463459120467, 5.79992619499683215 53.17017090880808183, 5.80430352621524381 53.17183721680454056, 5.80533697335991228 53.17025846985549009, 5.80848263238410301 53.17138336716180191, 5.80795845057064231 53.17195133043679078, 5.80912112247689638 53.17188733570977632)))</t>
  </si>
  <si>
    <t>MultiPolygon (((5.81815424417765481 53.18010889952950748, 5.81603178130017362 53.17781559580245698, 5.81556815031960461 53.1755612125484447, 5.81786838813301976 53.17333945752398705, 5.82211877763521723 53.17165858267820511, 5.82382697573716257 53.1721754252147818, 5.82637334979470101 53.17193889640875426, 5.82964700007258418 53.16682438413531742, 5.80462432793784533 53.16111512721771959, 5.80160633455509167 53.16183883971481094, 5.80220423381703831 53.16318247093140315, 5.80634941695059492 53.1663140075325984, 5.81089518538660865 53.16908308402405936, 5.80912112247689638 53.17188733570977632, 5.80795845057064231 53.17195133043679078, 5.80848263238410301 53.17138336716180191, 5.80533697335991228 53.17025846985549009, 5.80430352621524381 53.17183721680454056, 5.8021267408342414 53.17578683883844093, 5.81127233291533241 53.17575364513311342, 5.8130389223639245 53.17737921173101512, 5.81372897125775534 53.17967692604767649, 5.81815424417765481 53.18010889952950748)))</t>
  </si>
  <si>
    <t>MultiPolygon (((5.79483461653597942 53.16666763938679452, 5.79427038472789224 53.16611136583847497, 5.79607576607428054 53.16389819539335804, 5.79847469146710193 53.16226581223320125, 5.80007665418938156 53.16214522066825765, 5.80220423381703831 53.16318247093140315, 5.80160633455509167 53.16183883971481094, 5.80462432793784533 53.16111512721771959, 5.78846229260033329 53.15831237207326865, 5.78495117892896271 53.16544418824340568, 5.79241729071705969 53.16646040149738894, 5.79483461653597942 53.16666763938679452)))</t>
  </si>
  <si>
    <t>MultiPolygon (((5.82158331160937781 53.17619052976706939, 5.82310495493990299 53.17702687517574134, 5.82637334979470101 53.17193889640875426, 5.82382697573716257 53.1721754252147818, 5.82211877763521723 53.17165858267820511, 5.81786838813301976 53.17333945752398705, 5.81556815031960461 53.1755612125484447, 5.81603178130017362 53.17781559580245698, 5.82158331160937781 53.17619052976706939)))</t>
  </si>
  <si>
    <t>MultiPolygon (((5.79920098411413942 53.17098643883486631, 5.79992619499683215 53.17017090880808183, 5.80069268393429915 53.16860463459120467, 5.8032148447971128 53.16684269900118665, 5.80634941695059492 53.1663140075325984, 5.80220423381703831 53.16318247093140315, 5.80007665418938156 53.16214522066825765, 5.79847469146710193 53.16226581223320125, 5.79607576607428054 53.16389819539335804, 5.79427038472789224 53.16611136583847497, 5.79483461653597942 53.16666763938679452, 5.79241729071705969 53.16646040149738894, 5.791072434745411 53.16996329397444043, 5.79230461858582846 53.1731464354943526, 5.7925937743002418 53.17348878720073913, 5.79920098411413942 53.17098643883486631)))</t>
  </si>
  <si>
    <t>MultiPolygon (((5.84755177702341733 53.18908488394984602, 5.85127007091912166 53.18819683976273893, 5.85497934133181808 53.18582265532818099, 5.85706544959307696 53.18141687884754276, 5.86193687398289409 53.17151871382134232, 5.85615130087321223 53.17035107311760811, 5.84963140342931798 53.1698768619011517, 5.84633671341580285 53.17691319628742264, 5.84678795504264581 53.18236170982638811, 5.83786687267990256 53.18229541849049724, 5.83542733666425839 53.18197053428035304, 5.83526106622600249 53.18145819418990072, 5.83229898911829903 53.18054739397133801, 5.83377588309988582 53.17999120103389288, 5.83706390565765609 53.17602057779379265, 5.84004580954160524 53.17142512745200378, 5.84218762503341527 53.16991963308461777, 5.84147202732478821 53.16878801371040453, 5.82964700007258418 53.16682438413531742, 5.82637334979470101 53.17193889640875426, 5.82310495493990299 53.17702687517574134, 5.82158331160937781 53.17619052976706939, 5.81603178130017362 53.17781559580245698, 5.81815424417765481 53.18010889952950748, 5.81658860531806621 53.18460003382477197, 5.81866794511993835 53.18493426066404339, 5.83781744797051338 53.18801321509288016, 5.84755177702341733 53.18908488394984602)))</t>
  </si>
  <si>
    <t>MultiPolygon (((5.84633671341580285 53.17691319628742264, 5.84963140342931798 53.1698768619011517, 5.84218762503341527 53.16991963308461777, 5.84004580954160524 53.17142512745200378, 5.83706390565765609 53.17602057779379265, 5.83686792969523083 53.17686521832489888, 5.83986964299577949 53.17681265057968432, 5.84186312309275912 53.17975395229861846, 5.84106915975802554 53.18040183459604009, 5.83521777382231743 53.18089859643762196, 5.83526106622600249 53.18145819418990072, 5.83542733666425839 53.18197053428035304, 5.83786687267990256 53.18229541849049724, 5.84678795504264581 53.18236170982638811, 5.84633671341580285 53.17691319628742264)))</t>
  </si>
  <si>
    <t>MultiPolygon (((5.83521777382231743 53.18089859643762196, 5.84106915975802554 53.18040183459604009, 5.84186312309275912 53.17975395229861846, 5.83986964299577949 53.17681265057968432, 5.83686792969523083 53.17686521832489888, 5.83706390565765609 53.17602057779379265, 5.83377588309988582 53.17999120103389288, 5.83229898911829903 53.18054739397133801, 5.83526106622600249 53.18145819418990072, 5.83521777382231743 53.18089859643762196)))</t>
  </si>
  <si>
    <t>MultiPolygon (((5.81815424417765481 53.18010889952950748, 5.81372897125775534 53.17967692604767649, 5.8130389223639245 53.17737921173101512, 5.81127233291533241 53.17575364513311342, 5.8021267408342414 53.17578683883844093, 5.80430352621524381 53.17183721680454056, 5.79992619499683215 53.17017090880808183, 5.79920098411413942 53.17098643883486631, 5.7925937743002418 53.17348878720073913, 5.79586949016482933 53.17911505325551502, 5.79389352434657656 53.1797414569290865, 5.79466113964742124 53.18334496481668339, 5.79681239913635693 53.18329366927760304, 5.80817544914869632 53.1833826097055109, 5.81658860531806621 53.18460003382477197, 5.81815424417765481 53.18010889952950748, 5.81815424417765481 53.18010889952950748)))</t>
  </si>
  <si>
    <t>MultiPolygon (((5.8574650775895245 53.20159964899109184, 5.86206967059531792 53.19359588263804284, 5.85097296118207222 53.19172083471000434, 5.8536727229859622 53.18893696463527476, 5.85497934133181808 53.18582265532818099, 5.85127007091912166 53.18819683976273893, 5.84755177702341733 53.18908488394984602, 5.83781744797051338 53.18801321509288016, 5.83792309574416191 53.1906967169429592, 5.83591547668473876 53.19298504216406087, 5.83406099767338837 53.1953947063043131, 5.8300008851270384 53.20065060488990838, 5.83686253589660708 53.20145117723021855, 5.85766395750588309 53.2038663442875972, 5.85699214214469066 53.20293196400746183, 5.8574650775895245 53.20159964899109184)))</t>
  </si>
  <si>
    <t>MultiPolygon (((5.80726947180153985 53.18569596740869088, 5.80817544914869632 53.1833826097055109, 5.79681239913635693 53.18329366927760304, 5.79686079753496841 53.18661518004974198, 5.80154733130836409 53.18654683461588917, 5.80928069491307397 53.18813569516263584, 5.80726947180153985 53.18569596740869088)))</t>
  </si>
  <si>
    <t>MultiPolygon (((5.81866794511993835 53.18493426066404339, 5.81658860531806621 53.18460003382477197, 5.80817544914869632 53.1833826097055109, 5.80726947180153985 53.18569596740869088, 5.80928069491307397 53.18813569516263584, 5.80933389844258397 53.18814369387998653, 5.81673333926827851 53.18965705957398882, 5.81866794511993835 53.18493426066404339, 5.81866794511993835 53.18493426066404339)))</t>
  </si>
  <si>
    <t>MultiPolygon (((5.83792309574416191 53.1906967169429592, 5.83781744797051338 53.18801321509288016, 5.81866794511993835 53.18493426066404339, 5.81673333926827851 53.18965705957398882, 5.83591547668473876 53.19298504216406087, 5.83792309574416191 53.1906967169429592, 5.83792309574416191 53.1906967169429592)))</t>
  </si>
  <si>
    <t>MultiPolygon (((5.73685119427045365 53.29458647627907908, 5.73737565861922327 53.2890828583970162, 5.73679559990019072 53.28744414993868617, 5.73775217303058582 53.28245277315554773, 5.73842216516205905 53.28075481790380508, 5.73976108889560166 53.28005733091657703, 5.72135770604311578 53.27957217991536965, 5.72635009809466755 53.28760727840888478, 5.72484912311407701 53.2877329812673608, 5.72549903090535128 53.28914628936609432, 5.72722467347236552 53.28899678732710044, 5.72813047289120458 53.29160860904716657, 5.73057151599256276 53.29446844212011314, 5.73515606692343116 53.29436999539409925, 5.73538364724345495 53.2947209967926625, 5.73685119427045365 53.29458647627907908)))</t>
  </si>
  <si>
    <t>MultiPolygon (((5.74936278196629669 53.29393936438211199, 5.75965698243461155 53.29409626480593687, 5.75796607060509213 53.29225524878292219, 5.75866401137579675 53.29058461018024673, 5.76656215128503558 53.28751613612939053, 5.7667825152840404 53.28853669259540737, 5.77132107475991862 53.28965693339385012, 5.77198892910755834 53.29154568184679164, 5.79458593310091086 53.28405384938655232, 5.79774529858578802 53.28379455381544005, 5.80079198089271397 53.28207623648595614, 5.81104574682867003 53.28080791579223074, 5.81052267388115773 53.27985120969577792, 5.8132291628767252 53.27923789667480747, 5.8105381204748241 53.27742407303497885, 5.8112663879407469 53.27698645939130984, 5.78172675285463367 53.27756811832784933, 5.78244404201322926 53.27944034962771269, 5.76326195489351001 53.28616295698434868, 5.76330230869939264 53.28681427349144428, 5.75702994078430663 53.28908179475036633, 5.73737565861922327 53.2890828583970162, 5.73685119427045365 53.29458647627907908, 5.74936278196629669 53.29393936438211199)))</t>
  </si>
  <si>
    <t>MultiPolygon (((5.76328383915421316 53.29449105799629649, 5.77198892910755834 53.29154568184679164, 5.77132107475991862 53.28965693339385012, 5.7667825152840404 53.28853669259540737, 5.76656215128503558 53.28751613612939053, 5.75866401137579675 53.29058461018024673, 5.75796607060509213 53.29225524878292219, 5.75965698243461155 53.29409626480593687, 5.76328383915421316 53.29449105799629649, 5.76328383915421316 53.29449105799629649)))</t>
  </si>
  <si>
    <t>MultiPolygon (((5.75702994078430663 53.28908179475036633, 5.76330230869939264 53.28681427349144428, 5.76326195489351001 53.28616295698434868, 5.78244404201322926 53.27944034962771269, 5.78172675285463367 53.27756811832784933, 5.78113906495008933 53.27656984958499464, 5.77840665424622113 53.27661247770119246, 5.77349921759403095 53.27284268286901181, 5.76127692023544391 53.27304143072634446, 5.76196509146817437 53.27512391065965147, 5.76415091664191781 53.27601281063763849, 5.76624403030732946 53.27828290991083549, 5.76361207681028365 53.28005401456623957, 5.75408973121492462 53.27977630022411404, 5.7500735219650041 53.28033380231673277, 5.75065023360027716 53.27955313263343839, 5.73976108889560166 53.28005733091657703, 5.73842216516205905 53.28075481790380508, 5.73775217303058582 53.28245277315554773, 5.73679559990019072 53.28744414993868617, 5.73737565861922327 53.2890828583970162, 5.75702994078430663 53.28908179475036633)))</t>
  </si>
  <si>
    <t>MultiPolygon (((5.75408973121492462 53.27977630022411404, 5.76361207681028365 53.28005401456623957, 5.76624403030732946 53.27828290991083549, 5.76415091664191781 53.27601281063763849, 5.76196509146817437 53.27512391065965147, 5.75440958568812011 53.27700948748714893, 5.75011829957570875 53.27710789526592805, 5.75065023360027716 53.27955313263343839, 5.7500735219650041 53.28033380231673277, 5.75408973121492462 53.27977630022411404)))</t>
  </si>
  <si>
    <t>MultiPolygon (((5.75065023360027716 53.27955313263343839, 5.75011829957570875 53.27710789526592805, 5.75440958568812011 53.27700948748714893, 5.76196509146817437 53.27512391065965147, 5.76127692023544391 53.27304143072634446, 5.77349921759403095 53.27284268286901181, 5.77840665424622113 53.27661247770119246, 5.78113906495008933 53.27656984958499464, 5.78172675285463367 53.27756811832784933, 5.8112663879407469 53.27698645939130984, 5.81203611818674748 53.2767434708536527, 5.81389170459181326 53.27765305074640168, 5.81530949576158118 53.27747808955303555, 5.81690841000062342 53.27638909010352819, 5.83150857569004177 53.27542591016183593, 5.83864916582624094 53.27494928424113141, 5.83253014994773888 53.26854722181856516, 5.83206254642711741 53.26033901974501816, 5.82970078729177033 53.2575821436838055, 5.82990306217774545 53.25535100632160379, 5.83316649188210246 53.24774478106545672, 5.83204473489702124 53.24640249234647627, 5.82351272695863287 53.25036480582454601, 5.8215783730343853 53.25496624112404476, 5.81568214393892102 53.25583825437691132, 5.78638294625889582 53.25728988955081888, 5.78322227958695745 53.25645516214170527, 5.78179614607120307 53.2582131572926798, 5.77867084879652904 53.25993288264817949, 5.77733261464404801 53.26521316413293761, 5.77208450824516728 53.26445927740363828, 5.77063840311011766 53.26903190461374038, 5.74712929078683565 53.26835719772854816, 5.74976024588340451 53.26410252104008691, 5.74866890547879539 53.26210149108855063, 5.74913824827293141 53.26052200229599265, 5.76176149134129556 53.25167017496626443, 5.74143926371417734 53.25218507714266281, 5.74127028094147462 53.25130500072058481, 5.73595689496082173 53.25147004097264869, 5.72983578628345569 53.26123576341355914, 5.73538679678284158 53.26471366877922264, 5.7273399452324254 53.26834552391679978, 5.72230646640575991 53.27153241457074984, 5.72012939055575931 53.27491665526854803, 5.72142698133900929 53.27612425094738313, 5.72135770604311578 53.27957217991536965, 5.73976108889560166 53.28005733091657703, 5.75065023360027716 53.27955313263343839)))</t>
  </si>
  <si>
    <t>MultiPolygon (((5.77063840311011766 53.26903190461374038, 5.77208450824516728 53.26445927740363828, 5.77733261464404801 53.26521316413293761, 5.77867084879652904 53.25993288264817949, 5.78179614607120307 53.2582131572926798, 5.78322227958695745 53.25645516214170527, 5.76824252823602723 53.25249666164554441, 5.76756215061640098 53.25110662370135373, 5.76176149134129556 53.25167017496626443, 5.74913824827293141 53.26052200229599265, 5.74866890547879539 53.26210149108855063, 5.74976024588340451 53.26410252104008691, 5.74712929078683565 53.26835719772854816, 5.77063840311011766 53.26903190461374038, 5.77063840311011766 53.26903190461374038)))</t>
  </si>
  <si>
    <t>MultiPolygon (((5.81568214393892102 53.25583825437691132, 5.8215783730343853 53.25496624112404476, 5.82351272695863287 53.25036480582454601, 5.83204473489702124 53.24640249234647627, 5.83101967384365505 53.24472280232344445, 5.83216102254338331 53.24285658941877131, 5.82755307993761562 53.24358672042801288, 5.82300844699390829 53.24284571609963024, 5.82081004129868695 53.24455026338797836, 5.81008743380314296 53.24241289046884162, 5.80866024913946077 53.24289695858488614, 5.80756597930595841 53.24512472459321799, 5.80298291132223554 53.24552537855991829, 5.80203251166360623 53.24795196432831546, 5.79402078331246972 53.24860388207549988, 5.78860434302739524 53.24721643694239503, 5.78215782719939853 53.2486614747451199, 5.77059812557161234 53.24746849428212414, 5.73870443862633373 53.2482383715233567, 5.73613297955168644 53.2489024820666117, 5.73595689496082173 53.25147004097264869, 5.74127028094147462 53.25130500072058481, 5.74143926371417734 53.25218507714266281, 5.76176149134129556 53.25167017496626443, 5.76756215061640098 53.25110662370135373, 5.76824252823602723 53.25249666164554441, 5.78322227958695745 53.25645516214170527, 5.78638294625889582 53.25728988955081888, 5.81568214393892102 53.25583825437691132),(5.78615003383564908 53.2561034510603406, 5.78000904816426075 53.25338031571256181, 5.77880678630108502 53.25083684517782245, 5.78679492627196801 53.25065327202407417, 5.79083477963558568 53.25169274357498495, 5.79158565082759491 53.25252980690142124, 5.78945525622036605 53.25574030624412103, 5.78615003383564908 53.2561034510603406)))</t>
  </si>
  <si>
    <t>MultiPolygon (((5.78945525622036605 53.25574030624412103, 5.79158565082759491 53.25252980690142124, 5.79083477963558568 53.25169274357498495, 5.78679492627196801 53.25065327202407417, 5.77880678630108502 53.25083684517782245, 5.78000904816426075 53.25338031571256181, 5.78615003383564908 53.2561034510603406, 5.78945525622036605 53.25574030624412103, 5.78945525622036605 53.25574030624412103)))</t>
  </si>
  <si>
    <t>MultiPolygon (((5.80203251166360623 53.24795196432831546, 5.80298291132223554 53.24552537855991829, 5.80756597930595841 53.24512472459321799, 5.80866024913946077 53.24289695858488614, 5.81008743380314296 53.24241289046884162, 5.82081004129868695 53.24455026338797836, 5.82300844699390829 53.24284571609963024, 5.82755307993761562 53.24358672042801288, 5.83216102254338331 53.24285658941877131, 5.83033112411862575 53.23922643744487004, 5.82764907165013479 53.23861504645325482, 5.82575233221222355 53.23736670377886071, 5.81439293338414753 53.24018382029987606, 5.81087694303275981 53.24027266145769488, 5.79938848859521539 53.23837684233328105, 5.79294247786979355 53.24096811722491651, 5.78341440946998375 53.23932751262405105, 5.7831495559631616 53.24017752218369282, 5.78366122252114234 53.24125522510237118, 5.78821881952266093 53.24378748915506776, 5.78860434302739524 53.24721643694239503, 5.79402078331246972 53.24860388207549988, 5.80203251166360623 53.24795196432831546, 5.80203251166360623 53.24795196432831546)),((5.77530568025846414 53.23987180228982652, 5.77639142166874997 53.23819023211908075, 5.76166804312325898 53.23894258081968189, 5.76144286573680731 53.2398629814193356, 5.74471212360519701 53.2406227245377579, 5.74391588877368431 53.24109812016327226, 5.7336195995158592 53.24851398650572776, 5.73613297955168644 53.2489024820666117, 5.73870443862633373 53.2482383715233567, 5.77059812557161234 53.24746849428212414, 5.76906933785538456 53.24603400100347983, 5.76941272350477874 53.24471315586769293, 5.77530568025846414 53.23987180228982652)))</t>
  </si>
  <si>
    <t>MultiPolygon (((5.78860434302739524 53.24721643694239503, 5.78821881952266093 53.24378748915506776, 5.78366122252114234 53.24125522510237118, 5.7831495559631616 53.24017752218369282, 5.78028730133556046 53.23984380044688436, 5.78044424045336047 53.2408092347088342, 5.77530568025846414 53.23987180228982652, 5.76941272350477874 53.24471315586769293, 5.76906933785538456 53.24603400100347983, 5.77059812557161234 53.24746849428212414, 5.78215782719939853 53.2486614747451199, 5.78860434302739524 53.24721643694239503)))</t>
  </si>
  <si>
    <t>MultiPolygon (((5.79938848859521539 53.23837684233328105, 5.81087694303275981 53.24027266145769488, 5.81439293338414753 53.24018382029987606, 5.82575233221222355 53.23736670377886071, 5.82409375759234482 53.23425753566334606, 5.81879128202981022 53.23072174646820542, 5.81811228918028878 53.22875837624035711, 5.81503095650186541 53.2256611943668787, 5.81123306864986677 53.2256392011161239, 5.80808231443469225 53.22400152204368595, 5.7864573081224675 53.22609213479756107, 5.78752399464970768 53.23410055179108014, 5.78591242861432864 53.23686505393668256, 5.78392881537875869 53.23841096868417111, 5.78313281102268029 53.23865789369434509, 5.78152361343063692 53.23680879398102661, 5.77773256753688802 53.2357771838887146, 5.77363799545494416 53.23595273597690181, 5.77499268281069256 53.23029347452492743, 5.77299129094394647 53.23396644383129939, 5.7630569976885857 53.23454043967675631, 5.76166804312325898 53.23894258081968189, 5.77639142166874997 53.23819023211908075, 5.77530568025846414 53.23987180228982652, 5.78044424045336047 53.2408092347088342, 5.78028730133556046 53.23984380044688436, 5.7831495559631616 53.24017752218369282, 5.78341440946998375 53.23932751262405105, 5.79294247786979355 53.24096811722491651, 5.79938848859521539 53.23837684233328105)))</t>
  </si>
  <si>
    <t>MultiPolygon (((5.78392881537875869 53.23841096868417111, 5.78591242861432864 53.23686505393668256, 5.78752399464970768 53.23410055179108014, 5.7864573081224675 53.22609213479756107, 5.7796432410881744 53.22609504075435183, 5.77510418466302156 53.22637140567164948, 5.77499268281069256 53.23029347452492743, 5.77363799545494416 53.23595273597690181, 5.77773256753688802 53.2357771838887146, 5.78152361343063692 53.23680879398102661, 5.78313281102268029 53.23865789369434509, 5.78392881537875869 53.23841096868417111)))</t>
  </si>
  <si>
    <t>MultiPolygon (((5.85100226427988446 53.22240450070106732, 5.85199243889772536 53.22051273319886633, 5.85883870444052679 53.22057251983325443, 5.8586918128491865 53.21784086011526682, 5.86158841571190248 53.21780000453615145, 5.8616171364580163 53.21718675413855948, 5.85123548571734986 53.21699809763802591, 5.82919643148767008 53.21718069988610722, 5.82310195922016227 53.21739024169702503, 5.82634354815165434 53.22259727673338148, 5.85100226427988446 53.22240450070106732)))</t>
  </si>
  <si>
    <t>MultiPolygon (((5.85924128079175954 53.24329273744594104, 5.8525538247393305 53.23047672986417922, 5.85048865828846676 53.22455484247012691, 5.85100226427988446 53.22240450070106732, 5.82634354815165434 53.22259727673338148, 5.82310195922016227 53.21739024169702503, 5.81474119419664248 53.21742704103539268, 5.81192081901175683 53.2174979260501928, 5.81459871844686749 53.2233930183534838, 5.81734488139817341 53.22278212829603206, 5.82324075112482031 53.22274571413959166, 5.82421857014458322 53.22502535319389949, 5.82186909246009687 53.227569784147029, 5.81811228918028878 53.22875837624035711, 5.81879128202981022 53.23072174646820542, 5.82409375759234482 53.23425753566334606, 5.82575233221222355 53.23736670377886071, 5.82764907165013479 53.23861504645325482, 5.83033112411862575 53.23922643744487004, 5.83216102254338331 53.24285658941877131, 5.85924128079175954 53.24329273744594104)))</t>
  </si>
  <si>
    <t>MultiPolygon (((5.81503095650186541 53.2256611943668787, 5.81459871844686749 53.2233930183534838, 5.81192081901175683 53.2174979260501928, 5.80801047675202931 53.21755309566715653, 5.80880008849731144 53.218895267998235, 5.80788946619815061 53.22121469323693788, 5.80808231443469225 53.22400152204368595, 5.81123306864986677 53.2256392011161239, 5.81503095650186541 53.2256611943668787)))</t>
  </si>
  <si>
    <t>MultiPolygon (((5.82186909246009687 53.227569784147029, 5.82421857014458322 53.22502535319389949, 5.82324075112482031 53.22274571413959166, 5.81734488139817341 53.22278212829603206, 5.81459871844686749 53.2233930183534838, 5.81503095650186541 53.2256611943668787, 5.81811228918028878 53.22875837624035711, 5.82186909246009687 53.227569784147029)))</t>
  </si>
  <si>
    <t>MultiPolygon (((5.82919643148767008 53.21718069988610722, 5.82474308147916098 53.21625512064449737, 5.81403237662065475 53.21204852068541413, 5.81349297648553964 53.21328782779474409, 5.81474119419664248 53.21742704103539268, 5.82310195922016227 53.21739024169702503, 5.82919643148767008 53.21718069988610722, 5.82919643148767008 53.21718069988610722)))</t>
  </si>
  <si>
    <t>MultiPolygon (((5.81192081901175683 53.2174979260501928, 5.81474119419664248 53.21742704103539268, 5.81349297648553964 53.21328782779474409, 5.8108840112318072 53.21254219408501029, 5.80342348226898963 53.21276812624275721, 5.80270663670028508 53.21288740606554768, 5.80776968194273469 53.21734438574937798, 5.80801047675202931 53.21755309566715653, 5.81192081901175683 53.2174979260501928, 5.81192081901175683 53.2174979260501928)))</t>
  </si>
  <si>
    <t>MultiPolygon (((5.7864573081224675 53.22609213479756107, 5.80808231443469225 53.22400152204368595, 5.80788946619815061 53.22121469323693788, 5.80392145766866818 53.22128238229586117, 5.8033130775054973 53.21925117885708545, 5.80549368310416458 53.21799488780502685, 5.79076032391275142 53.21803138210536588, 5.78085481447314908 53.21703569996309113, 5.78091549768161883 53.21749680537522664, 5.7796432410881744 53.22609504075435183, 5.7864573081224675 53.22609213479756107, 5.7864573081224675 53.22609213479756107)))</t>
  </si>
  <si>
    <t>MultiPolygon (((5.80788946619815061 53.22121469323693788, 5.80880008849731144 53.218895267998235, 5.80801047675202931 53.21755309566715653, 5.80776968194273469 53.21734438574937798, 5.80549368310416458 53.21799488780502685, 5.8033130775054973 53.21925117885708545, 5.80392145766866818 53.22128238229586117, 5.80788946619815061 53.22121469323693788, 5.80788946619815061 53.22121469323693788)))</t>
  </si>
  <si>
    <t>MultiPolygon (((5.80549368310416458 53.21799488780502685, 5.80776968194273469 53.21734438574937798, 5.80270663670028508 53.21288740606554768, 5.78848808413956384 53.21311195084921764, 5.78222992311872996 53.21166178077675113, 5.78102353978230621 53.21341085054708486, 5.78085481447314908 53.21703569996309113, 5.79076032391275142 53.21803138210536588, 5.80549368310416458 53.21799488780502685, 5.80549368310416458 53.21799488780502685)))</t>
  </si>
  <si>
    <t>MultiPolygon (((5.89418824385692641 53.21764894208731533, 5.89382134096291388 53.21551826894018689, 5.89789976035205044 53.21538822444424, 5.89786379975400443 53.21465807316012331, 5.90593209176855627 53.21501386969942615, 5.90497231125080368 53.21391784996811936, 5.90500363374326831 53.2124762440316772, 5.90556488239354405 53.21189521172470904, 5.90687425414231715 53.21136034435933482, 5.90705190505867961 53.2110289584143743, 5.89789169890972698 53.20869718019726946, 5.85772756865105748 53.20406334829640116, 5.8551774913079484 53.21029526109568764, 5.85123548571734986 53.21699809763802591, 5.8616171364580163 53.21718675413855948, 5.88901194960071717 53.21797642714845722, 5.89418824385692641 53.21764894208731533)))</t>
  </si>
  <si>
    <t>MultiPolygon (((5.87989228665695496 53.23324876283402318, 5.88065645497892842 53.2249757207103471, 5.88999197537816777 53.22499869691697683, 5.88917019811113462 53.22281573406520749, 5.89692656323586561 53.22296217262379514, 5.89711650605566984 53.22097013752973282, 5.88895268174063791 53.22095244748224019, 5.88901194960071717 53.21797642714845722, 5.8616171364580163 53.21718675413855948, 5.86158841571190248 53.21780000453615145, 5.8586918128491865 53.21784086011526682, 5.85883870444052679 53.22057251983325443, 5.85199243889772536 53.22051273319886633, 5.85100226427988446 53.22240450070106732, 5.85048865828846676 53.22455484247012691, 5.8525538247393305 53.23047672986417922, 5.86028226208168412 53.23059756596562409, 5.8602557015726795 53.23121214449002991, 5.86869139920060334 53.23152446888394707, 5.87623043059939842 53.23231031052217332, 5.87792567382802922 53.23322012341584042, 5.87989228665695496 53.23324876283402318)))</t>
  </si>
  <si>
    <t>MultiPolygon (((5.83731582994017906 53.20919071947840706, 5.83970023748329847 53.20596113181620979, 5.8444378106041972 53.20509589590262323, 5.8498400112510085 53.20566431996505941, 5.85141278447921476 53.2066107552272527, 5.85130684137279822 53.20844360039015442, 5.84957474334182859 53.20890935162218227, 5.84903805011576594 53.21082999941602765, 5.8551774913079484 53.21029526109568764, 5.85772756865105748 53.20406334829640116, 5.85766395750588309 53.2038663442875972, 5.83686253589660708 53.20145117723021855, 5.83090134613690569 53.211335760651302, 5.83704735255511853 53.21149349160295827, 5.83731582994017906 53.20919071947840706)))</t>
  </si>
  <si>
    <t>MultiPolygon (((5.84279805943037989 53.21396047187034384, 5.84821924011361993 53.21246743799370194, 5.84903805011576594 53.21082999941602765, 5.84957474334182859 53.20890935162218227, 5.85130684137279822 53.20844360039015442, 5.85141278447921476 53.2066107552272527, 5.8498400112510085 53.20566431996505941, 5.8444378106041972 53.20509589590262323, 5.83970023748329847 53.20596113181620979, 5.83731582994017906 53.20919071947840706, 5.83704735255511853 53.21149349160295827, 5.83818045350886994 53.21190884149319089, 5.83874255960392397 53.21321234620349827, 5.84279805943037989 53.21396047187034384)))</t>
  </si>
  <si>
    <t>MultiPolygon (((5.85123548571734986 53.21699809763802591, 5.8551774913079484 53.21029526109568764, 5.84903805011576594 53.21082999941602765, 5.84821924011361993 53.21246743799370194, 5.84279805943037989 53.21396047187034384, 5.83874255960392397 53.21321234620349827, 5.83818045350886994 53.21190884149319089, 5.83704735255511853 53.21149349160295827, 5.83090134613690569 53.211335760651302, 5.82941111606161488 53.21422737197861608, 5.82919643148767008 53.21718069988610722, 5.85123548571734986 53.21699809763802591)))</t>
  </si>
  <si>
    <t>MultiPolygon (((5.82794581349214802 53.20215515905908177, 5.81694626487262756 53.2002902755639866, 5.81799414697159545 53.20262092946659749, 5.82472201320798089 53.20293343189044322, 5.82794581349214802 53.20215515905908177)))</t>
  </si>
  <si>
    <t>MultiPolygon (((5.83686253589660708 53.20145117723021855, 5.8300008851270384 53.20065060488990838, 5.82794581349214802 53.20215515905908177, 5.82472201320798089 53.20293343189044322, 5.81799414697159545 53.20262092946659749, 5.81952687576036443 53.20458760389774966, 5.81950768535186569 53.20780542089953968, 5.82684349796033896 53.21081548730917632, 5.83090134613690569 53.211335760651302, 5.83686253589660708 53.20145117723021855, 5.83686253589660708 53.20145117723021855)))</t>
  </si>
  <si>
    <t>MultiPolygon (((5.82941111606161488 53.21422737197861608, 5.83090134613690569 53.211335760651302, 5.82684349796033896 53.21081548730917632, 5.81950768535186569 53.20780542089953968, 5.81872494831358988 53.2085084396310819, 5.81403237662065475 53.21204852068541413, 5.82474308147916098 53.21625512064449737, 5.82919643148767008 53.21718069988610722, 5.82941111606161488 53.21422737197861608)))</t>
  </si>
  <si>
    <t>MultiPolygon (((5.74390503184958945 53.21137913438546008, 5.75433772856217374 53.21049449616549509, 5.75818483625473654 53.20914023954895811, 5.76142853893638218 53.20714375958396403, 5.75895457403006272 53.20741039353598723, 5.76012323224464229 53.20325198562633773, 5.75643750668589593 53.20231264025314744, 5.74520238702266983 53.20068762672222107, 5.74573928738423412 53.19641153744803574, 5.74690404673505562 53.18699854489083378, 5.74817489030340489 53.1814862921103213, 5.74142298389033012 53.1808951407504793, 5.7454090029174365 53.18523128031984726, 5.74034248700694061 53.18537189463206971, 5.74070036600150413 53.18744702372818267, 5.74238876419653543 53.19141127810215863, 5.73997196594614856 53.19123346021122245, 5.74457424527778748 53.19780481196743693, 5.74241123393472552 53.20009512660455187, 5.73838229626425633 53.20420322261024637, 5.73740033212343103 53.20621728934337824, 5.73609021893898863 53.20608474135468668, 5.7347405777231879 53.21121967586654478, 5.74390503184958945 53.21137913438546008)))</t>
  </si>
  <si>
    <t>MultiPolygon (((5.76913417453902344 53.18596093451417062, 5.77395213151559616 53.18525749040534834, 5.78271048629350126 53.16994949061173514, 5.78495117892896271 53.16544418824340568, 5.78846229260033329 53.15831237207326865, 5.78373190613657773 53.15870329203243472, 5.77976105108895233 53.15985042676415162, 5.76361367547342862 53.16897350717322013, 5.75637452157462892 53.17330727118548594, 5.73778614527587827 53.17254669954565571, 5.7419875098402251 53.18083132617907438, 5.74142298389033012 53.1808951407504793, 5.74817489030340489 53.1814862921103213, 5.75894379045264326 53.18206287754655648, 5.76466959471843765 53.18299585702354904, 5.76554964647126234 53.18726194833944731, 5.76913417453902344 53.18596093451417062)))</t>
  </si>
  <si>
    <t>MultiPolygon (((5.75643750668589593 53.20231264025314744, 5.76412999998789033 53.19905897089897451, 5.75233967533430324 53.19615718518243597, 5.74573928738423412 53.19641153744803574, 5.74520238702266983 53.20068762672222107, 5.75643750668589593 53.20231264025314744, 5.75643750668589593 53.20231264025314744)))</t>
  </si>
  <si>
    <t>MultiPolygon (((5.75233967533430324 53.19615718518243597, 5.75602855086612575 53.19478495989217492, 5.7595100659671381 53.19212602332463291, 5.75357154778768809 53.19252577898014067, 5.75147106204173397 53.19206338287758484, 5.74690404673505562 53.18699854489083378, 5.74573928738423412 53.19641153744803574, 5.75233967533430324 53.19615718518243597)))</t>
  </si>
  <si>
    <t>MultiPolygon (((5.7595100659671381 53.19212602332463291, 5.76000162195077614 53.19169926221361067, 5.76554964647126234 53.18726194833944731, 5.76466959471843765 53.18299585702354904, 5.75894379045264326 53.18206287754655648, 5.74817489030340489 53.1814862921103213, 5.74690404673505562 53.18699854489083378, 5.75147106204173397 53.19206338287758484, 5.75357154778768809 53.19252577898014067, 5.7595100659671381 53.19212602332463291)))</t>
  </si>
  <si>
    <t>MultiPolygon (((5.76984659438955827 53.2056277620150766, 5.76988073638382826 53.20557949980825185, 5.77134581409861624 53.20301163447630444, 5.77156513845568409 53.20288373509405488, 5.76970200457354476 53.19823828784763009, 5.7690303305667614 53.1983236186474997, 5.76412999998789033 53.19905897089897451, 5.75643750668589593 53.20231264025314744, 5.76012323224464229 53.20325198562633773, 5.75895457403006272 53.20741039353598723, 5.76142853893638218 53.20714375958396403, 5.76429939606690134 53.20615835839731034, 5.76984659438955827 53.2056277620150766)))</t>
  </si>
  <si>
    <t>MultiPolygon (((5.7690303305667614 53.1983236186474997, 5.76738931745929673 53.19309294284199296, 5.76000162195077614 53.19169926221361067, 5.7595100659671381 53.19212602332463291, 5.75602855086612575 53.19478495989217492, 5.75233967533430324 53.19615718518243597, 5.76412999998789033 53.19905897089897451, 5.7690303305667614 53.1983236186474997, 5.7690303305667614 53.1983236186474997)))</t>
  </si>
  <si>
    <t>MultiPolygon (((5.77713815334723702 53.19417783048473325, 5.77402867454275004 53.19290602797575929, 5.77206278262370365 53.19066590809472217, 5.77201806609410983 53.18859264335765147, 5.77395213151559616 53.18525749040534834, 5.76913417453902344 53.18596093451417062, 5.76554964647126234 53.18726194833944731, 5.76000162195077614 53.19169926221361067, 5.76738931745929673 53.19309294284199296, 5.77874323358401742 53.19453186055403648, 5.77713815334723702 53.19417783048473325, 5.77713815334723702 53.19417783048473325)))</t>
  </si>
  <si>
    <t>MultiPolygon (((5.76970200457354476 53.19823828784763009, 5.77455572237063031 53.19784581299874304, 5.78651686518234509 53.19720123413397062, 5.78743002353992697 53.19534669459439868, 5.78304883321208241 53.19493769633584179, 5.77874323358401742 53.19453186055403648, 5.76738931745929673 53.19309294284199296, 5.7690303305667614 53.1983236186474997, 5.76970200457354476 53.19823828784763009, 5.76970200457354476 53.19823828784763009)))</t>
  </si>
  <si>
    <t>MultiPolygon (((5.78053562809116439 53.1917052522407019, 5.78694789384984354 53.18899928681028655, 5.79686079753496841 53.18661518004974198, 5.79681239913635693 53.18329366927760304, 5.79466113964742124 53.18334496481668339, 5.77395213151559616 53.18525749040534834, 5.77201806609410983 53.18859264335765147, 5.77206278262370365 53.19066590809472217, 5.77402867454275004 53.19290602797575929, 5.77713815334723702 53.19417783048473325, 5.78053562809116439 53.1917052522407019)))</t>
  </si>
  <si>
    <t>MultiPolygon (((5.78349142441022313 53.19366838760939942, 5.78968643154512286 53.19401003101211955, 5.7894887973178637 53.19313346428264566, 5.79058982822356416 53.19135993039176924, 5.78694789384984354 53.18899928681028655, 5.78053562809116439 53.1917052522407019, 5.77713815334723702 53.19417783048473325, 5.77874323358401742 53.19453186055403648, 5.78304883321208241 53.19493769633584179, 5.78349142441022313 53.19366838760939942)))</t>
  </si>
  <si>
    <t>MultiPolygon (((5.7916469731396063 53.19072680315306201, 5.79756537449014875 53.19043348536185079, 5.79686079753496841 53.18661518004974198, 5.78694789384984354 53.18899928681028655, 5.79058982822356416 53.19135993039176924, 5.7916469731396063 53.19072680315306201)))</t>
  </si>
  <si>
    <t>MultiPolygon (((5.79821845320548945 53.19262026881789751, 5.79782294111628183 53.19101328795483141, 5.79756537449014875 53.19043348536185079, 5.7916469731396063 53.19072680315306201, 5.79058982822356416 53.19135993039176924, 5.7894887973178637 53.19313346428264566, 5.79821845320548945 53.19262026881789751)))</t>
  </si>
  <si>
    <t>MultiPolygon (((5.79843548501125916 53.19343023397146197, 5.79821845320548945 53.19262026881789751, 5.7894887973178637 53.19313346428264566, 5.78968643154512286 53.19401003101211955, 5.78349142441022313 53.19366838760939942, 5.78304883321208241 53.19493769633584179, 5.78743002353992697 53.19534669459439868, 5.79677355113993009 53.1967669499309963, 5.79843548501125916 53.19343023397146197, 5.79843548501125916 53.19343023397146197)))</t>
  </si>
  <si>
    <t>MultiPolygon (((5.78492077570920049 53.19878238619305222, 5.78768894968317937 53.19800926428131049, 5.78651686518234509 53.19720123413397062, 5.77455572237063031 53.19784581299874304, 5.77494256906864756 53.19971579627630831, 5.78492077570920049 53.19878238619305222)))</t>
  </si>
  <si>
    <t>MultiPolygon (((5.77494256906864756 53.19971579627630831, 5.77455572237063031 53.19784581299874304, 5.76970200457354476 53.19823828784763009, 5.77156513845568409 53.20288373509405488, 5.77134581409861624 53.20301163447630444, 5.76988073638382826 53.20557949980825185, 5.76984659438955827 53.2056277620150766, 5.77256165106474217 53.2053679658840295, 5.77626000976370957 53.20501166845401286, 5.77494256906864756 53.19971579627630831)))</t>
  </si>
  <si>
    <t>MultiPolygon (((5.77667116148493953 53.20497064435573265, 5.78726118700096315 53.20402037307504628, 5.78800507902142503 53.20405129824250423, 5.7885670813805552 53.20041008131840954, 5.78830899256132181 53.19869720359599086, 5.78768894968317937 53.19800926428131049, 5.78492077570920049 53.19878238619305222, 5.77494256906864756 53.19971579627630831, 5.77626000976370957 53.20501166845401286, 5.77667116148493953 53.20497064435573265, 5.77667116148493953 53.20497064435573265)))</t>
  </si>
  <si>
    <t>MultiPolygon (((5.74471212360519701 53.2406227245377579, 5.76144286573680731 53.2398629814193356, 5.76166804312325898 53.23894258081968189, 5.7630569976885857 53.23454043967675631, 5.77299129094394647 53.23396644383129939, 5.77499268281069256 53.23029347452492743, 5.77510418466302156 53.22637140567164948, 5.7796432410881744 53.22609504075435183, 5.78091549768161883 53.21749680537522664, 5.77521756255715335 53.2178954615128319, 5.77516031229104865 53.21219802441566316, 5.76973953641691129 53.21252681360171977, 5.7700172357755628 53.2142036728147545, 5.76720319452019137 53.21443549096433401, 5.75637724433905973 53.21290542747330221, 5.75818483625473654 53.20914023954895811, 5.75433772856217374 53.21049449616549509, 5.74390503184958945 53.21137913438546008, 5.74402251912476114 53.21261232380305017, 5.74710720174718581 53.21514436996297093, 5.74536945110161756 53.2155210818404143, 5.74561165799060802 53.21587634186965943, 5.73416233646957707 53.21580462984560711, 5.73359651207548193 53.22231666117067306, 5.7325518249755314 53.23032293829150063, 5.733625103564159 53.23089471436800579, 5.73814764945002675 53.23128337059088722, 5.72976881963091778 53.23525439561009875, 5.73495378666864308 53.23805408108830051, 5.73601187496057374 53.23743492462718052, 5.74391588877368431 53.24109812016327226, 5.74471212360519701 53.2406227245377579)))</t>
  </si>
  <si>
    <t>MultiPolygon (((5.7700172357755628 53.2142036728147545, 5.76973953641691129 53.21252681360171977, 5.77516031229104865 53.21219802441566316, 5.77515715095264781 53.21187747164066906, 5.77256165106474217 53.2053679658840295, 5.76429939606690134 53.20615835839731034, 5.76142853893638218 53.20714375958396403, 5.75818483625473654 53.20914023954895811, 5.75637724433905973 53.21290542747330221, 5.76720319452019137 53.21443549096433401, 5.7700172357755628 53.2142036728147545)))</t>
  </si>
  <si>
    <t>MultiPolygon (((5.78091549768161883 53.21749680537522664, 5.78085481447314908 53.21703569996309113, 5.78102353978230621 53.21341085054708486, 5.78222992311872996 53.21166178077675113, 5.7816323222303625 53.21147188204578526, 5.77515715095264781 53.21187747164066906, 5.77516031229104865 53.21219802441566316, 5.77521756255715335 53.2178954615128319, 5.78091549768161883 53.21749680537522664, 5.78091549768161883 53.21749680537522664)))</t>
  </si>
  <si>
    <t>MultiPolygon (((5.7816323222303625 53.21147188204578526, 5.77946062732405075 53.20991746201898565, 5.77626000976370957 53.20501166845401286, 5.77256165106474217 53.2053679658840295, 5.77515715095264781 53.21187747164066906, 5.7816323222303625 53.21147188204578526, 5.7816323222303625 53.21147188204578526)))</t>
  </si>
  <si>
    <t>MultiPolygon (((5.78529612934699689 53.20831061421154828, 5.77667116148493953 53.20497064435573265, 5.77626000976370957 53.20501166845401286, 5.77946062732405075 53.20991746201898565, 5.7816323222303625 53.21147188204578526, 5.78222992311872996 53.21166178077675113, 5.78529612934699689 53.20831061421154828, 5.78529612934699689 53.20831061421154828)))</t>
  </si>
  <si>
    <t>MultiPolygon (((5.78744857708439131 53.20596891150157148, 5.78726118700096315 53.20402037307504628, 5.77667116148493953 53.20497064435573265, 5.78529612934699689 53.20831061421154828, 5.78744857708439131 53.20596891150157148, 5.78744857708439131 53.20596891150157148)))</t>
  </si>
  <si>
    <t>MultiPolygon (((5.80270663670028508 53.21288740606554768, 5.79888422002845605 53.20949054419683222, 5.79801187849203536 53.2070101472317063, 5.79687914012944194 53.20631315771677095, 5.79053563310797603 53.20829716286642252, 5.78854264600523205 53.21017594787784333, 5.78848808413956384 53.21311195084921764, 5.80270663670028508 53.21288740606554768)))</t>
  </si>
  <si>
    <t>MultiPolygon (((5.78854264600523205 53.21017594787784333, 5.79053563310797603 53.20829716286642252, 5.78744857708439131 53.20596891150157148, 5.78529612934699689 53.20831061421154828, 5.78222992311872996 53.21166178077675113, 5.78848808413956384 53.21311195084921764, 5.78854264600523205 53.21017594787784333)))</t>
  </si>
  <si>
    <t>MultiPolygon (((5.79687914012944194 53.20631315771677095, 5.79501800042762838 53.20527992926008665, 5.78800507902142503 53.20405129824250423, 5.78726118700096315 53.20402037307504628, 5.78744857708439131 53.20596891150157148, 5.79053563310797603 53.20829716286642252, 5.79687914012944194 53.20631315771677095, 5.79687914012944194 53.20631315771677095)))</t>
  </si>
  <si>
    <t>MultiPolygon (((5.81799414697159545 53.20262092946659749, 5.81694626487262756 53.2002902755639866, 5.81014932310112631 53.19980743739989748, 5.80973839600186093 53.20268901745857448, 5.81799414697159545 53.20262092946659749, 5.81799414697159545 53.20262092946659749)))</t>
  </si>
  <si>
    <t>MultiPolygon (((5.80973839600186093 53.20268901745857448, 5.81014932310112631 53.19980743739989748, 5.80286059090958517 53.1994432462200777, 5.80246594535044835 53.19944985200058341, 5.80311095008529243 53.20191782054759244, 5.80338550483435522 53.20294775148207123, 5.80973839600186093 53.20268901745857448, 5.80973839600186093 53.20268901745857448)))</t>
  </si>
  <si>
    <t>MultiPolygon (((5.81952687576036443 53.20458760389774966, 5.81799414697159545 53.20262092946659749, 5.80973839600186093 53.20268901745857448, 5.80949267213367726 53.20380081982573017, 5.81137417517331034 53.20493563177324603, 5.81952687576036443 53.20458760389774966, 5.81952687576036443 53.20458760389774966)))</t>
  </si>
  <si>
    <t>MultiPolygon (((5.80949267213367726 53.20380081982573017, 5.80973839600186093 53.20268901745857448, 5.80338550483435522 53.20294775148207123, 5.80299078682559255 53.20569732925950035, 5.80497679033243141 53.20606714307012908, 5.80949267213367726 53.20380081982573017)))</t>
  </si>
  <si>
    <t>MultiPolygon (((5.81950768535186569 53.20780542089953968, 5.81952687576036443 53.20458760389774966, 5.81137417517331034 53.20493563177324603, 5.81170023784638801 53.20693080167988143, 5.81872494831358988 53.2085084396310819, 5.81950768535186569 53.20780542089953968, 5.81950768535186569 53.20780542089953968)))</t>
  </si>
  <si>
    <t>MultiPolygon (((5.81872494831358988 53.2085084396310819, 5.81170023784638801 53.20693080167988143, 5.8062657433163638 53.20887390647588688, 5.81403237662065475 53.21204852068541413, 5.81872494831358988 53.2085084396310819, 5.81872494831358988 53.2085084396310819)))</t>
  </si>
  <si>
    <t>MultiPolygon (((5.81170023784638801 53.20693080167988143, 5.81137417517331034 53.20493563177324603, 5.80949267213367726 53.20380081982573017, 5.80497679033243141 53.20606714307012908, 5.80299078682559255 53.20569732925950035, 5.80205296952954708 53.20678809527411346, 5.8062657433163638 53.20887390647588688, 5.81170023784638801 53.20693080167988143, 5.81170023784638801 53.20693080167988143)))</t>
  </si>
  <si>
    <t>MultiPolygon (((5.81403237662065475 53.21204852068541413, 5.8062657433163638 53.20887390647588688, 5.80342348226898963 53.21276812624275721, 5.8108840112318072 53.21254219408501029, 5.81349297648553964 53.21328782779474409, 5.81403237662065475 53.21204852068541413, 5.81403237662065475 53.21204852068541413)))</t>
  </si>
  <si>
    <t>MultiPolygon (((5.80342348226898963 53.21276812624275721, 5.8062657433163638 53.20887390647588688, 5.80205296952954708 53.20678809527411346, 5.80088763257551943 53.20623465768856875, 5.79801187849203536 53.2070101472317063, 5.79888422002845605 53.20949054419683222, 5.80270663670028508 53.21288740606554768, 5.80342348226898963 53.21276812624275721, 5.80342348226898963 53.21276812624275721)))</t>
  </si>
  <si>
    <t>MultiPolygon (((5.80933389844258397 53.18814369387998653, 5.80928069491307397 53.18813569516263584, 5.80154733130836409 53.18654683461588917, 5.79686079753496841 53.18661518004974198, 5.79756537449014875 53.19043348536185079, 5.79782294111628183 53.19101328795483141, 5.80760996613247471 53.19109484151987033, 5.80933389844258397 53.18814369387998653, 5.80933389844258397 53.18814369387998653)))</t>
  </si>
  <si>
    <t>MultiPolygon (((5.80730550573209481 53.19465828844771238, 5.80760996613247471 53.19109484151987033, 5.79782294111628183 53.19101328795483141, 5.79821845320548945 53.19262026881789751, 5.79843548501125916 53.19343023397146197, 5.80253864837716016 53.19312163098872759, 5.80276814524658224 53.1938905164270821, 5.8011069322096267 53.19407360368401072, 5.80223304289441799 53.19576388583745086, 5.80730550573209481 53.19465828844771238, 5.80730550573209481 53.19465828844771238)))</t>
  </si>
  <si>
    <t>MultiPolygon (((5.80223304289441799 53.19576388583745086, 5.8011069322096267 53.19407360368401072, 5.80276814524658224 53.1938905164270821, 5.80253864837716016 53.19312163098872759, 5.79843548501125916 53.19343023397146197, 5.79677355113993009 53.1967669499309963, 5.8024874240936537 53.19743867874155541, 5.80223304289441799 53.19576388583745086, 5.80223304289441799 53.19576388583745086)))</t>
  </si>
  <si>
    <t>MultiPolygon (((5.8168668049525305 53.194975287229461, 5.81590887002824619 53.19167737771178395, 5.81673333926827851 53.18965705957398882, 5.80933389844258397 53.18814369387998653, 5.80760996613247471 53.19109484151987033, 5.80730550573209481 53.19465828844771238, 5.80937587053685256 53.19441879004123308, 5.81053987508409797 53.1935336818009219, 5.81346249990555464 53.19343889989706042, 5.8168668049525305 53.194975287229461, 5.8168668049525305 53.194975287229461)))</t>
  </si>
  <si>
    <t>MultiPolygon (((5.83406099767338837 53.1953947063043131, 5.83591547668473876 53.19298504216406087, 5.81673333926827851 53.18965705957398882, 5.81590887002824619 53.19167737771178395, 5.8168668049525305 53.194975287229461, 5.81975965506846293 53.19424228297715729, 5.83406099767338837 53.1953947063043131)))</t>
  </si>
  <si>
    <t>MultiPolygon (((5.82794581349214802 53.20215515905908177, 5.8300008851270384 53.20065060488990838, 5.83406099767338837 53.1953947063043131, 5.81975965506846293 53.19424228297715729, 5.8168668049525305 53.194975287229461, 5.81721579071745509 53.1991602825541321, 5.81694626487262756 53.2002902755639866, 5.82794581349214802 53.20215515905908177, 5.82794581349214802 53.20215515905908177)))</t>
  </si>
  <si>
    <t>MultiPolygon (((5.8168668049525305 53.194975287229461, 5.81346249990555464 53.19343889989706042, 5.81053987508409797 53.1935336818009219, 5.80937587053685256 53.19441879004123308, 5.80730550573209481 53.19465828844771238, 5.80223304289441799 53.19576388583745086, 5.8024874240936537 53.19743867874155541, 5.81721579071745509 53.1991602825541321, 5.8168668049525305 53.194975287229461, 5.8168668049525305 53.194975287229461)))</t>
  </si>
  <si>
    <t>MultiPolygon (((5.81721579071745509 53.1991602825541321, 5.8024874240936537 53.19743867874155541, 5.80286059090958517 53.1994432462200777, 5.81014932310112631 53.19980743739989748, 5.81694626487262756 53.2002902755639866, 5.81721579071745509 53.1991602825541321, 5.81721579071745509 53.1991602825541321)))</t>
  </si>
  <si>
    <t>MultiPolygon (((5.80286059090958517 53.1994432462200777, 5.8024874240936537 53.19743867874155541, 5.79677355113993009 53.1967669499309963, 5.79670019336823206 53.19831637221076903, 5.79829258312858986 53.19916822294003111, 5.80246594535044835 53.19944985200058341, 5.80286059090958517 53.1994432462200777, 5.80286059090958517 53.1994432462200777)))</t>
  </si>
  <si>
    <t>MultiPolygon (((5.79670019336823206 53.19831637221076903, 5.79677355113993009 53.1967669499309963, 5.78743002353992697 53.19534669459439868, 5.78651686518234509 53.19720123413397062, 5.78768894968317937 53.19800926428131049, 5.78830899256132181 53.19869720359599086, 5.79670019336823206 53.19831637221076903, 5.79670019336823206 53.19831637221076903)))</t>
  </si>
  <si>
    <t>MultiPolygon (((5.79518191578029018 53.1998876098620741, 5.79670019336823206 53.19831637221076903, 5.78830899256132181 53.19869720359599086, 5.7885670813805552 53.20041008131840954, 5.7891460844423257 53.2006287687368058, 5.79518191578029018 53.1998876098620741, 5.79518191578029018 53.1998876098620741)))</t>
  </si>
  <si>
    <t>MultiPolygon (((5.80311095008529243 53.20191782054759244, 5.80246594535044835 53.19944985200058341, 5.79829258312858986 53.19916822294003111, 5.80080436612398653 53.20221458814107507, 5.80311095008529243 53.20191782054759244, 5.80311095008529243 53.20191782054759244)))</t>
  </si>
  <si>
    <t>MultiPolygon (((5.80205296952954708 53.20678809527411346, 5.80299078682559255 53.20569732925950035, 5.80338550483435522 53.20294775148207123, 5.80311095008529243 53.20191782054759244, 5.80080436612398653 53.20221458814107507, 5.7999545768649039 53.20283926238028016, 5.80088763257551943 53.20623465768856875, 5.80205296952954708 53.20678809527411346, 5.80205296952954708 53.20678809527411346)))</t>
  </si>
  <si>
    <t>MultiPolygon (((5.80088763257551943 53.20623465768856875, 5.7999545768649039 53.20283926238028016, 5.79625641491533905 53.20248371677254084, 5.79501800042762838 53.20527992926008665, 5.79687914012944194 53.20631315771677095, 5.79801187849203536 53.2070101472317063, 5.80088763257551943 53.20623465768856875, 5.80088763257551943 53.20623465768856875)))</t>
  </si>
  <si>
    <t>MultiPolygon (((5.79501800042762838 53.20527992926008665, 5.79625641491533905 53.20248371677254084, 5.79500467931738417 53.20163322488294, 5.79160665957204213 53.20236551662155478, 5.78976102159829775 53.20171833246254067, 5.7891460844423257 53.2006287687368058, 5.7885670813805552 53.20041008131840954, 5.78800507902142503 53.20405129824250423, 5.79501800042762838 53.20527992926008665, 5.79501800042762838 53.20527992926008665)))</t>
  </si>
  <si>
    <t>MultiPolygon (((5.79500467931738417 53.20163322488294, 5.79518191578029018 53.1998876098620741, 5.7891460844423257 53.2006287687368058, 5.78976102159829775 53.20171833246254067, 5.79160665957204213 53.20236551662155478, 5.79500467931738417 53.20163322488294, 5.79500467931738417 53.20163322488294)))</t>
  </si>
  <si>
    <t>MultiPolygon (((5.7999545768649039 53.20283926238028016, 5.80080436612398653 53.20221458814107507, 5.79829258312858986 53.19916822294003111, 5.79670019336823206 53.19831637221076903, 5.79518191578029018 53.1998876098620741, 5.79500467931738417 53.20163322488294, 5.79625641491533905 53.20248371677254084, 5.7999545768649039 53.20283926238028016, 5.7999545768649039 53.20283926238028016)))</t>
  </si>
  <si>
    <t>MultiPolygon (((3.41100460218693557 51.31314221755597771, 3.41135876952039396 51.3116394262626514, 3.41654444920181399 51.31157813270021251, 3.4203400787853826 51.30771073628048384, 3.41796631155760267 51.30495757113627775, 3.42044138842417933 51.30225548126305313, 3.42298898251949613 51.2953776922567144, 3.42978768445450877 51.28869955957051729, 3.43034995017023903 51.28634467053628043, 3.43254732779335603 51.28396331415407161, 3.4356403960702484 51.28241961466076049, 3.43676543751076347 51.28028289723130939, 3.42634143512523925 51.27504156018090953, 3.42790568579293176 51.27268333632902397, 3.43009105272023529 51.27040213248651668, 3.42956172928862202 51.26960707920414961, 3.42393554251594434 51.26324442626627587, 3.4207058717549863 51.26348432860104509, 3.4164982867624496 51.26266406002916654, 3.41485266611849969 51.26132067195378994, 3.41598454901840798 51.25994819594168206, 3.41156418010055251 51.25692779980175828, 3.40740291722802002 51.25696206028737123, 3.40316227369100899 51.26246316772873968, 3.39680620702301095 51.26410310086549771, 3.39453360982072549 51.2654184716265533, 3.38892012126988629 51.27125095335104987, 3.38786502601005468 51.27325001755365719, 3.38646794790622963 51.27388504615716869, 3.38233156923672729 51.27407745864418587, 3.37839418436001759 51.27502598464339201, 3.37580003429793774 51.2770784287641419, 3.37533690027131827 51.27850603002369922, 3.37592953839531118 51.27948461714815664, 3.37969846692275411 51.28031125079014885, 3.38168014070924006 51.28162350684277015, 3.38041679015181717 51.28431442525685924, 3.38079622907636113 51.28696146994239058, 3.37893206601946927 51.28851749843647667, 3.37028702873001462 51.29194041906115586, 3.36680321885630285 51.2956439381347522, 3.36607406978461654 51.29827097904239963, 3.36739092911287052 51.29962236650702323, 3.37175762004302459 51.30009016658286214, 3.37807945335180015 51.30265034654519951, 3.37683904568081994 51.30244820781196324, 3.36290697253650928 51.3119002860905411, 3.37002433675347923 51.31632067148544252, 3.36839136334091771 51.31660536894236202, 3.36919134625008088 51.31764956232723307, 3.36609552743680895 51.31826850472288726, 3.3659020276484406 51.31758266533585555, 3.36284866487500667 51.31814303539614741, 3.38530563542231189 51.33425861722528083, 3.3888839235055217 51.33020892924682954, 3.39793536087489612 51.3246124627010829, 3.39992162387690788 51.319227319602156, 3.40268625813756609 51.31633890839980694, 3.40618632530518406 51.31436121171577014, 3.41100460218693557 51.31314221755597771),(3.38878854384130301 51.31492250121771548, 3.3843520783988903 51.31080112151451544, 3.3831403019725923 51.31049002352881416, 3.38301755250798974 51.31156234318343934, 3.37426351745554021 51.31164309832570325, 3.37675478862779865 51.3096246645162708, 3.37804276881511401 51.31017203711009245, 3.38273996426353341 51.30788386657236089, 3.38464094097326651 51.30421479573433885, 3.39069923480378987 51.30548405274895885, 3.39287165744623964 51.30766046728652441, 3.39348718707469166 51.30958595893466878, 3.38922828936632259 51.31230915556158578, 3.38974631956971395 51.31435199096268462, 3.38878854384130301 51.31492250121771548)))</t>
  </si>
  <si>
    <t>MultiPolygon (((4.75880609304292701 51.84544950097323124, 4.75867559045792277 51.84440656698676975, 4.75617576061649849 51.84496009487828871, 4.75379281062735792 51.84450835194600415, 4.74276393684516684 51.84100268902571429, 4.74339462475529494 51.84271974192451182, 4.74034470594745461 51.84325524076627545, 4.74053416484594781 51.84415215330347593, 4.75880609304292701 51.84544950097323124, 4.75880609304292701 51.84544950097323124)))</t>
  </si>
  <si>
    <t>MultiPolygon (((4.77817455357790788 51.84760876310848232, 4.78715104760687371 51.84665136981818279, 4.78706630304901992 51.84594383461715239, 4.79631108088607228 51.84583976208585199, 4.80236946350862315 51.84687390438812571, 4.80273681648747708 51.84632326652889134, 4.79542273991077916 51.84497970756333984, 4.78814732682503941 51.84493742135677508, 4.78037973399157057 51.84663992981409564, 4.77454579847025684 51.84554308906593434, 4.77314236797981728 51.8447104733652111, 4.76697754204250757 51.84388732883351736, 4.76981005033007754 51.84584060620444035, 4.77386313269760709 51.8460279193009157, 4.77648123407441272 51.84672236709220527, 4.77653901675900894 51.84755409722617969, 4.77817455357790788 51.84760876310848232, 4.77817455357790788 51.84760876310848232)))</t>
  </si>
  <si>
    <t>MultiPolygon (((4.76981005033007754 51.84584060620444035, 4.76697754204250757 51.84388732883351736, 4.76522569813048769 51.84425652547054142, 4.76134781462689638 51.84373517508092988, 4.75867559045792277 51.84440656698676975, 4.75880609304292701 51.84544950097323124, 4.76981005033007754 51.84584060620444035, 4.76981005033007754 51.84584060620444035)))</t>
  </si>
  <si>
    <t>MultiPolygon (((4.78090819425410274 51.8589892623131874, 4.80120033171089489 51.85493109975744375, 4.80688279969385057 51.85601710487452465, 4.81045994905132623 51.84969485974569636, 4.81070533669803346 51.8492522291648541, 4.80337854939914433 51.84635340664414827, 4.80273681648747708 51.84632326652889134, 4.80236946350862315 51.84687390438812571, 4.79631108088607228 51.84583976208585199, 4.78706630304901992 51.84594383461715239, 4.78715104760687371 51.84665136981818279, 4.77817455357790788 51.84760876310848232, 4.77653901675900894 51.84755409722617969, 4.77648123407441272 51.84672236709220527, 4.77386313269760709 51.8460279193009157, 4.76981005033007754 51.84584060620444035, 4.75880609304292701 51.84544950097323124, 4.74053416484594781 51.84415215330347593, 4.74034470594745461 51.84325524076627545, 4.73865383623869896 51.84357351648220913, 4.73713987649059032 51.8464528262627482, 4.73530430554827753 51.85228895863624388, 4.74307333647044516 51.85383230257768616, 4.75208968792491859 51.85663167022948983, 4.7562807422540363 51.85701140356653838, 4.76023397644245438 51.85605236432263609, 4.76761239105155799 51.85604529622277425, 4.78090819425410274 51.8589892623131874, 4.78090819425410274 51.8589892623131874)))</t>
  </si>
  <si>
    <t>MultiPolygon (((4.89708766168979714 51.93807071754573457, 4.89666867521336346 51.93891234926856271, 4.90150643493237315 51.93960368055753918, 4.90179717952031435 51.93849652560392371, 4.89991549059473286 51.93712170255825811, 4.90096193656269552 51.93455374233226962, 4.8988004185102767 51.93837967287424817, 4.89708766168979714 51.93807071754573457, 4.89708766168979714 51.93807071754573457)))</t>
  </si>
  <si>
    <t>MultiPolygon (((4.73826532773346898 51.90010197465123554, 4.74030717709627325 51.90233658036858344, 4.74313218409858983 51.90349450750747451, 4.74588192966340028 51.90440664445945629, 4.74393941583893408 51.90350771138624708, 4.74464824473556313 51.90273677016232767, 4.74804741031318667 51.90354802102243781, 4.74690968219252429 51.90487366455268869, 4.74876852668001792 51.90394944853712644, 4.74794093738176937 51.903234461950575, 4.74600702681104636 51.90274600994060705, 4.74736695603065773 51.90138348616461883, 4.75144847800898251 51.89687722689584604, 4.74603308497641052 51.89438947894412024, 4.7435059444723997 51.89511611009810821, 4.73826532773346898 51.90010197465123554, 4.73826532773346898 51.90010197465123554)))</t>
  </si>
  <si>
    <t>MultiPolygon (((4.80819656763896308 51.9209594620739594, 4.81364468215669117 51.92125960849438826, 4.81298052394971876 51.92104395855447763, 4.814987660688959 51.91940679297277939, 4.81749501406792735 51.91878663409377026, 4.81859634484639265 51.91788350440533151, 4.82092361201755981 51.91872836240513323, 4.82194524422665438 51.9183552336031795, 4.83017429129211084 51.91179773832233479, 4.82023695859057799 51.90493182724992494, 4.81694023611392019 51.90366525002532683, 4.79104058626315066 51.89673974177730287, 4.78676864193424034 51.89471820512441269, 4.77783987093706308 51.89333617372712837, 4.77487721982758107 51.89220394198081721, 4.76697107257631991 51.88447170488794313, 4.74242097381665317 51.88186579214158911, 4.74108158878538699 51.88082399612715534, 4.72630919073650002 51.89580520541683484, 4.7342289201017218 51.89924218795712108, 4.73826532773346898 51.90010197465123554, 4.7435059444723997 51.89511611009810821, 4.74603308497641052 51.89438947894412024, 4.75144847800898251 51.89687722689584604, 4.74736695603065773 51.90138348616461883, 4.75217989188711876 51.90342231505573523, 4.75102401738284463 51.90426665163340658, 4.75233355560127624 51.90703627919297958, 4.75548956091167696 51.90864554653435192, 4.75754600520658144 51.90899428478891053, 4.75831713895705377 51.90855958692233685, 4.76298784123519603 51.91013997422674464, 4.76885796489567593 51.91421065303467941, 4.7725150535335592 51.91461482010653583, 4.77696670866381012 51.91350597959383606, 4.78014638566122407 51.9136968926007043, 4.79475727202763213 51.91852732797512715, 4.80819656763896308 51.9209594620739594, 4.80819656763896308 51.9209594620739594)))</t>
  </si>
  <si>
    <t>MultiPolygon (((4.80123311545811493 51.92163226992241221, 4.81128344360359073 51.92455463205044452, 4.81238613169138851 51.92269106216728147, 4.80789425419920935 51.92164361141736606, 4.80851846890926549 51.92124840772049765, 4.80819656763896308 51.9209594620739594, 4.79475727202763213 51.91852732797512715, 4.78014638566122407 51.9136968926007043, 4.77696670866381012 51.91350597959383606, 4.7725150535335592 51.91461482010653583, 4.76885796489567593 51.91421065303467941, 4.76298784123519603 51.91013997422674464, 4.75831713895705377 51.90855958692233685, 4.75754600520658144 51.90899428478891053, 4.75548956091167696 51.90864554653435192, 4.75233355560127624 51.90703627919297958, 4.75102401738284463 51.90426665163340658, 4.75217989188711876 51.90342231505573523, 4.74736695603065773 51.90138348616461883, 4.74600702681104636 51.90274600994060705, 4.74794093738176937 51.903234461950575, 4.74876852668001792 51.90394944853712644, 4.74690968219252429 51.90487366455268869, 4.74804741031318667 51.90354802102243781, 4.74464824473556313 51.90273677016232767, 4.74393941583893408 51.90350771138624708, 4.74588192966340028 51.90440664445945629, 4.74313218409858983 51.90349450750747451, 4.74030717709627325 51.90233658036858344, 4.73826532773346898 51.90010197465123554, 4.7342289201017218 51.89924218795712108, 4.72630919073650002 51.89580520541683484, 4.72397216931861585 51.89809058502871153, 4.74386948712271916 51.90524884134608641, 4.76176213952815797 51.91421687108310579, 4.76719340225248533 51.91590335508202259, 4.77761006903236485 51.91706524139311085, 4.79070490099520008 51.91965899557937547, 4.80123311545811493 51.92163226992241221, 4.80123311545811493 51.92163226992241221)))</t>
  </si>
  <si>
    <t>MultiPolygon (((4.94271443980549918 51.84478412284490645, 4.93693991218023598 51.8443784259882392, 4.93661777386180844 51.84293378778047412, 4.93088599239709158 51.84026589969077747, 4.9254413017470684 51.84023945320760163, 4.92481921676881296 51.84155465340066371, 4.92744575010140906 51.84136137798690669, 4.92848526756534966 51.8423329133177262, 4.92888751531564218 51.84458418293825588, 4.93481264849104306 51.84623734138359907, 4.934054019075095 51.84712386011395324, 4.9287778366776811 51.84629955304294668, 4.92427961801349223 51.84505802878398129, 4.92427245266472369 51.84398439144224824, 4.92351350606491245 51.84738777820487599, 4.92095307415776606 51.86049816390075051, 4.93135469096478918 51.86152844055965261, 4.93812564318344283 51.86439001466478516, 4.93839867744694949 51.86362936025894754, 4.94034627438747886 51.85842846269660811, 4.94271443980549918 51.84478412284490645)))</t>
  </si>
  <si>
    <t>MultiPolygon (((4.92409302151123018 51.84202014461756391, 4.92182281433407809 51.8407888901597218, 4.92486383139317141 51.8397184131806128, 4.90986159852401993 51.83884837630886011, 4.90915117232529852 51.84274722271707248, 4.91086958804354623 51.84458484154781388, 4.91150120814772162 51.84082313914989726, 4.91913731961075218 51.84121663750213571, 4.91542564582605124 51.84579311260675638, 4.91897451106678929 51.84670205276015764, 4.91906467578574969 51.84584703396900807, 4.92232522318062227 51.84458399540752538, 4.92409302151123018 51.84202014461756391, 4.92409302151123018 51.84202014461756391)))</t>
  </si>
  <si>
    <t>MultiPolygon (((4.91086958804354623 51.84458484154781388, 4.91426717557807358 51.84588145545956195, 4.91542564582605124 51.84579311260675638, 4.91913731961075218 51.84121663750213571, 4.91150120814772162 51.84082313914989726, 4.91086958804354623 51.84458484154781388, 4.91086958804354623 51.84458484154781388)))</t>
  </si>
  <si>
    <t>MultiPolygon (((4.92481921676881296 51.84155465340066371, 4.9254413017470684 51.84023945320760163, 4.92182281433407809 51.8407888901597218, 4.92409302151123018 51.84202014461756391, 4.92481921676881296 51.84155465340066371, 4.92481921676881296 51.84155465340066371)))</t>
  </si>
  <si>
    <t>MultiPolygon (((4.91897451106678929 51.84670205276015764, 4.92351350606491245 51.84738777820487599, 4.92427245266472369 51.84398439144224824, 4.92427961801349223 51.84505802878398129, 4.9287778366776811 51.84629955304294668, 4.934054019075095 51.84712386011395324, 4.93481264849104306 51.84623734138359907, 4.92888751531564218 51.84458418293825588, 4.92848526756534966 51.8423329133177262, 4.92744575010140906 51.84136137798690669, 4.92481921676881296 51.84155465340066371, 4.92409302151123018 51.84202014461756391, 4.92232522318062227 51.84458399540752538, 4.91906467578574969 51.84584703396900807, 4.91897451106678929 51.84670205276015764, 4.91897451106678929 51.84670205276015764)))</t>
  </si>
  <si>
    <t>MultiPolygon (((4.74148655463806445 51.88026334214160329, 4.73218265437295837 51.86275140419682828, 4.73195050688561203 51.86230748685564862, 4.729957293828285 51.86260757875989214, 4.72504887425293152 51.86196496736651795, 4.71940531144713127 51.86032321494969466, 4.71378052073489062 51.86124090878470838, 4.70795072791688884 51.86000118995418973, 4.70797886951606426 51.86071962480924213, 4.70699222174763854 51.86088818521909616, 4.70499308729191146 51.85992548111202183, 4.70117419631489675 51.85933509274027386, 4.69358971363513877 51.85781893236359252, 4.68126411783636609 51.85891240920403789, 4.68126314008236566 51.85892143958164979, 4.68070889561120485 51.85963856389817295, 4.68239716358980917 51.86060425975286847, 4.68598818108878401 51.86593220772905966, 4.68767372139974192 51.86676123730893551, 4.69043893123746436 51.86684704802038226, 4.69081657015633091 51.86730544107825125, 4.70023970387127488 51.87970988049823973, 4.70690004646452032 51.87901750882235774, 4.71013695707980773 51.8765020615946284, 4.71669105869684024 51.87814227087893215, 4.72624363591939378 51.87918853590343105, 4.73350071759419944 51.87864406848363075, 4.74074287835943764 51.8807149084605399, 4.74148655463806445 51.88026334214160329, 4.74148655463806445 51.88026334214160329)))</t>
  </si>
  <si>
    <t>MultiPolygon (((4.73574021160543079 51.86134597747003738, 4.73530430554827753 51.85228895863624388, 4.73713987649059032 51.8464528262627482, 4.7139496033642736 51.84120831611448921, 4.70669690535238328 51.84107110255739315, 4.69919031540793153 51.84310441074295284, 4.69000560345022866 51.84563304407330264, 4.6831906708754607 51.84849145425308592, 4.68310945905003617 51.84892002224714247, 4.68151196127485303 51.85774355043032813, 4.68854460672246631 51.85725855407358154, 4.68879485469976132 51.85619018570091043, 4.69023675625420289 51.85586806846810504, 4.69866065782058318 51.85667643221822232, 4.70000672765407579 51.85668431681791191, 4.70119636208910308 51.85557641502204973, 4.71009126801690936 51.85665084380734413, 4.72775118259265081 51.85924940289608287, 4.72932539467322943 51.86051888141098942, 4.73378490943234809 51.86167612444074848, 4.73574021160543079 51.86134597747003738, 4.73574021160543079 51.86134597747003738)))</t>
  </si>
  <si>
    <t>MultiPolygon (((4.70117419631489675 51.85933509274027386, 4.70499308729191146 51.85992548111202183, 4.70699222174763854 51.86088818521909616, 4.70797886951606426 51.86071962480924213, 4.70795072791688884 51.86000118995418973, 4.70753462964265168 51.85914859739765603, 4.70953790456158483 51.85923806114519152, 4.71020465838404512 51.85869070463348862, 4.71009126801690936 51.85665084380734413, 4.70119636208910308 51.85557641502204973, 4.70000672765407579 51.85668431681791191, 4.69866065782058318 51.85667643221822232, 4.69832935659613149 51.85795299581372575, 4.70104322935759011 51.85871553088106367, 4.70117419631489675 51.85933509274027386, 4.70117419631489675 51.85933509274027386)))</t>
  </si>
  <si>
    <t>MultiPolygon (((4.68151196127485303 51.85774355043032813, 4.68126411783636609 51.85891240920403789, 4.69358971363513877 51.85781893236359252, 4.70117419631489675 51.85933509274027386, 4.70104322935759011 51.85871553088106367, 4.69832935659613149 51.85795299581372575, 4.69866065782058318 51.85667643221822232, 4.69023675625420289 51.85586806846810504, 4.68879485469976132 51.85619018570091043, 4.68854460672246631 51.85725855407358154, 4.68151196127485303 51.85774355043032813, 4.68151196127485303 51.85774355043032813)))</t>
  </si>
  <si>
    <t>MultiPolygon (((4.73195050688561203 51.86230748685564862, 4.73378490943234809 51.86167612444074848, 4.72932539467322943 51.86051888141098942, 4.72775118259265081 51.85924940289608287, 4.71009126801690936 51.85665084380734413, 4.71020465838404512 51.85869070463348862, 4.70953790456158483 51.85923806114519152, 4.70753462964265168 51.85914859739765603, 4.70795072791688884 51.86000118995418973, 4.71378052073489062 51.86124090878470838, 4.71940531144713127 51.86032321494969466, 4.72504887425293152 51.86196496736651795, 4.729957293828285 51.86260757875989214, 4.73195050688561203 51.86230748685564862, 4.73195050688561203 51.86230748685564862)))</t>
  </si>
  <si>
    <t>MultiPolygon (((4.86263315955318642 51.8916222753445382, 4.86334667515235619 51.89029183178502791, 4.85981726756866639 51.88957854319439633, 4.86011494588592452 51.88890860339807887, 4.85825745842136669 51.88805548578212523, 4.85743609692454026 51.88845640159080119, 4.85660596969080949 51.88924705816039307, 4.85564636606217537 51.89019707993342934, 4.85845225738992692 51.89152737781107305, 4.85950533184730471 51.89086751650855689, 4.86263315955318642 51.8916222753445382, 4.86263315955318642 51.8916222753445382)))</t>
  </si>
  <si>
    <t>MultiPolygon (((4.85660596969080949 51.88924705816039307, 4.85743609692454026 51.88845640159080119, 4.85471186348891592 51.88567049979559442, 4.85017208657446108 51.8843123206911514, 4.84923601578651731 51.88666223883792128, 4.85660596969080949 51.88924705816039307, 4.85660596969080949 51.88924705816039307)))</t>
  </si>
  <si>
    <t>MultiPolygon (((4.86896560868779282 51.89289797267522175, 4.87824456088222647 51.89424475455843577, 4.87831625789123269 51.89284637567894265, 4.87854804319304147 51.89219970759510403, 4.87088318539122334 51.89085078519074301, 4.86997510723814475 51.89124654363732247, 4.86896560868779282 51.89289797267522175, 4.86896560868779282 51.89289797267522175)))</t>
  </si>
  <si>
    <t>MultiPolygon (((4.88291207563693419 51.89562420803613918, 4.88885100000292372 51.89744986248602743, 4.89430484219185402 51.88536927320060244, 4.89647474877035283 51.88027320257846497, 4.8784257842137837 51.87821781088972273, 4.85785095997833061 51.86954016876226348, 4.85552350595773241 51.86727186864691674, 4.84868581701681922 51.88280895663852021, 4.8498312117451885 51.88359220733102006, 4.85619102999134622 51.88472185398106262, 4.85582160640483007 51.88561696856017136, 4.85825745842136669 51.88805548578212523, 4.86011494588592452 51.88890860339807887, 4.85981726756866639 51.88957854319439633, 4.86334667515235619 51.89029183178502791, 4.86997510723814475 51.89124654363732247, 4.87088318539122334 51.89085078519074301, 4.87854804319304147 51.89219970759510403, 4.87831625789123269 51.89284637567894265, 4.88338522450670531 51.89433427473411342, 4.88291207563693419 51.89562420803613918, 4.88291207563693419 51.89562420803613918)))</t>
  </si>
  <si>
    <t>MultiPolygon (((4.87824456088222647 51.89424475455843577, 4.88045557414771558 51.89426541132962001, 4.88291207563693419 51.89562420803613918, 4.88338522450670531 51.89433427473411342, 4.87831625789123269 51.89284637567894265, 4.87824456088222647 51.89424475455843577, 4.87824456088222647 51.89424475455843577)))</t>
  </si>
  <si>
    <t>MultiPolygon (((4.86263315955318642 51.8916222753445382, 4.86896560868779282 51.89289797267522175, 4.86997510723814475 51.89124654363732247, 4.86334667515235619 51.89029183178502791, 4.86263315955318642 51.8916222753445382, 4.86263315955318642 51.8916222753445382)))</t>
  </si>
  <si>
    <t>MultiPolygon (((4.85564636606217537 51.89019707993342934, 4.85660596969080949 51.88924705816039307, 4.84923601578651731 51.88666223883792128, 4.84878237989928351 51.88709425149143328, 4.85564636606217537 51.89019707993342934, 4.85564636606217537 51.89019707993342934)))</t>
  </si>
  <si>
    <t>MultiPolygon (((4.84878237989928351 51.88709425149143328, 4.84923601578651731 51.88666223883792128, 4.85017208657446108 51.8843123206911514, 4.8498312117451885 51.88359220733102006, 4.84868581701681922 51.88280895663852021, 4.84805191603356089 51.88341391959385618, 4.84676015347780442 51.88601171101179688, 4.84878237989928351 51.88709425149143328, 4.84878237989928351 51.88709425149143328)))</t>
  </si>
  <si>
    <t>MultiPolygon (((4.85743609692454026 51.88845640159080119, 4.85825745842136669 51.88805548578212523, 4.85582160640483007 51.88561696856017136, 4.85619102999134622 51.88472185398106262, 4.8498312117451885 51.88359220733102006, 4.85017208657446108 51.8843123206911514, 4.85471186348891592 51.88567049979559442, 4.85743609692454026 51.88845640159080119, 4.85743609692454026 51.88845640159080119)))</t>
  </si>
  <si>
    <t>MultiPolygon (((4.83881302598159557 51.89980980426591373, 4.84353542590145292 51.90215446180634729, 4.84912413167393375 51.89817760046344119, 4.85038202492949821 51.89793104748464714, 4.86942831075170801 51.90000276105174493, 4.87193455873668224 51.89608788021150332, 4.87474879117587978 51.89641636297376692, 4.88585863043353452 51.90058205148925197, 4.88885100000292372 51.89744986248602743, 4.88291207563693419 51.89562420803613918, 4.88045557414771558 51.89426541132962001, 4.87824456088222647 51.89424475455843577, 4.86896560868779282 51.89289797267522175, 4.86263315955318642 51.8916222753445382, 4.85950533184730471 51.89086751650855689, 4.85845225738992692 51.89152737781107305, 4.85564636606217537 51.89019707993342934, 4.84878237989928351 51.88709425149143328, 4.84676015347780442 51.88601171101179688, 4.84517075814010045 51.88744430272743102, 4.83507340142345843 51.89639171260223804, 4.83425231786353926 51.89730783864243335, 4.83881302598159557 51.89980980426591373, 4.83881302598159557 51.89980980426591373)))</t>
  </si>
  <si>
    <t>MultiPolygon (((4.94763962084496267 51.93371043608483717, 4.94959548872090416 51.93156606332526337, 4.95615745271601593 51.91559106386883116, 4.96412154526825855 51.91375371340881628, 4.95855970373021471 51.91188256925260447, 4.9570027032432451 51.91210395654820786, 4.95384362170612214 51.90935275311822039, 4.95426508827067646 51.90830280030839106, 4.94983708516706411 51.90684755309742116, 4.94949838502343198 51.90770906701916942, 4.94799079824365329 51.9066566398273892, 4.94554461643404419 51.9059758872904311, 4.94329410408280001 51.90626476324678862, 4.94175564725480321 51.90785864508038827, 4.93892777023521923 51.90671333222501005, 4.9402043992640996 51.90387876298286329, 4.9376897542138094 51.90263121005070701, 4.93682894807367845 51.90156926383144764, 4.9310466215002231 51.9007782120217982, 4.92775661465734061 51.90097737660914134, 4.92265720975187016 51.91314063087992992, 4.92171553592858046 51.91503596640363583, 4.91976202663761608 51.91893082679924021, 4.92296668828548167 51.92079965198666258, 4.92682310067505824 51.92177814543941849, 4.93136389062249414 51.92409056926328503, 4.93509673466388943 51.92815838365032022, 4.93923505752584369 51.92893807144500329, 4.94229315020806137 51.93016667866049829, 4.94594422703891201 51.93328950699514479, 4.94763962084496267 51.93371043608483717)))</t>
  </si>
  <si>
    <t>MultiPolygon (((4.9376897542138094 51.90263121005070701, 4.94035216721799664 51.90213954501197691, 4.93654688812259401 51.89787600562877401, 4.93319375938749261 51.89575688090916827, 4.93073491629635274 51.89606751860345923, 4.9310466215002231 51.9007782120217982, 4.93682894807367845 51.90156926383144764, 4.9376897542138094 51.90263121005070701, 4.9376897542138094 51.90263121005070701)))</t>
  </si>
  <si>
    <t>MultiPolygon (((4.96412818278188972 51.91063800234268655, 4.95927370068893314 51.91024180101310037, 4.95739338155438514 51.90922096096320359, 4.95760994771803709 51.90821096429040438, 4.9518270339078585 51.90555562821779034, 4.94593544104328142 51.90458136943961165, 4.94554461643404419 51.9059758872904311, 4.94799079824365329 51.9066566398273892, 4.9496059793679148 51.90571582628145109, 4.94983708516706411 51.90684755309742116, 4.95426508827067646 51.90830280030839106, 4.95384362170612214 51.90935275311822039, 4.9570027032432451 51.91210395654820786, 4.95855970373021471 51.91188256925260447, 4.96412154526825855 51.91375371340881628, 4.96478522373942877 51.91351896096521301, 4.96329319479197473 51.9127852001554615, 4.96416015781442255 51.9122674564867026, 4.96412818278188972 51.91063800234268655)))</t>
  </si>
  <si>
    <t>MultiPolygon (((4.94554461643404419 51.9059758872904311, 4.94593544104328142 51.90458136943961165, 4.94536879836477539 51.90211884021642419, 4.94204140391308222 51.90254253358805414, 4.94035216721799664 51.90213954501197691, 4.9376897542138094 51.90263121005070701, 4.9402043992640996 51.90387876298286329, 4.93892777023521923 51.90671333222501005, 4.94175564725480321 51.90785864508038827, 4.94329410408280001 51.90626476324678862, 4.94554461643404419 51.9059758872904311, 4.94554461643404419 51.9059758872904311)))</t>
  </si>
  <si>
    <t>MultiPolygon (((4.91790235631764361 51.87402065998355027, 4.9187566676607446 51.87416268202247949, 4.91937877023362891 51.87270449458222998, 4.92005872560130797 51.87294382176872887, 4.92592153955183143 51.88487165542385782, 4.92721672933391641 51.88464011280112231, 4.92894309659721319 51.88169864303301182, 4.92633500292559656 51.88128717906313625, 4.92340785248795498 51.87709118952384557, 4.92203065777413418 51.87313236334376398, 4.91881402966963144 51.87188196506653526, 4.91790235631764361 51.87402065998355027, 4.91790235631764361 51.87402065998355027)))</t>
  </si>
  <si>
    <t>MultiPolygon (((4.95148656273613774 51.88547682090067781, 4.95118339310174971 51.8840260465398444, 4.94668794792320998 51.8845981995812835, 4.94804142132964486 51.88593211170378083, 4.95148656273613774 51.88547682090067781, 4.95148656273613774 51.88547682090067781)))</t>
  </si>
  <si>
    <t>MultiPolygon (((4.97374062497170399 51.90766741243567139, 4.97341069944198644 51.89725004955719356, 4.97435497505571345 51.89709310754869165, 4.97175698175594505 51.89314101944137292, 4.97241401639929137 51.89043576900431276, 4.97040210865000542 51.88707643058589269, 4.9682285408001734 51.88526275291278012, 4.96549009017844956 51.88466421698238662, 4.96431217022637483 51.88524719564618692, 4.96284082262413406 51.88493565652303374, 4.96067712374625458 51.88256809782537005, 4.94670246013035886 51.88305638257984498, 4.93969796923860915 51.88537047583707817, 4.93389191190749976 51.88579343711022318, 4.92894309659721319 51.88169864303301182, 4.92721672933391641 51.88464011280112231, 4.92592153955183143 51.88487165542385782, 4.92005872560130797 51.87294382176872887, 4.91937877023362891 51.87270449458222998, 4.9187566676607446 51.87416268202247949, 4.91790235631764361 51.87402065998355027, 4.91163808288557036 51.88852270963958091, 4.92126909182155803 51.89677865055254102, 4.92775661465734061 51.90097737660914134, 4.9310466215002231 51.9007782120217982, 4.93073491629635274 51.89606751860345923, 4.93319375938749261 51.89575688090916827, 4.93654688812259401 51.89787600562877401, 4.94035216721799664 51.90213954501197691, 4.94204140391308222 51.90254253358805414, 4.94536879836477539 51.90211884021642419, 4.94593544104328142 51.90458136943961165, 4.9518270339078585 51.90555562821779034, 4.95760994771803709 51.90821096429040438, 4.95739338155438514 51.90922096096320359, 4.95927370068893314 51.91024180101310037, 4.96412818278188972 51.91063800234268655, 4.96760708298594711 51.91013912335734659, 4.97374062497170399 51.90766741243567139, 4.97374062497170399 51.90766741243567139),(4.94804142132964486 51.88593211170378083, 4.94668794792320998 51.8845981995812835, 4.95118339310174971 51.8840260465398444, 4.95148656273613774 51.88547682090067781, 4.94804142132964486 51.88593211170378083, 4.94804142132964486 51.88593211170378083)))</t>
  </si>
  <si>
    <t>MultiPolygon (((4.94799079824365329 51.9066566398273892, 4.94949838502343198 51.90770906701916942, 4.94983708516706411 51.90684755309742116, 4.9496059793679148 51.90571582628145109, 4.94799079824365329 51.9066566398273892, 4.94799079824365329 51.9066566398273892)))</t>
  </si>
  <si>
    <t>MultiPolygon (((4.86328104696460439 51.94002599368126738, 4.87227844056527282 51.93835443653502182, 4.87305788487113922 51.93655952465692138, 4.87281696729760405 51.93546839635511247, 4.86462672270519825 51.93485628654198649, 4.8653334264440522 51.93604508300018807, 4.86328104696460439 51.94002599368126738, 4.86328104696460439 51.94002599368126738)))</t>
  </si>
  <si>
    <t>MultiPolygon (((4.86462672270519825 51.93485628654198649, 4.87281696729760405 51.93546839635511247, 4.87619323391115689 51.92684561254186093, 4.87442750525366897 51.92641475117731886, 4.87743725887671964 51.920773327198944, 4.8770193573451559 51.92006682357770586, 4.87628710622468731 51.91988001043847589, 4.87548590124577075 51.92094965127436978, 4.87207326336395941 51.92736981393969842, 4.87045414656514808 51.92852814463865485, 4.86841190074427832 51.93179766888942339, 4.86687701655991578 51.93137328585985557, 4.86605245491273131 51.93206272931413992, 4.86462672270519825 51.93485628654198649, 4.86462672270519825 51.93485628654198649)))</t>
  </si>
  <si>
    <t>MultiPolygon (((4.72397216931861585 51.89809058502871153, 4.72630919073650002 51.89580520541683484, 4.71661045287765024 51.89324596575974624, 4.70629592326946344 51.8950241843925113, 4.6954808104952459 51.89168992802490266, 4.69239596833670447 51.89251343602315103, 4.69160030441683684 51.8932407842784329, 4.68378170603051824 51.8923523770258015, 4.67503191505251703 51.88898409502578346, 4.67575605014284612 51.88803696833947754, 4.67214496156003545 51.88784868099857306, 4.65965431983500356 51.88724151671143403, 4.65678261201379851 51.88757420003590681, 4.65611410638911849 51.88817672786881019, 4.65465166795604723 51.88968201047745765, 4.66816658707752463 51.88958534682900137, 4.67336721055598225 51.89022758149221204, 4.6759942745293479 51.89114235773596562, 4.68067586754724019 51.89300509475106793, 4.69095566367686079 51.89483765657401193, 4.70560114749645386 51.89721832577050264, 4.71581192013472261 51.89594904268130193, 4.72397216931861585 51.89809058502871153, 4.72397216931861585 51.89809058502871153)))</t>
  </si>
  <si>
    <t>MultiPolygon (((4.6951746840905999 51.88665175537939689, 4.69420899890653942 51.88766721463073139, 4.69469846938782709 51.8878598628830261, 4.69769957619932388 51.88678048548378996, 4.6951746840905999 51.88665175537939689, 4.6951746840905999 51.88665175537939689)))</t>
  </si>
  <si>
    <t>MultiPolygon (((4.67575605014284612 51.88803696833947754, 4.67503191505251703 51.88898409502578346, 4.68378170603051824 51.8923523770258015, 4.69160030441683684 51.8932407842784329, 4.69239596833670447 51.89251343602315103, 4.69130923549358592 51.89189640953009786, 4.6823696100679566 51.89045433428269405, 4.67575605014284612 51.88803696833947754, 4.67575605014284612 51.88803696833947754)))</t>
  </si>
  <si>
    <t>MultiPolygon (((4.72630919073650002 51.89580520541683484, 4.74108158878538699 51.88082399612715534, 4.74074287835943764 51.8807149084605399, 4.73350071759419944 51.87864406848363075, 4.72624363591939378 51.87918853590343105, 4.71669105869684024 51.87814227087893215, 4.71013695707980773 51.8765020615946284, 4.70690004646452032 51.87901750882235774, 4.70023970387127488 51.87970988049823973, 4.69726800313579052 51.87985728889461257, 4.68783416207902892 51.87871776930579415, 4.677884468008779 51.8753004045052819, 4.67291403452761234 51.87479193902338181, 4.66856041093491658 51.87507257934198179, 4.66169178480712798 51.88189681000690001, 4.6527050105805019 51.88184635958752011, 4.64805374970130192 51.8879833760221274, 4.65326753655154146 51.88769606710064153, 4.65611410638911849 51.88817672786881019, 4.65678261201379851 51.88757420003590681, 4.66186129804412275 51.88222830485428005, 4.67491533684847838 51.88361959583598093, 4.67803113589602493 51.88094235336178173, 4.67614352151101453 51.88373911458788967, 4.6951746840905999 51.88665175537939689, 4.69769957619932388 51.88678048548378996, 4.69469846938782709 51.8878598628830261, 4.69121832484806145 51.89053701946139086, 4.6954808104952459 51.89168992802490266, 4.70629592326946344 51.8950241843925113, 4.71661045287765024 51.89324596575974624, 4.72630919073650002 51.89580520541683484, 4.72630919073650002 51.89580520541683484)))</t>
  </si>
  <si>
    <t>MultiPolygon (((4.68190365920394314 51.88775425126351593, 4.67838399428373553 51.88655520548380906, 4.67822152701388916 51.88757353082264245, 4.68081351349493868 51.8887972088604883, 4.68190365920394314 51.88775425126351593, 4.68190365920394314 51.88775425126351593)))</t>
  </si>
  <si>
    <t>MultiPolygon (((4.65678261201379851 51.88757420003590681, 4.65965431983500356 51.88724151671143403, 4.67214496156003545 51.88784868099857306, 4.6713970937932201 51.88717500907536362, 4.67491533684847838 51.88361959583598093, 4.66186129804412275 51.88222830485428005, 4.65678261201379851 51.88757420003590681, 4.65678261201379851 51.88757420003590681)))</t>
  </si>
  <si>
    <t>MultiPolygon (((4.69239596833670447 51.89251343602315103, 4.6954808104952459 51.89168992802490266, 4.69121832484806145 51.89053701946139086, 4.69469846938782709 51.8878598628830261, 4.69420899890653942 51.88766721463073139, 4.6951746840905999 51.88665175537939689, 4.67614352151101453 51.88373911458788967, 4.67803113589602493 51.88094235336178173, 4.67491533684847838 51.88361959583598093, 4.6713970937932201 51.88717500907536362, 4.67214496156003545 51.88784868099857306, 4.67575605014284612 51.88803696833947754, 4.6823696100679566 51.89045433428269405, 4.69130923549358592 51.89189640953009786, 4.69239596833670447 51.89251343602315103, 4.69239596833670447 51.89251343602315103),(4.68190365920394314 51.88775425126351593, 4.68081351349493868 51.8887972088604883, 4.67822152701388916 51.88757353082264245, 4.67838399428373553 51.88655520548380906, 4.68190365920394314 51.88775425126351593, 4.68190365920394314 51.88775425126351593)))</t>
  </si>
  <si>
    <t>MultiPolygon (((4.84580219715888649 51.88280255615678982, 4.84693888992030875 51.8830669350325735, 4.84677918517637174 51.88219963506280408, 4.83042694421868468 51.87796052830769611, 4.82994826486537132 51.87890178062972524, 4.84580219715888649 51.88280255615678982, 4.84580219715888649 51.88280255615678982)))</t>
  </si>
  <si>
    <t>MultiPolygon (((4.84868581701681922 51.88280895663852021, 4.85552350595773241 51.86727186864691674, 4.85455663824467187 51.86779461764028554, 4.83808213882560523 51.86073467127648939, 4.81378312286379373 51.85033921655706735, 4.81045994905132623 51.84969485974569636, 4.80688279969385057 51.85601710487452465, 4.79903801655873075 51.86995178647826776, 4.81461404494597645 51.87389398479295721, 4.82251689800140859 51.87574858691412771, 4.82471324206129726 51.8741994338339012, 4.82792595006567105 51.87530838529715993, 4.82919684841367669 51.87554148524649378, 4.8302773241711412 51.87332402575177071, 4.83251570973058087 51.87392536937100118, 4.83042694421868468 51.87796052830769611, 4.84677918517637174 51.88219963506280408, 4.84868581701681922 51.88280895663852021, 4.84868581701681922 51.88280895663852021)))</t>
  </si>
  <si>
    <t>MultiPolygon (((4.82792595006567105 51.87530838529715993, 4.82700557893027682 51.87709778739539246, 4.83042694421868468 51.87796052830769611, 4.83251570973058087 51.87392536937100118, 4.8302773241711412 51.87332402575177071, 4.82919684841367669 51.87554148524649378, 4.82792595006567105 51.87530838529715993, 4.82792595006567105 51.87530838529715993)))</t>
  </si>
  <si>
    <t>MultiPolygon (((4.84693888992030875 51.8830669350325735, 4.84805191603356089 51.88341391959385618, 4.84868581701681922 51.88280895663852021, 4.84677918517637174 51.88219963506280408, 4.84693888992030875 51.8830669350325735, 4.84693888992030875 51.8830669350325735)))</t>
  </si>
  <si>
    <t>MultiPolygon (((4.81399793462752168 51.87475345792551451, 4.81461404494597645 51.87389398479295721, 4.79903801655873075 51.86995178647826776, 4.79867680498362148 51.87066874280015583, 4.81399793462752168 51.87475345792551451, 4.81399793462752168 51.87475345792551451)))</t>
  </si>
  <si>
    <t>MultiPolygon (((4.82691304725902537 51.87811101447044138, 4.82994826486537132 51.87890178062972524, 4.83042694421868468 51.87796052830769611, 4.82700557893027682 51.87709778739539246, 4.82792595006567105 51.87530838529715993, 4.82471324206129726 51.8741994338339012, 4.82251689800140859 51.87574858691412771, 4.81461404494597645 51.87389398479295721, 4.81399793462752168 51.87475345792551451, 4.81457521646611841 51.87491068040488074, 4.82691304725902537 51.87811101447044138, 4.82691304725902537 51.87811101447044138)))</t>
  </si>
  <si>
    <t>MultiPolygon (((4.93923505752584369 51.92893807144500329, 4.93509673466388943 51.92815838365032022, 4.93136389062249414 51.92409056926328503, 4.92682310067505824 51.92177814543941849, 4.92296668828548167 51.92079965198666258, 4.91976202663761608 51.91893082679924021, 4.91627629026404733 51.92115886042541462, 4.91528292979728576 51.92323984854346008, 4.91105613117431172 51.92205463159761791, 4.89952696911274899 51.91446403572391688, 4.89148905539228718 51.91286605549925071, 4.88031209493184814 51.91357886339906003, 4.8770193573451559 51.92006682357770586, 4.87743725887671964 51.920773327198944, 4.87442750525366897 51.92641475117731886, 4.87619323391115689 51.92684561254186093, 4.87887908287498639 51.92745938962006846, 4.87797984467993384 51.92913099151677159, 4.88287619006270823 51.92999628739909213, 4.88002959513444079 51.93485056531834232, 4.88376342894597837 51.93523912849934021, 4.89708766168979714 51.93807071754573457, 4.8988004185102767 51.93837967287424817, 4.90096193656269552 51.93455374233226962, 4.89991549059473286 51.93712170255825811, 4.90179717952031435 51.93849652560392371, 4.91523404377212447 51.93991438169863528, 4.92163019172869642 51.94135479683368573, 4.92391619856387752 51.94227880252063301, 4.92548281505047214 51.9443040698390277, 4.92906797862253132 51.94643915909901466, 4.93212638146111271 51.94755180289925534, 4.93923505752584369 51.92893807144500329)))</t>
  </si>
  <si>
    <t>MultiPolygon (((4.87888362262763753 51.93579103862452939, 4.88376342894597837 51.93523912849934021, 4.88002959513444079 51.93485056531834232, 4.88287619006270823 51.92999628739909213, 4.87797984467993384 51.92913099151677159, 4.87887908287498639 51.92745938962006846, 4.87619323391115689 51.92684561254186093, 4.87281696729760405 51.93546839635511247, 4.87888362262763753 51.93579103862452939, 4.87888362262763753 51.93579103862452939)))</t>
  </si>
  <si>
    <t>MultiPolygon (((4.92947547403944597 51.95019144918199316, 4.93212638146111271 51.94755180289925534, 4.92906797862253132 51.94643915909901466, 4.92548281505047214 51.9443040698390277, 4.92391619856387752 51.94227880252063301, 4.92163019172869642 51.94135479683368573, 4.91523404377212447 51.93991438169863528, 4.90179717952031435 51.93849652560392371, 4.90150643493237315 51.93960368055753918, 4.89666867521336346 51.93891234926856271, 4.89708766168979714 51.93807071754573457, 4.88376342894597837 51.93523912849934021, 4.87888362262763753 51.93579103862452939, 4.87305788487113922 51.93655952465692138, 4.87227844056527282 51.93835443653502182, 4.87779292015555299 51.93803067558325637, 4.91401134084273661 51.94243593793897418, 4.9191876012863629 51.94472895078482111, 4.92630129121220506 51.95092794425965366, 4.92947547403944597 51.95019144918199316)))</t>
  </si>
  <si>
    <t>MultiPolygon (((4.87305788487113922 51.93655952465692138, 4.87888362262763753 51.93579103862452939, 4.87281696729760405 51.93546839635511247, 4.87305788487113922 51.93655952465692138, 4.87305788487113922 51.93655952465692138)))</t>
  </si>
  <si>
    <t>MultiPolygon (((4.66169178480712798 51.88189681000690001, 4.66856041093491658 51.87507257934198179, 4.6644387619950578 51.87494835362036838, 4.64213830183482035 51.88019967247137032, 4.63707557549540628 51.87629445006213302, 4.629396931202999 51.88083691730098224, 4.63179143107292557 51.88332524946798685, 4.63291603301133303 51.88625989171709563, 4.63685704490935535 51.88938077305379437, 4.63772188790314388 51.88938618526658786, 4.64805374970130192 51.8879833760221274, 4.6527050105805019 51.88184635958752011, 4.66169178480712798 51.88189681000690001, 4.66169178480712798 51.88189681000690001)))</t>
  </si>
  <si>
    <t>MultiPolygon (((4.62794368033582959 51.88819944640515303, 4.63441247963040936 51.88947801466657239, 4.63711795143829253 51.88978778886138343, 4.63772188790314388 51.88938618526658786, 4.63685704490935535 51.88938077305379437, 4.63291603301133303 51.88625989171709563, 4.63179143107292557 51.88332524946798685, 4.629396931202999 51.88083691730098224, 4.62877466363331624 51.88121215274075126, 4.63178904463788399 51.88411584344827787, 4.63155266245385189 51.88590231788508333, 4.62794368033582959 51.88819944640515303, 4.62794368033582959 51.88819944640515303)))</t>
  </si>
  <si>
    <t>MultiPolygon (((4.62794368033582959 51.88819944640515303, 4.63155266245385189 51.88590231788508333, 4.63178904463788399 51.88411584344827787, 4.62877466363331624 51.88121215274075126, 4.6282357306198163 51.8807999138857241, 4.62407825734915345 51.88666745849192807, 4.62403299241776544 51.88793401337269273, 4.62794368033582959 51.88819944640515303, 4.62794368033582959 51.88819944640515303)))</t>
  </si>
  <si>
    <t>MultiPolygon (((4.63930075250305585 51.89073328587416967, 4.65465166795604723 51.88968201047745765, 4.65611410638911849 51.88817672786881019, 4.65326753655154146 51.88769606710064153, 4.64805374970130192 51.8879833760221274, 4.63772188790314388 51.88938618526658786, 4.63711795143829253 51.88978778886138343, 4.63441247963040936 51.88947801466657239, 4.62794368033582959 51.88819944640515303, 4.62403299241776544 51.88793401337269273, 4.62407825734915345 51.88666745849192807, 4.6282357306198163 51.8807999138857241, 4.62639105403403139 51.88065776310207156, 4.62422963732174352 51.88380588055250087, 4.62030043340479502 51.88763384702452441, 4.61924884480553111 51.88844224730160448, 4.61957217034883083 51.88952269980735821, 4.62106558652575572 51.88940154440596331, 4.6254231957017593 51.88938316688824415, 4.63321682301878024 51.89048363142246956, 4.63930075250305585 51.89073328587416967, 4.63930075250305585 51.89073328587416967)))</t>
  </si>
  <si>
    <t>MultiPolygon (((4.94670246013035886 51.88305638257984498, 4.96067712374625458 51.88256809782537005, 4.95741325046062542 51.88039476303479347, 4.96074131066716628 51.86906603199798127, 4.93889522602020747 51.86351838144711479, 4.93839867744694949 51.86362936025894754, 4.93812564318344283 51.86439001466478516, 4.93135469096478918 51.86152844055965261, 4.92095307415776606 51.86049816390075051, 4.91898871334580967 51.86802895840600769, 4.92053920830705138 51.86831180940052377, 4.92874623145694368 51.87073734648993195, 4.93865901908253946 51.87526996196508833, 4.94248588627434327 51.87629695931677531, 4.94623927937745655 51.87469516912492651, 4.94946541034408227 51.8688401055005528, 4.95187098256069458 51.86911415807296066, 4.94976283151246044 51.87394155756521741, 4.94997927003855764 51.87558922985095933, 4.95114851277670365 51.87573168231170939, 4.95075218914682225 51.8787739030209849, 4.94786726539486477 51.87948725746191769, 4.94670246013035886 51.88305638257984498, 4.94670246013035886 51.88305638257984498)))</t>
  </si>
  <si>
    <t>MultiPolygon (((4.94234210918697592 51.87685111904150403, 4.94248588627434327 51.87629695931677531, 4.93865901908253946 51.87526996196508833, 4.92874623145694368 51.87073734648993195, 4.92053920830705138 51.86831180940052377, 4.92011109385608503 51.86989281283399578, 4.9245718527522504 51.87116380124138715, 4.92501506251285459 51.87026660621821605, 4.92940693579908729 51.87162896519510014, 4.93530038673709992 51.87504385154552722, 4.93592723082531482 51.87633220496061881, 4.94234210918697592 51.87685111904150403, 4.94234210918697592 51.87685111904150403)))</t>
  </si>
  <si>
    <t>MultiPolygon (((4.93969796923860915 51.88537047583707817, 4.94670246013035886 51.88305638257984498, 4.94786726539486477 51.87948725746191769, 4.95075218914682225 51.8787739030209849, 4.95114851277670365 51.87573168231170939, 4.94997927003855764 51.87558922985095933, 4.94976283151246044 51.87394155756521741, 4.95187098256069458 51.86911415807296066, 4.94946541034408227 51.8688401055005528, 4.94623927937745655 51.87469516912492651, 4.94248588627434327 51.87629695931677531, 4.94234210918697592 51.87685111904150403, 4.94656237407336885 51.87716813121797799, 4.94648946314763105 51.87921774735975333, 4.94389225469412885 51.88280156265045662, 4.94046357443095818 51.88329294427913396, 4.93969796923860915 51.88537047583707817, 4.93969796923860915 51.88537047583707817)))</t>
  </si>
  <si>
    <t>MultiPolygon (((4.92894309659721319 51.88169864303301182, 4.93389191190749976 51.88579343711022318, 4.93969796923860915 51.88537047583707817, 4.94046357443095818 51.88329294427913396, 4.94389225469412885 51.88280156265045662, 4.94648946314763105 51.87921774735975333, 4.94656237407336885 51.87716813121797799, 4.94234210918697592 51.87685111904150403, 4.93592723082531482 51.87633220496061881, 4.93530038673709992 51.87504385154552722, 4.92940693579908729 51.87162896519510014, 4.92501506251285459 51.87026660621821605, 4.9245718527522504 51.87116380124138715, 4.92011109385608503 51.86989281283399578, 4.92053920830705138 51.86831180940052377, 4.91898871334580967 51.86802895840600769, 4.91885296378877968 51.86883911342481213, 4.91881402966963144 51.87188196506653526, 4.92203065777413418 51.87313236334376398, 4.92340785248795498 51.87709118952384557, 4.92633500292559656 51.88128717906313625, 4.92894309659721319 51.88169864303301182, 4.92894309659721319 51.88169864303301182)))</t>
  </si>
  <si>
    <t>MultiPolygon (((4.96119004625169424 51.88217805529977511, 4.96719930739210103 51.87779700721912945, 4.96771941547402118 51.87839103390056295, 4.96829696669937793 51.87793263387651876, 4.96768906789059717 51.87416636329252384, 4.96868422261465437 51.87350068960336102, 4.9709861210549855 51.87435499075620271, 4.97401785491948534 51.87343564376191551, 4.9649765771288541 51.86159157724576119, 4.95930956178233284 51.86288493530631172, 4.95697258653079942 51.85957311672378012, 4.93889522602020747 51.86351838144711479, 4.96074131066716628 51.86906603199798127, 4.95741325046062542 51.88039476303479347, 4.96067712374625458 51.88256809782537005, 4.96119004625169424 51.88217805529977511, 4.96119004625169424 51.88217805529977511)))</t>
  </si>
  <si>
    <t>MultiPolygon (((4.99496805571006064 51.90229233350237337, 4.99630186947854238 51.89668923273558931, 4.99596168414001074 51.89196297711617234, 4.99945227345915555 51.88428350641715525, 4.9949524527654372 51.87695629405519782, 4.9919241988605858 51.87465880392407058, 4.98105857236285043 51.87414017572002223, 4.97916130934049761 51.87436934057067361, 4.97940899667504677 51.87537653296642048, 4.97410258473612377 51.87641841097079975, 4.9731221127260925 51.8759270869983169, 4.96938613455012757 51.87704084468013122, 4.96829696669937793 51.87793263387651876, 4.96771941547402118 51.87839103390056295, 4.96584069066140898 51.8800105444679005, 4.96119004625169424 51.88217805529977511, 4.96067712374625458 51.88256809782537005, 4.96284082262413406 51.88493565652303374, 4.96431217022637483 51.88524719564618692, 4.96549009017844956 51.88466421698238662, 4.9682285408001734 51.88526275291278012, 4.97040210865000542 51.88707643058589269, 4.97241401639929137 51.89043576900431276, 4.97175698175594505 51.89314101944137292, 4.97435497505571345 51.89709310754869165, 4.97883805650856281 51.89830556120149652, 4.99496805571006064 51.90229233350237337),(4.99146821503383986 51.88977090220436139, 4.99182034898217974 51.88857914981726793, 4.99704246626449855 51.88861170404989309, 4.99592450125729037 51.89088815834340096, 4.99146821503383986 51.88977090220436139)))</t>
  </si>
  <si>
    <t>MultiPolygon (((4.98105857236285043 51.87414017572002223, 4.9919241988605858 51.87465880392407058, 4.99139567330747713 51.873811876235699, 4.99120712037710046 51.8738323528161871, 4.98720256778826521 51.87342608404049571, 4.98105677727753449 51.87329606150166939, 4.98105857236285043 51.87414017572002223, 4.98105857236285043 51.87414017572002223)))</t>
  </si>
  <si>
    <t>MultiPolygon (((4.96119004625169424 51.88217805529977511, 4.96584069066140898 51.8800105444679005, 4.96771941547402118 51.87839103390056295, 4.96719930739210103 51.87779700721912945, 4.96119004625169424 51.88217805529977511, 4.96119004625169424 51.88217805529977511)))</t>
  </si>
  <si>
    <t>MultiPolygon (((4.96829696669937793 51.87793263387651876, 4.96938613455012757 51.87704084468013122, 4.9731221127260925 51.8759270869983169, 4.97410258473612377 51.87641841097079975, 4.97940899667504677 51.87537653296642048, 4.97916130934049761 51.87436934057067361, 4.98105857236285043 51.87414017572002223, 4.98105677727753449 51.87329606150166939, 4.97401785491948534 51.87343564376191551, 4.9709861210549855 51.87435499075620271, 4.96868422261465437 51.87350068960336102, 4.96768906789059717 51.87416636329252384, 4.96829696669937793 51.87793263387651876, 4.96829696669937793 51.87793263387651876)))</t>
  </si>
  <si>
    <t>MultiPolygon (((4.99704246626449855 51.88861170404989309, 4.99182034898217974 51.88857914981726793, 4.99146821503383986 51.88977090220436139, 4.99592450125729037 51.89088815834340096, 4.99704246626449855 51.88861170404989309, 4.99704246626449855 51.88861170404989309)))</t>
  </si>
  <si>
    <t>MultiPolygon (((4.86238071603159128 51.93482176676911877, 4.86462672270519825 51.93485628654198649, 4.86605245491273131 51.93206272931413992, 4.86687701655991578 51.93137328585985557, 4.86841190074427832 51.93179766888942339, 4.87045414656514808 51.92852814463865485, 4.86612283329100492 51.9278312242205331, 4.86671676186355207 51.92683731541620062, 4.85749694572975255 51.92550739754686617, 4.84854416943150657 51.92241906905157123, 4.84080448915384398 51.92264542130503457, 4.83985368745816835 51.92386263657084555, 4.83738991800425566 51.92323912018469656, 4.83362544622263268 51.92880188418705956, 4.82945972334359919 51.92904674854737124, 4.83003310561797061 51.93056548125687044, 4.83511638092534923 51.93706832145426944, 4.84146633784076563 51.93817609533516588, 4.84708577417240427 51.93823375421400357, 4.84042051042931565 51.9364604325082837, 4.84382907971979826 51.93099411665382803, 4.86238071603159128 51.93482176676911877, 4.86238071603159128 51.93482176676911877)))</t>
  </si>
  <si>
    <t>MultiPolygon (((4.83383265976223342 51.92157340682845046, 4.83435524626322266 51.92112052430531577, 4.83811106926493029 51.92195034067903947, 4.84953104919975697 51.92212648886694382, 4.85705923694796216 51.92449510041421945, 4.87207326336395941 51.92736981393969842, 4.87548590124577075 51.92094965127436978, 4.87628710622468731 51.91988001043847589, 4.8770193573451559 51.92006682357770586, 4.88031209493184814 51.91357886339906003, 4.8855060937813759 51.90336384737774011, 4.88433962524391951 51.90320402787695286, 4.88585863043353452 51.90058205148925197, 4.87474879117587978 51.89641636297376692, 4.87193455873668224 51.89608788021150332, 4.86942831075170801 51.90000276105174493, 4.85038202492949821 51.89793104748464714, 4.84912413167393375 51.89817760046344119, 4.84353542590145292 51.90215446180634729, 4.83017429129211084 51.91179773832233479, 4.82194524422665438 51.9183552336031795, 4.82098294315404097 51.91945039300074427, 4.82602551193176854 51.92201593417874506, 4.8289554878070744 51.92229837460473618, 4.83383265976223342 51.92157340682845046, 4.83383265976223342 51.92157340682845046)))</t>
  </si>
  <si>
    <t>MultiPolygon (((4.83843831453239925 51.93940304603388824, 4.83863400990106918 51.93888299118604124, 4.83433748546411479 51.93811161834187118, 4.83720963456140662 51.93948413384267582, 4.83843831453239925 51.93940304603388824, 4.83843831453239925 51.93940304603388824)))</t>
  </si>
  <si>
    <t>MultiPolygon (((4.87045414656514808 51.92852814463865485, 4.87207326336395941 51.92736981393969842, 4.85705923694796216 51.92449510041421945, 4.84953104919975697 51.92212648886694382, 4.83811106926493029 51.92195034067903947, 4.83435524626322266 51.92112052430531577, 4.83383265976223342 51.92157340682845046, 4.83738991800425566 51.92323912018469656, 4.83985368745816835 51.92386263657084555, 4.84080448915384398 51.92264542130503457, 4.84854416943150657 51.92241906905157123, 4.85749694572975255 51.92550739754686617, 4.86671676186355207 51.92683731541620062, 4.86612283329100492 51.9278312242205331, 4.87045414656514808 51.92852814463865485, 4.87045414656514808 51.92852814463865485)))</t>
  </si>
  <si>
    <t>MultiPolygon (((4.81575697130357305 51.92507493779544347, 4.81781214147006409 51.92710954055704775, 4.81693914638171172 51.92498369993734997, 4.81644258108888756 51.92470879861234323, 4.81575697130357305 51.92507493779544347, 4.81575697130357305 51.92507493779544347)))</t>
  </si>
  <si>
    <t>MultiPolygon (((4.81693914638171172 51.92498369993734997, 4.8213921784134115 51.92743894736907606, 4.82277061020598818 51.92754444572082662, 4.82304847253891023 51.92689244548018479, 4.82802772733106789 51.92742222809503971, 4.82904930962322343 51.92823551024272177, 4.82918916894349248 51.93040083795219175, 4.83003310561797061 51.93056548125687044, 4.82945972334359919 51.92904674854737124, 4.83362544622263268 51.92880188418705956, 4.83738991800425566 51.92323912018469656, 4.83383265976223342 51.92157340682845046, 4.8289554878070744 51.92229837460473618, 4.82602551193176854 51.92201593417874506, 4.82098294315404097 51.91945039300074427, 4.82194524422665438 51.9183552336031795, 4.82092361201755981 51.91872836240513323, 4.82080576609138767 51.9192297181822795, 4.81751987683342531 51.9197392238900548, 4.81364468215669117 51.92125960849438826, 4.80819656763896308 51.9209594620739594, 4.80851846890926549 51.92124840772049765, 4.81544593395679588 51.92330988951193405, 4.81689178225094139 51.92426879690046349, 4.81612214558805629 51.92461729972124118, 4.81382704523185811 51.92318005886416188, 4.81325617756052448 51.92340196627963422, 4.81575697130357305 51.92507493779544347, 4.81644258108888756 51.92470879861234323, 4.81693914638171172 51.92498369993734997, 4.81693914638171172 51.92498369993734997)))</t>
  </si>
  <si>
    <t>MultiPolygon (((4.84670117039903214 51.94137667079923659, 4.8591955729654952 51.94083125700333881, 4.86328104696460439 51.94002599368126738, 4.8653334264440522 51.93604508300018807, 4.86462672270519825 51.93485628654198649, 4.86238071603159128 51.93482176676911877, 4.85511923929550004 51.93881889159327869, 4.85360266969725984 51.9405079975693269, 4.84254756456156876 51.93981861444459724, 4.84312323707768932 51.93896984853497401, 4.85104006586344205 51.93952653884172577, 4.84708577417240427 51.93823375421400357, 4.84146633784076563 51.93817609533516588, 4.83511638092534923 51.93706832145426944, 4.83003310561797061 51.93056548125687044, 4.82918916894349248 51.93040083795219175, 4.82904930962322343 51.92823551024272177, 4.82802772733106789 51.92742222809503971, 4.82304847253891023 51.92689244548018479, 4.82277061020598818 51.92754444572082662, 4.8213921784134115 51.92743894736907606, 4.81693914638171172 51.92498369993734997, 4.81781214147006409 51.92710954055704775, 4.81575697130357305 51.92507493779544347, 4.81325617756052448 51.92340196627963422, 4.81382704523185811 51.92318005886416188, 4.81612214558805629 51.92461729972124118, 4.81689178225094139 51.92426879690046349, 4.81544593395679588 51.92330988951193405, 4.80851846890926549 51.92124840772049765, 4.80789425419920935 51.92164361141736606, 4.81238613169138851 51.92269106216728147, 4.81128344360359073 51.92455463205044452, 4.81419522795156141 51.92623148457065696, 4.83230416660701056 51.93863880268589384, 4.8371958948113285 51.94042104781090785, 4.84670117039903214 51.94137667079923659, 4.84670117039903214 51.94137667079923659),(4.83843831453239925 51.93940304603388824, 4.83720963456140662 51.93948413384267582, 4.83433748546411479 51.93811161834187118, 4.83863400990106918 51.93888299118604124, 4.83843831453239925 51.93940304603388824, 4.83843831453239925 51.93940304603388824)))</t>
  </si>
  <si>
    <t>MultiPolygon (((4.84708577417240427 51.93823375421400357, 4.85104006586344205 51.93952653884172577, 4.84312323707768932 51.93896984853497401, 4.84254756456156876 51.93981861444459724, 4.85360266969725984 51.9405079975693269, 4.85511923929550004 51.93881889159327869, 4.86238071603159128 51.93482176676911877, 4.84382907971979826 51.93099411665382803, 4.84042051042931565 51.9364604325082837, 4.84708577417240427 51.93823375421400357, 4.84708577417240427 51.93823375421400357)))</t>
  </si>
  <si>
    <t>MultiPolygon (((4.81364468215669117 51.92125960849438826, 4.81751987683342531 51.9197392238900548, 4.82080576609138767 51.9192297181822795, 4.82092361201755981 51.91872836240513323, 4.81859634484639265 51.91788350440533151, 4.81749501406792735 51.91878663409377026, 4.814987660688959 51.91940679297277939, 4.81298052394971876 51.92104395855447763, 4.81364468215669117 51.92125960849438826, 4.81364468215669117 51.92125960849438826)))</t>
  </si>
  <si>
    <t>MultiPolygon (((4.8855060937813759 51.90336384737774011, 4.88548214105400724 51.90334378814471705, 4.88700419515831097 51.90177859762756185, 4.89560075581534093 51.90112449028453767, 4.89870800132565876 51.90102982531738718, 4.90899401112147871 51.90457923909852411, 4.90880896508057951 51.90638810857003449, 4.91079382204258241 51.90826193909035879, 4.91444739196301761 51.90905284918753182, 4.91988224553489406 51.9121386694479483, 4.91963160816869927 51.91271298175531967, 4.92265720975187016 51.91314063087992992, 4.92775661465734061 51.90097737660914134, 4.92126909182155803 51.89677865055254102, 4.91163808288557036 51.88852270963958091, 4.91068485091659124 51.88766425572985952, 4.90584719969351823 51.88606526255183127, 4.89430484219185402 51.88536927320060244, 4.88885100000292372 51.89744986248602743, 4.88585863043353452 51.90058205148925197, 4.88433962524391951 51.90320402787695286, 4.8855060937813759 51.90336384737774011, 4.8855060937813759 51.90336384737774011)))</t>
  </si>
  <si>
    <t>MultiPolygon (((4.91976202663761608 51.91893082679924021, 4.92171553592858046 51.91503596640363583, 4.91095402949791993 51.91000284533391351, 4.90788382993802408 51.90799825459936301, 4.90637610224065135 51.90571168864564555, 4.89555767719264345 51.90279656142342901, 4.89096076245852185 51.90407788203405204, 4.88548214105400724 51.90334378814471705, 4.8855060937813759 51.90336384737774011, 4.88031209493184814 51.91357886339906003, 4.89148905539228718 51.91286605549925071, 4.89952696911274899 51.91446403572391688, 4.91105613117431172 51.92205463159761791, 4.91528292979728576 51.92323984854346008, 4.91627629026404733 51.92115886042541462, 4.91976202663761608 51.91893082679924021, 4.91976202663761608 51.91893082679924021)))</t>
  </si>
  <si>
    <t>MultiPolygon (((4.88548214105400724 51.90334378814471705, 4.89096076245852185 51.90407788203405204, 4.89555767719264345 51.90279656142342901, 4.89560075581534093 51.90112449028453767, 4.88700419515831097 51.90177859762756185, 4.88548214105400724 51.90334378814471705, 4.88548214105400724 51.90334378814471705)))</t>
  </si>
  <si>
    <t>MultiPolygon (((4.92171553592858046 51.91503596640363583, 4.92265720975187016 51.91314063087992992, 4.91963160816869927 51.91271298175531967, 4.91988224553489406 51.9121386694479483, 4.91444739196301761 51.90905284918753182, 4.91079382204258241 51.90826193909035879, 4.90880896508057951 51.90638810857003449, 4.90899401112147871 51.90457923909852411, 4.89870800132565876 51.90102982531738718, 4.89560075581534093 51.90112449028453767, 4.89555767719264345 51.90279656142342901, 4.90637610224065135 51.90571168864564555, 4.90788382993802408 51.90799825459936301, 4.91095402949791993 51.91000284533391351, 4.92171553592858046 51.91503596640363583, 4.92171553592858046 51.91503596640363583)))</t>
  </si>
  <si>
    <t>MultiPolygon (((4.87163772168344522 51.84323626124562878, 4.87183513673745505 51.84309047248434155, 4.87036373131516687 51.84153915747018004, 4.86677204811468744 51.84350775225689745, 4.87163772168344522 51.84323626124562878, 4.87163772168344522 51.84323626124562878)))</t>
  </si>
  <si>
    <t>MultiPolygon (((4.86645056939832532 51.83483691099529977, 4.86610721232655496 51.83698244076332173, 4.86982713947064561 51.83688702644708712, 4.86759234741326896 51.83397945058847256, 4.86645056939832532 51.83483691099529977, 4.86645056939832532 51.83483691099529977)))</t>
  </si>
  <si>
    <t>MultiPolygon (((4.89430484219185402 51.88536927320060244, 4.90584719969351823 51.88606526255183127, 4.91068485091659124 51.88766425572985952, 4.91163808288557036 51.88852270963958091, 4.91790235631764361 51.87402065998355027, 4.91702857494740098 51.87389136410939017, 4.91777592823433274 51.87209196021535007, 4.91088210431060546 51.86903327675715047, 4.90440394364438781 51.86857483669292179, 4.90366809580072172 51.86915265076807202, 4.8995563874503345 51.8686197431114806, 4.90062042263356457 51.86646795085043493, 4.89878383879382717 51.8650727918068668, 4.90156443748999582 51.8635579742909556, 4.90293091183982899 51.86153619433633821, 4.90163695399748978 51.86029743982000184, 4.89844394318188581 51.85915219838604884, 4.89619579331202459 51.85559268330122507, 4.8838530328460763 51.85319949199230649, 4.87656576476045522 51.85217817849805755, 4.87682469676859576 51.84955096617599679, 4.87752289628631441 51.84891407413240216, 4.87843574085893472 51.84929138544899274, 4.8790787355135663 51.8476372293202985, 4.87743571679774579 51.84615827130236454, 4.87163772168344522 51.84323626124562878, 4.86677204811468744 51.84350775225689745, 4.87036373131516687 51.84153915747018004, 4.87006824504102642 51.83720710053383129, 4.86982713947064561 51.83688702644708712, 4.86610721232655496 51.83698244076332173, 4.86645056939832532 51.83483691099529977, 4.85302766610596947 51.83381304302129422, 4.85239824937607001 51.83502233299645212, 4.84729759163607987 51.83394440295005268, 4.84702646762634615 51.8345280028973221, 4.84532837013323192 51.83857536610795336, 4.83808213882560523 51.86073467127648939, 4.85455663824467187 51.86779461764028554, 4.85552350595773241 51.86727186864691674, 4.85785095997833061 51.86954016876226348, 4.8784257842137837 51.87821781088972273, 4.89647474877035283 51.88027320257846497, 4.89430484219185402 51.88536927320060244),(4.86608173074272354 51.84599539875194552, 4.86480423505141246 51.84604398595947572, 4.86461766620350033 51.84316278247903398, 4.86661696105367803 51.83742479278243565, 4.86858437219857976 51.83737267444650598, 4.86930926711441003 51.83774811508121871, 4.86952037157735251 51.8401195746380381, 4.86668572752562234 51.84305483917586344, 4.86698008409245109 51.84535572491594024, 4.86608173074272354 51.84599539875194552)))</t>
  </si>
  <si>
    <t>MultiPolygon (((4.89813380921097874 51.84425665838544717, 4.89624408967925806 51.8432600585909853, 4.89335534958311946 51.84546402802859433, 4.89557600618743916 51.8464279657471252, 4.89813380921097874 51.84425665838544717, 4.89813380921097874 51.84425665838544717)))</t>
  </si>
  <si>
    <t>MultiPolygon (((4.91898871334580967 51.86802895840600769, 4.92095307415776606 51.86049816390075051, 4.92351350606491245 51.84738777820487599, 4.91897451106678929 51.84670205276015764, 4.91542564582605124 51.84579311260675638, 4.91426717557807358 51.84588145545956195, 4.91086958804354623 51.84458484154781388, 4.90915117232529852 51.84274722271707248, 4.90986159852401993 51.83884837630886011, 4.90215101499277495 51.83765348793139083, 4.88277384100114453 51.83309404727630465, 4.87509162618885394 51.83231846227070605, 4.86792835524463818 51.83199366772902295, 4.86759234741326896 51.83397945058847256, 4.86982713947064561 51.83688702644708712, 4.87006824504102642 51.83720710053383129, 4.87336954677137868 51.84307790150527495, 4.87446719568579745 51.84400782871978208, 4.87555632449266074 51.84342241029645493, 4.8765827593270048 51.84381766114358214, 4.88042697165175277 51.84745120344853575, 4.88032242050956189 51.84874752184297364, 4.88130262726980479 51.84960461375770535, 4.88286297697017879 51.85057114236006015, 4.88398247453730505 51.85028187413524847, 4.88994935771691352 51.84585560303099783, 4.89385855303899753 51.84764384669360027, 4.89568092497246798 51.8514009309637629, 4.89402480437395937 51.85293638178318076, 4.89547522474483721 51.8543462667745132, 4.89845630826556988 51.85554663533096686, 4.89972247610279599 51.85718133546230746, 4.89959829697789484 51.85867832484549211, 4.89844394318188581 51.85915219838604884, 4.90163695399748978 51.86029743982000184, 4.90293091183982899 51.86153619433633821, 4.90156443748999582 51.8635579742909556, 4.89878383879382717 51.8650727918068668, 4.90062042263356457 51.86646795085043493, 4.90599324944140491 51.8675409298650294, 4.90826929630510822 51.86635295966097203, 4.91230305407657575 51.86720935203121741, 4.91738632850665702 51.86922332824278215, 4.91885296378877968 51.86883911342481213, 4.91898871334580967 51.86802895840600769),(4.89557600618743916 51.8464279657471252, 4.89335534958311946 51.84546402802859433, 4.89624408967925806 51.8432600585909853, 4.89813380921097874 51.84425665838544717, 4.89557600618743916 51.8464279657471252)))</t>
  </si>
  <si>
    <t>MultiPolygon (((4.91790235631764361 51.87402065998355027, 4.91881402966963144 51.87188196506653526, 4.91885296378877968 51.86883911342481213, 4.91738632850665702 51.86922332824278215, 4.91230305407657575 51.86720935203121741, 4.90826929630510822 51.86635295966097203, 4.90599324944140491 51.8675409298650294, 4.90062042263356457 51.86646795085043493, 4.8995563874503345 51.8686197431114806, 4.90366809580072172 51.86915265076807202, 4.90440394364438781 51.86857483669292179, 4.91088210431060546 51.86903327675715047, 4.91777592823433274 51.87209196021535007, 4.91702857494740098 51.87389136410939017, 4.91790235631764361 51.87402065998355027, 4.91790235631764361 51.87402065998355027)))</t>
  </si>
  <si>
    <t>MultiPolygon (((4.86608173074272354 51.84599539875194552, 4.86698008409245109 51.84535572491594024, 4.86668572752562234 51.84305483917586344, 4.86952037157735251 51.8401195746380381, 4.86930926711441003 51.83774811508121871, 4.86858437219857976 51.83737267444650598, 4.86661696105367803 51.83742479278243565, 4.86461766620350033 51.84316278247903398, 4.86480423505141246 51.84604398595947572, 4.86608173074272354 51.84599539875194552, 4.86608173074272354 51.84599539875194552)))</t>
  </si>
  <si>
    <t>MultiPolygon (((4.85239824937607001 51.83502233299645212, 4.85302766610596947 51.83381304302129422, 4.86645056939832532 51.83483691099529977, 4.86300681937369106 51.83294082953538862, 4.86033688510860529 51.83301187694929979, 4.85436758350122943 51.83213257414409014, 4.85111324715501979 51.83312837123366279, 4.8479494694766192 51.83261731354849644, 4.84767434445771794 51.83297541958832966, 4.84753737936730289 51.83345625483700303, 4.84729759163607987 51.83394440295005268, 4.85239824937607001 51.83502233299645212)))</t>
  </si>
  <si>
    <t>MultiPolygon (((4.8838530328460763 51.85319949199230649, 4.89619579331202459 51.85559268330122507, 4.89844394318188581 51.85915219838604884, 4.89959829697789484 51.85867832484549211, 4.89972247610279599 51.85718133546230746, 4.89845630826556988 51.85554663533096686, 4.89547522474483721 51.8543462667745132, 4.89402480437395937 51.85293638178318076, 4.89568092497246798 51.8514009309637629, 4.89385855303899753 51.84764384669360027, 4.88994935771691352 51.84585560303099783, 4.88398247453730505 51.85028187413524847, 4.8838530328460763 51.85319949199230649, 4.8838530328460763 51.85319949199230649)))</t>
  </si>
  <si>
    <t>MultiPolygon (((4.8838530328460763 51.85319949199230649, 4.88398247453730505 51.85028187413524847, 4.88286297697017879 51.85057114236006015, 4.88130262726980479 51.84960461375770535, 4.88032242050956189 51.84874752184297364, 4.88042697165175277 51.84745120344853575, 4.8765827593270048 51.84381766114358214, 4.87555632449266074 51.84342241029645493, 4.87446719568579745 51.84400782871978208, 4.87336954677137868 51.84307790150527495, 4.87006824504102642 51.83720710053383129, 4.87036373131516687 51.84153915747018004, 4.87183513673745505 51.84309047248434155, 4.87163772168344522 51.84323626124562878, 4.87743571679774579 51.84615827130236454, 4.8790787355135663 51.8476372293202985, 4.87843574085893472 51.84929138544899274, 4.87752289628631441 51.84891407413240216, 4.87682469676859576 51.84955096617599679, 4.87656576476045522 51.85217817849805755, 4.8838530328460763 51.85319949199230649, 4.8838530328460763 51.85319949199230649)))</t>
  </si>
  <si>
    <t>MultiPolygon (((4.81434249330275055 51.89024059409084799, 4.8147845296373335 51.88973248854447462, 4.81552700566173453 51.88874814170353744, 4.81440584604417232 51.8884167160569163, 4.81384924588402452 51.88913561910023731, 4.81121530711179979 51.88874299966990122, 4.81064966002005878 51.88912808122114484, 4.81049581488463485 51.8894362379121219, 4.81434249330275055 51.89024059409084799, 4.81434249330275055 51.89024059409084799)))</t>
  </si>
  <si>
    <t>MultiPolygon (((4.84517075814010045 51.88744430272743102, 4.84676015347780442 51.88601171101179688, 4.84805191603356089 51.88341391959385618, 4.84693888992030875 51.8830669350325735, 4.84580219715888649 51.88280255615678982, 4.84506713618440887 51.88331868750165654, 4.84742190552606278 51.88434030292542332, 4.84517075814010045 51.88744430272743102, 4.84517075814010045 51.88744430272743102)))</t>
  </si>
  <si>
    <t>MultiPolygon (((4.83017429129211084 51.91179773832233479, 4.84353542590145292 51.90215446180634729, 4.83881302598159557 51.89980980426591373, 4.83790959206291671 51.9004034340068543, 4.8349641373727561 51.89902765734978374, 4.83256400696992472 51.89687995697769196, 4.8320380361688029 51.8950217670181928, 4.81434249330275055 51.89024059409084799, 4.81049581488463485 51.8894362379121219, 4.80059815478865559 51.88631706361558571, 4.79938187875037858 51.88650599476822833, 4.79981726538781661 51.88538488187951003, 4.81121530711179979 51.88874299966990122, 4.81384924588402452 51.88913561910023731, 4.81440584604417232 51.8884167160569163, 4.81552700566173453 51.88874814170353744, 4.8147845296373335 51.88973248854447462, 4.83293876641810449 51.89450371378520543, 4.83507340142345843 51.89639171260223804, 4.84517075814010045 51.88744430272743102, 4.84742190552606278 51.88434030292542332, 4.84506713618440887 51.88331868750165654, 4.82642521311622463 51.87879537475244973, 4.82552301894749469 51.87855908642359282, 4.82404102166781801 51.88036586973865383, 4.82245506244046407 51.8808888730833857, 4.81889199235537813 51.87890803945814611, 4.82020148364258461 51.87717491069064124, 4.81407451653345397 51.87563860256586423, 4.79938774860201622 51.87187137362342781, 4.79783652114262882 51.87196961953510765, 4.79124291114754008 51.88323491555173916, 4.78110140898221392 51.88210805367845779, 4.77621480692090561 51.88232163897131954, 4.76697107257631991 51.88447170488794313, 4.77487721982758107 51.89220394198081721, 4.77783987093706308 51.89333617372712837, 4.78676864193424034 51.89471820512441269, 4.79104058626315066 51.89673974177730287, 4.81694023611392019 51.90366525002532683, 4.82023695859057799 51.90493182724992494, 4.83017429129211084 51.91179773832233479, 4.83017429129211084 51.91179773832233479)))</t>
  </si>
  <si>
    <t>MultiPolygon (((4.81049581488463485 51.8894362379121219, 4.81064966002005878 51.88912808122114484, 4.81121530711179979 51.88874299966990122, 4.79981726538781661 51.88538488187951003, 4.79938187875037858 51.88650599476822833, 4.80059815478865559 51.88631706361558571, 4.81049581488463485 51.8894362379121219, 4.81049581488463485 51.8894362379121219)))</t>
  </si>
  <si>
    <t>MultiPolygon (((4.84506713618440887 51.88331868750165654, 4.84580219715888649 51.88280255615678982, 4.82994826486537132 51.87890178062972524, 4.82691304725902537 51.87811101447044138, 4.82642521311622463 51.87879537475244973, 4.84506713618440887 51.88331868750165654, 4.84506713618440887 51.88331868750165654)))</t>
  </si>
  <si>
    <t>MultiPolygon (((4.81407451653345397 51.87563860256586423, 4.81457521646611841 51.87491068040488074, 4.81399793462752168 51.87475345792551451, 4.79867680498362148 51.87066874280015583, 4.79783652114262882 51.87196961953510765, 4.79938774860201622 51.87187137362342781, 4.81407451653345397 51.87563860256586423, 4.81407451653345397 51.87563860256586423)))</t>
  </si>
  <si>
    <t>MultiPolygon (((4.82642521311622463 51.87879537475244973, 4.82691304725902537 51.87811101447044138, 4.81457521646611841 51.87491068040488074, 4.81407451653345397 51.87563860256586423, 4.82020148364258461 51.87717491069064124, 4.81889199235537813 51.87890803945814611, 4.82245506244046407 51.8808888730833857, 4.82404102166781801 51.88036586973865383, 4.82552301894749469 51.87855908642359282, 4.82642521311622463 51.87879537475244973, 4.82642521311622463 51.87879537475244973)))</t>
  </si>
  <si>
    <t>MultiPolygon (((4.83881302598159557 51.89980980426591373, 4.83425231786353926 51.89730783864243335, 4.83507340142345843 51.89639171260223804, 4.83293876641810449 51.89450371378520543, 4.8147845296373335 51.88973248854447462, 4.81434249330275055 51.89024059409084799, 4.8320380361688029 51.8950217670181928, 4.83256400696992472 51.89687995697769196, 4.8349641373727561 51.89902765734978374, 4.83790959206291671 51.9004034340068543, 4.83881302598159557 51.89980980426591373, 4.83881302598159557 51.89980980426591373)))</t>
  </si>
  <si>
    <t>MultiPolygon (((4.79783652114262882 51.87196961953510765, 4.79867680498362148 51.87066874280015583, 4.79903801655873075 51.86995178647826776, 4.79457648283280591 51.86834225771873719, 4.79365988892362171 51.86895468332900805, 4.79169918125907923 51.86848493097775048, 4.78972854846352281 51.87043841200511451, 4.78958757829060833 51.87105156307558218, 4.79451169232781549 51.8700896373866982, 4.79749625343165231 51.87097626588836619, 4.79783652114262882 51.87196961953510765, 4.79783652114262882 51.87196961953510765)))</t>
  </si>
  <si>
    <t>MultiPolygon (((4.77371602232354508 51.87013916820296799, 4.77263660960906044 51.86902570884812746, 4.75239045688872785 51.8668357703989642, 4.74354874642089541 51.86359503141133587, 4.74249497549669652 51.86133723835708764, 4.73574021160543079 51.86134597747003738, 4.73378490943234809 51.86167612444074848, 4.73195050688561203 51.86230748685564862, 4.73218265437295837 51.86275140419682828, 4.73417946513407095 51.86240675080505014, 4.74270721152156405 51.86484237650994089, 4.74600494974471498 51.86612749430413061, 4.74907574895558238 51.86861352706640105, 4.7626659356279335 51.86975843226612426, 4.77036782767304857 51.87148285680696347, 4.77371602232354508 51.87013916820296799, 4.77371602232354508 51.87013916820296799)))</t>
  </si>
  <si>
    <t>MultiPolygon (((4.7752103780704056 51.86921463353985473, 4.78972854846352281 51.87043841200511451, 4.79169918125907923 51.86848493097775048, 4.77517909709897026 51.86681216310242348, 4.7752103780704056 51.86921463353985473, 4.7752103780704056 51.86921463353985473)))</t>
  </si>
  <si>
    <t>MultiPolygon (((4.78972854846352281 51.87043841200511451, 4.7752103780704056 51.86921463353985473, 4.77263660960906044 51.86902570884812746, 4.77371602232354508 51.87013916820296799, 4.77857547132361837 51.87160754928964934, 4.77966270413422745 51.87430346144237348, 4.78946672362507542 51.87491308708216309, 4.78958757829060833 51.87105156307558218, 4.78972854846352281 51.87043841200511451, 4.78972854846352281 51.87043841200511451)))</t>
  </si>
  <si>
    <t>MultiPolygon (((4.77263660960906044 51.86902570884812746, 4.7752103780704056 51.86921463353985473, 4.77517909709897026 51.86681216310242348, 4.79169918125907923 51.86848493097775048, 4.79365988892362171 51.86895468332900805, 4.79457648283280591 51.86834225771873719, 4.79903801655873075 51.86995178647826776, 4.80688279969385057 51.85601710487452465, 4.80120033171089489 51.85493109975744375, 4.78090819425410274 51.8589892623131874, 4.76761239105155799 51.85604529622277425, 4.76023397644245438 51.85605236432263609, 4.7562807422540363 51.85701140356653838, 4.75208968792491859 51.85663167022948983, 4.74307333647044516 51.85383230257768616, 4.73530430554827753 51.85228895863624388, 4.73574021160543079 51.86134597747003738, 4.74249497549669652 51.86133723835708764, 4.74354874642089541 51.86359503141133587, 4.75239045688872785 51.8668357703989642, 4.77263660960906044 51.86902570884812746, 4.77263660960906044 51.86902570884812746)))</t>
  </si>
  <si>
    <t>MultiPolygon (((4.74108158878538699 51.88082399612715534, 4.74242097381665317 51.88186579214158911, 4.76697107257631991 51.88447170488794313, 4.77621480692090561 51.88232163897131954, 4.78110140898221392 51.88210805367845779, 4.79124291114754008 51.88323491555173916, 4.79783652114262882 51.87196961953510765, 4.79749625343165231 51.87097626588836619, 4.79451169232781549 51.8700896373866982, 4.78958757829060833 51.87105156307558218, 4.78946672362507542 51.87491308708216309, 4.77966270413422745 51.87430346144237348, 4.77857547132361837 51.87160754928964934, 4.77371602232354508 51.87013916820296799, 4.77036782767304857 51.87148285680696347, 4.7626659356279335 51.86975843226612426, 4.74907574895558238 51.86861352706640105, 4.74600494974471498 51.86612749430413061, 4.74270721152156405 51.86484237650994089, 4.73417946513407095 51.86240675080505014, 4.73218265437295837 51.86275140419682828, 4.74148655463806445 51.88026334214160329, 4.74074287835943764 51.8807149084605399, 4.74108158878538699 51.88082399612715534, 4.74108158878538699 51.88082399612715534)))</t>
  </si>
  <si>
    <t>MultiPolygon (((5.02322749818995096 51.87574083299418959, 5.0231671796709767 51.87202671835725454, 5.02174888687427234 51.86881960914220002, 5.02738788234003842 51.86373902503760291, 5.02690796057880451 51.85860771503384825, 5.0156281075015734 51.85917805211314402, 5.00952046571014353 51.85804598824104517, 5.00524791878936082 51.85793331826162245, 5.00125005388684052 51.85905856934385127, 4.99596497650623839 51.8618485519600867, 4.99396783809508893 51.86122272568131564, 4.99316547164105806 51.86148823308488431, 4.99234428955552634 51.86185542956354055, 4.99357433291987185 51.86299163894702247, 4.99743385773293713 51.86291893519752705, 5.00029466177426851 51.86600491098382548, 4.99797602050159462 51.86945432538000489, 4.99318684933405965 51.87252007842457857, 4.99623812500091002 51.87311919156872619, 5.00126680641587384 51.8749922263896508, 5.00124245713345239 51.87472591924757381, 5.02374739420097161 51.88105661089408471, 5.02695590845653673 51.88191820509295837, 5.02546697444191981 51.8806305587416503, 5.02322749818995096 51.87574083299418959)))</t>
  </si>
  <si>
    <t>MultiPolygon (((4.97401785491948534 51.87343564376191551, 4.98105677727753449 51.87329606150166939, 4.98720256778826521 51.87342608404049571, 4.98740631910073517 51.8731442901440829, 4.98695707681828537 51.87153447501454195, 4.98897782010866564 51.87034241322275818, 4.99202159280801006 51.87177527618884909, 4.99149662741352973 51.86995025626120537, 4.9874329479643702 51.86811982786298358, 4.98875824377967714 51.8664884422698691, 4.98664056959891777 51.86529923613709059, 4.98732708163776461 51.86369348565773407, 4.99465867247524908 51.86649783075272779, 4.99630495220818993 51.86850693657500244, 4.99690988668064406 51.86839901072899295, 4.99687017850316906 51.86727328828732908, 4.99533306543800659 51.86570845828428844, 4.98852781504650178 51.86326962870408153, 4.98581381452305372 51.86056619044492777, 4.99082447430185638 51.85858849690804107, 4.99368393685421363 51.85935913344506076, 4.99316547164105806 51.86148823308488431, 4.99396783809508893 51.86122272568131564, 4.99830513053465619 51.85486151416082379, 4.99868458270965021 51.85227720698765097, 4.99634190804460498 51.84922862450839176, 4.98126056699179287 51.85187026342337901, 4.98331860890025347 51.85710825128816737, 4.9649765771288541 51.86159157724576119, 4.97401785491948534 51.87343564376191551, 4.97401785491948534 51.87343564376191551)))</t>
  </si>
  <si>
    <t>MultiPolygon (((4.98720256778826521 51.87342608404049571, 4.99120712037710046 51.8738323528161871, 4.99002536034678812 51.87301108107790526, 4.98740631910073517 51.8731442901440829, 4.98720256778826521 51.87342608404049571, 4.98720256778826521 51.87342608404049571)))</t>
  </si>
  <si>
    <t>MultiPolygon (((4.98875824377967714 51.8664884422698691, 4.9874329479643702 51.86811982786298358, 4.99149662741352973 51.86995025626120537, 4.99487945191421279 51.867499163598076, 4.99383769873254924 51.86769358933302954, 4.98968709872083327 51.86603482968020984, 4.98875824377967714 51.8664884422698691, 4.98875824377967714 51.8664884422698691)))</t>
  </si>
  <si>
    <t>MultiPolygon (((4.99120712037710046 51.8738323528161871, 4.99139567330747713 51.873811876235699, 4.99318684933405965 51.87252007842457857, 4.99797602050159462 51.86945432538000489, 5.00029466177426851 51.86600491098382548, 4.99743385773293713 51.86291893519752705, 4.99357433291987185 51.86299163894702247, 4.99234428955552634 51.86185542956354055, 4.99316547164105806 51.86148823308488431, 4.99368393685421363 51.85935913344506076, 4.99082447430185638 51.85858849690804107, 4.98581381452305372 51.86056619044492777, 4.98852781504650178 51.86326962870408153, 4.99533306543800659 51.86570845828428844, 4.99687017850316906 51.86727328828732908, 4.99690988668064406 51.86839901072899295, 4.99630495220818993 51.86850693657500244, 4.99465867247524908 51.86649783075272779, 4.99375561634304432 51.86704999377076319, 4.98948693496294826 51.86585922340765364, 4.98664056959891777 51.86529923613709059, 4.98875824377967714 51.8664884422698691, 4.98968709872083327 51.86603482968020984, 4.99383769873254924 51.86769358933302954, 4.99487945191421279 51.867499163598076, 4.99149662741352973 51.86995025626120537, 4.99202159280801006 51.87177527618884909, 4.99002536034678812 51.87301108107790526, 4.99120712037710046 51.8738323528161871, 4.99120712037710046 51.8738323528161871)))</t>
  </si>
  <si>
    <t>MultiPolygon (((4.98740631910073517 51.8731442901440829, 4.99002536034678812 51.87301108107790526, 4.99202159280801006 51.87177527618884909, 4.98897782010866564 51.87034241322275818, 4.98695707681828537 51.87153447501454195, 4.98740631910073517 51.8731442901440829, 4.98740631910073517 51.8731442901440829)))</t>
  </si>
  <si>
    <t>MultiPolygon (((4.99623812500091002 51.87311919156872619, 4.99318684933405965 51.87252007842457857, 4.99139567330747713 51.873811876235699, 4.9919241988605858 51.87465880392407058, 4.9949524527654372 51.87695629405519782, 4.99623812500091002 51.87311919156872619, 4.99623812500091002 51.87311919156872619)))</t>
  </si>
  <si>
    <t>MultiPolygon (((4.98664056959891777 51.86529923613709059, 4.98948693496294826 51.86585922340765364, 4.99375561634304432 51.86704999377076319, 4.99465867247524908 51.86649783075272779, 4.98732708163776461 51.86369348565773407, 4.98664056959891777 51.86529923613709059, 4.98664056959891777 51.86529923613709059)))</t>
  </si>
  <si>
    <t>MultiPolygon (((6.07477447316105756 53.24858279212021728, 6.05391710946786432 53.24521618948234192, 6.05010531329233192 53.24445930799821269, 6.05089197131648238 53.25178341422099493, 6.04700069324300848 53.25170092870862248, 6.04884444878272287 53.25971356336052764, 6.0616774916560523 53.25856760370624698, 6.07484796486229861 53.26064553221362274, 6.07477447316105756 53.24858279212021728, 6.07477447316105756 53.24858279212021728)),((6.07296982827598519 53.29238706398970038, 6.07290790401554315 53.28126020326407541, 6.07276215264779129 53.27661377248796981, 6.06975759899041645 53.27251320996898443, 6.07592799799677419 53.27311371763266834, 6.07543976906945016 53.26533716778553895, 6.06088314594871935 53.26490528731427077, 6.04943866104688244 53.26264400361537099, 6.04987970089532379 53.26485513919737258, 6.05011494787210591 53.26614131500686256, 6.05186392244934801 53.26628627223036716, 6.05436980027331639 53.29075958320043327, 6.06568051335374214 53.29247624556897023, 6.07296982827598519 53.29238706398970038, 6.07296982827598519 53.29238706398970038)))</t>
  </si>
  <si>
    <t>MultiPolygon (((6.10806681212937885 53.2742010737462266, 6.11230428171039009 53.27364877812474475, 6.11224706093533765 53.27300327763710186, 6.11516923518419109 53.27250655014169212, 6.12156528273687073 53.27311514189347008, 6.12736224063280677 53.27278751830603198, 6.12733136662624389 53.26168966679406935, 6.11321161526032242 53.25977945069590902, 6.10596262829924097 53.25760988184564582, 6.10581630997422042 53.25841543572251169, 6.09944754529582056 53.25840620977712803, 6.09878388645041802 53.25933735956002835, 6.10047080561691857 53.26293118622466238, 6.10125697463437167 53.26968825715126599, 6.10732698934879714 53.26957507190145691, 6.10806681212937885 53.2742010737462266, 6.10806681212937885 53.2742010737462266)))</t>
  </si>
  <si>
    <t>MultiPolygon (((6.04700069324300848 53.25170092870862248, 6.05089197131648238 53.25178341422099493, 6.05010531329233192 53.24445930799821269, 6.04396563503768025 53.24350247645844547, 6.04700069324300848 53.25170092870862248, 6.04700069324300848 53.25170092870862248)))</t>
  </si>
  <si>
    <t>MultiPolygon (((6.07592799799677419 53.27311371763266834, 6.0826740838568778 53.27314897219717693, 6.08284391095290022 53.27503890997007829, 6.08762283619142597 53.27549635940365391, 6.08724634801881059 53.26947085163065054, 6.09705291751615341 53.26943743358591377, 6.1002357249388881 53.27020482591353812, 6.10125697463437167 53.26968825715126599, 6.10047080561691857 53.26293118622466238, 6.09878388645041802 53.25933735956002835, 6.09944754529582056 53.25840620977712803, 6.10581630997422042 53.25841543572251169, 6.10596262829924097 53.25760988184564582, 6.09654840200626769 53.25460205631297583, 6.07477447316105756 53.24858279212021728, 6.07484796486229861 53.26064553221362274, 6.0616774916560523 53.25856760370624698, 6.04884444878272287 53.25971356336052764, 6.04943866104688244 53.26264400361537099, 6.06088314594871935 53.26490528731427077, 6.07543976906945016 53.26533716778553895, 6.07592799799677419 53.27311371763266834, 6.07592799799677419 53.27311371763266834)))</t>
  </si>
  <si>
    <t>MultiPolygon (((6.07775268595816787 53.32208710160133336, 6.07919450428898323 53.32188333831831528, 6.0815783815299147 53.3241416855456194, 6.08700530965422892 53.32492653721105569, 6.08879175766446323 53.32453158803360083, 6.08991907775812535 53.32256595228401608, 6.09187904965464355 53.32163419759000078, 6.09726057155994727 53.32306617030258167, 6.10123962702900435 53.32320552390550716, 6.10398244878448359 53.32000234209790079, 6.10621994250713929 53.31905962918253294, 6.1093164597125984 53.31929708997421358, 6.11214297242262283 53.32144138451094051, 6.11321676723858154 53.31771608675177987, 6.1113296744825627 53.31596349251378086, 6.11127025151968262 53.31216126969455615, 6.11247894972505001 53.30919154808592708, 6.1086503352507977 53.30873555075859116, 6.10455361011721287 53.30686917270470815, 6.10379916075920548 53.30264426755703511, 6.10458085692760477 53.30157593344991085, 6.10700969899416801 53.30114189106740241, 6.10683626687185299 53.29685903930273838, 6.1046840530559221 53.29407289033006379, 6.10216072763505224 53.29238965114064541, 6.10054098537509581 53.28858712424104738, 6.09885490241244099 53.28690951019332545, 6.09632265834094689 53.28756583538325486, 6.09401896132890375 53.28698916757856807, 6.09404502422780148 53.28080127293561219, 6.08418344572153735 53.28410047430907781, 6.08413699001121078 53.28196440765377417, 6.07290790401554315 53.28126020326407541, 6.07296982827598519 53.29238706398970038, 6.07369514961344237 53.29239969572257962, 6.06979371579036631 53.29692008792287083, 6.07184466131924161 53.30102863083642717, 6.07295891732804627 53.31642897756776023, 6.07514147887772005 53.32173694007591536, 6.07775268595816787 53.32208710160133336, 6.07775268595816787 53.32208710160133336),(6.08950459304932235 53.29458884128399632, 6.08673281645794262 53.29484593908406964, 6.07404882157450121 53.29265250589757841, 6.07611653495687243 53.2887813463972364, 6.07882274387444621 53.28658902899990579, 6.0815653987770979 53.28595039093925578, 6.09010244748353902 53.28802191022921875, 6.08950459304932235 53.29458884128399632, 6.08950459304932235 53.29458884128399632)))</t>
  </si>
  <si>
    <t>MultiPolygon (((6.11214297242262283 53.32144138451094051, 6.11377973625669924 53.32171334203126634, 6.1212825831197506 53.32039613746108841, 6.1228366448198388 53.31921549356798806, 6.12065205205097751 53.31683578192131989, 6.122084512955702 53.31506404395094734, 6.12677808864287421 53.31272866146159117, 6.13097343378991511 53.31352274075057807, 6.13370336691846063 53.31316409232467635, 6.13569608014118728 53.311538648225401, 6.13610748210432089 53.30948031387711694, 6.13060701623621007 53.30357565262431052, 6.13172421770570963 53.30192915570590628, 6.1347762032116071 53.30067502656181233, 6.13043950925595116 53.30001700209765403, 6.13106594257605853 53.29858890256782189, 6.12819743262116745 53.29567281744663632, 6.12860796650341566 53.28866428449050829, 6.1201942774172462 53.28973747417232687, 6.11836781147569653 53.29328894909810543, 6.11476847691286007 53.29266214952051683, 6.11373564507346856 53.28288751807684775, 6.11014670377654756 53.28247561336313964, 6.10973583353235394 53.28032377246067597, 6.10852662726378348 53.280101905840759, 6.10910701580610382 53.27876573111925751, 6.11242953666870381 53.27717153517771465, 6.11776010969168826 53.27600478664568584, 6.12933108860354814 53.27544356265187275, 6.12736224063280677 53.27278751830603198, 6.12156528273687073 53.27311514189347008, 6.11516923518419109 53.27250655014169212, 6.11224706093533765 53.27300327763710186, 6.11230428171039009 53.27364877812474475, 6.10806681212937885 53.2742010737462266, 6.10135906815868445 53.27622586130866722, 6.1015580902119364 53.27828688897624687, 6.09404502422780148 53.28080127293561219, 6.09401896132890375 53.28698916757856807, 6.09632265834094689 53.28756583538325486, 6.09885490241244099 53.28690951019332545, 6.10054098537509581 53.28858712424104738, 6.10216072763505224 53.29238965114064541, 6.1046840530559221 53.29407289033006379, 6.10683626687185299 53.29685903930273838, 6.10700969899416801 53.30114189106740241, 6.10458085692760477 53.30157593344991085, 6.10379916075920548 53.30264426755703511, 6.10455361011721287 53.30686917270470815, 6.1086503352507977 53.30873555075859116, 6.11247894972505001 53.30919154808592708, 6.11127025151968262 53.31216126969455615, 6.1113296744825627 53.31596349251378086, 6.11321676723858154 53.31771608675177987, 6.11214297242262283 53.32144138451094051, 6.11214297242262283 53.32144138451094051)))</t>
  </si>
  <si>
    <t>MultiPolygon (((6.08950459304932235 53.29458884128399632, 6.09010244748353902 53.28802191022921875, 6.0815653987770979 53.28595039093925578, 6.07882274387444621 53.28658902899990579, 6.07611653495687243 53.2887813463972364, 6.07404882157450121 53.29265250589757841, 6.08673281645794262 53.29484593908406964, 6.08950459304932235 53.29458884128399632, 6.08950459304932235 53.29458884128399632)))</t>
  </si>
  <si>
    <t>MultiPolygon (((6.07290790401554315 53.28126020326407541, 6.08413699001121078 53.28196440765377417, 6.08418344572153735 53.28410047430907781, 6.09404502422780148 53.28080127293561219, 6.1015580902119364 53.27828688897624687, 6.10135906815868445 53.27622586130866722, 6.10806681212937885 53.2742010737462266, 6.10732698934879714 53.26957507190145691, 6.10125697463437167 53.26968825715126599, 6.1002357249388881 53.27020482591353812, 6.09705291751615341 53.26943743358591377, 6.08724634801881059 53.26947085163065054, 6.08762283619142597 53.27549635940365391, 6.08284391095290022 53.27503890997007829, 6.0826740838568778 53.27314897219717693, 6.07592799799677419 53.27311371763266834, 6.06975759899041645 53.27251320996898443, 6.07276215264779129 53.27661377248796981, 6.07290790401554315 53.28126020326407541, 6.07290790401554315 53.28126020326407541)))</t>
  </si>
  <si>
    <t>MultiPolygon (((6.12860796650341566 53.28866428449050829, 6.12978268494393941 53.27685882658531824, 6.12933108860354814 53.27544356265187275, 6.11776010969168826 53.27600478664568584, 6.11242953666870381 53.27717153517771465, 6.10910701580610382 53.27876573111925751, 6.10852662726378348 53.280101905840759, 6.10973583353235394 53.28032377246067597, 6.11014670377654756 53.28247561336313964, 6.11373564507346856 53.28288751807684775, 6.11476847691286007 53.29266214952051683, 6.11836781147569653 53.29328894909810543, 6.1201942774172462 53.28973747417232687, 6.12860796650341566 53.28866428449050829, 6.12860796650341566 53.28866428449050829)))</t>
  </si>
  <si>
    <t>MultiPolygon (((6.19244872326101792 53.33325580141239186, 6.19538656572607405 53.33264762190895425, 6.19911752904366242 53.33312530236639049, 6.19827743116240182 53.33244770858303241, 6.19545624826616415 53.3321684999100043, 6.19318299477352152 53.33253344453512312, 6.19009968273435884 53.33331485739723377, 6.18756095428915387 53.33275596451066747, 6.18837877819721704 53.3304839033524587, 6.18422525729856787 53.32998080108287553, 6.18231506952059995 53.33082293349557546, 6.18233739016903883 53.33260417742935999, 6.18111390760583923 53.33324799304457287, 6.17879773899325269 53.33309478696329364, 6.17737459698324987 53.33169341330314239, 6.17848705719493285 53.32721352198194609, 6.18403614780088962 53.32438458916963242, 6.18725784100870424 53.32444181286128071, 6.19143724274501128 53.32312954079282008, 6.19163740142772134 53.32042352926536211, 6.18065108778759775 53.3173397974818144, 6.17280650086760652 53.31711052943811779, 6.16092891210183247 53.31623229890477234, 6.16016970441474232 53.31694414299060725, 6.16486249661695052 53.3180440312211914, 6.16440630407044932 53.31726096604683818, 6.17191781978476417 53.31765602824932415, 6.17174092333594526 53.31849957538940288, 6.17641915416434628 53.31887838102164068, 6.18095299126689124 53.32068108261546513, 6.18071513373518666 53.32248453156582713, 6.17781551926826644 53.32526644839236241, 6.17525588908524892 53.33256662919152546, 6.17601804363831075 53.33465098945836047, 6.18110037150936709 53.33849929302515847, 6.1825766478131623 53.33873632423226496, 6.18493388148660106 53.33672828809767452, 6.19244872326101792 53.33325580141239186, 6.19244872326101792 53.33325580141239186)),((6.2281950680856184 53.34450525034252877, 6.23064753943441296 53.34286740381330816, 6.23596340477232225 53.34143104620402198, 6.24282371580426876 53.34321048219536721, 6.24969563618405122 53.3474264627962782, 6.25363519929270506 53.3479782654700827, 6.26444072390314055 53.34576011458683809, 6.27302517989671937 53.34498170888282687, 6.27860520257157706 53.34253110080268812, 6.28690104880451983 53.34102626580524031, 6.28050341668511347 53.31258148469945723, 6.28402777951132752 53.31179216620185457, 6.28676329890499996 53.31201036467476229, 6.29277933349300866 53.30989215627764821, 6.29357922722986185 53.30861522566255672, 6.2940164439549342 53.3083685772443161, 6.29025017149116383 53.30537768385625697, 6.27947863387286098 53.30332438065155287, 6.27637296143489998 53.30523032711801079, 6.27120892181922596 53.30680780112933093, 6.26800002373113507 53.30446249520922919, 6.26586148949493627 53.30199359131746917, 6.26665367348305935 53.30031475903153648, 6.27448800511041682 53.29914738611229552, 6.27437494643274274 53.29648870729567278, 6.27028667990586808 53.29315973074842816, 6.27075492256147893 53.29206013980638801, 6.26926786236766542 53.29027846382838618, 6.26745656913692084 53.2908548533288311, 6.25990365638544777 53.29107570987691389, 6.2542660573834965 53.28864283828205117, 6.24803067896564102 53.29365470916965108, 6.24592630447184582 53.2968889171428799, 6.24553926371232127 53.29756561425551808, 6.24352203521563087 53.29997864089703086, 6.24328354082070902 53.30209648177283555, 6.24498702779619475 53.30637333424933644, 6.24436914928689024 53.30841357048735318, 6.23873527943691908 53.31203611312704282, 6.22763274260014299 53.31243550761503514, 6.22773402859634295 53.31825471063168465, 6.2308924151363847 53.3186189651166984, 6.23093441551615612 53.32897200251213832, 6.2299722163904665 53.33353628850397143, 6.2306134246925442 53.33497768626386204, 6.23314212871286433 53.33679518778690465, 6.23788745906459585 53.33507748438014318, 6.23820251055793573 53.3357853168988072, 6.23601903289290505 53.33660375275792376, 6.23092734470783771 53.34059256926004622, 6.22820728874430696 53.34171202940643752, 6.22294942739841073 53.34593498778087906, 6.22068687675551146 53.34859322018893124, 6.22273098844219064 53.35152207669852231, 6.22429593808795367 53.35085399830034447, 6.2281950680856184 53.34450525034252877, 6.2281950680856184 53.34450525034252877)),((6.19679433190395912 53.3526852769481863, 6.1977852109374556 53.34930030269630663, 6.19616380995084981 53.34515864053219758, 6.1965524995534409 53.34115721794672993, 6.1980166832506125 53.34019174041568334, 6.19730541108712352 53.3441332326736557, 6.19886697440629675 53.34439187316984743, 6.20015624336113547 53.34294692994711795, 6.20111626247415071 53.34345881607085715, 6.20101569768323557 53.34603652200100754, 6.20024719074981334 53.3467746139773098, 6.20144819757510479 53.3475911139889476, 6.20408648410733399 53.35343621798348579, 6.20668728850196416 53.3547316337915376, 6.20791985593664819 53.35400464716421709, 6.21758814418372019 53.35371955054473148, 6.21889122659754712 53.35035599559902408, 6.21755889909525283 53.34833971331164548, 6.21809842265119972 53.34599892982240732, 6.22141999070284601 53.34224642097537128, 6.22441486542702105 53.34048601555942071, 6.22833394312980726 53.33915961917081461, 6.22978912695260334 53.33672663990482476, 6.22944519966416621 53.33197513509928456, 6.21345408661050413 53.33255551860248289, 6.21069478658194996 53.33371562428990131, 6.20593697981323356 53.33391716119896131, 6.20075402357459105 53.33393462996457401, 6.1957903696841985 53.33292405208003117, 6.19190738847098743 53.3338960557641002, 6.19100149324754234 53.33520704620424624, 6.19213312322471854 53.33635790468912319, 6.1886259322078585 53.3379666672193693, 6.18810338454461384 53.3392661752092323, 6.17501159244683784 53.34981144630719996, 6.17431832407426651 53.35084563637929733, 6.1754328538101948 53.35492768613509895, 6.18079050268119801 53.35729488854702396, 6.19679433190395912 53.3526852769481863, 6.19679433190395912 53.3526852769481863)))</t>
  </si>
  <si>
    <t>MultiPolygon (((6.20593697981323356 53.33391716119896131, 6.21069478658194996 53.33371562428990131, 6.21345408661050413 53.33255551860248289, 6.22944519966416621 53.33197513509928456, 6.23093441551615612 53.32897200251213832, 6.2308924151363847 53.3186189651166984, 6.22773402859634295 53.31825471063168465, 6.22763274260014299 53.31243550761503514, 6.23873527943691908 53.31203611312704282, 6.24436914928689024 53.30841357048735318, 6.24498702779619475 53.30637333424933644, 6.24328354082070902 53.30209648177283555, 6.24352203521563087 53.29997864089703086, 6.23257909788155562 53.29811352918434864, 6.22263316638874553 53.29903393389351152, 6.2208944660015586 53.29770264436913862, 6.22074342731784391 53.29562349622142392, 6.22276353324935005 53.29407795759073707, 6.22820040478572601 53.29377887444073991, 6.23435598087032083 53.29427084040832341, 6.24592630447184582 53.2968889171428799, 6.24803067896564102 53.29365470916965108, 6.2542660573834965 53.28864283828205117, 6.25294113640981397 53.28445924738473849, 6.24677593367940975 53.28518336563640645, 6.24097953527903115 53.28437386213884963, 6.23753778274484194 53.28449880406786576, 6.23383668152852977 53.28630806116247953, 6.23398472494463274 53.28964860122231784, 6.22901596889767539 53.29145371607361881, 6.22517479118777484 53.29250662979702469, 6.2191889794383135 53.29318004317372015, 6.21595506057263147 53.29339221894077383, 6.21347179886169165 53.29277863751507027, 6.21226253590534672 53.29463407722779777, 6.21243112091926797 53.2967821919171314, 6.21674181878046106 53.30014686145463543, 6.22122161292048048 53.30212471808395236, 6.22311757628839146 53.30467864807560119, 6.22335306554891066 53.30683807123237727, 6.21713643505384983 53.31301389682840153, 6.2124387071812075 53.31559592855056451, 6.20573886490365823 53.3172569179693383, 6.20593697981323356 53.33391716119896131, 6.20593697981323356 53.33391716119896131)))</t>
  </si>
  <si>
    <t>MultiPolygon (((6.20075402357459105 53.33393462996457401, 6.20593697981323356 53.33391716119896131, 6.20573886490365823 53.3172569179693383, 6.2124387071812075 53.31559592855056451, 6.21713643505384983 53.31301389682840153, 6.22335306554891066 53.30683807123237727, 6.22311757628839146 53.30467864807560119, 6.22122161292048048 53.30212471808395236, 6.21674181878046106 53.30014686145463543, 6.21243112091926797 53.2967821919171314, 6.21226253590534672 53.29463407722779777, 6.21347179886169165 53.29277863751507027, 6.21296315403984423 53.28885424303935991, 6.21022770421496872 53.28718931140049619, 6.21054444754445889 53.28485533954297182, 6.19924490806607409 53.28533268508373766, 6.19138238278867448 53.28399840665482401, 6.1863515098548616 53.28899827992650273, 6.18069604468806144 53.2886432059523969, 6.17669259003853899 53.28628219209949179, 6.1701230737636692 53.28659532223361595, 6.16777550663930363 53.29533851486378637, 6.1634849496135784 53.29809908261395179, 6.16090935407584261 53.3014291581285633, 6.16014163560174222 53.30378777797381673, 6.1605939136194614 53.30725837986720705, 6.17472144038721993 53.30767206689245796, 6.17280650086760652 53.31711052943811779, 6.18065108778759775 53.3173397974818144, 6.19163740142772134 53.32042352926536211, 6.19143724274501128 53.32312954079282008, 6.18725784100870424 53.32444181286128071, 6.18403614780088962 53.32438458916963242, 6.17848705719493285 53.32721352198194609, 6.17737459698324987 53.33169341330314239, 6.17879773899325269 53.33309478696329364, 6.18111390760583923 53.33324799304457287, 6.18233739016903883 53.33260417742935999, 6.18231506952059995 53.33082293349557546, 6.18422525729856787 53.32998080108287553, 6.18837877819721704 53.3304839033524587, 6.18756095428915387 53.33275596451066747, 6.19009968273435884 53.33331485739723377, 6.19318299477352152 53.33253344453512312, 6.19545624826616415 53.3321684999100043, 6.19827743116240182 53.33244770858303241, 6.19911752904366242 53.33312530236639049, 6.20075402357459105 53.33393462996457401),(6.18888459896680043 53.30660796160437798, 6.18771148688796035 53.30733182736830145, 6.18328366083677317 53.30688219459495514, 6.18222991698104707 53.30505946475574319, 6.18659647635462928 53.30197536607207098, 6.19797321036122462 53.29936966554770805, 6.21026723103776224 53.299636520541263, 6.21383380233784255 53.30172592375643603, 6.2127751606338375 53.30276880448574417, 6.19695594610547573 53.30406817842693101, 6.18888459896680043 53.30660796160437798)))</t>
  </si>
  <si>
    <t>MultiPolygon (((6.21054444754445889 53.28485533954297182, 6.21022770421496872 53.28718931140049619, 6.21296315403984423 53.28885424303935991, 6.21347179886169165 53.29277863751507027, 6.21595506057263147 53.29339221894077383, 6.2191889794383135 53.29318004317372015, 6.22517479118777484 53.29250662979702469, 6.22901596889767539 53.29145371607361881, 6.23398472494463274 53.28964860122231784, 6.23383668152852977 53.28630806116247953, 6.23753778274484194 53.28449880406786576, 6.24097953527903115 53.28437386213884963, 6.24677593367940975 53.28518336563640645, 6.25294113640981397 53.28445924738473849, 6.251408724147554 53.27725496897073043, 6.25296493721080093 53.273467863068241, 6.25576329383499274 53.27083648966925722, 6.25494346416554059 53.26852454772264167, 6.25347413843632527 53.26772462861556789, 6.24997728970812183 53.26721999727804047, 6.24686317242372269 53.26829583092675335, 6.24362501474774234 53.26645952773650805, 6.24348449940320993 53.26545982472686802, 6.24162351693576145 53.26395168319078266, 6.23941566103669754 53.26314323572199072, 6.23797344665412901 53.26158273606857563, 6.23876302765852397 53.25968103348007787, 6.23758418672811743 53.25754715890445112, 6.23494482529534633 53.25670389941301153, 6.2321730488927658 53.25674741236950638, 6.22397131126411018 53.25724012751132364, 6.22027156735146391 53.25945481551731575, 6.21894733314575987 53.2598725910579347, 6.21709422255368871 53.26526720557976091, 6.19877154824161725 53.26884297222657949, 6.19871468651874302 53.27038508142790363, 6.20055553945869864 53.27206195552990664, 6.2113912023506801 53.27689881293245122, 6.2119555274967917 53.28155743266933086, 6.21054444754445889 53.28485533954297182, 6.21054444754445889 53.28485533954297182),(6.23399687671648373 53.27872573831620429, 6.23164489186026493 53.27920057271264653, 6.22761945897295899 53.27897327293960927, 6.22422446880499614 53.27816747950690512, 6.22151044952564103 53.27666551802929717, 6.22378656568531419 53.27111892418803052, 6.22600234952343268 53.26959553653937718, 6.23333646427780153 53.2711255913564159, 6.23585211136941897 53.27312515614715238, 6.23547996775656088 53.27836988053614675, 6.23399687671648373 53.27872573831620429, 6.23399687671648373 53.27872573831620429)))</t>
  </si>
  <si>
    <t>MultiPolygon (((6.19138238278867448 53.28399840665482401, 6.19924490806607409 53.28533268508373766, 6.21054444754445889 53.28485533954297182, 6.2119555274967917 53.28155743266933086, 6.2113912023506801 53.27689881293245122, 6.20055553945869864 53.27206195552990664, 6.19871468651874302 53.27038508142790363, 6.19877154824161725 53.26884297222657949, 6.19515191541889276 53.26960829428772115, 6.1892199385829727 53.26989023290794023, 6.1855998714575211 53.26781550169065582, 6.18566958868935934 53.26727300682243538, 6.19038440261139922 53.26337766477729474, 6.18241217719590441 53.26100045411367034, 6.18109021526720426 53.25979340529750772, 6.17786420829786742 53.26007466891643105, 6.16738018914953745 53.2636513777586984, 6.16413406721871393 53.26395571023330433, 6.16052320682350896 53.26198467196496011, 6.15865966353699701 53.26363593065264723, 6.15744259301624997 53.26647906970146806, 6.15873886473351018 53.26906313844735052, 6.16098973103408998 53.27004158172496773, 6.16774991954279628 53.27004725390918338, 6.17039714918635873 53.26807336986731656, 6.18034892305587569 53.27041399243297803, 6.18141622011605563 53.27237482233449839, 6.17880171279020463 53.27415329254137077, 6.18397121961864826 53.2795504333573362, 6.18225946388946479 53.28031096247152476, 6.18319465765191545 53.28142967066970215, 6.18756513782450757 53.28199761825273129, 6.19138238278867448 53.28399840665482401, 6.19138238278867448 53.28399840665482401)))</t>
  </si>
  <si>
    <t>MultiPolygon (((6.27947863387286098 53.30332438065155287, 6.27830717544523864 53.30273093568636256, 6.27448800511041682 53.29914738611229552, 6.26665367348305935 53.30031475903153648, 6.26586148949493627 53.30199359131746917, 6.26800002373113507 53.30446249520922919, 6.27120892181922596 53.30680780112933093, 6.27637296143489998 53.30523032711801079, 6.27947863387286098 53.30332438065155287, 6.27947863387286098 53.30332438065155287)))</t>
  </si>
  <si>
    <t>MultiPolygon (((6.24352203521563087 53.29997864089703086, 6.24553926371232127 53.29756561425551808, 6.24592630447184582 53.2968889171428799, 6.23435598087032083 53.29427084040832341, 6.22820040478572601 53.29377887444073991, 6.22276353324935005 53.29407795759073707, 6.22074342731784391 53.29562349622142392, 6.2208944660015586 53.29770264436913862, 6.22263316638874553 53.29903393389351152, 6.23257909788155562 53.29811352918434864, 6.24352203521563087 53.29997864089703086, 6.24352203521563087 53.29997864089703086)))</t>
  </si>
  <si>
    <t>MultiPolygon (((6.18888459896680043 53.30660796160437798, 6.19695594610547573 53.30406817842693101, 6.2127751606338375 53.30276880448574417, 6.21383380233784255 53.30172592375643603, 6.21026723103776224 53.299636520541263, 6.19797321036122462 53.29936966554770805, 6.18659647635462928 53.30197536607207098, 6.18222991698104707 53.30505946475574319, 6.18328366083677317 53.30688219459495514, 6.18771148688796035 53.30733182736830145, 6.18888459896680043 53.30660796160437798, 6.18888459896680043 53.30660796160437798)))</t>
  </si>
  <si>
    <t>MultiPolygon (((6.23399687671648373 53.27872573831620429, 6.23547996775656088 53.27836988053614675, 6.23585211136941897 53.27312515614715238, 6.23333646427780153 53.2711255913564159, 6.22600234952343268 53.26959553653937718, 6.22378656568531419 53.27111892418803052, 6.22151044952564103 53.27666551802929717, 6.22422446880499614 53.27816747950690512, 6.22761945897295899 53.27897327293960927, 6.23164489186026493 53.27920057271264653, 6.23399687671648373 53.27872573831620429, 6.23399687671648373 53.27872573831620429)))</t>
  </si>
  <si>
    <t>MultiPolygon (((6.15922650492990442 53.31687751728644287, 6.16016970441474232 53.31694414299060725, 6.16092891210183247 53.31623229890477234, 6.17280650086760652 53.31711052943811779, 6.17472144038721993 53.30767206689245796, 6.1605939136194614 53.30725837986720705, 6.16014163560174222 53.30378777797381673, 6.16090935407584261 53.3014291581285633, 6.1634849496135784 53.29809908261395179, 6.16777550663930363 53.29533851486378637, 6.1701230737636692 53.28659532223361595, 6.17669259003853899 53.28628219209949179, 6.18069604468806144 53.2886432059523969, 6.1863515098548616 53.28899827992650273, 6.19138238278867448 53.28399840665482401, 6.18756513782450757 53.28199761825273129, 6.18319465765191545 53.28142967066970215, 6.18225946388946479 53.28031096247152476, 6.18397121961864826 53.2795504333573362, 6.17880171279020463 53.27415329254137077, 6.18141622011605563 53.27237482233449839, 6.18034892305587569 53.27041399243297803, 6.17039714918635873 53.26807336986731656, 6.16774991954279628 53.27004725390918338, 6.16098973103408998 53.27004158172496773, 6.15873886473351018 53.26906313844735052, 6.15744259301624997 53.26647906970146806, 6.15865966353699701 53.26363593065264723, 6.15485267368207989 53.26177372496457707, 6.14835877460567737 53.26000074983608812, 6.14497808835187165 53.26016480028559386, 6.14105834330968658 53.2643829282931236, 6.12733136662624389 53.26168966679406935, 6.12736224063280677 53.27278751830603198, 6.12933108860354814 53.27544356265187275, 6.12978268494393941 53.27685882658531824, 6.12860796650341566 53.28866428449050829, 6.12819743262116745 53.29567281744663632, 6.13106594257605853 53.29858890256782189, 6.13043950925595116 53.30001700209765403, 6.1347762032116071 53.30067502656181233, 6.13770476300079615 53.30109444733012936, 6.14331237122346074 53.3047838081346228, 6.15166036542206651 53.30805560875695193, 6.15365832519193479 53.31058523822717632, 6.15414027423746379 53.31424501428552531, 6.15617587510904407 53.31602493286534639, 6.15922650492990442 53.31687751728644287, 6.15922650492990442 53.31687751728644287),(6.14728077781611848 53.28858518868958782, 6.13724510054987338 53.28684217327709405, 6.13830853290070255 53.28198969678875585, 6.1356463344700769 53.28240627224273851, 6.136330682795192 53.27862903301996766, 6.13898970480658246 53.27888091527934478, 6.14052551107083122 53.27169702294545317, 6.15826663956566644 53.2699894571606265, 6.16202281841745947 53.27107277481185577, 6.16089718116168061 53.2870353050506651, 6.15824201001694327 53.28815593347382418, 6.14728077781611848 53.28858518868958782, 6.14728077781611848 53.28858518868958782)))</t>
  </si>
  <si>
    <t>MultiPolygon (((6.14728077781611848 53.28858518868958782, 6.15824201001694327 53.28815593347382418, 6.16089718116168061 53.2870353050506651, 6.16202281841745947 53.27107277481185577, 6.15826663956566644 53.2699894571606265, 6.14052551107083122 53.27169702294545317, 6.13898970480658246 53.27888091527934478, 6.136330682795192 53.27862903301996766, 6.1356463344700769 53.28240627224273851, 6.13830853290070255 53.28198969678875585, 6.13724510054987338 53.28684217327709405, 6.14728077781611848 53.28858518868958782, 6.14728077781611848 53.28858518868958782)))</t>
  </si>
  <si>
    <t>MultiPolygon (((5.86008158737817286 53.31283154855802309, 5.86238177834049967 53.31189192598450433, 5.86663433023579106 53.3128881373208614, 5.86770289537169276 53.31091382028352399, 5.86629181003755917 53.31056677775716679, 5.8696027303261582 53.30478489796825414, 5.86407773647457287 53.30340635195135235, 5.86516017961250746 53.3007917848597188, 5.86647346404291437 53.29762031151276602, 5.86534969310438115 53.29744508072979414, 5.86229463691080621 53.29460657007671642, 5.8643447247137388 53.29072156046364483, 5.86472644958980371 53.29007050531186707, 5.8607686192915418 53.28849380850127915, 5.84766081213852296 53.28516262403795878, 5.84751685114748909 53.28408599796241418, 5.83864916582624094 53.27494928424113141, 5.83150857569004177 53.27542591016183593, 5.83365575745657683 53.28197505447895566, 5.84141376977166171 53.28704016173463742, 5.84014827688683891 53.28903971130680617, 5.83876165007645653 53.28964077975931701, 5.83728661113037539 53.29371840529018556, 5.84380855003731003 53.29680892908940848, 5.84115290690212241 53.29929616247840585, 5.83624784313104961 53.30112178828173342, 5.8367485445858609 53.30411991843719477, 5.83590758431628398 53.30934469899052175, 5.83679935034109043 53.31229474718351469, 5.83827123061850095 53.31315969021110135, 5.83652645815373372 53.31503630746468048, 5.84197741331554532 53.31858411527275621, 5.84554824848305987 53.31994867880267464, 5.84964311999298392 53.32006664794339912, 5.85305759661605407 53.31623917195130957, 5.86008158737817286 53.31283154855802309, 5.86008158737817286 53.31283154855802309),(5.84725395244168045 53.29826602382794221, 5.8499978412363447 53.29818809499840171, 5.85390574397867613 53.30034014955462141, 5.85349456534654422 53.30184736574788218, 5.85100671692991803 53.30343786629972413, 5.84879724928446887 53.30357217202881515, 5.84640250424408947 53.302816464797381, 5.84553681993563234 53.29954121672265899, 5.84725395244168045 53.29826602382794221, 5.84725395244168045 53.29826602382794221)))</t>
  </si>
  <si>
    <t>MultiPolygon (((5.89401535640396812 53.30901032384790739, 5.89570478958509359 53.30585379323268569, 5.89904921486552869 53.30248438305139302, 5.89690407005779704 53.30152565979032175, 5.90353842723425615 53.29418165601359192, 5.9066486706961534 53.28783933971890008, 5.89769384218350368 53.28463372556895195, 5.8977877058756718 53.28365981063008405, 5.89170068724422169 53.28003829016022053, 5.88224459240506192 53.27678249235828645, 5.87461060430606441 53.28260171822126523, 5.86415362542187069 53.28687742374852121, 5.861345661823127 53.28804438838670166, 5.865259707617132 53.28945752280618819, 5.86766213276054494 53.2883498926715049, 5.87322906523663946 53.28996943331112845, 5.87328685192913547 53.29114381897662867, 5.87585022450485628 53.2916448371342355, 5.88380312087248303 53.29168298288397665, 5.88654190098677166 53.29405839276397927, 5.88060387504779758 53.29818478762059897, 5.8747609163248331 53.2974297179487877, 5.87120352006319202 53.29504948048880664, 5.87127594215223247 53.2928168651310159, 5.8643447247137388 53.29072156046364483, 5.86229463691080621 53.29460657007671642, 5.86534969310438115 53.29744508072979414, 5.86647346404291437 53.29762031151276602, 5.86516017961250746 53.3007917848597188, 5.86962131984987323 53.30309500338577777, 5.89401535640396812 53.30901032384790739, 5.89401535640396812 53.30901032384790739)))</t>
  </si>
  <si>
    <t>MultiPolygon (((5.88866646020498141 53.31554886985564679, 5.89234508950921398 53.31572450702417143, 5.89762040003896182 53.31471484202559452, 5.90110560651678817 53.3159528908224658, 5.90106500037427484 53.31832801802816135, 5.90027152773813146 53.31810677325831449, 5.89979276294078314 53.31911237254708169, 5.90454291836943135 53.31980523410835104, 5.90650484345059201 53.31960077784292906, 5.9074138650709882 53.31858992125388141, 5.91073018422107754 53.31921348385973403, 5.91355668662625078 53.31781289300798221, 5.91964145707491785 53.3186739588200993, 5.92436087853947857 53.31308265721615669, 5.92225343876084942 53.3126069771594473, 5.9208866451501585 53.31109856096765753, 5.89904921486552869 53.30248438305139302, 5.89570478958509359 53.30585379323268569, 5.89401535640396812 53.30901032384790739, 5.89201488587916611 53.31139145625949283, 5.88785429345950906 53.30904682255206239, 5.88294648703011092 53.31200652315367705, 5.88364912822772812 53.31309085614002186, 5.88776943821284249 53.31374991480359427, 5.88866646020498141 53.31554886985564679, 5.88866646020498141 53.31554886985564679)))</t>
  </si>
  <si>
    <t>MultiPolygon (((5.91109397704454675 53.33425351990388918, 5.91519346654831857 53.33387554262276353, 5.91764520802381533 53.33073072607349019, 5.92038856200550523 53.33138908605143058, 5.92072239968051761 53.330439998706062, 5.92328920998604858 53.32938489141135108, 5.92639809742088186 53.32994627476255545, 5.92768497791687832 53.32826078630299094, 5.92466370514163909 53.32773618108644342, 5.92949142244625182 53.32335809148146666, 5.93332053610962085 53.32496557463482389, 5.93613078716130449 53.32386491953678842, 5.93576615916737627 53.32060171866181975, 5.93192798262939114 53.31879871357842404, 5.93508085786434592 53.31566076145509925, 5.93501542052375175 53.31567122228415911, 5.92436087853947857 53.31308265721615669, 5.91964145707491785 53.3186739588200993, 5.91355668662625078 53.31781289300798221, 5.91073018422107754 53.31921348385973403, 5.91019989851428296 53.32337322176346817, 5.91299660319204357 53.32946040708872459, 5.91095900497679771 53.33273379755417665, 5.91109397704454675 53.33425351990388918, 5.91109397704454675 53.33425351990388918)))</t>
  </si>
  <si>
    <t>MultiPolygon (((5.91040264913815339 53.33457820460630217, 5.91109397704454675 53.33425351990388918, 5.91095900497679771 53.33273379755417665, 5.91299660319204357 53.32946040708872459, 5.91019989851428296 53.32337322176346817, 5.91073018422107754 53.31921348385973403, 5.9074138650709882 53.31858992125388141, 5.90650484345059201 53.31960077784292906, 5.90454291836943135 53.31980523410835104, 5.89979276294078314 53.31911237254708169, 5.90027152773813146 53.31810677325831449, 5.90106500037427484 53.31832801802816135, 5.90110560651678817 53.3159528908224658, 5.89762040003896182 53.31471484202559452, 5.89234508950921398 53.31572450702417143, 5.88866646020498141 53.31554886985564679, 5.88746242786225871 53.31664673766275087, 5.88792429245953564 53.31882545507968985, 5.88413150281274167 53.31887770186536102, 5.88484437666505134 53.32304846022842781, 5.88550821613551101 53.32400209010864245, 5.88744365558862359 53.32407772640931398, 5.88720542846917905 53.32890835002027075, 5.88554089958334803 53.3309835780127699, 5.89087103584969718 53.332525374339113, 5.90002948768705693 53.33068901793529193, 5.90110150008218071 53.33284991098419425, 5.90310034402044703 53.33367979472673426, 5.90572022524800744 53.33334954255403204, 5.91040264913815339 53.33457820460630217, 5.91040264913815339 53.33457820460630217)))</t>
  </si>
  <si>
    <t>MultiPolygon (((5.86768446145514844 53.33159090890714538, 5.86963067502525693 53.33100973682590507, 5.87798634863787317 53.3333418632446552, 5.88511690662695308 53.33169686125415154, 5.88554089958334803 53.3309835780127699, 5.88720542846917905 53.32890835002027075, 5.88744365558862359 53.32407772640931398, 5.88550821613551101 53.32400209010864245, 5.88484437666505134 53.32304846022842781, 5.88413150281274167 53.31887770186536102, 5.88792429245953564 53.31882545507968985, 5.88746242786225871 53.31664673766275087, 5.87644464426748758 53.31469004042289583, 5.87325860075960016 53.31570989460331589, 5.87417833516005405 53.31662268046532915, 5.87341444846397476 53.31794887111876591, 5.87117492049704648 53.31788827434534994, 5.86957868924746684 53.32527841746284025, 5.87038023948484433 53.32557396089052304, 5.86768446145514844 53.33159090890714538, 5.86768446145514844 53.33159090890714538)))</t>
  </si>
  <si>
    <t>MultiPolygon (((5.88746242786225871 53.31664673766275087, 5.88866646020498141 53.31554886985564679, 5.88776943821284249 53.31374991480359427, 5.88364912822772812 53.31309085614002186, 5.88294648703011092 53.31200652315367705, 5.88785429345950906 53.30904682255206239, 5.89201488587916611 53.31139145625949283, 5.89401535640396812 53.30901032384790739, 5.86962131984987323 53.30309500338577777, 5.86516017961250746 53.3007917848597188, 5.86407773647457287 53.30340635195135235, 5.8696027303261582 53.30478489796825414, 5.86629181003755917 53.31056677775716679, 5.86770289537169276 53.31091382028352399, 5.86663433023579106 53.3128881373208614, 5.86781907085782528 53.31445809430876892, 5.87034941781693131 53.31546498107850596, 5.87325860075960016 53.31570989460331589, 5.87644464426748758 53.31469004042289583, 5.88746242786225871 53.31664673766275087, 5.88746242786225871 53.31664673766275087)))</t>
  </si>
  <si>
    <t>MultiPolygon (((5.85100671692991803 53.30343786629972413, 5.85349456534654422 53.30184736574788218, 5.85390574397867613 53.30034014955462141, 5.8499978412363447 53.29818809499840171, 5.84725395244168045 53.29826602382794221, 5.84553681993563234 53.29954121672265899, 5.84640250424408947 53.302816464797381, 5.84879724928446887 53.30357217202881515, 5.85100671692991803 53.30343786629972413, 5.85100671692991803 53.30343786629972413)))</t>
  </si>
  <si>
    <t>MultiPolygon (((5.8607686192915418 53.28849380850127915, 5.86472644958980371 53.29007050531186707, 5.8643447247137388 53.29072156046364483, 5.87127594215223247 53.2928168651310159, 5.87120352006319202 53.29504948048880664, 5.8747609163248331 53.2974297179487877, 5.88060387504779758 53.29818478762059897, 5.88654190098677166 53.29405839276397927, 5.88380312087248303 53.29168298288397665, 5.87585022450485628 53.2916448371342355, 5.87328685192913547 53.29114381897662867, 5.87322906523663946 53.28996943331112845, 5.86766213276054494 53.2883498926715049, 5.865259707617132 53.28945752280618819, 5.861345661823127 53.28804438838670166, 5.8607686192915418 53.28849380850127915, 5.8607686192915418 53.28849380850127915)))</t>
  </si>
  <si>
    <t>MultiPolygon (((5.75996853022779209 53.35221136467805536, 5.76350110455931297 53.35057250958251274, 5.76593381068706812 53.35153802164185777, 5.77184071929163967 53.3460773574127245, 5.77997231590597327 53.34187587376092665, 5.7808202619652489 53.34053148900846963, 5.78059224001409522 53.33906707698140792, 5.7754524926562727 53.33646233571894868, 5.76246067458524891 53.3320901438282533, 5.75405249810772279 53.32775318586774915, 5.753328452288752 53.32801596709231973, 5.75091976427729978 53.32715339269809363, 5.74685774445625697 53.32455539057733063, 5.74612906066487472 53.32195239432915912, 5.76886674854780424 53.31512368242236732, 5.76968873580314057 53.31341048529632332, 5.7930538127615181 53.31784897402310008, 5.83624784313104961 53.30112178828173342, 5.84115290690212241 53.29929616247840585, 5.84380855003731003 53.29680892908940848, 5.83728661113037539 53.29371840529018556, 5.83876165007645653 53.28964077975931701, 5.84014827688683891 53.28903971130680617, 5.84141376977166171 53.28704016173463742, 5.83365575745657683 53.28197505447895566, 5.83150857569004177 53.27542591016183593, 5.81690841000062342 53.27638909010352819, 5.81530949576158118 53.27747808955303555, 5.81389170459181326 53.27765305074640168, 5.81203611818674748 53.2767434708536527, 5.8112663879407469 53.27698645939130984, 5.8105381204748241 53.27742407303497885, 5.8132291628767252 53.27923789667480747, 5.81052267388115773 53.27985120969577792, 5.81104574682867003 53.28080791579223074, 5.80079198089271397 53.28207623648595614, 5.79774529858578802 53.28379455381544005, 5.79458593310091086 53.28405384938655232, 5.77198892910755834 53.29154568184679164, 5.76328383915421316 53.29449105799629649, 5.75965698243461155 53.29409626480593687, 5.74936278196629669 53.29393936438211199, 5.73685119427045365 53.29458647627907908, 5.73538364724345495 53.2947209967926625, 5.73939331213066772 53.30398758965350225, 5.74477002848030693 53.30878864466786382, 5.7471641310617132 53.30992333479234446, 5.74930109900479636 53.31355527318687137, 5.72968215986847706 53.31745216722724479, 5.72141454775365244 53.31603321574743859, 5.722391244223755 53.32231374492308618, 5.71736894220698755 53.33891484828542673, 5.73239486486744454 53.3430151674063282, 5.75996853022779209 53.35221136467805536, 5.75996853022779209 53.35221136467805536),(5.7779350012581876 53.30186191291230813, 5.78344073075265808 53.29868944653136253, 5.79023904842916881 53.30247158169493105, 5.79363302833361793 53.30558032071549945, 5.79208905150019149 53.30779649666676789, 5.78516325827461042 53.31060004357640025, 5.77689963091532288 53.3084150764585587, 5.7779350012581876 53.30186191291230813, 5.7779350012581876 53.30186191291230813)))</t>
  </si>
  <si>
    <t>MultiPolygon (((5.79208905150019149 53.30779649666676789, 5.79363302833361793 53.30558032071549945, 5.79023904842916881 53.30247158169493105, 5.78344073075265808 53.29868944653136253, 5.7779350012581876 53.30186191291230813, 5.77689963091532288 53.3084150764585587, 5.78516325827461042 53.31060004357640025, 5.79208905150019149 53.30779649666676789, 5.79208905150019149 53.30779649666676789)))</t>
  </si>
  <si>
    <t>MultiPolygon (((5.82525126623165956 53.37031957574454566, 5.82703121602249663 53.37090444745471274, 5.83081652844353115 53.37093861679279883, 5.83105732381279829 53.37232300815104935, 5.83423861882839745 53.37398929813458892, 5.83769062652306925 53.37357001142007817, 5.84237549657564781 53.37503379458752306, 5.8432506718145909 53.3764593482841434, 5.84255041436762301 53.37775125266851006, 5.84484464937133286 53.37777216431040017, 5.84685555876841612 53.37645010930800282, 5.84765683195737562 53.37692071936299243, 5.86509149464840718 53.36483375223258463, 5.87203310061966999 53.36459476280988667, 5.87611316241204307 53.36199190757544386, 5.87607720338331863 53.36106242223468143, 5.88336378441300489 53.35666393946117125, 5.8844698079435549 53.35461022636043538, 5.88413857034539056 53.35276584933637167, 5.88078077940208033 53.35238526125746006, 5.88042197246311371 53.35147725259559337, 5.88646889825811837 53.34722255247432088, 5.89048239008838248 53.34804115616056919, 5.89769374536027957 53.3463827709542997, 5.90715762394080635 53.34332623220763736, 5.91090300774702015 53.3413166620759327, 5.91630652822101144 53.33685578070682709, 5.91040264913815339 53.33457820460630217, 5.90572022524800744 53.33334954255403204, 5.90310034402044703 53.33367979472673426, 5.90110150008218071 53.33284991098419425, 5.90002948768705693 53.33068901793529193, 5.89087103584969718 53.332525374339113, 5.88554089958334803 53.3309835780127699, 5.88511690662695308 53.33169686125415154, 5.87798634863787317 53.3333418632446552, 5.86963067502525693 53.33100973682590507, 5.86768446145514844 53.33159090890714538, 5.86547729108806593 53.33490912001636275, 5.86598695504955181 53.33579383011888098, 5.85922802599902148 53.34106180277335341, 5.85518046327700414 53.34051829176783599, 5.85067728495070849 53.35022467860113693, 5.85116516724130609 53.35062376452599864, 5.84695208784271703 53.35293568130477126, 5.84797619396846624 53.35347087666147559, 5.83960146238056321 53.35896289550520066, 5.82525126623165956 53.37031957574454566, 5.82525126623165956 53.37031957574454566),(5.86774396687145927 53.35603236263909821, 5.86588531625634602 53.35636156015453224, 5.85661588133883004 53.35485095297237024, 5.85403285831086606 53.35362778214560109, 5.85356119116779983 53.35263000228397345, 5.85669237505563522 53.34658869992311736, 5.86619489598151933 53.35044072209366561, 5.86774396687145927 53.35603236263909821, 5.86774396687145927 53.35603236263909821)))</t>
  </si>
  <si>
    <t>MultiPolygon (((5.7808202619652489 53.34053148900846963, 5.78523221451495751 53.33821785780781255, 5.79119355247629919 53.33884547222326233, 5.79431707005113772 53.33799761839618725, 5.80156507142209321 53.34032531025911084, 5.80256392209292216 53.33991303332756928, 5.80816195947734393 53.33128228414876304, 5.807377381514641 53.33086608962476305, 5.81347458645679183 53.32770762379237794, 5.81984329972797365 53.32596530142094338, 5.82341472139101057 53.32308944181612986, 5.8252492759811707 53.32405149973073577, 5.83248126736213823 53.31983494446627247, 5.83490154053752796 53.3159167598591921, 5.83652645815373372 53.31503630746468048, 5.83827123061850095 53.31315969021110135, 5.83679935034109043 53.31229474718351469, 5.83590758431628398 53.30934469899052175, 5.8367485445858609 53.30411991843719477, 5.83624784313104961 53.30112178828173342, 5.7930538127615181 53.31784897402310008, 5.76968873580314057 53.31341048529632332, 5.76886674854780424 53.31512368242236732, 5.74612906066487472 53.32195239432915912, 5.74685774445625697 53.32455539057733063, 5.75091976427729978 53.32715339269809363, 5.753328452288752 53.32801596709231973, 5.75405249810772279 53.32775318586774915, 5.76246067458524891 53.3320901438282533, 5.7754524926562727 53.33646233571894868, 5.78059224001409522 53.33906707698140792, 5.7808202619652489 53.34053148900846963, 5.7808202619652489 53.34053148900846963),(5.80547048576231806 53.33019547416315476, 5.80434346257702671 53.33020612981665209, 5.79624494240483035 53.32189222269765594, 5.79518375851060252 53.31964612825240835, 5.79843131425987579 53.31826535685179635, 5.80354606335511214 53.31960116255774551, 5.80600002637281776 53.32088259294841492, 5.80739257481429938 53.32612460112053299, 5.8069311314238643 53.32882630034281135, 5.80547048576231806 53.33019547416315476, 5.80547048576231806 53.33019547416315476)))</t>
  </si>
  <si>
    <t>MultiPolygon (((5.79315926524336611 53.36012763035451911, 5.7940533707152273 53.36075222608582891, 5.79167231287957573 53.36241152756465311, 5.81387827512394662 53.36742517732123048, 5.8192838549420749 53.37001987762743482, 5.82441197191621196 53.37061376308363947, 5.82525126623165956 53.37031957574454566, 5.83960146238056321 53.35896289550520066, 5.84797619396846624 53.35347087666147559, 5.84695208784271703 53.35293568130477126, 5.85116516724130609 53.35062376452599864, 5.85067728495070849 53.35022467860113693, 5.85518046327700414 53.34051829176783599, 5.8537094612397631 53.33972263246801759, 5.85000434850562989 53.34042432838473502, 5.84507646359957711 53.33909652585977312, 5.84895449014851199 53.33126952592342462, 5.84763337890934842 53.33012896466630792, 5.84746707013242162 53.32762381638233506, 5.84964311999298392 53.32006664794339912, 5.84554824848305987 53.31994867880267464, 5.84197741331554532 53.31858411527275621, 5.83652645815373372 53.31503630746468048, 5.83490154053752796 53.3159167598591921, 5.83248126736213823 53.31983494446627247, 5.8252492759811707 53.32405149973073577, 5.82341472139101057 53.32308944181612986, 5.81984329972797365 53.32596530142094338, 5.81347458645679183 53.32770762379237794, 5.807377381514641 53.33086608962476305, 5.80816195947734393 53.33128228414876304, 5.80256392209292216 53.33991303332756928, 5.80156507142209321 53.34032531025911084, 5.79431707005113772 53.33799761839618725, 5.79119355247629919 53.33884547222326233, 5.78523221451495751 53.33821785780781255, 5.7808202619652489 53.34053148900846963, 5.77997231590597327 53.34187587376092665, 5.77184071929163967 53.3460773574127245, 5.76593381068706812 53.35153802164185777, 5.76786023772379064 53.35405560021106197, 5.77401077081290826 53.35604949780845629, 5.77911590737692737 53.35560230208934485, 5.7830494818376641 53.35647777407832137, 5.78323719533082237 53.35733584193847889, 5.78845087707223627 53.35979396426534294, 5.79091106774520981 53.35939941126017061, 5.79315926524336611 53.36012763035451911, 5.79315926524336611 53.36012763035451911),(5.82996686311360612 53.34149098536945388, 5.82864286457385283 53.34181202389576271, 5.8238508924134571 53.34081362602465504, 5.81809715395012983 53.33805793451061561, 5.81513066431038617 53.33563520262903523, 5.827601605645226 53.33161247664122584, 5.83078739597734774 53.33574748223696815, 5.83479729083460708 53.33519967657152705, 5.83693980961361092 53.3359994946062983, 5.83633933751971679 53.33747627782361178, 5.83501760779220824 53.33728811385326907, 5.82996686311360612 53.34149098536945388, 5.82996686311360612 53.34149098536945388)))</t>
  </si>
  <si>
    <t>MultiPolygon (((5.85518046327700414 53.34051829176783599, 5.85922802599902148 53.34106180277335341, 5.86598695504955181 53.33579383011888098, 5.86547729108806593 53.33490912001636275, 5.86768446145514844 53.33159090890714538, 5.87038023948484433 53.32557396089052304, 5.86957868924746684 53.32527841746284025, 5.87117492049704648 53.31788827434534994, 5.87341444846397476 53.31794887111876591, 5.87417833516005405 53.31662268046532915, 5.87325860075960016 53.31570989460331589, 5.87034941781693131 53.31546498107850596, 5.86781907085782528 53.31445809430876892, 5.86663433023579106 53.3128881373208614, 5.86238177834049967 53.31189192598450433, 5.86008158737817286 53.31283154855802309, 5.85305759661605407 53.31623917195130957, 5.84964311999298392 53.32006664794339912, 5.84746707013242162 53.32762381638233506, 5.84763337890934842 53.33012896466630792, 5.84895449014851199 53.33126952592342462, 5.84507646359957711 53.33909652585977312, 5.85000434850562989 53.34042432838473502, 5.8537094612397631 53.33972263246801759, 5.85518046327700414 53.34051829176783599, 5.85518046327700414 53.34051829176783599)))</t>
  </si>
  <si>
    <t>MultiPolygon (((5.86774396687145927 53.35603236263909821, 5.86619489598151933 53.35044072209366561, 5.85669237505563522 53.34658869992311736, 5.85356119116779983 53.35263000228397345, 5.85403285831086606 53.35362778214560109, 5.85661588133883004 53.35485095297237024, 5.86588531625634602 53.35636156015453224, 5.86774396687145927 53.35603236263909821, 5.86774396687145927 53.35603236263909821)))</t>
  </si>
  <si>
    <t>MultiPolygon (((5.80547048576231806 53.33019547416315476, 5.8069311314238643 53.32882630034281135, 5.80739257481429938 53.32612460112053299, 5.80600002637281776 53.32088259294841492, 5.80354606335511214 53.31960116255774551, 5.79843131425987579 53.31826535685179635, 5.79518375851060252 53.31964612825240835, 5.79624494240483035 53.32189222269765594, 5.80434346257702671 53.33020612981665209, 5.80547048576231806 53.33019547416315476, 5.80547048576231806 53.33019547416315476)))</t>
  </si>
  <si>
    <t>MultiPolygon (((5.82996686311360612 53.34149098536945388, 5.83501760779220824 53.33728811385326907, 5.83633933751971679 53.33747627782361178, 5.83693980961361092 53.3359994946062983, 5.83479729083460708 53.33519967657152705, 5.83078739597734774 53.33574748223696815, 5.827601605645226 53.33161247664122584, 5.81513066431038617 53.33563520262903523, 5.81809715395012983 53.33805793451061561, 5.8238508924134571 53.34081362602465504, 5.82864286457385283 53.34181202389576271, 5.82996686311360612 53.34149098536945388, 5.82996686311360612 53.34149098536945388)))</t>
  </si>
  <si>
    <t>MultiPolygon (((6.01974761077651177 53.38315300856880441, 6.02031490931283564 53.38075862810698169, 6.02324005529243856 53.37978871117361734, 6.02307025110712146 53.37915749352794847, 6.0151942127743343 53.37721659990258161, 6.01469864442786584 53.37000539801302068, 6.0162402765753269 53.3668726477694122, 6.00493405389392798 53.36555011992511055, 5.99654097842377976 53.36564162289717217, 5.99552954315198861 53.36534021760240876, 5.99263201300200965 53.36152158369713305, 5.98619972219164165 53.35819043217028224, 5.98266854908261969 53.35752776070491166, 5.97708370175933901 53.36655563677506109, 5.97635232693643736 53.36984241995712352, 5.97880176562814647 53.37025486295428323, 5.98070290325737641 53.37143376593689226, 5.98019666390416305 53.37338371355041033, 5.98287967364985374 53.37495160680032313, 5.98659838769318764 53.37538885962938906, 5.98886144105927354 53.37421454383629538, 5.99383817861115897 53.37500042593178762, 5.99422054169428176 53.37586708637749666, 5.99183681482437169 53.3774477312844482, 5.99186436635864794 53.38097190337740017, 5.99324544024217509 53.38375037570027359, 5.99909687460836416 53.38485082598180753, 6.0028048144578019 53.38477249211719311, 6.01974761077651177 53.38315300856880441, 6.01974761077651177 53.38315300856880441),(5.99839258968263067 53.37386453593933311, 5.99630960150376513 53.37394560944938604, 5.99269706720059681 53.3729107254731332, 5.99434209097007908 53.36991178744128206, 5.99773791958825697 53.3697068964601371, 6.00135563720849952 53.37104770463455594, 5.99839258968263067 53.37386453593933311, 5.99839258968263067 53.37386453593933311)))</t>
  </si>
  <si>
    <t>MultiPolygon (((5.94674963173613236 53.37045063369080822, 5.94702607605257239 53.37140376195901581, 5.95067591547282682 53.3722187015592624, 5.95811997867206955 53.37369439240107738, 5.96599927983425093 53.37439992740222294, 5.9683180804199818 53.36925181302167687, 5.96939368047349195 53.36880351243812726, 5.97635232693643736 53.36984241995712352, 5.97708370175933901 53.36655563677506109, 5.98266854908261969 53.35752776070491166, 5.98541174089954797 53.35427102326784166, 5.97195651702179831 53.35758243485118157, 5.97169073412972562 53.35687347306046036, 5.96899439643243124 53.35585691933824393, 5.96059450091663034 53.35376175792196562, 5.95985229068968092 53.35660048681480561, 5.95451482074221339 53.35591947579992222, 5.95386676190571684 53.35848604924937177, 5.95219007030099245 53.36049004970796261, 5.95099990502848275 53.36022154742914836, 5.94836399104285274 53.36366206070010776, 5.95109664541882744 53.36753271863041448, 5.94598245764681366 53.36742075561993914, 5.94674963173613236 53.37045063369080822, 5.94674963173613236 53.37045063369080822),(5.96660877004642742 53.36488334474490358, 5.96423068596729333 53.36493626946008817, 5.9624202052327071 53.36341023632923708, 5.96244152115254167 53.36180429967408401, 5.96815320131585114 53.36113266114547571, 5.96881163855059071 53.36427568371220787, 5.96660877004642742 53.36488334474490358, 5.96660877004642742 53.36488334474490358)))</t>
  </si>
  <si>
    <t>MultiPolygon (((5.95451482074221339 53.35591947579992222, 5.95985229068968092 53.35660048681480561, 5.96059450091663034 53.35376175792196562, 5.96899439643243124 53.35585691933824393, 5.97169073412972562 53.35687347306046036, 5.97195651702179831 53.35758243485118157, 5.98541174089954797 53.35427102326784166, 5.98694893586315491 53.35192406756515737, 5.9909906975938938 53.34868564635500832, 5.98896055443882958 53.3450781874431641, 5.98432106723125568 53.34467003854295086, 5.97015851402963715 53.34164742295318717, 5.96972725453492004 53.34204429442782214, 5.96846417238460258 53.34403345961217013, 5.96797801099577452 53.34753757201121971, 5.96672055534537815 53.34894520140895224, 5.96480343240367805 53.34973917860774151, 5.96312464585975732 53.3486089669486887, 5.95948919166539604 53.34825792643552944, 5.95537522890736959 53.34941466551148181, 5.95383918950948576 53.35175403840953834, 5.95576787263457508 53.3530992928932335, 5.95451482074221339 53.35591947579992222, 5.95451482074221339 53.35591947579992222)))</t>
  </si>
  <si>
    <t>MultiPolygon (((6.0162402765753269 53.3668726477694122, 6.01741556850672588 53.3655574761082363, 6.0197898447877245 53.36457838913364782, 6.02185524020834428 53.36000089511666289, 6.02137276061790683 53.35663886438004511, 6.02316721395595955 53.35406894685159074, 6.0219533072089142 53.35006762082373655, 6.01833286095191955 53.34761110527080064, 6.01380207127375588 53.34654187255124214, 6.01179773617697499 53.34664175034200184, 6.00911005258606146 53.34768707760895268, 6.00867800953137543 53.35014280436080725, 6.00626904955128893 53.35110857806574813, 5.99918154985469432 53.35065896432231369, 5.99285803350032964 53.34870666181277699, 5.9909906975938938 53.34868564635500832, 5.98694893586315491 53.35192406756515737, 5.98541174089954797 53.35427102326784166, 5.98266854908261969 53.35752776070491166, 5.98619972219164165 53.35819043217028224, 5.99263201300200965 53.36152158369713305, 5.99552954315198861 53.36534021760240876, 5.99654097842377976 53.36564162289717217, 6.00493405389392798 53.36555011992511055, 6.0162402765753269 53.3668726477694122, 6.0162402765753269 53.3668726477694122)))</t>
  </si>
  <si>
    <t>MultiPolygon (((5.99839258968263067 53.37386453593933311, 6.00135563720849952 53.37104770463455594, 5.99773791958825697 53.3697068964601371, 5.99434209097007908 53.36991178744128206, 5.99269706720059681 53.3729107254731332, 5.99630960150376513 53.37394560944938604, 5.99839258968263067 53.37386453593933311, 5.99839258968263067 53.37386453593933311)))</t>
  </si>
  <si>
    <t>MultiPolygon (((5.96660877004642742 53.36488334474490358, 5.96881163855059071 53.36427568371220787, 5.96815320131585114 53.36113266114547571, 5.96244152115254167 53.36180429967408401, 5.9624202052327071 53.36341023632923708, 5.96423068596729333 53.36493626946008817, 5.96660877004642742 53.36488334474490358, 5.96660877004642742 53.36488334474490358)))</t>
  </si>
  <si>
    <t>MultiPolygon (((5.93248969585060504 53.3637037199811175, 5.93583257209856807 53.36683202421075123, 5.93870022070850911 53.36771627745491742, 5.94598245764681366 53.36742075561993914, 5.95109664541882744 53.36753271863041448, 5.94836399104285274 53.36366206070010776, 5.95099990502848275 53.36022154742914836, 5.95219007030099245 53.36049004970796261, 5.95386676190571684 53.35848604924937177, 5.95451482074221339 53.35591947579992222, 5.94388800543456775 53.35363682999241774, 5.93899095216021777 53.35103190541988027, 5.93596940034706488 53.34752817656598722, 5.92799167191733023 53.3444906380898729, 5.9282720148330057 53.34168761395330449, 5.92954821843632462 53.34002305319035742, 5.92852706682952935 53.34085043450246388, 5.92608890013890743 53.34056701898776254, 5.9234645815758098 53.33854464202892132, 5.9161696360101752 53.34566459898498181, 5.92045406266388863 53.34819318331378923, 5.92331770533630131 53.35195598746935985, 5.92707886856995358 53.35369318134625161, 5.92504928322315116 53.35466854635437528, 5.92635435173698166 53.35821029390793058, 5.92981591303429223 53.36203659033742497, 5.93058929280048819 53.36192505062593483, 5.93248969585060504 53.3637037199811175, 5.93248969585060504 53.3637037199811175),(5.92800149401588694 53.35375771838683789, 5.9288605840622024 53.35271632844118272, 5.92879279895299494 53.35038279809705841, 5.93256925738137486 53.34990441420739415, 5.93381579234341405 53.35070700143244693, 5.93435578005117392 53.35244004107613591, 5.93342016031484842 53.35353052960993381, 5.92800149401588694 53.35375771838683789, 5.92800149401588694 53.35375771838683789)))</t>
  </si>
  <si>
    <t>MultiPolygon (((5.87839428100687655 53.39557220817513894, 5.88152339705419003 53.3951343004369221, 5.88419684025788747 53.39278643110633737, 5.88533060714383716 53.39284000715929324, 5.88787328999562209 53.39086671860809474, 5.90734243156382632 53.38842994910254447, 5.91676095902845134 53.38842570316338509, 5.92015816609051004 53.38907379228579941, 5.92046187958805969 53.38869981745164495, 5.92190198403700396 53.38580170096004451, 5.92320352650074522 53.38606400018490916, 5.92877120512201827 53.37911666320732706, 5.9284361408009012 53.37583498558587536, 5.93417256211842847 53.37200963833478085, 5.93617206886907312 53.3715999231406073, 5.93736671352168521 53.37238000976961416, 5.94062091886178845 53.37270627916407761, 5.94674963173613236 53.37045063369080822, 5.94598245764681366 53.36742075561993914, 5.93870022070850911 53.36771627745491742, 5.93583257209856807 53.36683202421075123, 5.93248969585060504 53.3637037199811175, 5.92699012432891248 53.36609744898500907, 5.91606079591200285 53.35909910828929981, 5.91299014040688586 53.36101089125313024, 5.90525710527548942 53.35659762038863363, 5.9161696360101752 53.34566459898498181, 5.9234645815758098 53.33854464202892132, 5.92848170135979302 53.33369594172892647, 5.92453481232820511 53.33208650673371665, 5.92038856200550523 53.33138908605143058, 5.91764520802381533 53.33073072607349019, 5.91519346654831857 53.33387554262276353, 5.91109397704454675 53.33425351990388918, 5.91040264913815339 53.33457820460630217, 5.91630652822101144 53.33685578070682709, 5.91090300774702015 53.3413166620759327, 5.90715762394080635 53.34332623220763736, 5.89769374536027957 53.3463827709542997, 5.89048239008838248 53.34804115616056919, 5.88646889825811837 53.34722255247432088, 5.88042197246311371 53.35147725259559337, 5.88078077940208033 53.35238526125746006, 5.88413857034539056 53.35276584933637167, 5.8844698079435549 53.35461022636043538, 5.88336378441300489 53.35666393946117125, 5.87607720338331863 53.36106242223468143, 5.87611316241204307 53.36199190757544386, 5.87203310061966999 53.36459476280988667, 5.86509149464840718 53.36483375223258463, 5.84765683195737562 53.37692071936299243, 5.84644259641347741 53.37822953984542096, 5.84764105457613859 53.37987116020169509, 5.85138203102321874 53.38106331967142637, 5.85351961258893727 53.38095469304990814, 5.86222603067419001 53.38320583438233768, 5.87519491178993913 53.38512466142010027, 5.87809958104318575 53.38660083393491362, 5.88539029802551106 53.38872566070151748, 5.87839428100687655 53.39557220817513894, 5.87839428100687655 53.39557220817513894),(5.89671201224758335 53.37240946136204656, 5.89574219025341151 53.37219993090522507, 5.89471134286907805 53.36923613932403043, 5.89661413015404978 53.36729335848885114, 5.90452895187438731 53.36355824585033503, 5.91299057703383379 53.36764000768251037, 5.91242500516636316 53.36866553900787835, 5.90867790931630577 53.37086529214803221, 5.9053651553347386 53.37113783504712927, 5.90266405673682648 53.37025232777735795, 5.90054279412438287 53.37028509266610854, 5.89671201224758335 53.37240946136204656, 5.89671201224758335 53.37240946136204656)))</t>
  </si>
  <si>
    <t>MultiPolygon (((5.9234645815758098 53.33854464202892132, 5.92608890013890743 53.34056701898776254, 5.92852706682952935 53.34085043450246388, 5.92954821843632462 53.34002305319035742, 5.93907723875863613 53.33578586090006013, 5.94733674781608368 53.33414679079921683, 5.9482769932260755 53.33196611867180792, 5.95067281571330131 53.3297599970504308, 5.95121182242225899 53.32560862215382969, 5.95568467685683434 53.32141227076949974, 5.94622441363298293 53.31765876672118765, 5.93841850366867607 53.31566517686447781, 5.93508085786434592 53.31566076145509925, 5.93192798262939114 53.31879871357842404, 5.93576615916737627 53.32060171866181975, 5.93613078716130449 53.32386491953678842, 5.93332053610962085 53.32496557463482389, 5.92949142244625182 53.32335809148146666, 5.92466370514163909 53.32773618108644342, 5.92768497791687832 53.32826078630299094, 5.92639809742088186 53.32994627476255545, 5.92328920998604858 53.32938489141135108, 5.92072239968051761 53.330439998706062, 5.92038856200550523 53.33138908605143058, 5.92453481232820511 53.33208650673371665, 5.92848170135979302 53.33369594172892647, 5.9234645815758098 53.33854464202892132, 5.9234645815758098 53.33854464202892132)))</t>
  </si>
  <si>
    <t>MultiPolygon (((5.96972725453492004 53.34204429442782214, 5.97015851402963715 53.34164742295318717, 5.98432106723125568 53.34467003854295086, 5.98896055443882958 53.3450781874431641, 5.99163752692552531 53.34344388768210621, 5.99170713456585169 53.34276041509781408, 5.98714887688795461 53.33873388467000609, 5.98270147505067218 53.33813478207613912, 5.98321463827863287 53.33472446467018813, 5.97290133564287906 53.33401216738419492, 5.97111839224589591 53.33136873743512041, 5.9746170391628679 53.32309454213103805, 5.97264937675197594 53.32345929977515908, 5.97217413461882174 53.32109134650181659, 5.96878440257181797 53.32250766432858313, 5.96385845256123659 53.32285303253709685, 5.95920408199851437 53.3214955076367545, 5.95568467685683434 53.32141227076949974, 5.95121182242225899 53.32560862215382969, 5.95067281571330131 53.3297599970504308, 5.9482769932260755 53.33196611867180792, 5.94733674781608368 53.33414679079921683, 5.94768761404859347 53.34104259299357409, 5.94929872317083941 53.34191062248496706, 5.96389855968643445 53.34041929273873706, 5.96972725453492004 53.34204429442782214, 5.96972725453492004 53.34204429442782214)))</t>
  </si>
  <si>
    <t>MultiPolygon (((5.95451482074221339 53.35591947579992222, 5.95576787263457508 53.3530992928932335, 5.95383918950948576 53.35175403840953834, 5.95537522890736959 53.34941466551148181, 5.95948919166539604 53.34825792643552944, 5.96312464585975732 53.3486089669486887, 5.96480343240367805 53.34973917860774151, 5.96672055534537815 53.34894520140895224, 5.96797801099577452 53.34753757201121971, 5.96846417238460258 53.34403345961217013, 5.96972725453492004 53.34204429442782214, 5.96389855968643445 53.34041929273873706, 5.94929872317083941 53.34191062248496706, 5.94768761404859347 53.34104259299357409, 5.94733674781608368 53.33414679079921683, 5.93907723875863613 53.33578586090006013, 5.92954821843632462 53.34002305319035742, 5.9282720148330057 53.34168761395330449, 5.92799167191733023 53.3444906380898729, 5.93596940034706488 53.34752817656598722, 5.93899095216021777 53.35103190541988027, 5.94388800543456775 53.35363682999241774, 5.95451482074221339 53.35591947579992222, 5.95451482074221339 53.35591947579992222)))</t>
  </si>
  <si>
    <t>MultiPolygon (((5.92800149401588694 53.35375771838683789, 5.93342016031484842 53.35353052960993381, 5.93435578005117392 53.35244004107613591, 5.93381579234341405 53.35070700143244693, 5.93256925738137486 53.34990441420739415, 5.92879279895299494 53.35038279809705841, 5.9288605840622024 53.35271632844118272, 5.92800149401588694 53.35375771838683789, 5.92800149401588694 53.35375771838683789)))</t>
  </si>
  <si>
    <t>MultiPolygon (((5.93248969585060504 53.3637037199811175, 5.93058929280048819 53.36192505062593483, 5.92981591303429223 53.36203659033742497, 5.92635435173698166 53.35821029390793058, 5.92504928322315116 53.35466854635437528, 5.92707886856995358 53.35369318134625161, 5.92331770533630131 53.35195598746935985, 5.92045406266388863 53.34819318331378923, 5.9161696360101752 53.34566459898498181, 5.90525710527548942 53.35659762038863363, 5.91299014040688586 53.36101089125313024, 5.91606079591200285 53.35909910828929981, 5.92699012432891248 53.36609744898500907, 5.93248969585060504 53.3637037199811175, 5.93248969585060504 53.3637037199811175)))</t>
  </si>
  <si>
    <t>MultiPolygon (((5.89671201224758335 53.37240946136204656, 5.90054279412438287 53.37028509266610854, 5.90266405673682648 53.37025232777735795, 5.9053651553347386 53.37113783504712927, 5.90867790931630577 53.37086529214803221, 5.91242500516636316 53.36866553900787835, 5.91299057703383379 53.36764000768251037, 5.90452895187438731 53.36355824585033503, 5.89661413015404978 53.36729335848885114, 5.89471134286907805 53.36923613932403043, 5.89574219025341151 53.37219993090522507, 5.89671201224758335 53.37240946136204656, 5.89671201224758335 53.37240946136204656)))</t>
  </si>
  <si>
    <t>MultiPolygon (((6.06076119728121832 53.40643322316378772, 6.0691492456061642 53.40730877116315156, 6.07720206116402739 53.40552867077606436, 6.07949036937273579 53.40593460675592752, 6.08611922489888268 53.40473095236574608, 6.08390335627039835 53.40308236913541862, 6.07227406636334166 53.40611361101331056, 6.0712999579993161 53.40476841619005199, 6.0737690198186387 53.40347501904165028, 6.08209867309504748 53.40105900391051819, 6.08174240664310162 53.4009647481669063, 6.07728390838918475 53.3983626882033704, 6.07204757608236356 53.39634229485059791, 6.06982493855675642 53.39390053081206844, 6.06923322793684061 53.39350885324095941, 6.0621702104222166 53.39702755285370017, 6.05926387851844073 53.39467266795001166, 6.05339047324174562 53.39650099566605235, 6.05525916940805597 53.39906886672886088, 6.05926836653085488 53.40229630419522522, 6.05744353847245609 53.40309395601688891, 6.06076119728121832 53.40643322316378772, 6.06076119728121832 53.40643322316378772)))</t>
  </si>
  <si>
    <t>MultiPolygon (((6.05744353847245609 53.40309395601688891, 6.05926836653085488 53.40229630419522522, 6.05525916940805597 53.39906886672886088, 6.05339047324174562 53.39650099566605235, 6.05926387851844073 53.39467266795001166, 6.0621702104222166 53.39702755285370017, 6.06923322793684061 53.39350885324095941, 6.06618083820265497 53.39122456409141648, 6.06578427329630365 53.38760515155655639, 6.06327092557311609 53.38565091737373791, 6.05629970392683248 53.38394609017636583, 6.05296081694027333 53.38396480027076052, 6.05049222016770738 53.38454773393646491, 6.04595858117114471 53.38737921419678401, 6.04236694345862446 53.38746814555031506, 6.04043338323840029 53.38655056758894801, 6.03481731767754415 53.38075829911431924, 6.02602141152242243 53.37916051289196417, 6.02307025110712146 53.37915749352794847, 6.02324005529243856 53.37978871117361734, 6.02031490931283564 53.38075862810698169, 6.01974761077651177 53.38315300856880441, 6.01802617522466221 53.3839017241644811, 6.02072273391645307 53.38616160141881295, 6.02122374851343967 53.38588010550385121, 6.02739945552485512 53.38764356945905121, 6.02987595975433077 53.38982012207961247, 6.02931506861832478 53.39016985774423318, 6.0323606533921712 53.39201077581557087, 6.02611909495672382 53.39286054033117068, 6.02530724889507585 53.39377831540186037, 6.02769961055919357 53.39604286239630682, 6.03360400380267237 53.39773786113269693, 6.03206400072116455 53.39841358243961622, 6.03037292789539858 53.39800966143676675, 6.02933966660164433 53.39914332029630373, 6.03364964391656233 53.40152375149202868, 6.03370116114359512 53.40332568203873365, 6.06076119728121832 53.40643322316378772, 6.05744353847245609 53.40309395601688891, 6.05744353847245609 53.40309395601688891),(6.04609308417065794 53.39877765364583695, 6.04211139909198014 53.39407488655665901, 6.04527021169390899 53.39274244594571428, 6.05300868112728629 53.39361867569044051, 6.05233269563296439 53.39683445003208817, 6.04609308417065794 53.39877765364583695, 6.04609308417065794 53.39877765364583695)))</t>
  </si>
  <si>
    <t>MultiPolygon (((6.01889490695083573 53.40307809069098255, 6.02067142198458161 53.40262253784418789, 6.02283515183405704 53.40315121335081017, 6.03370116114359512 53.40332568203873365, 6.03364964391656233 53.40152375149202868, 6.02933966660164433 53.39914332029630373, 6.03037292789539858 53.39800966143676675, 6.03206400072116455 53.39841358243961622, 6.03360400380267237 53.39773786113269693, 6.02769961055919357 53.39604286239630682, 6.02530724889507585 53.39377831540186037, 6.02611909495672382 53.39286054033117068, 6.0323606533921712 53.39201077581557087, 6.02931506861832478 53.39016985774423318, 6.02987595975433077 53.38982012207961247, 6.02760384275285332 53.3905277938968581, 6.02577599497627858 53.38832206579953521, 6.02198744021886156 53.38797326705116575, 6.02045998086325351 53.38975372982653766, 6.01759015951893961 53.38951479450654602, 6.01263664477926696 53.38801514424409334, 6.00600475694105906 53.38905730046590037, 6.00406835231393909 53.38861498786030069, 6.00409695996112269 53.38802223711457628, 5.99749192288831434 53.38824781802279773, 5.9974516514132592 53.3887177527939798, 5.98622500605502061 53.3895489990672516, 5.98379252461820155 53.39050818006221988, 5.98345851188747169 53.39378520013946883, 5.98181576972490792 53.39455436806618849, 5.97130090419849768 53.39193112135443187, 5.96986007343878189 53.39501874129437198, 5.97185566394651701 53.39748138124362953, 5.9744751463968413 53.39585057192220319, 5.9775557806917945 53.39612132692132462, 6.00630451912099694 53.40097876690273182, 6.00778072750107928 53.40110276413814461, 6.01713100262741918 53.39872993529363043, 6.01957200516758029 53.40211840036168667, 6.01889490695083573 53.40307809069098255, 6.01889490695083573 53.40307809069098255)))</t>
  </si>
  <si>
    <t>MultiPolygon (((5.96986007343878189 53.39501874129437198, 5.97130090419849768 53.39193112135443187, 5.98181576972490792 53.39455436806618849, 5.98345851188747169 53.39378520013946883, 5.98379252461820155 53.39050818006221988, 5.98622500605502061 53.3895489990672516, 5.9974516514132592 53.3887177527939798, 5.99749192288831434 53.38824781802279773, 6.00409695996112269 53.38802223711457628, 6.00406835231393909 53.38861498786030069, 6.00600475694105906 53.38905730046590037, 6.01263664477926696 53.38801514424409334, 6.01759015951893961 53.38951479450654602, 6.02045998086325351 53.38975372982653766, 6.02198744021886156 53.38797326705116575, 6.02577599497627858 53.38832206579953521, 6.02760384275285332 53.3905277938968581, 6.02987595975433077 53.38982012207961247, 6.02739945552485512 53.38764356945905121, 6.02122374851343967 53.38588010550385121, 6.02072273391645307 53.38616160141881295, 6.01802617522466221 53.3839017241644811, 6.01974761077651177 53.38315300856880441, 6.0028048144578019 53.38477249211719311, 5.99909687460836416 53.38485082598180753, 5.99324544024217509 53.38375037570027359, 5.99186436635864794 53.38097190337740017, 5.99183681482437169 53.3774477312844482, 5.99422054169428176 53.37586708637749666, 5.99383817861115897 53.37500042593178762, 5.98886144105927354 53.37421454383629538, 5.98659838769318764 53.37538885962938906, 5.98287967364985374 53.37495160680032313, 5.98019666390416305 53.37338371355041033, 5.98070290325737641 53.37143376593689226, 5.97880176562814647 53.37025486295428323, 5.97635232693643736 53.36984241995712352, 5.96939368047349195 53.36880351243812726, 5.9683180804199818 53.36925181302167687, 5.96599927983425093 53.37439992740222294, 5.95811997867206955 53.37369439240107738, 5.95067591547282682 53.3722187015592624, 5.94702607605257239 53.37140376195901581, 5.94674963173613236 53.37045063369080822, 5.94062091886178845 53.37270627916407761, 5.93736671352168521 53.37238000976961416, 5.93617206886907312 53.3715999231406073, 5.93417256211842847 53.37200963833478085, 5.9284361408009012 53.37583498558587536, 5.92877120512201827 53.37911666320732706, 5.92320352650074522 53.38606400018490916, 5.92190198403700396 53.38580170096004451, 5.92046187958805969 53.38869981745164495, 5.93313087814842977 53.38830814577911354, 5.94716084368167408 53.39084186093116813, 5.95871508294431695 53.39358833298780382, 5.96986007343878189 53.39501874129437198, 5.96986007343878189 53.39501874129437198),(5.96695146104661234 53.3848652153219092, 5.96599341836707886 53.38600620778587569, 5.95820246458621394 53.3839433259921563, 5.95809581202460592 53.38271516473336931, 5.96185174475608459 53.38157691372627056, 5.96343672366109967 53.37678471545583392, 5.96934579682373911 53.37761948072868279, 5.9723417046234859 53.38017299492385348, 5.96893709110188198 53.38553429112690196, 5.96695146104661234 53.3848652153219092, 5.96695146104661234 53.3848652153219092)))</t>
  </si>
  <si>
    <t>MultiPolygon (((6.08209867309504748 53.40105900391051819, 6.0737690198186387 53.40347501904165028, 6.0712999579993161 53.40476841619005199, 6.07227406636334166 53.40611361101331056, 6.08390335627039835 53.40308236913541862, 6.08288838826203637 53.40231167855282024, 6.08209867309504748 53.40105900391051819, 6.08209867309504748 53.40105900391051819)))</t>
  </si>
  <si>
    <t>MultiPolygon (((6.05233269563296439 53.39683445003208817, 6.05300868112728629 53.39361867569044051, 6.04527021169390899 53.39274244594571428, 6.04211139909198014 53.39407488655665901, 6.04609308417065794 53.39877765364583695, 6.05233269563296439 53.39683445003208817, 6.05233269563296439 53.39683445003208817)))</t>
  </si>
  <si>
    <t>MultiPolygon (((6.00630451912099694 53.40097876690273182, 6.01564915828159119 53.40292672556333997, 6.01889490695083573 53.40307809069098255, 6.01957200516758029 53.40211840036168667, 6.01713100262741918 53.39872993529363043, 6.00778072750107928 53.40110276413814461, 6.00630451912099694 53.40097876690273182, 6.00630451912099694 53.40097876690273182)))</t>
  </si>
  <si>
    <t>MultiPolygon (((5.96695146104661234 53.3848652153219092, 5.96893709110188198 53.38553429112690196, 5.9723417046234859 53.38017299492385348, 5.96934579682373911 53.37761948072868279, 5.96343672366109967 53.37678471545583392, 5.96185174475608459 53.38157691372627056, 5.95809581202460592 53.38271516473336931, 5.95820246458621394 53.3839433259921563, 5.96599341836707886 53.38600620778587569, 5.96695146104661234 53.3848652153219092, 5.96695146104661234 53.3848652153219092)))</t>
  </si>
  <si>
    <t>MultiPolygon (((6.08611922489888268 53.40473095236574608, 6.09257627646953726 53.40962169774329027, 6.09185312159682546 53.40762788030993846, 6.09482384657431719 53.40806997853317029, 6.11349169479409227 53.40632530350291773, 6.11001598024933656 53.40021015112156277, 6.10469383620451289 53.39729195220043323, 6.10735963407247429 53.39611603634981662, 6.10466826153789643 53.39420468206411385, 6.09822647089161407 53.3917711822232306, 6.08699649087397265 53.38606542217718243, 6.08032934972983163 53.39082042001918182, 6.08272853504989008 53.39225085517010427, 6.07574806489703612 53.394169482549934, 6.07409138809444826 53.39238594472774224, 6.07299432424389884 53.39246236709701776, 6.06982493855675642 53.39390053081206844, 6.07204757608236356 53.39634229485059791, 6.07728390838918475 53.3983626882033704, 6.08174240664310162 53.4009647481669063, 6.08550941027504333 53.40008611376216408, 6.09082098356520252 53.40093105027737863, 6.09054778358473392 53.40170454986100879, 6.08390335627039835 53.40308236913541862, 6.08611922489888268 53.40473095236574608, 6.08611922489888268 53.40473095236574608)))</t>
  </si>
  <si>
    <t>MultiPolygon (((6.06923322793684061 53.39350885324095941, 6.06982493855675642 53.39390053081206844, 6.07299432424389884 53.39246236709701776, 6.07409138809444826 53.39238594472774224, 6.07574806489703612 53.394169482549934, 6.08272853504989008 53.39225085517010427, 6.08032934972983163 53.39082042001918182, 6.08699649087397265 53.38606542217718243, 6.08079480830553187 53.38290530563046588, 6.07753929836561557 53.3849796275871924, 6.06773524664241926 53.37999156136157808, 6.07267376597368003 53.37875512324370675, 6.06870836021767168 53.37488757648100801, 6.06790589088048815 53.37102219324849983, 6.06241703628936346 53.37132442174007707, 6.06202590497012928 53.37010354953200419, 6.05935200428783549 53.36890642323166389, 6.05492222874748709 53.37191806594505294, 6.05081931450941291 53.37151441497791637, 6.04754526790515978 53.37229341013358663, 6.04696768193248246 53.37193788482301926, 6.04541663348552039 53.37286273277981508, 6.04483205311155558 53.37161842452934479, 6.04286696110535981 53.37041814410064688, 6.03923756054443661 53.36945096785076714, 6.0297685049507681 53.36898308326929907, 6.0197898447877245 53.36457838913364782, 6.01741556850672588 53.3655574761082363, 6.0162402765753269 53.3668726477694122, 6.01469864442786584 53.37000539801302068, 6.0151942127743343 53.37721659990258161, 6.02307025110712146 53.37915749352794847, 6.02602141152242243 53.37916051289196417, 6.03481731767754415 53.38075829911431924, 6.04043338323840029 53.38655056758894801, 6.04236694345862446 53.38746814555031506, 6.04595858117114471 53.38737921419678401, 6.05049222016770738 53.38454773393646491, 6.05296081694027333 53.38396480027076052, 6.05629970392683248 53.38394609017636583, 6.06327092557311609 53.38565091737373791, 6.06578427329630365 53.38760515155655639, 6.06618083820265497 53.39122456409141648, 6.06923322793684061 53.39350885324095941, 6.06923322793684061 53.39350885324095941),(6.05591895573698924 53.38292848444284289, 6.05298027585001996 53.38106271747248144, 6.04834747926571126 53.38057688418960112, 6.04707207578931705 53.38228253989958461, 6.0437500727786313 53.38264404189675361, 6.0425348808338466 53.38078559190454797, 6.04605010998078196 53.37900630076391906, 6.04833122555998948 53.37902468927157429, 6.05178625650893842 53.37759523600043821, 6.05018435517172737 53.37648570755337829, 6.05346045329910165 53.37487297443200873, 6.05523976052645541 53.37610043983415409, 6.05988262235004527 53.37624770778442951, 6.06172473245768018 53.37877420238606163, 6.05591895573698924 53.38292848444284289, 6.05591895573698924 53.38292848444284289)))</t>
  </si>
  <si>
    <t>MultiPolygon (((6.08209867309504748 53.40105900391051819, 6.08288838826203637 53.40231167855282024, 6.08390335627039835 53.40308236913541862, 6.09054778358473392 53.40170454986100879, 6.09082098356520252 53.40093105027737863, 6.08550941027504333 53.40008611376216408, 6.08174240664310162 53.4009647481669063, 6.08209867309504748 53.40105900391051819, 6.08209867309504748 53.40105900391051819)))</t>
  </si>
  <si>
    <t>MultiPolygon (((6.05591895573698924 53.38292848444284289, 6.06172473245768018 53.37877420238606163, 6.05988262235004527 53.37624770778442951, 6.05523976052645541 53.37610043983415409, 6.05346045329910165 53.37487297443200873, 6.05018435517172737 53.37648570755337829, 6.05178625650893842 53.37759523600043821, 6.04833122555998948 53.37902468927157429, 6.04605010998078196 53.37900630076391906, 6.0425348808338466 53.38078559190454797, 6.0437500727786313 53.38264404189675361, 6.04707207578931705 53.38228253989958461, 6.04834747926571126 53.38057688418960112, 6.05298027585001996 53.38106271747248144, 6.05591895573698924 53.38292848444284289, 6.05591895573698924 53.38292848444284289)))</t>
  </si>
  <si>
    <t>MultiPolygon (((6.07840327770321309 53.37485779123247198, 6.10356755885038726 53.37911699009325162, 6.104417232150392 53.37590578690304, 6.10783154120526106 53.37633334010094188, 6.10797204268536476 53.37336975010678941, 6.10277273945520271 53.37259397437845365, 6.10537316706600741 53.36405052023631868, 6.10635908885253187 53.36186163230264867, 6.11186414859047034 53.36265780960439997, 6.11354966284741419 53.35587252073164422, 6.10490252947924539 53.35648821756093696, 6.09752074964094337 53.35368750775931801, 6.09462136121419817 53.3533159784076787, 6.08257416122851602 53.35279821007806333, 6.08652119866303032 53.3632393453887488, 6.08033336002812064 53.36546717551781427, 6.07505234247079606 53.36649354771176235, 6.0727479982737167 53.37023018527436591, 6.07840327770321309 53.37485779123247198, 6.07840327770321309 53.37485779123247198),(6.08915970630703551 53.37500521566974498, 6.08530203165113015 53.37433574767471356, 6.08542320422083183 53.37244289799163255, 6.08888911576813907 53.36992683400045934, 6.09086771089574253 53.37105000324607573, 6.09092516930034122 53.37327784489070126, 6.08915970630703551 53.37500521566974498, 6.08915970630703551 53.37500521566974498)))</t>
  </si>
  <si>
    <t>MultiPolygon (((6.11349169479409227 53.40632530350291773, 6.11811098509937157 53.40480325296348951, 6.12404412169490886 53.4054467125400123, 6.13280658144190127 53.40465849615701188, 6.13738567409676961 53.40357955707306559, 6.13590904321768615 53.40262749029720624, 6.12539423048963982 53.40090790404519083, 6.1157919663216207 53.38981539335491533, 6.11039760696340117 53.38738941186021236, 6.10497970400619394 53.38948282719610461, 6.10411473708662822 53.38888588489975717, 6.1020059315058619 53.38704334621203884, 6.10566883057547916 53.38542202461653119, 6.10543137610362052 53.37995954096523832, 6.10356755885038726 53.37911699009325162, 6.07840327770321309 53.37485779123247198, 6.07267376597368003 53.37875512324370675, 6.06773524664241926 53.37999156136157808, 6.07753929836561557 53.3849796275871924, 6.08079480830553187 53.38290530563046588, 6.08699649087397265 53.38606542217718243, 6.09822647089161407 53.3917711822232306, 6.10466826153789643 53.39420468206411385, 6.10735963407247429 53.39611603634981662, 6.10469383620451289 53.39729195220043323, 6.11001598024933656 53.40021015112156277, 6.11349169479409227 53.40632530350291773, 6.11349169479409227 53.40632530350291773),(6.09053455794907705 53.38250761300253799, 6.0895731193556708 53.38312427895532863, 6.08629380882293169 53.38249480199343822, 6.08226818257328894 53.38036185823677471, 6.08303400468181099 53.37890315603242186, 6.08994869371392333 53.37892742662339884, 6.09203461214087483 53.37950420588732214, 6.09279369344487165 53.38028849924512542, 6.09243752741014166 53.38169291033705832, 6.09053455794907705 53.38250761300253799, 6.09053455794907705 53.38250761300253799)))</t>
  </si>
  <si>
    <t>MultiPolygon (((6.17581881429209112 53.34599091037314622, 6.17824107227218988 53.34263884901485397, 6.17753715978800866 53.34199372429875297, 6.17490901936662517 53.34334793025054466, 6.17453073445107758 53.34514440587226147, 6.17581881429209112 53.34599091037314622, 6.17581881429209112 53.34599091037314622)),((6.16893118302384913 53.34903306815373725, 6.16821651563636308 53.34905563177969867, 6.16795730489310401 53.34837483375827816, 6.17077033841845157 53.34434437552909003, 6.1782494033540365 53.34028469671945061, 6.17871836583431477 53.33912749332296954, 6.1654674838941812 53.34583683255177533, 6.16675614630524205 53.34613905331864459, 6.16793415223317609 53.3494875704230509, 6.16893118302384913 53.34903306815373725)),((6.16851157537864569 53.35945526174195663, 6.16896406426290955 53.35901720841624041, 6.16511432859712105 53.35955146979920016, 6.16624606686693255 53.36244787779158116, 6.16527261852853581 53.36475990413848081, 6.16611768266869209 53.36456587296454757, 6.16874816554929861 53.36076177678847898, 6.16851157537864569 53.35945526174195663, 6.16851157537864569 53.35945526174195663)),((6.18078916004641687 53.41323773586020707, 6.18354748526454934 53.41268496645342623, 6.1850279394129144 53.41140581511979946, 6.18204850371370274 53.41213773813517918, 6.18078916004641687 53.41323773586020707, 6.18078916004641687 53.41323773586020707)),((6.18348249800042638 53.41429160390293163, 6.18940843229980153 53.41244260613490269, 6.19147088073648266 53.41108744577063305, 6.19101317886141977 53.41069216843019518, 6.18295549333323446 53.41340998047349586, 6.17838822267951038 53.41377340680574548, 6.15895038895220814 53.40823969546313066, 6.1598711819038634 53.40783001775311334, 6.16220527693967401 53.40832297670048945, 6.15645283528927312 53.40052277506750045, 6.15494111779277642 53.39231248461049262, 6.15775584892465311 53.38611162562952472, 6.15626171860108951 53.38657097951536912, 6.15305615572788334 53.38238019847803173, 6.15427861355308536 53.38197429505996894, 6.14980290832091026 53.37646099133088029, 6.15231609565715942 53.37599925811336021, 6.15153822491904645 53.37373995946470728, 6.15794094425274174 53.37315625794738594, 6.15889869973358461 53.37400620726060652, 6.16104991472516517 53.37386896293903504, 6.16322516374022289 53.37198443767303502, 6.16192391938920192 53.3688081609209064, 6.16325106048878624 53.36747181744349433, 6.16313872264247831 53.36546734099255929, 6.16224255573117574 53.36509090254126875, 6.16441000931725558 53.3603781376856432, 6.16374860328901253 53.35911283490306545, 6.15972301426248325 53.35801151793641139, 6.16539264944573695 53.3591824390815006, 6.16774149646634484 53.35868599636936693, 6.16627307360820431 53.35439526469119897, 6.16778104710320729 53.34959580914122768, 6.16524896998355043 53.34595327211044236, 6.16330008590437739 53.3469405886466248, 6.14364426941588793 53.34740262208759987, 6.14184604382653809 53.34816334688491679, 6.14167375012162697 53.34700138171069739, 6.13700160164587061 53.34796378493330593, 6.13292487832741084 53.35029174629655557, 6.12902441313012059 53.3511309602957553, 6.12659435155349374 53.35317278756260606, 6.1290999005399609 53.35480550571283942, 6.12886792959671567 53.35644898284477478, 6.12093200692440575 53.35773878583255225, 6.1161667969249276 53.35606425841471889, 6.11354966284741419 53.35587252073164422, 6.11186414859047034 53.36265780960439997, 6.10635908885253187 53.36186163230264867, 6.10537316706600741 53.36405052023631868, 6.10277273945520271 53.37259397437845365, 6.10797204268536476 53.37336975010678941, 6.10783154120526106 53.37633334010094188, 6.104417232150392 53.37590578690304, 6.10356755885038726 53.37911699009325162, 6.10543137610362052 53.37995954096523832, 6.10566883057547916 53.38542202461653119, 6.1020059315058619 53.38704334621203884, 6.10411473708662822 53.38888588489975717, 6.10497970400619394 53.38948282719610461, 6.11039760696340117 53.38738941186021236, 6.1157919663216207 53.38981539335491533, 6.12539423048963982 53.40090790404519083, 6.13590904321768615 53.40262749029720624, 6.13738567409676961 53.40357955707306559, 6.13907262897309014 53.40352404582004198, 6.17687091453410009 53.41465475363702353, 6.18348249800042638 53.41429160390293163, 6.18348249800042638 53.41429160390293163),(6.12318496757628505 53.37634394931244231, 6.12263880505943803 53.37380532626668384, 6.12728643517562066 53.37190553506835045, 6.13114024028119164 53.37267339171917513, 6.13158908943850278 53.37458737211080262, 6.13040043886575337 53.37715649294911202, 6.12788247339366432 53.37826053798875137, 6.12318496757628505 53.37634394931244231, 6.12318496757628505 53.37634394931244231)))</t>
  </si>
  <si>
    <t>MultiPolygon (((6.15775584892465311 53.38611162562952472, 6.16048459289249362 53.38449036593730312, 6.16083654741213671 53.38262667048720544, 6.15720996835566492 53.38428174493267875, 6.15560429192623371 53.38255085627731944, 6.15752501633429805 53.38250419716268169, 6.15994445370744437 53.3814850222415771, 6.16404155832386014 53.37818029615132076, 6.15978496686454591 53.37827106635618435, 6.15725972013656886 53.3797448160675998, 6.15517353980842419 53.37956519794864363, 6.15786858417162986 53.37866893935147772, 6.15781757055425683 53.37815531316421414, 6.15350573515789545 53.37813781687982839, 6.15395044481735898 53.37739599105309907, 6.15723607587644661 53.37709815111124811, 6.15922689767497289 53.37795054759683921, 6.1632343798191771 53.37777582066467374, 6.16388732474635681 53.37641708994451051, 6.16322516374022289 53.37198443767303502, 6.16104991472516517 53.37386896293903504, 6.15889869973358461 53.37400620726060652, 6.15794094425274174 53.37315625794738594, 6.15153822491904645 53.37373995946470728, 6.15231609565715942 53.37599925811336021, 6.14980290832091026 53.37646099133088029, 6.15427861355308536 53.38197429505996894, 6.15305615572788334 53.38238019847803173, 6.15626171860108951 53.38657097951536912, 6.15775584892465311 53.38611162562952472, 6.15775584892465311 53.38611162562952472)))</t>
  </si>
  <si>
    <t>MultiPolygon (((6.08915970630703551 53.37500521566974498, 6.09092516930034122 53.37327784489070126, 6.09086771089574253 53.37105000324607573, 6.08888911576813907 53.36992683400045934, 6.08542320422083183 53.37244289799163255, 6.08530203165113015 53.37433574767471356, 6.08915970630703551 53.37500521566974498, 6.08915970630703551 53.37500521566974498)))</t>
  </si>
  <si>
    <t>MultiPolygon (((6.09053455794907705 53.38250761300253799, 6.09243752741014166 53.38169291033705832, 6.09279369344487165 53.38028849924512542, 6.09203461214087483 53.37950420588732214, 6.08994869371392333 53.37892742662339884, 6.08303400468181099 53.37890315603242186, 6.08226818257328894 53.38036185823677471, 6.08629380882293169 53.38249480199343822, 6.0895731193556708 53.38312427895532863, 6.09053455794907705 53.38250761300253799, 6.09053455794907705 53.38250761300253799)))</t>
  </si>
  <si>
    <t>MultiPolygon (((6.13040043886575337 53.37715649294911202, 6.13158908943850278 53.37458737211080262, 6.13114024028119164 53.37267339171917513, 6.12728643517562066 53.37190553506835045, 6.12263880505943803 53.37380532626668384, 6.12318496757628505 53.37634394931244231, 6.12788247339366432 53.37826053798875137, 6.13040043886575337 53.37715649294911202, 6.13040043886575337 53.37715649294911202)))</t>
  </si>
  <si>
    <t>MultiPolygon (((6.14364426941588793 53.34740262208759987, 6.16330008590437739 53.3469405886466248, 6.16524896998355043 53.34595327211044236, 6.1654674838941812 53.34583683255177533, 6.17871836583431477 53.33912749332296954, 6.17833017406406526 53.33791029402516415, 6.17408313836766443 53.33407635676621084, 6.17650122906920629 53.32546410673891302, 6.17897300347873824 53.32240853442427664, 6.1782017978540793 53.32054013231750389, 6.17463571630347019 53.31936001810313996, 6.17080634367774294 53.31975269516165383, 6.16895686610331939 53.31893467994454738, 6.15949574876025086 53.31886571473874881, 6.15854255618212143 53.31982577198139239, 6.15658559235169989 53.31912846208670231, 6.15478086553144799 53.31713267192458972, 6.15617587510904407 53.31602493286534639, 6.15414027423746379 53.31424501428552531, 6.15365832519193479 53.31058523822717632, 6.15166036542206651 53.30805560875695193, 6.14331237122346074 53.3047838081346228, 6.13770476300079615 53.30109444733012936, 6.1347762032116071 53.30067502656181233, 6.13172421770570963 53.30192915570590628, 6.13060701623621007 53.30357565262431052, 6.13610748210432089 53.30948031387711694, 6.14086665068011595 53.31034729800035166, 6.14112626838490616 53.31247489851856614, 6.13962131839605529 53.31302541625824176, 6.13944111815504723 53.31688095836509689, 6.14265059873345898 53.32152085917707041, 6.14771537702317339 53.32248251751468615, 6.15229434373349005 53.32426827532401603, 6.15136731833690931 53.32516188419081971, 6.14029603596328855 53.32181967802089417, 6.13608572731699198 53.32135750194571244, 6.12375793857147244 53.32372871530202474, 6.1212825831197506 53.32039613746108841, 6.11377973625669924 53.32171334203126634, 6.11081094776579015 53.32397788358321833, 6.11155145901494823 53.32933325672358649, 6.11441944023878925 53.33169919681821369, 6.11693086643665307 53.3295164550317935, 6.12092372859195688 53.3295451199315238, 6.12433721926198249 53.33024647580914746, 6.12753379750229321 53.33293567818509473, 6.12658633168804911 53.33337045480068639, 6.12737721002029012 53.33419717122871617, 6.12901078935709709 53.33455880653814773, 6.13321462850754262 53.33382070856306711, 6.14136401312189673 53.33689128260098045, 6.14329145384341402 53.33911526927759184, 6.1441963759238245 53.34236580877808365, 6.14364426941588793 53.34740262208759987)))</t>
  </si>
  <si>
    <t>MultiPolygon (((6.09462136121419817 53.3533159784076787, 6.09752074964094337 53.35368750775931801, 6.10490252947924539 53.35648821756093696, 6.11354966284741419 53.35587252073164422, 6.1161667969249276 53.35606425841471889, 6.12093200692440575 53.35773878583255225, 6.12886792959671567 53.35644898284477478, 6.1290999005399609 53.35480550571283942, 6.12659435155349374 53.35317278756260606, 6.12902441313012059 53.3511309602957553, 6.13292487832741084 53.35029174629655557, 6.13700160164587061 53.34796378493330593, 6.14167375012162697 53.34700138171069739, 6.14184604382653809 53.34816334688491679, 6.14364426941588793 53.34740262208759987, 6.1441963759238245 53.34236580877808365, 6.14329145384341402 53.33911526927759184, 6.14136401312189673 53.33689128260098045, 6.13321462850754262 53.33382070856306711, 6.12901078935709709 53.33455880653814773, 6.12737721002029012 53.33419717122871617, 6.12658633168804911 53.33337045480068639, 6.12753379750229321 53.33293567818509473, 6.12433721926198249 53.33024647580914746, 6.12092372859195688 53.3295451199315238, 6.11693086643665307 53.3295164550317935, 6.11441944023878925 53.33169919681821369, 6.11155145901494823 53.32933325672358649, 6.11081094776579015 53.32397788358321833, 6.11377973625669924 53.32171334203126634, 6.11214297242262283 53.32144138451094051, 6.1093164597125984 53.31929708997421358, 6.10621994250713929 53.31905962918253294, 6.10398244878448359 53.32000234209790079, 6.10123962702900435 53.32320552390550716, 6.09726057155994727 53.32306617030258167, 6.09187904965464355 53.32163419759000078, 6.08991907775812535 53.32256595228401608, 6.08879175766446323 53.32453158803360083, 6.08700530965422892 53.32492653721105569, 6.0815783815299147 53.3241416855456194, 6.07919450428898323 53.32188333831831528, 6.07775268595816787 53.32208710160133336, 6.07566329384531478 53.32429416702222369, 6.07364643477126265 53.32484796831636231, 6.07121982238074498 53.32470720367138028, 6.06622752644766994 53.32751946993934666, 6.06594365386600298 53.33101057765209418, 6.06733851862920481 53.33099731153562573, 6.06674502063456167 53.33170547897537261, 6.06564971629447669 53.33160951057330124, 6.06665523989015476 53.33344963653848225, 6.06320499383149691 53.33530060392151739, 6.06254604986228962 53.33762673388365982, 6.06523410135626762 53.33835013582276474, 6.06667988263181535 53.3368588885285746, 6.08081468300219807 53.34237155022156429, 6.08008560476450377 53.34335755845173566, 6.09462136121419817 53.3533159784076787, 6.09462136121419817 53.3533159784076787),(6.09991968164724785 53.33307728109404877, 6.09930653877276985 53.33355541189226301, 6.09532331794429361 53.33100412667033652, 6.10170468192030224 53.32630098934524199, 6.10635998070486696 53.32914950246651387, 6.10096810748455898 53.33352215004447316, 6.09991968164724785 53.33307728109404877, 6.09991968164724785 53.33307728109404877)))</t>
  </si>
  <si>
    <t>MultiPolygon (((6.15949574876025086 53.31886571473874881, 6.15943212961907882 53.31839595109138941, 6.16150123539170025 53.31797584178808336, 6.15922650492990442 53.31687751728644287, 6.15617587510904407 53.31602493286534639, 6.15478086553144799 53.31713267192458972, 6.15658559235169989 53.31912846208670231, 6.15854255618212143 53.31982577198139239, 6.15949574876025086 53.31886571473874881, 6.15949574876025086 53.31886571473874881)))</t>
  </si>
  <si>
    <t>MultiPolygon (((6.1212825831197506 53.32039613746108841, 6.12375793857147244 53.32372871530202474, 6.13608572731699198 53.32135750194571244, 6.14029603596328855 53.32181967802089417, 6.15136731833690931 53.32516188419081971, 6.15229434373349005 53.32426827532401603, 6.14771537702317339 53.32248251751468615, 6.14265059873345898 53.32152085917707041, 6.13944111815504723 53.31688095836509689, 6.13962131839605529 53.31302541625824176, 6.14112626838490616 53.31247489851856614, 6.14086665068011595 53.31034729800035166, 6.13610748210432089 53.30948031387711694, 6.13569608014118728 53.311538648225401, 6.13370336691846063 53.31316409232467635, 6.13097343378991511 53.31352274075057807, 6.12677808864287421 53.31272866146159117, 6.122084512955702 53.31506404395094734, 6.12065205205097751 53.31683578192131989, 6.1228366448198388 53.31921549356798806, 6.1212825831197506 53.32039613746108841, 6.1212825831197506 53.32039613746108841)))</t>
  </si>
  <si>
    <t>MultiPolygon (((6.09991968164724785 53.33307728109404877, 6.10096810748455898 53.33352215004447316, 6.10635998070486696 53.32914950246651387, 6.10170468192030224 53.32630098934524199, 6.09532331794429361 53.33100412667033652, 6.09930653877276985 53.33355541189226301, 6.09991968164724785 53.33307728109404877, 6.09991968164724785 53.33307728109404877)))</t>
  </si>
  <si>
    <t>MultiPolygon (((6.04988877153393823 53.34188578357367305, 6.05577965799204243 53.3449149921765482, 6.05841967621049537 53.34378750102003153, 6.05719213025651992 53.34299432949981679, 6.06252315707599987 53.34103143129213009, 6.06154907370134932 53.33983390834043092, 6.06254604986228962 53.33762673388365982, 6.06320499383149691 53.33530060392151739, 6.06101828522942121 53.33497581647199581, 6.06153264441473372 53.3327332691870879, 6.05914673338413845 53.3301469928997065, 6.06388201423024764 53.32995205697498164, 6.06465707817007349 53.33103570717980801, 6.06594365386600298 53.33101057765209418, 6.06622752644766994 53.32751946993934666, 6.07121982238074498 53.32470720367138028, 6.06677424114191943 53.32363523922052195, 6.0384167897996317 53.3251762916531149, 6.03632899841458936 53.32433474475145374, 6.03230046933244957 53.32549699681060673, 6.02452595192911033 53.3246118275763834, 6.02347018972205905 53.3255833679920741, 6.02313443496710033 53.32954115997858935, 6.02649882477861176 53.33222188737446601, 6.03514045582402225 53.33463935749370677, 6.0391941374364615 53.33529142121093969, 6.0409327487033746 53.33743743408013671, 6.0482233990201566 53.34000302329209831, 6.04988877153393823 53.34188578357367305, 6.04988877153393823 53.34188578357367305)))</t>
  </si>
  <si>
    <t>MultiPolygon (((6.05081931450941291 53.37151441497791637, 6.05492222874748709 53.37191806594505294, 6.05935200428783549 53.36890642323166389, 6.06202590497012928 53.37010354953200419, 6.06576079626122766 53.36869324098181977, 6.06487346706066432 53.36550852881671858, 6.05027250389029092 53.35910624318290019, 6.05576738432779305 53.35227364703960262, 6.06186490592427862 53.34863716137657264, 6.05577965799204243 53.3449149921765482, 6.04988877153393823 53.34188578357367305, 6.0469350699447002 53.34453298640531926, 6.0454249073625741 53.34732740648603766, 6.04633751918590789 53.35115356841854606, 6.04470188068163505 53.35384183229334809, 6.03942853874387353 53.35798328197694929, 6.03515617621915545 53.35560671561384538, 6.03111092414499517 53.3564140251674317, 6.02408311982519162 53.3565675293177506, 6.02316721395595955 53.35406894685159074, 6.02137276061790683 53.35663886438004511, 6.02185524020834428 53.36000089511666289, 6.0197898447877245 53.36457838913364782, 6.0297685049507681 53.36898308326929907, 6.03923756054443661 53.36945096785076714, 6.04286696110535981 53.37041814410064688, 6.04483205311155558 53.37161842452934479, 6.04541663348552039 53.37286273277981508, 6.04696768193248246 53.37193788482301926, 6.04443800123830499 53.36943714943706851, 6.04597889232688424 53.3680154786364298, 6.04634386566039694 53.3652873158356158, 6.04039767667729155 53.36374750632101183, 6.03886224460523735 53.36273725434034532, 6.03925924273857628 53.36200372241879109, 6.04374554906509598 53.36061461110723059, 6.04522442009813243 53.36177917239978541, 6.0510532283720968 53.36132191682917636, 6.05306863392935846 53.3634357257810592, 6.04947098012760875 53.36486749558827114, 6.05081931450941291 53.37151441497791637, 6.05081931450941291 53.37151441497791637)))</t>
  </si>
  <si>
    <t>MultiPolygon (((6.07267376597368003 53.37875512324370675, 6.07840327770321309 53.37485779123247198, 6.0727479982737167 53.37023018527436591, 6.07505234247079606 53.36649354771176235, 6.08033336002812064 53.36546717551781427, 6.08652119866303032 53.3632393453887488, 6.08257416122851602 53.35279821007806333, 6.07974113508659819 53.35369919017710316, 6.07681085046306269 53.35385474710817277, 6.06853022753570404 53.35287540828434771, 6.06186490592427862 53.34863716137657264, 6.05576738432779305 53.35227364703960262, 6.05027250389029092 53.35910624318290019, 6.06487346706066432 53.36550852881671858, 6.06576079626122766 53.36869324098181977, 6.06202590497012928 53.37010354953200419, 6.06241703628936346 53.37132442174007707, 6.06790589088048815 53.37102219324849983, 6.06870836021767168 53.37488757648100801, 6.07267376597368003 53.37875512324370675, 6.07267376597368003 53.37875512324370675),(6.06683170512693071 53.36441788754919457, 6.06244003859749991 53.36262672315972821, 6.06088668895707539 53.36055142715596133, 6.06315953486509329 53.35931180200458357, 6.05882286056965746 53.3571295390485858, 6.06017817641761969 53.35620670055983084, 6.06583872543777947 53.35635160734290849, 6.07250067153735618 53.35970744441712554, 6.07091027931699756 53.36216201326724473, 6.06683170512693071 53.36441788754919457, 6.06683170512693071 53.36441788754919457)))</t>
  </si>
  <si>
    <t>MultiPolygon (((6.06320499383149691 53.33530060392151739, 6.06665523989015476 53.33344963653848225, 6.06564971629447669 53.33160951057330124, 6.06674502063456167 53.33170547897537261, 6.06733851862920481 53.33099731153562573, 6.06594365386600298 53.33101057765209418, 6.06465707817007349 53.33103570717980801, 6.06388201423024764 53.32995205697498164, 6.05914673338413845 53.3301469928997065, 6.06153264441473372 53.3327332691870879, 6.06101828522942121 53.33497581647199581, 6.06320499383149691 53.33530060392151739, 6.06320499383149691 53.33530060392151739)))</t>
  </si>
  <si>
    <t>MultiPolygon (((5.9909906975938938 53.34868564635500832, 5.99285803350032964 53.34870666181277699, 5.99918154985469432 53.35065896432231369, 6.00626904955128893 53.35110857806574813, 6.00867800953137543 53.35014280436080725, 6.00911005258606146 53.34768707760895268, 6.01179773617697499 53.34664175034200184, 6.01380207127375588 53.34654187255124214, 6.01833286095191955 53.34761110527080064, 6.0219533072089142 53.35006762082373655, 6.02660156553745008 53.34543088064304328, 6.03012521931166745 53.34462075555604343, 6.03565662206225007 53.34029580607440124, 6.03632781501887639 53.33557285533024839, 6.03514045582402225 53.33463935749370677, 6.02649882477861176 53.33222188737446601, 6.02475637915792195 53.33273030931692205, 6.02478253192514579 53.33467071937914739, 6.01409290434322141 53.33765967957170062, 6.01094641608124114 53.33773578943299754, 6.00792547970726787 53.33625972039138219, 5.99551655993566079 53.3347625733713997, 5.99488365342200957 53.33581624943727917, 5.98965207569442004 53.33609185323822288, 5.98882817423892 53.33466078559064272, 5.98321463827863287 53.33472446467018813, 5.98270147505067218 53.33813478207613912, 5.98714887688795461 53.33873388467000609, 5.99170713456585169 53.34276041509781408, 5.99163752692552531 53.34344388768210621, 5.98896055443882958 53.3450781874431641, 5.9909906975938938 53.34868564635500832, 5.9909906975938938 53.34868564635500832)))</t>
  </si>
  <si>
    <t>MultiPolygon (((6.0219533072089142 53.35006762082373655, 6.02316721395595955 53.35406894685159074, 6.02408311982519162 53.3565675293177506, 6.03111092414499517 53.3564140251674317, 6.03515617621915545 53.35560671561384538, 6.03942853874387353 53.35798328197694929, 6.04470188068163505 53.35384183229334809, 6.04633751918590789 53.35115356841854606, 6.0454249073625741 53.34732740648603766, 6.0469350699447002 53.34453298640531926, 6.04988877153393823 53.34188578357367305, 6.0482233990201566 53.34000302329209831, 6.0409327487033746 53.33743743408013671, 6.0391941374364615 53.33529142121093969, 6.03514045582402225 53.33463935749370677, 6.03632781501887639 53.33557285533024839, 6.03565662206225007 53.34029580607440124, 6.03012521931166745 53.34462075555604343, 6.02660156553745008 53.34543088064304328, 6.0219533072089142 53.35006762082373655, 6.0219533072089142 53.35006762082373655)))</t>
  </si>
  <si>
    <t>MultiPolygon (((6.04696768193248246 53.37193788482301926, 6.04754526790515978 53.37229341013358663, 6.05081931450941291 53.37151441497791637, 6.04947098012760875 53.36486749558827114, 6.05306863392935846 53.3634357257810592, 6.0510532283720968 53.36132191682917636, 6.04522442009813243 53.36177917239978541, 6.04374554906509598 53.36061461110723059, 6.03925924273857628 53.36200372241879109, 6.03886224460523735 53.36273725434034532, 6.04039767667729155 53.36374750632101183, 6.04634386566039694 53.3652873158356158, 6.04597889232688424 53.3680154786364298, 6.04443800123830499 53.36943714943706851, 6.04696768193248246 53.37193788482301926, 6.04696768193248246 53.37193788482301926)))</t>
  </si>
  <si>
    <t>MultiPolygon (((6.08257416122851602 53.35279821007806333, 6.09462136121419817 53.3533159784076787, 6.08008560476450377 53.34335755845173566, 6.08081468300219807 53.34237155022156429, 6.06667988263181535 53.3368588885285746, 6.06523410135626762 53.33835013582276474, 6.06254604986228962 53.33762673388365982, 6.06154907370134932 53.33983390834043092, 6.06252315707599987 53.34103143129213009, 6.05719213025651992 53.34299432949981679, 6.05841967621049537 53.34378750102003153, 6.05577965799204243 53.3449149921765482, 6.06186490592427862 53.34863716137657264, 6.06853022753570404 53.35287540828434771, 6.07681085046306269 53.35385474710817277, 6.07974113508659819 53.35369919017710316, 6.08257416122851602 53.35279821007806333, 6.08257416122851602 53.35279821007806333)))</t>
  </si>
  <si>
    <t>MultiPolygon (((6.06683170512693071 53.36441788754919457, 6.07091027931699756 53.36216201326724473, 6.07250067153735618 53.35970744441712554, 6.06583872543777947 53.35635160734290849, 6.06017817641761969 53.35620670055983084, 6.05882286056965746 53.3571295390485858, 6.06315953486509329 53.35931180200458357, 6.06088668895707539 53.36055142715596133, 6.06244003859749991 53.36262672315972821, 6.06683170512693071 53.36441788754919457, 6.06683170512693071 53.36441788754919457)))</t>
  </si>
  <si>
    <t>MultiPolygon (((6.00323077564460483 53.32566481751869958, 6.02347018972205905 53.3255833679920741, 6.02452595192911033 53.3246118275763834, 6.02243783709919001 53.32403095398202453, 6.02123493513865515 53.31689901951901334, 6.01903326944628958 53.3170200765862603, 6.01910828015269939 53.31802201185221435, 6.00890334620750899 53.32214132068281742, 6.00325571290474702 53.3247165633902398, 6.00323077564460483 53.32566481751869958, 6.00323077564460483 53.32566481751869958)))</t>
  </si>
  <si>
    <t>MultiPolygon (((6.00874895743733184 53.31709139674234876, 6.00890334620750899 53.32214132068281742, 6.01910828015269939 53.31802201185221435, 6.01903326944628958 53.3170200765862603, 6.02123493513865515 53.31689901951901334, 6.0211242997282115 53.30900092096894127, 6.02015189889424818 53.30822358679209572, 6.01609838762189497 53.30811750025424089, 6.01161788561906008 53.30844378553861418, 6.00925411465494985 53.30963068387519144, 6.00874895743733184 53.31709139674234876, 6.00874895743733184 53.31709139674234876)))</t>
  </si>
  <si>
    <t>MultiPolygon (((5.98918882296917676 53.31891416927854266, 5.99565748300766455 53.31990883826654226, 5.99725404046824551 53.31759507547317867, 6.00326059040968296 53.31797156824811168, 6.00874895743733184 53.31709139674234876, 6.00925411465494985 53.30963068387519144, 5.99905595875763709 53.31048915811967248, 5.99429150110867415 53.31013075578506033, 5.99251003647806524 53.31579371146449375, 5.99126120023728248 53.31596207489783978, 5.98885942612024191 53.31888715243402288, 5.98918882296917676 53.31891416927854266, 5.98918882296917676 53.31891416927854266)))</t>
  </si>
  <si>
    <t>MultiPolygon (((5.98882817423892 53.33466078559064272, 5.98965207569442004 53.33609185323822288, 5.99488365342200957 53.33581624943727917, 5.99551655993566079 53.3347625733713997, 6.00792547970726787 53.33625972039138219, 6.0085874126576817 53.33501185643098097, 6.00660445960543932 53.33147848021284432, 5.99781453869156778 53.32987631495512204, 5.99409512460291172 53.32998798826907461, 5.99369222786662625 53.33053660501380477, 5.99163787715533402 53.33325329696717887, 5.98882817423892 53.33466078559064272, 5.98882817423892 53.33466078559064272)))</t>
  </si>
  <si>
    <t>MultiPolygon (((5.97384084351148381 53.31509718217954941, 5.97744346536422633 53.31685873409364262, 5.98885942612024191 53.31888715243402288, 5.99126120023728248 53.31596207489783978, 5.99251003647806524 53.31579371146449375, 5.99429150110867415 53.31013075578506033, 5.98962419792617151 53.3100428794693002, 5.98010820446254687 53.30748928963424049, 5.97585274022243063 53.30692730575385951, 5.97081335086312137 53.31332036115100692, 5.97384084351148381 53.31509718217954941, 5.97384084351148381 53.31509718217954941)))</t>
  </si>
  <si>
    <t>MultiPolygon (((5.98609023174614663 53.32659384362924015, 5.98766464991193637 53.32619083657713333, 5.98685850286094379 53.32431969984808973, 5.98918882296917676 53.31891416927854266, 5.98885942612024191 53.31888715243402288, 5.97744346536422633 53.31685873409364262, 5.97384084351148381 53.31509718217954941, 5.9744528791168392 53.31729745205208815, 5.97218364655521938 53.32105171935962318, 5.97695689368412353 53.32121491276550529, 5.97965621749999521 53.32200117950308282, 5.98190295421328955 53.32449056886319028, 5.98609023174614663 53.32659384362924015, 5.98609023174614663 53.32659384362924015)))</t>
  </si>
  <si>
    <t>MultiPolygon (((5.98766464991193637 53.32619083657713333, 5.99311871770642846 53.32511993392583349, 5.99604656199614805 53.32370784858321855, 5.99565748300766455 53.31990883826654226, 5.98918882296917676 53.31891416927854266, 5.98685850286094379 53.32431969984808973, 5.98766464991193637 53.32619083657713333, 5.98766464991193637 53.32619083657713333)))</t>
  </si>
  <si>
    <t>MultiPolygon (((5.98321463827863287 53.33472446467018813, 5.98882817423892 53.33466078559064272, 5.99163787715533402 53.33325329696717887, 5.99369222786662625 53.33053660501380477, 5.99126523572706482 53.33012042758633697, 5.98920721276389134 53.32779555703496044, 5.98609023174614663 53.32659384362924015, 5.98190295421328955 53.32449056886319028, 5.97965621749999521 53.32200117950308282, 5.97695689368412353 53.32121491276550529, 5.97218364655521938 53.32105171935962318, 5.97217413461882174 53.32109134650181659, 5.97264937675197594 53.32345929977515908, 5.9746170391628679 53.32309454213103805, 5.97111839224589591 53.33136873743512041, 5.97290133564287906 53.33401216738419492, 5.98321463827863287 53.33472446467018813, 5.98321463827863287 53.33472446467018813)))</t>
  </si>
  <si>
    <t>MultiPolygon (((6.02475637915792195 53.33273030931692205, 6.02649882477861176 53.33222188737446601, 6.02313443496710033 53.32954115997858935, 6.02347018972205905 53.3255833679920741, 6.00323077564460483 53.32566481751869958, 6.00236882015589313 53.32817567475608911, 6.00748177147388773 53.32887098501949197, 6.00993150844374302 53.3305791650165304, 6.00921768757119956 53.33176165064495677, 6.01541283281115557 53.33276719879173555, 6.02475637915792195 53.33273030931692205, 6.02475637915792195 53.33273030931692205)))</t>
  </si>
  <si>
    <t>MultiPolygon (((5.99604656199614805 53.32370784858321855, 5.99693371739010139 53.32324646840672955, 5.99947870799649774 53.32346707263571517, 6.00325571290474702 53.3247165633902398, 6.00890334620750899 53.32214132068281742, 6.00874895743733184 53.31709139674234876, 6.00326059040968296 53.31797156824811168, 5.99725404046824551 53.31759507547317867, 5.99565748300766455 53.31990883826654226, 5.99604656199614805 53.32370784858321855, 5.99604656199614805 53.32370784858321855)))</t>
  </si>
  <si>
    <t>MultiPolygon (((6.00792547970726787 53.33625972039138219, 6.01094641608124114 53.33773578943299754, 6.01409290434322141 53.33765967957170062, 6.02478253192514579 53.33467071937914739, 6.02475637915792195 53.33273030931692205, 6.01541283281115557 53.33276719879173555, 6.00921768757119956 53.33176165064495677, 6.00993150844374302 53.3305791650165304, 6.00748177147388773 53.32887098501949197, 6.00236882015589313 53.32817567475608911, 6.00226122124362149 53.32872138161753384, 5.99677434087725114 53.32810822096472236, 5.99461390201076583 53.32653327261053988, 5.99453023608420299 53.32503038759085712, 5.99311871770642846 53.32511993392583349, 5.98766464991193637 53.32619083657713333, 5.98609023174614663 53.32659384362924015, 5.98920721276389134 53.32779555703496044, 5.99126523572706482 53.33012042758633697, 5.99369222786662625 53.33053660501380477, 5.99409512460291172 53.32998798826907461, 5.99781453869156778 53.32987631495512204, 6.00660445960543932 53.33147848021284432, 6.0085874126576817 53.33501185643098097, 6.00792547970726787 53.33625972039138219, 6.00792547970726787 53.33625972039138219)))</t>
  </si>
  <si>
    <t>MultiPolygon (((6.00236882015589313 53.32817567475608911, 6.00323077564460483 53.32566481751869958, 6.00325571290474702 53.3247165633902398, 5.99947870799649774 53.32346707263571517, 5.99693371739010139 53.32324646840672955, 5.99604656199614805 53.32370784858321855, 5.99311871770642846 53.32511993392583349, 5.99453023608420299 53.32503038759085712, 5.99461390201076583 53.32653327261053988, 5.99677434087725114 53.32810822096472236, 6.00226122124362149 53.32872138161753384, 6.00236882015589313 53.32817567475608911, 6.00236882015589313 53.32817567475608911)))</t>
  </si>
  <si>
    <t>MultiPolygon (((6.40812763002036423 53.27809971583878479, 6.41102433317335141 53.27829296952432259, 6.41359781508645277 53.28198334637693989, 6.41680079998257824 53.28381715847535105, 6.42499400462131298 53.28588981201426122, 6.42488752462802815 53.28455478891621055, 6.42306432297084129 53.28185517442208408, 6.42895364684941928 53.28071556793914709, 6.43079792619635526 53.27813060702935388, 6.44196764791797349 53.28305030835061018, 6.44508597107656378 53.28091032317171738, 6.44937873241171378 53.28019464857450771, 6.45816802752192665 53.28340972057453229, 6.46103341150807164 53.28160137804308505, 6.46169851080414315 53.28060718846465704, 6.4608253440233554 53.27995946324956833, 6.46223371454505457 53.27934899656086287, 6.47149733827475959 53.27892478653280506, 6.47230144802769924 53.27523274474677351, 6.47535596966655547 53.27114142368673555, 6.48420439990103059 53.27202450540947609, 6.48417483753953849 53.26892942529643449, 6.49338539628495415 53.2683182241896489, 6.49490387510365608 53.2692779745110272, 6.5031533551822287 53.27031520772120388, 6.50645963354131585 53.26890582826116827, 6.50824035800727607 53.25757405119986743, 6.50824623654944201 53.25727386825921883, 6.5114424223694396 53.25411424016815687, 6.50215140191115193 53.24770632705578066, 6.49923633003011325 53.24838326608651329, 6.49584665092111635 53.24582303132878991, 6.49454263519923813 53.24564382274675722, 6.49198547978857032 53.24555469691966181, 6.48872550912122925 53.24723139372873959, 6.4886016597102838 53.24901635243693221, 6.48092074103581695 53.25018528817825825, 6.48047460497230077 53.24550550488331879, 6.47665490011682188 53.2365023511011799, 6.46976791492746894 53.22046863341575573, 6.46447361066095194 53.20761431803117603, 6.43982087197500075 53.21025945307356153, 6.43754414485519799 53.21434194879143575, 6.43618413886389362 53.21405508188269096, 6.42850828005252861 53.22462250028492292, 6.42711678819402898 53.22422136053080521, 6.42931347020289667 53.22769163758451327, 6.43853263360926675 53.22783588253729192, 6.43938693325080358 53.22515556465432951, 6.44913751530856683 53.22568466886433924, 6.45217748348502163 53.22727805500857556, 6.45207553757396912 53.22866732833552561, 6.4497319511751563 53.22958278902216023, 6.44111117393458166 53.2283170538209589, 6.44107716184883738 53.23103848094856971, 6.43905421750092 53.23185543693207933, 6.43521966226199726 53.23917226596633867, 6.43629655726224659 53.24608443361297816, 6.42697033668885798 53.24426051727361653, 6.42657951309701225 53.24488619086157826, 6.42726023319325712 53.24764801857874374, 6.43115658286277903 53.24974559300433441, 6.43164677392069617 53.25130322876977118, 6.43077245802028763 53.25449415893547211, 6.42906265140219446 53.25653312581216881, 6.42474083047918398 53.25777693187585982, 6.42180469771629081 53.25756413676128176, 6.41767525661649696 53.25897395553352709, 6.41016671322440512 53.26305548788459987, 6.40640567625316315 53.26682566068208047, 6.40574252456168391 53.27010444668253086, 6.40930206393098789 53.27317943594431426, 6.40812763002036423 53.27809971583878479),(6.42763840239743622 53.27771437860552339, 6.42415777872033189 53.27723339817389103, 6.42378117094454293 53.27548100468040104, 6.42604368490460764 53.27144189037787925, 6.42520841300153478 53.26912228894452994, 6.4283084565971107 53.26813507021675065, 6.43055725624021335 53.26890014741541535, 6.43153956494646728 53.2741287911739505, 6.42915624117862983 53.2771755372702529, 6.42763840239743622 53.27771437860552339),(6.46794201061378704 53.26058255329073887, 6.45676484049626342 53.26117237861988229, 6.45506295616479786 53.26071912500203354, 6.45448910806116505 53.25587284581569492, 6.45162856847115052 53.25137653351064415, 6.45260644016138318 53.24941168944698688, 6.46120538639917452 53.24852406900002677, 6.46266275532895307 53.25259915855960458, 6.46794201061378704 53.26058255329073887)))</t>
  </si>
  <si>
    <t>MultiPolygon (((6.42763840239743622 53.27771437860552339, 6.42915624117862983 53.2771755372702529, 6.43153956494646728 53.2741287911739505, 6.43055725624021335 53.26890014741541535, 6.4283084565971107 53.26813507021675065, 6.42520841300153478 53.26912228894452994, 6.42604368490460764 53.27144189037787925, 6.42378117094454293 53.27548100468040104, 6.42415777872033189 53.27723339817389103, 6.42763840239743622 53.27771437860552339, 6.42763840239743622 53.27771437860552339)))</t>
  </si>
  <si>
    <t>MultiPolygon (((6.43853263360926675 53.22783588253729192, 6.44055353531951624 53.2279310495184248, 6.44111117393458166 53.2283170538209589, 6.4497319511751563 53.22958278902216023, 6.45207553757396912 53.22866732833552561, 6.45217748348502163 53.22727805500857556, 6.44913751530856683 53.22568466886433924, 6.43938693325080358 53.22515556465432951, 6.43853263360926675 53.22783588253729192, 6.43853263360926675 53.22783588253729192)))</t>
  </si>
  <si>
    <t>MultiPolygon (((6.46794201061378704 53.26058255329073887, 6.46266275532895307 53.25259915855960458, 6.46120538639917452 53.24852406900002677, 6.45260644016138318 53.24941168944698688, 6.45162856847115052 53.25137653351064415, 6.45448910806116505 53.25587284581569492, 6.45506295616479786 53.26071912500203354, 6.45676484049626342 53.26117237861988229, 6.46794201061378704 53.26058255329073887, 6.46794201061378704 53.26058255329073887)))</t>
  </si>
  <si>
    <t>MultiPolygon (((6.3569071564802444 53.31385921562448971, 6.36039627024621002 53.31529495932679907, 6.36475862593276709 53.3206649509655719, 6.36700909738284171 53.32157168945003889, 6.37761683905368315 53.32003546166549057, 6.38961608071784148 53.31992418862729011, 6.39856748223717808 53.3191050994627247, 6.40575115849901433 53.32007540377428256, 6.40961864538239112 53.32177507022235119, 6.41392840643705142 53.32751489582789617, 6.41556040819406981 53.32830778548196804, 6.42363160593868088 53.32707057517185234, 6.42932875524058467 53.32843048419904619, 6.43109674604729076 53.32820640233977372, 6.4372754363889797 53.32172687554280088, 6.43814452727497244 53.31749875063102451, 6.43183752157953048 53.31771363849319556, 6.42792955541198818 53.31689590238752885, 6.42751554794048463 53.31480666870175611, 6.42850019666081796 53.31081904197657195, 6.42746323776082473 53.30771086703828132, 6.42287953592665062 53.30136808981984586, 6.42070848109176406 53.30140971559780638, 6.42086557517277345 53.29799855608468562, 6.42321088320329547 53.29535274812041479, 6.42892138605163854 53.29339820874174904, 6.43062985867502857 53.29440528615413797, 6.43196578891580373 53.29408799117174311, 6.43393385063425605 53.29289655410144633, 6.43505445638359763 53.29065837636975544, 6.43324850083938049 53.28689800983170954, 6.43066385917073013 53.28587597378361096, 6.42721969344214461 53.2861700753712384, 6.42488752462802815 53.28455478891621055, 6.42499400462131298 53.28588981201426122, 6.41680079998257824 53.28381715847535105, 6.41359781508645277 53.28198334637693989, 6.41102433317335141 53.27829296952432259, 6.40812763002036423 53.27809971583878479, 6.40700270774591818 53.27953579909345194, 6.40142092223166248 53.2816386036557077, 6.39765626899525586 53.28222465520077833, 6.39487473319732391 53.28183522887788826, 6.39118594413199581 53.27969544469066676, 6.39100372217089152 53.27798513855431395, 6.38736791708994556 53.27467268655475863, 6.37959866416716981 53.27177513167145406, 6.37651314153545545 53.26801917424187849, 6.37316826016360949 53.26654096870610999, 6.36536268112953874 53.26602520700500065, 6.35774588647219563 53.26902261234539537, 6.35694939134958048 53.27033762650782478, 6.35233478819167718 53.27177548571755494, 6.34636601378335463 53.271715473981331, 6.3406490728464977 53.27071301116961877, 6.33563217319283201 53.27297001541538179, 6.33608249372347743 53.27578859965282732, 6.3344463106204616 53.27918134098463554, 6.32991960301510659 53.28300338660270086, 6.33052034200268565 53.28571633921889372, 6.32728389347955744 53.28906423744312093, 6.32375051801466892 53.29015666044944055, 6.32076537062915111 53.29669856562824748, 6.32125653716769076 53.2986660155986911, 6.32224973547758928 53.29964785497750057, 6.33032272494857828 53.30301790841359377, 6.34612259919460264 53.30609406391959482, 6.3569071564802444 53.31385921562448971, 6.3569071564802444 53.31385921562448971),(6.42072544862102479 53.31544544598242652, 6.41992796594370141 53.31592125285637707, 6.41734479143519909 53.31532788786516619, 6.41503020430707593 53.31246603867855072, 6.41553122034207934 53.31069770795908624, 6.41784215350096066 53.30995791408243178, 6.42195817212808162 53.3101106870537933, 6.42513363422430839 53.31200404219320177, 6.42530483029361932 53.31344705019501617, 6.42088214942306301 53.3149111220532248, 6.42072544862102479 53.31544544598242652, 6.42072544862102479 53.31544544598242652),(6.39510976332598791 53.30563250523987762, 6.38945647712419262 53.30521252404380306, 6.38879656657674566 53.30432168261834391, 6.3901312256066749 53.30010964079478697, 6.39171023108454417 53.29815886351958909, 6.3929045847147119 53.2978489662649082, 6.40140641605635796 53.29990604351884542, 6.40481137384415788 53.30142451834163353, 6.40316015934692029 53.3034839108457561, 6.39891388286208507 53.30504172621134984, 6.39510976332598791 53.30563250523987762, 6.39510976332598791 53.30563250523987762),(6.37021915871514732 53.29176679967527974, 6.36445680887820764 53.29247090684847876, 6.36195551870348375 53.29109055017518415, 6.3616197177239604 53.28958588887949333, 6.36398783935072387 53.28818394915354162, 6.37062770041275606 53.28771193166323883, 6.3727317030499897 53.2898215435624536, 6.37021915871514732 53.29176679967527974, 6.37021915871514732 53.29176679967527974)))</t>
  </si>
  <si>
    <t>MultiPolygon (((6.28690104880451983 53.34102626580524031, 6.28846980268500477 53.3405572130898662, 6.29052164384600765 53.33942031562038721, 6.29224159094908053 53.33847235436859791, 6.30050702435404464 53.33424195476028729, 6.30541525326054053 53.33274765133166539, 6.31406620790207995 53.32812974487701752, 6.31594807144910142 53.32507139087534398, 6.31631238651071225 53.31976338702458662, 6.318763420917481 53.31743066989717761, 6.32088456488256334 53.31654717309122304, 6.32684735058565728 53.31530280756916795, 6.33126024874057869 53.31523614550673074, 6.34042382610314181 53.31849736650202232, 6.34386566264910545 53.31907871809391253, 6.34649438237271468 53.31877695988831789, 6.34999202291528508 53.31741379122451008, 6.35408978435311411 53.3143844409371539, 6.3569071564802444 53.31385921562448971, 6.34612259919460264 53.30609406391959482, 6.33032272494857828 53.30301790841359377, 6.32727256857448772 53.30602510254434634, 6.32167692219919175 53.30775807948156597, 6.30357683612835107 53.30840516478797753, 6.30208805265839533 53.30626216702556519, 6.30453016201323546 53.3044149404225891, 6.30288943724620765 53.30344575754090641, 6.29025017149116383 53.30537768385625697, 6.2940164439549342 53.3083685772443161, 6.3003110979268131 53.31217540680101763, 6.29749625725736539 53.3134542059416674, 6.29277933349300866 53.30989215627764821, 6.28676329890499996 53.31201036467476229, 6.28402777951132752 53.31179216620185457, 6.28050341668511347 53.31258148469945723, 6.28690104880451983 53.34102626580524031, 6.28690104880451983 53.34102626580524031)))</t>
  </si>
  <si>
    <t>MultiPolygon (((6.29277933349300866 53.30989215627764821, 6.29749625725736539 53.3134542059416674, 6.3003110979268131 53.31217540680101763, 6.2940164439549342 53.3083685772443161, 6.29357922722986185 53.30861522566255672, 6.29277933349300866 53.30989215627764821, 6.29277933349300866 53.30989215627764821)))</t>
  </si>
  <si>
    <t>MultiPolygon (((6.42072544862102479 53.31544544598242652, 6.42088214942306301 53.3149111220532248, 6.42530483029361932 53.31344705019501617, 6.42513363422430839 53.31200404219320177, 6.42195817212808162 53.3101106870537933, 6.41784215350096066 53.30995791408243178, 6.41553122034207934 53.31069770795908624, 6.41503020430707593 53.31246603867855072, 6.41734479143519909 53.31532788786516619, 6.41992796594370141 53.31592125285637707, 6.42072544862102479 53.31544544598242652, 6.42072544862102479 53.31544544598242652)))</t>
  </si>
  <si>
    <t>MultiPolygon (((6.37021915871514732 53.29176679967527974, 6.3727317030499897 53.2898215435624536, 6.37062770041275606 53.28771193166323883, 6.36398783935072387 53.28818394915354162, 6.3616197177239604 53.28958588887949333, 6.36195551870348375 53.29109055017518415, 6.36445680887820764 53.29247090684847876, 6.37021915871514732 53.29176679967527974, 6.37021915871514732 53.29176679967527974)))</t>
  </si>
  <si>
    <t>MultiPolygon (((6.39510976332598791 53.30563250523987762, 6.39891388286208507 53.30504172621134984, 6.40316015934692029 53.3034839108457561, 6.40481137384415788 53.30142451834163353, 6.40140641605635796 53.29990604351884542, 6.3929045847147119 53.2978489662649082, 6.39171023108454417 53.29815886351958909, 6.3901312256066749 53.30010964079478697, 6.38879656657674566 53.30432168261834391, 6.38945647712419262 53.30521252404380306, 6.39510976332598791 53.30563250523987762, 6.39510976332598791 53.30563250523987762)))</t>
  </si>
  <si>
    <t>MultiPolygon (((6.29025017149116383 53.30537768385625697, 6.30288943724620765 53.30344575754090641, 6.30453016201323546 53.3044149404225891, 6.30208805265839533 53.30626216702556519, 6.30357683612835107 53.30840516478797753, 6.32167692219919175 53.30775807948156597, 6.32727256857448772 53.30602510254434634, 6.33032272494857828 53.30301790841359377, 6.32224973547758928 53.29964785497750057, 6.32125653716769076 53.2986660155986911, 6.32076537062915111 53.29669856562824748, 6.32375051801466892 53.29015666044944055, 6.32105038506706407 53.28983902560469232, 6.31932451860594036 53.28818498989355845, 6.32229161845064613 53.28324834327921167, 6.32588280388570645 53.28153154923347756, 6.32991960301510659 53.28300338660270086, 6.3344463106204616 53.27918134098463554, 6.33608249372347743 53.27578859965282732, 6.33563217319283201 53.27297001541538179, 6.3406490728464977 53.27071301116961877, 6.34636601378335463 53.271715473981331, 6.3456320743957022 53.26850324129679137, 6.34072906056944952 53.26917072643224316, 6.3363171970009855 53.26765166961126141, 6.33536319833882189 53.26576990994484362, 6.34568545005172968 53.26503255109837198, 6.34475984319887676 53.26181790524076121, 6.34441423183640918 53.25207635502044923, 6.32073263495991355 53.24966081959933462, 6.31332996308271355 53.24793032203894683, 6.30158050685046156 53.2476134443580591, 6.27848869702486567 53.24507514320497137, 6.27526078352691119 53.25299590175193032, 6.27769126785822174 53.25335269281804074, 6.27647870092148263 53.25577194543834025, 6.23174908492206825 53.25594662793961476, 6.2321730488927658 53.25674741236950638, 6.23494482529534633 53.25670389941301153, 6.23758418672811743 53.25754715890445112, 6.23876302765852397 53.25968103348007787, 6.23797344665412901 53.26158273606857563, 6.23941566103669754 53.26314323572199072, 6.24162351693576145 53.26395168319078266, 6.24348449940320993 53.26545982472686802, 6.24827774339072128 53.26329156261273567, 6.25116172347284849 53.26353424607133036, 6.25566643455869187 53.26612730692492192, 6.25623803712373761 53.26778836305321363, 6.25494346416554059 53.26852454772264167, 6.25576329383499274 53.27083648966925722, 6.25296493721080093 53.273467863068241, 6.251408724147554 53.27725496897073043, 6.25294113640981397 53.28445924738473849, 6.2542660573834965 53.28864283828205117, 6.25990365638544777 53.29107570987691389, 6.26745656913692084 53.2908548533288311, 6.26926786236766542 53.29027846382838618, 6.27075492256147893 53.29206013980638801, 6.27028667990586808 53.29315973074842816, 6.27437494643274274 53.29648870729567278, 6.27448800511041682 53.29914738611229552, 6.27830717544523864 53.30273093568636256, 6.27947863387286098 53.30332438065155287, 6.29025017149116383 53.30537768385625697, 6.29025017149116383 53.30537768385625697),(6.26858391752219823 53.28393804759272712, 6.26488987235946038 53.28380616015069648, 6.2639398510282609 53.28317173550575347, 6.26424570139892101 53.27940893577670778, 6.26596830636039304 53.27889650831356505, 6.27231665533222404 53.27965131898041307, 6.27224367252375004 53.28275140556725376, 6.26858391752219823 53.28393804759272712, 6.26858391752219823 53.28393804759272712),(6.30552911225675583 53.26820331657255281, 6.30036658797358751 53.26769005084126007, 6.29759250132674975 53.26585608630815472, 6.29918522268013525 53.25817564249190639, 6.31262076340102674 53.25809362174064887, 6.31831378683802303 53.26080997886179347, 6.32013411985844176 53.26293281862698592, 6.31994528493936336 53.26439169213986702, 6.31440580090310988 53.26683383366179214, 6.30552911225675583 53.26820331657255281, 6.30552911225675583 53.26820331657255281)))</t>
  </si>
  <si>
    <t>MultiPolygon (((6.26858391752219823 53.28393804759272712, 6.27224367252375004 53.28275140556725376, 6.27231665533222404 53.27965131898041307, 6.26596830636039304 53.27889650831356505, 6.26424570139892101 53.27940893577670778, 6.2639398510282609 53.28317173550575347, 6.26488987235946038 53.28380616015069648, 6.26858391752219823 53.28393804759272712, 6.26858391752219823 53.28393804759272712)))</t>
  </si>
  <si>
    <t>MultiPolygon (((6.32375051801466892 53.29015666044944055, 6.32728389347955744 53.28906423744312093, 6.33052034200268565 53.28571633921889372, 6.32991960301510659 53.28300338660270086, 6.32588280388570645 53.28153154923347756, 6.32229161845064613 53.28324834327921167, 6.31932451860594036 53.28818498989355845, 6.32105038506706407 53.28983902560469232, 6.32375051801466892 53.29015666044944055, 6.32375051801466892 53.29015666044944055)))</t>
  </si>
  <si>
    <t>MultiPolygon (((6.24348449940320993 53.26545982472686802, 6.24362501474774234 53.26645952773650805, 6.24686317242372269 53.26829583092675335, 6.24997728970812183 53.26721999727804047, 6.25347413843632527 53.26772462861556789, 6.25494346416554059 53.26852454772264167, 6.25623803712373761 53.26778836305321363, 6.25566643455869187 53.26612730692492192, 6.25116172347284849 53.26353424607133036, 6.24827774339072128 53.26329156261273567, 6.24348449940320993 53.26545982472686802, 6.24348449940320993 53.26545982472686802)))</t>
  </si>
  <si>
    <t>MultiPolygon (((6.30552911225675583 53.26820331657255281, 6.31440580090310988 53.26683383366179214, 6.31994528493936336 53.26439169213986702, 6.32013411985844176 53.26293281862698592, 6.31831378683802303 53.26080997886179347, 6.31262076340102674 53.25809362174064887, 6.29918522268013525 53.25817564249190639, 6.29759250132674975 53.26585608630815472, 6.30036658797358751 53.26769005084126007, 6.30552911225675583 53.26820331657255281, 6.30552911225675583 53.26820331657255281)))</t>
  </si>
  <si>
    <t>MultiPolygon (((6.3456320743957022 53.26850324129679137, 6.34636601378335463 53.271715473981331, 6.35233478819167718 53.27177548571755494, 6.35694939134958048 53.27033762650782478, 6.35774588647219563 53.26902261234539537, 6.36536268112953874 53.26602520700500065, 6.37316826016360949 53.26654096870610999, 6.37651314153545545 53.26801917424187849, 6.37959866416716981 53.27177513167145406, 6.38736791708994556 53.27467268655475863, 6.39100372217089152 53.27798513855431395, 6.39118594413199581 53.27969544469066676, 6.39487473319732391 53.28183522887788826, 6.39765626899525586 53.28222465520077833, 6.40142092223166248 53.2816386036557077, 6.40700270774591818 53.27953579909345194, 6.40812763002036423 53.27809971583878479, 6.40930206393098789 53.27317943594431426, 6.40574252456168391 53.27010444668253086, 6.40640567625316315 53.26682566068208047, 6.41016671322440512 53.26305548788459987, 6.41767525661649696 53.25897395553352709, 6.42180469771629081 53.25756413676128176, 6.42474083047918398 53.25777693187585982, 6.42906265140219446 53.25653312581216881, 6.43077245802028763 53.25449415893547211, 6.43164677392069617 53.25130322876977118, 6.43115658286277903 53.24974559300433441, 6.42726023319325712 53.24764801857874374, 6.42657951309701225 53.24488619086157826, 6.42697033668885798 53.24426051727361653, 6.43629655726224659 53.24608443361297816, 6.43521966226199726 53.23917226596633867, 6.43905421750092 53.23185543693207933, 6.44107716184883738 53.23103848094856971, 6.44111117393458166 53.2283170538209589, 6.44055353531951624 53.2279310495184248, 6.43853263360926675 53.22783588253729192, 6.42931347020289667 53.22769163758451327, 6.42711678819402898 53.22422136053080521, 6.42727538380789643 53.22328057382186728, 6.4192999356990601 53.22167013364926191, 6.41081502550538485 53.21871152140163019, 6.40621212643367688 53.21701069204456758, 6.40450130603365775 53.22015563220473666, 6.40262906023798273 53.22025008352606079, 6.39952321953254177 53.2251632211174126, 6.39130260268865946 53.23458534852871793, 6.38362707738879109 53.23626511546149231, 6.37938871462338941 53.23620070580556529, 6.37815371274668408 53.2382701956016291, 6.37650718389343574 53.23876898124941448, 6.37148051299623042 53.23725658747668632, 6.37209938430476264 53.24243004764586118, 6.36499238383754218 53.24213082824799415, 6.36493958058132225 53.24123477357428413, 6.36296382677404182 53.24119333097842599, 6.36310025136284896 53.2452812601907155, 6.35842096782666122 53.24604689868846918, 6.3589171376234761 53.25155072456228567, 6.34847586766958472 53.2497902947830184, 6.3444744702820044 53.24972185822630877, 6.34441423183640918 53.25207635502044923, 6.34475984319887676 53.26181790524076121, 6.34568545005172968 53.26503255109837198, 6.34911165099530095 53.26570999138719742, 6.35017345640097997 53.26708531964927573, 6.34897687334605187 53.26799575046572244, 6.3456320743957022 53.26850324129679137, 6.3456320743957022 53.26850324129679137),(6.39082482707884036 53.25308405960642233, 6.38559098760668231 53.25207016815074468, 6.3819805157659415 53.25002010567774846, 6.38669545905730995 53.24462615994685422, 6.38495471606577869 53.24221603750279996, 6.38332951873469145 53.24207854488642511, 6.38340394396445721 53.2405660195506627, 6.39106553991434545 53.23984788977986682, 6.39231980433393421 53.23793683401247989, 6.40211646580370264 53.24013237444344782, 6.40326689341271837 53.23752846395477434, 6.41102040058389289 53.23989500937685193, 6.41438610946477716 53.2435505617437812, 6.41765764112177806 53.24566722602047975, 6.41636509046541814 53.25048927685117661, 6.4106889784118497 53.2499488909985601, 6.40405530524573852 53.25606907297175496, 6.40109127199705519 53.25970372362346694, 6.39972194539703132 53.26559495323560611, 6.39822001027128984 53.26642084196667781, 6.39504500089905026 53.26684909437658177, 6.38996559194296054 53.26524717635783901, 6.38682755141857239 53.26293304376407889, 6.38699126384630045 53.26172081460019569, 6.39245951592507744 53.25605472249399241, 6.38633217439776679 53.25457502067187221, 6.39082482707884036 53.25308405960642233, 6.39082482707884036 53.25308405960642233)))</t>
  </si>
  <si>
    <t>MultiPolygon (((6.38669545905730995 53.24462615994685422, 6.39254668148075389 53.24369333257393322, 6.39371556155295906 53.24178361804076332, 6.39106553991434545 53.23984788977986682, 6.38340394396445721 53.2405660195506627, 6.38332951873469145 53.24207854488642511, 6.38495471606577869 53.24221603750279996, 6.38669545905730995 53.24462615994685422, 6.38669545905730995 53.24462615994685422)))</t>
  </si>
  <si>
    <t>MultiPolygon (((6.3456320743957022 53.26850324129679137, 6.34897687334605187 53.26799575046572244, 6.35017345640097997 53.26708531964927573, 6.34911165099530095 53.26570999138719742, 6.34568545005172968 53.26503255109837198, 6.33536319833882189 53.26576990994484362, 6.3363171970009855 53.26765166961126141, 6.34072906056944952 53.26917072643224316, 6.3456320743957022 53.26850324129679137, 6.3456320743957022 53.26850324129679137)))</t>
  </si>
  <si>
    <t>MultiPolygon (((6.39082482707884036 53.25308405960642233, 6.38633217439776679 53.25457502067187221, 6.39245951592507744 53.25605472249399241, 6.38699126384630045 53.26172081460019569, 6.38682755141857239 53.26293304376407889, 6.38996559194296054 53.26524717635783901, 6.39504500089905026 53.26684909437658177, 6.39822001027128984 53.26642084196667781, 6.39972194539703132 53.26559495323560611, 6.40109127199705519 53.25970372362346694, 6.40405530524573852 53.25606907297175496, 6.39262297574917682 53.25346672840609585, 6.39082482707884036 53.25308405960642233, 6.39082482707884036 53.25308405960642233)))</t>
  </si>
  <si>
    <t>MultiPolygon (((6.39082482707884036 53.25308405960642233, 6.39262297574917682 53.25346672840609585, 6.40405530524573852 53.25606907297175496, 6.4106889784118497 53.2499488909985601, 6.41636509046541814 53.25048927685117661, 6.41765764112177806 53.24566722602047975, 6.41438610946477716 53.2435505617437812, 6.41102040058389289 53.23989500937685193, 6.40326689341271837 53.23752846395477434, 6.40211646580370264 53.24013237444344782, 6.39231980433393421 53.23793683401247989, 6.39106553991434545 53.23984788977986682, 6.39371556155295906 53.24178361804076332, 6.39254668148075389 53.24369333257393322, 6.38669545905730995 53.24462615994685422, 6.3819805157659415 53.25002010567774846, 6.38559098760668231 53.25207016815074468, 6.39082482707884036 53.25308405960642233, 6.39082482707884036 53.25308405960642233)))</t>
  </si>
  <si>
    <t>MultiPolygon (((6.43814452727497244 53.31749875063102451, 6.43893939793099257 53.31676809863485289, 6.4412931725315179 53.31680735130674975, 6.44991585754138086 53.32164353832453685, 6.45032840725507217 53.32265844389457499, 6.44716314561940962 53.3248299147345719, 6.44701077336434025 53.3266542283247702, 6.44855710943802674 53.32770163118260598, 6.4530113744643991 53.32881087987797741, 6.45726596062500935 53.32879177359517087, 6.4617969500978294 53.32709221409276523, 6.46258391065661364 53.32535597967515173, 6.46086818852488332 53.32292099856952206, 6.46267556403655874 53.32166125049717209, 6.46825045210514915 53.32070612110828023, 6.4714606118174185 53.32097424524837948, 6.47306011959949412 53.3217635451502403, 6.47405526817427468 53.32356664814731317, 6.47528867943154651 53.32392260118737681, 6.47809115103831434 53.32357249271971256, 6.48214017572336676 53.32190413282027919, 6.48364007076872273 53.31951494796264512, 6.48193255188024775 53.31690606038873881, 6.49262227744598253 53.30726670477029216, 6.48847995349874118 53.30607784350192446, 6.48954573469161389 53.30379068584709046, 6.49147230413856668 53.30369946625649646, 6.493163395499713 53.30127409577386288, 6.49788896514430192 53.30233603196832348, 6.50178487839645136 53.29854870248098564, 6.50437362823649323 53.29534927638159303, 6.50325605387644501 53.28971797753548856, 6.50454193991479546 53.28629022094926881, 6.50185614786392563 53.28312870101262178, 6.50183358155492463 53.28025937565775649, 6.5068178284147562 53.27074540561252292, 6.50645963354131585 53.26890582826116827, 6.5031533551822287 53.27031520772120388, 6.49490387510365608 53.2692779745110272, 6.49338539628495415 53.2683182241896489, 6.48417483753953849 53.26892942529643449, 6.48420439990103059 53.27202450540947609, 6.47535596966655547 53.27114142368673555, 6.47230144802769924 53.27523274474677351, 6.47149733827475959 53.27892478653280506, 6.46223371454505457 53.27934899656086287, 6.4608253440233554 53.27995946324956833, 6.46169851080414315 53.28060718846465704, 6.46103341150807164 53.28160137804308505, 6.45816802752192665 53.28340972057453229, 6.44937873241171378 53.28019464857450771, 6.44508597107656378 53.28091032317171738, 6.44196764791797349 53.28305030835061018, 6.43079792619635526 53.27813060702935388, 6.42895364684941928 53.28071556793914709, 6.42306432297084129 53.28185517442208408, 6.42488752462802815 53.28455478891621055, 6.42721969344214461 53.2861700753712384, 6.43066385917073013 53.28587597378361096, 6.43324850083938049 53.28689800983170954, 6.43505445638359763 53.29065837636975544, 6.43393385063425605 53.29289655410144633, 6.43196578891580373 53.29408799117174311, 6.43062985867502857 53.29440528615413797, 6.42892138605163854 53.29339820874174904, 6.42321088320329547 53.29535274812041479, 6.42086557517277345 53.29799855608468562, 6.42070848109176406 53.30140971559780638, 6.42287953592665062 53.30136808981984586, 6.42746323776082473 53.30771086703828132, 6.42850019666081796 53.31081904197657195, 6.42751554794048463 53.31480666870175611, 6.42792955541198818 53.31689590238752885, 6.43183752157953048 53.31771363849319556, 6.43814452727497244 53.31749875063102451, 6.43814452727497244 53.31749875063102451),(6.46707107315564311 53.3093065961145669, 6.46391667049868612 53.30936466539470331, 6.46208296078193456 53.30815112572863512, 6.46181414779341079 53.30540775213290772, 6.4645478905089222 53.30455824646926999, 6.46925480052188817 53.30517300845933448, 6.46939708885986864 53.30619888280210006, 6.46707107315564311 53.3093065961145669, 6.46707107315564311 53.3093065961145669),(6.44096885706970301 53.31302766765428913, 6.4361746763477834 53.3132111370252062, 6.4361565130672318 53.30916032447648689, 6.44887756770388343 53.3019817108852294, 6.450630656858098 53.30290805122281483, 6.44491042270874637 53.3069629101945921, 6.44869875522301417 53.30749505968719149, 6.4482411962385191 53.31126758532872856, 6.44651407346591743 53.3119592774379214, 6.44298070445507864 53.31167113069872698, 6.44096885706970301 53.31302766765428913, 6.44096885706970301 53.31302766765428913)))</t>
  </si>
  <si>
    <t>MultiPolygon (((6.49262227744598253 53.30726670477029216, 6.49469484467690972 53.30525451271066828, 6.49788896514430192 53.30233603196832348, 6.493163395499713 53.30127409577386288, 6.49147230413856668 53.30369946625649646, 6.48954573469161389 53.30379068584709046, 6.48847995349874118 53.30607784350192446, 6.49262227744598253 53.30726670477029216, 6.49262227744598253 53.30726670477029216)))</t>
  </si>
  <si>
    <t>MultiPolygon (((6.46707107315564311 53.3093065961145669, 6.46939708885986864 53.30619888280210006, 6.46925480052188817 53.30517300845933448, 6.4645478905089222 53.30455824646926999, 6.46181414779341079 53.30540775213290772, 6.46208296078193456 53.30815112572863512, 6.46391667049868612 53.30936466539470331, 6.46707107315564311 53.3093065961145669, 6.46707107315564311 53.3093065961145669)))</t>
  </si>
  <si>
    <t>MultiPolygon (((6.44096885706970301 53.31302766765428913, 6.44298070445507864 53.31167113069872698, 6.44651407346591743 53.3119592774379214, 6.4482411962385191 53.31126758532872856, 6.44869875522301417 53.30749505968719149, 6.44491042270874637 53.3069629101945921, 6.450630656858098 53.30290805122281483, 6.44887756770388343 53.3019817108852294, 6.4361565130672318 53.30916032447648689, 6.4361746763477834 53.3132111370252062, 6.44096885706970301 53.31302766765428913, 6.44096885706970301 53.31302766765428913)))</t>
  </si>
  <si>
    <t>MultiPolygon (((6.28865825507387211 53.142438502560438, 6.28987843431956861 53.1425416459117983, 6.29356302805082102 53.12971063283434603, 6.28463009147116836 53.128346810027125, 6.26184236410599926 53.12482590866931531, 6.25870311963577652 53.12695325780658351, 6.25547890628392977 53.12671887577423036, 6.25061257715768814 53.1254822475674473, 6.24539140333766252 53.12195751277732825, 6.2377777498551934 53.120057300556212, 6.23936395905985641 53.11338882574913356, 6.22596181054648223 53.11430014007439837, 6.22260676512802569 53.11491414619899842, 6.21286053676736216 53.11523253857383509, 6.2127870222903363 53.11815182479126918, 6.22252012749075956 53.12568671142241783, 6.22814834831433561 53.12810956528379336, 6.2388912182565317 53.13081772717335127, 6.23810967635248392 53.13331808273589019, 6.24152274463697321 53.13553305140802507, 6.24831526400765025 53.13642068096819315, 6.2577455397783428 53.13662156587407281, 6.27110376927941449 53.13943868653460356, 6.27074570781382423 53.14013214468677404, 6.28865825507387211 53.142438502560438, 6.28865825507387211 53.142438502560438)))</t>
  </si>
  <si>
    <t>MultiPolygon (((6.33901734923865412 53.15923114205872224, 6.34065836911730685 53.15391713372191873, 6.34380643710054049 53.14672688413054402, 6.3436962897590039 53.1430785478055725, 6.34536268274627435 53.13760152299924755, 6.29356302805082102 53.12971063283434603, 6.28987843431956861 53.1425416459117983, 6.29940807257483382 53.14491374848697092, 6.30507128575766629 53.14534677975590427, 6.31103562899886317 53.14713695802996796, 6.32396090247140119 53.14855193809963652, 6.32459987648179123 53.15010493787305279, 6.33444905137707259 53.1550249945121891, 6.33691661036992926 53.1591554398882522, 6.33901734923865412 53.15923114205872224, 6.33901734923865412 53.15923114205872224)))</t>
  </si>
  <si>
    <t>MultiPolygon (((6.29356302805082102 53.12971063283434603, 6.34536268274627435 53.13760152299924755, 6.3469579145959063 53.13463676073917696, 6.3070078706324848 53.12976477293926791, 6.30938024791058538 53.12142914238174285, 6.2886476564805518 53.11928455546958361, 6.28554428784521502 53.12602823403258157, 6.28463009147116836 53.128346810027125, 6.29356302805082102 53.12971063283434603, 6.29356302805082102 53.12971063283434603)))</t>
  </si>
  <si>
    <t>MultiPolygon (((6.26355324481350628 53.12071004342336522, 6.28554428784521502 53.12602823403258157, 6.2886476564805518 53.11928455546958361, 6.29642693359492345 53.09844333848249676, 6.29317262220846452 53.09921001551229125, 6.29056560116528551 53.09982905081477611, 6.28305030535193154 53.10686313799070746, 6.27413882460213834 53.11116116546389065, 6.26168459116182508 53.11429269474496806, 6.2555948428241166 53.11419971583624999, 6.25438144539703078 53.11413149412084778, 6.25393932716624423 53.11516805184442802, 6.2647688482856605 53.11589291301355331, 6.26355324481350628 53.12071004342336522, 6.26355324481350628 53.12071004342336522)))</t>
  </si>
  <si>
    <t>MultiPolygon (((6.28463009147116836 53.128346810027125, 6.28554428784521502 53.12602823403258157, 6.26355324481350628 53.12071004342336522, 6.26184236410599926 53.12482590866931531, 6.28463009147116836 53.128346810027125, 6.28463009147116836 53.128346810027125)))</t>
  </si>
  <si>
    <t>MultiPolygon (((6.26184236410599926 53.12482590866931531, 6.26355324481350628 53.12071004342336522, 6.2647688482856605 53.11589291301355331, 6.25393932716624423 53.11516805184442802, 6.25438144539703078 53.11413149412084778, 6.25126470298616255 53.11393695951402805, 6.23936395905985641 53.11338882574913356, 6.2377777498551934 53.120057300556212, 6.24539140333766252 53.12195751277732825, 6.25061257715768814 53.1254822475674473, 6.25547890628392977 53.12671887577423036, 6.25870311963577652 53.12695325780658351, 6.26184236410599926 53.12482590866931531, 6.26184236410599926 53.12482590866931531)))</t>
  </si>
  <si>
    <t>MultiPolygon (((6.31837845628719208 53.20383540266443134, 6.32014674502769225 53.20416257053057052, 6.32275534045983534 53.20278456915310272, 6.32424093197702408 53.20269338368058953, 6.32907057792997385 53.20418523221871965, 6.32945703978963703 53.19625524853714182, 6.33152217838834197 53.19388140939422982, 6.33612874107556134 53.19481619546620266, 6.34000418951907552 53.19761045094446672, 6.34187773347369443 53.19330364505935904, 6.34415978445093653 53.18303874249885155, 6.34299394597177102 53.18272100549344827, 6.34119518042850228 53.17973260664513191, 6.34342411015043517 53.17290387226185544, 6.33402535290341095 53.16961689845231831, 6.33009883839183018 53.17411630069498329, 6.31532307648690683 53.16886233095239334, 6.30686463638918227 53.16658997698056766, 6.29353027945613785 53.16279376274625434, 6.28582914212460331 53.15987506026409903, 6.27031748548185508 53.15404694944076169, 6.26560022031012576 53.1566200583462205, 6.26373959006468883 53.15636240040276306, 6.26297923189239203 53.15555409258872288, 6.25995396639893542 53.16377528550741971, 6.25766481116995266 53.16705109607962498, 6.26320326692999352 53.16968469711604683, 6.26344089442243313 53.17196993422539464, 6.26025237028626602 53.17278060609415036, 6.25410564680870529 53.17091453014724323, 6.25078876132332795 53.17488478750986047, 6.27324769724607378 53.17945501349629467, 6.27717803103324723 53.16897970056215428, 6.29363455499175917 53.17368928871929512, 6.31569707027331795 53.18489360215424711, 6.31862536262968799 53.18904777347835022, 6.31822806687129379 53.19904269558387, 6.31837845628719208 53.20383540266443134, 6.31837845628719208 53.20383540266443134),(6.32924427147878976 53.19182299537019531, 6.3279164993280137 53.19234506644413329, 6.32183734825498167 53.18957711947334133, 6.32128165130055564 53.18858005283699697, 6.32233576293410771 53.18757662061523916, 6.32670133526976386 53.18648100905745935, 6.32768215264174305 53.18087661493942164, 6.32949869975390911 53.17986881892281303, 6.33166279415882194 53.18120162238088255, 6.33351661090121798 53.18610055262313807, 6.33260392341533507 53.18842786969007363, 6.32924427147878976 53.19182299537019531, 6.32924427147878976 53.19182299537019531)))</t>
  </si>
  <si>
    <t>MultiPolygon (((6.24482783374072969 53.173621910671244, 6.25078876132332795 53.17488478750986047, 6.25410564680870529 53.17091453014724323, 6.25278045625868639 53.16702074875076534, 6.25766481116995266 53.16705109607962498, 6.25995396639893542 53.16377528550741971, 6.26297923189239203 53.15555409258872288, 6.26201539630075743 53.15541044786344571, 6.26036663761151946 53.15322209493336914, 6.26153763374416616 53.15161602541852659, 6.24292827562613262 53.14617404418289226, 6.24429225924771192 53.14267360299370324, 6.2462885033313098 53.14053687773023427, 6.23578635997420339 53.13783272396321422, 6.22381866576966214 53.13259198891979196, 6.20932151473033134 53.12207961708209325, 6.20456056000785416 53.1193719581649475, 6.2023815266707274 53.11722059123725614, 6.19294118544944627 53.12335659409693278, 6.18571669533954349 53.1292134404095151, 6.1790692818453028 53.13399202465020466, 6.17567757627473668 53.13507637668683259, 6.19212518182925642 53.13971499241849017, 6.22347079402914982 53.15177154743990684, 6.23115822267943642 53.15560651467080788, 6.23028258778986022 53.15787080724507518, 6.23161272140863698 53.15954755142498556, 6.23424711259935194 53.15959352131949345, 6.23697763074342326 53.16624103229777631, 6.23621458172770815 53.16820918890827841, 6.23789838051225676 53.16938027636850705, 6.24480999673856552 53.17144133723570576, 6.24391737041498285 53.17328725899571396, 6.24482783374072969 53.173621910671244, 6.24482783374072969 53.173621910671244)))</t>
  </si>
  <si>
    <t>MultiPolygon (((6.2462885033313098 53.14053687773023427, 6.24831526400765025 53.13642068096819315, 6.24152274463697321 53.13553305140802507, 6.23810967635248392 53.13331808273589019, 6.2388912182565317 53.13081772717335127, 6.22814834831433561 53.12810956528379336, 6.22252012749075956 53.12568671142241783, 6.2127870222903363 53.11815182479126918, 6.21286053676736216 53.11523253857383509, 6.20627131671622578 53.11544448455302359, 6.20620538969999647 53.11544776331621875, 6.20560981368222464 53.11546645468492045, 6.2023815266707274 53.11722059123725614, 6.20456056000785416 53.1193719581649475, 6.20932151473033134 53.12207961708209325, 6.22381866576966214 53.13259198891979196, 6.23578635997420339 53.13783272396321422, 6.2462885033313098 53.14053687773023427, 6.2462885033313098 53.14053687773023427)))</t>
  </si>
  <si>
    <t>MultiPolygon (((6.25410564680870529 53.17091453014724323, 6.26025237028626602 53.17278060609415036, 6.26344089442243313 53.17196993422539464, 6.26320326692999352 53.16968469711604683, 6.25766481116995266 53.16705109607962498, 6.25278045625868639 53.16702074875076534, 6.25410564680870529 53.17091453014724323, 6.25410564680870529 53.17091453014724323)))</t>
  </si>
  <si>
    <t>MultiPolygon (((6.29815138286815746 53.19327509933237508, 6.31518222097062853 53.19570255336957842, 6.31462011816867896 53.19880712381703347, 6.31822806687129379 53.19904269558387, 6.31862536262968799 53.18904777347835022, 6.31569707027331795 53.18489360215424711, 6.29363455499175917 53.17368928871929512, 6.27717803103324723 53.16897970056215428, 6.27324769724607378 53.17945501349629467, 6.27514154024131532 53.18029929440294978, 6.28447926260101752 53.18196003114217518, 6.28712104726330701 53.18326422545023036, 6.28634924561762709 53.18520470248611787, 6.28389668259765788 53.18553294376854979, 6.2821460560565745 53.19069771716156225, 6.29815138286815746 53.19327509933237508, 6.29815138286815746 53.19327509933237508)))</t>
  </si>
  <si>
    <t>MultiPolygon (((6.32924427147878976 53.19182299537019531, 6.33260392341533507 53.18842786969007363, 6.33351661090121798 53.18610055262313807, 6.33166279415882194 53.18120162238088255, 6.32949869975390911 53.17986881892281303, 6.32768215264174305 53.18087661493942164, 6.32670133526976386 53.18648100905745935, 6.32233576293410771 53.18757662061523916, 6.32128165130055564 53.18858005283699697, 6.32183734825498167 53.18957711947334133, 6.3279164993280137 53.19234506644413329, 6.32924427147878976 53.19182299537019531, 6.32924427147878976 53.19182299537019531)))</t>
  </si>
  <si>
    <t>MultiPolygon (((6.30686463638918227 53.16658997698056766, 6.31532307648690683 53.16886233095239334, 6.33009883839183018 53.17411630069498329, 6.33402535290341095 53.16961689845231831, 6.33342417425674586 53.16848395730819732, 6.33411127259849405 53.16607785032034883, 6.33673277669545154 53.16673549600524495, 6.33901734923865412 53.15923114205872224, 6.33691661036992926 53.1591554398882522, 6.33444905137707259 53.1550249945121891, 6.32459987648179123 53.15010493787305279, 6.32396090247140119 53.14855193809963652, 6.31103562899886317 53.14713695802996796, 6.30686463638918227 53.16658997698056766, 6.30686463638918227 53.16658997698056766)))</t>
  </si>
  <si>
    <t>MultiPolygon (((6.28582914212460331 53.15987506026409903, 6.29353027945613785 53.16279376274625434, 6.30686463638918227 53.16658997698056766, 6.31103562899886317 53.14713695802996796, 6.30507128575766629 53.14534677975590427, 6.29940807257483382 53.14491374848697092, 6.28987843431956861 53.1425416459117983, 6.28865825507387211 53.142438502560438, 6.28503795516245667 53.15834547115065334, 6.28582914212460331 53.15987506026409903, 6.28582914212460331 53.15987506026409903)))</t>
  </si>
  <si>
    <t>MultiPolygon (((6.26297923189239203 53.15555409258872288, 6.26373959006468883 53.15636240040276306, 6.26560022031012576 53.1566200583462205, 6.27031748548185508 53.15404694944076169, 6.28582914212460331 53.15987506026409903, 6.28503795516245667 53.15834547115065334, 6.28865825507387211 53.142438502560438, 6.27074570781382423 53.14013214468677404, 6.27110376927941449 53.13943868653460356, 6.2577455397783428 53.13662156587407281, 6.24831526400765025 53.13642068096819315, 6.2462885033313098 53.14053687773023427, 6.24429225924771192 53.14267360299370324, 6.24292827562613262 53.14617404418289226, 6.26153763374416616 53.15161602541852659, 6.26036663761151946 53.15322209493336914, 6.26201539630075743 53.15541044786344571, 6.26297923189239203 53.15555409258872288, 6.26297923189239203 53.15555409258872288)))</t>
  </si>
  <si>
    <t>MultiPolygon (((6.41081502550538485 53.21871152140163019, 6.4192999356990601 53.22167013364926191, 6.42727538380789643 53.22328057382186728, 6.42711678819402898 53.22422136053080521, 6.42850828005252861 53.22462250028492292, 6.43618413886389362 53.21405508188269096, 6.43754414485519799 53.21434194879143575, 6.43982087197500075 53.21025945307356153, 6.41394817945303153 53.21315021504713627, 6.41316104874193815 53.21195560585048412, 6.42415872811453692 53.2109439007618974, 6.41544928535298542 53.19814777683257745, 6.41112429578193055 53.21254924556424015, 6.3921250463230006 53.2119146097919824, 6.38919171806092212 53.21374985679585734, 6.3848885638431927 53.21345659846826948, 6.37498449196721317 53.20913196026832992, 6.37525846051905365 53.21260569774500482, 6.37766736451717087 53.21277646769721059, 6.38030696797067787 53.21533467171579446, 6.39021167309681459 53.21545750705772804, 6.39381143734307411 53.21491019751096019, 6.39613840961310043 53.21520921221564748, 6.39938181845851251 53.21662043707281953, 6.40353696766675551 53.21596678800610647, 6.40717179444559815 53.21411337197186242, 6.41177605665549777 53.21478461397774851, 6.41081502550538485 53.21871152140163019, 6.41081502550538485 53.21871152140163019)))</t>
  </si>
  <si>
    <t>MultiPolygon (((6.40621212643367688 53.21701069204456758, 6.41081502550538485 53.21871152140163019, 6.41177605665549777 53.21478461397774851, 6.40717179444559815 53.21411337197186242, 6.40353696766675551 53.21596678800610647, 6.40621212643367688 53.21701069204456758, 6.40621212643367688 53.21701069204456758)))</t>
  </si>
  <si>
    <t>MultiPolygon (((6.43982087197500075 53.21025945307356153, 6.46447361066095194 53.20761431803117603, 6.46467910290191039 53.2074594263320293, 6.46700361267095314 53.20617038243896957, 6.46689964814231022 53.20430244813254461, 6.46274561567742989 53.20197878676165004, 6.46346142082945097 53.20005823095439723, 6.44994791330788431 53.19669670644349679, 6.44941152765716996 53.19735308975999288, 6.42314293140459025 53.19491392025843624, 6.42323221711542214 53.19695303052364466, 6.42554030370971141 53.19810577835446708, 6.42503117585237327 53.19895938581345263, 6.41578909767176508 53.19701989655855101, 6.41544928535298542 53.19814777683257745, 6.42415872811453692 53.2109439007618974, 6.41316104874193815 53.21195560585048412, 6.41394817945303153 53.21315021504713627, 6.43982087197500075 53.21025945307356153, 6.43982087197500075 53.21025945307356153),(6.44795789363456784 53.19805958389932954, 6.45106198882568194 53.20544015811124439, 6.44265400808921562 53.20417940595126538, 6.43407998974327189 53.20197034196202424, 6.43403247739994644 53.19951469894977691, 6.43634301482682947 53.19821565373997885, 6.44495110897483414 53.19731163113108607, 6.44820459641933308 53.19744071787538786, 6.44795789363456784 53.19805958389932954, 6.44795789363456784 53.19805958389932954)))</t>
  </si>
  <si>
    <t>MultiPolygon (((6.44795789363456784 53.19805958389932954, 6.44820459641933308 53.19744071787538786, 6.44495110897483414 53.19731163113108607, 6.43634301482682947 53.19821565373997885, 6.43403247739994644 53.19951469894977691, 6.43407998974327189 53.20197034196202424, 6.44265400808921562 53.20417940595126538, 6.45106198882568194 53.20544015811124439, 6.44795789363456784 53.19805958389932954, 6.44795789363456784 53.19805958389932954)))</t>
  </si>
  <si>
    <t>MultiPolygon (((6.3921250463230006 53.2119146097919824, 6.41112429578193055 53.21254924556424015, 6.41544928535298542 53.19814777683257745, 6.41578909767176508 53.19701989655855101, 6.42503117585237327 53.19895938581345263, 6.42554030370971141 53.19810577835446708, 6.42323221711542214 53.19695303052364466, 6.42314293140459025 53.19491392025843624, 6.44941152765716996 53.19735308975999288, 6.44994791330788431 53.19669670644349679, 6.44771207469905061 53.19644058506132467, 6.44566194195633102 53.1910154871826677, 6.44286678373670885 53.1877404230892239, 6.43801790643877947 53.18565153606915885, 6.42448753052668486 53.18167802192382254, 6.4079702776151084 53.17814843033423955, 6.40559327608735973 53.1764748657579247, 6.4030433121385677 53.18692463592770281, 6.42172169725529862 53.19205226649878426, 6.42079253082536461 53.1933599165426827, 6.40262272952780975 53.1886956827091737, 6.40130903613489721 53.19424513487942363, 6.39843239025155697 53.20637835132421856, 6.3921250463230006 53.2119146097919824, 6.3921250463230006 53.2119146097919824)))</t>
  </si>
  <si>
    <t>MultiPolygon (((6.40262272952780975 53.1886956827091737, 6.42079253082536461 53.1933599165426827, 6.42172169725529862 53.19205226649878426, 6.4030433121385677 53.18692463592770281, 6.40262272952780975 53.1886956827091737, 6.40262272952780975 53.1886956827091737)))</t>
  </si>
  <si>
    <t>MultiPolygon (((6.36223814789348374 53.21125007698907439, 6.36577124711296172 53.21248746541328956, 6.37525846051905365 53.21260569774500482, 6.37498449196721317 53.20913196026832992, 6.3848885638431927 53.21345659846826948, 6.38919171806092212 53.21374985679585734, 6.38738081469897789 53.21021093539297908, 6.3849519446291394 53.19194761432418517, 6.40130903613489721 53.19424513487942363, 6.40262272952780975 53.1886956827091737, 6.4030433121385677 53.18692463592770281, 6.40559327608735973 53.1764748657579247, 6.40546953133430197 53.17628299978583328, 6.39240938294529659 53.1750759846421488, 6.39238878533384458 53.17303177706730821, 6.3871401412172526 53.17320147304616995, 6.3814236498592658 53.17142929020605635, 6.38144181792654486 53.17384813222201956, 6.38139199211860841 53.17734588980143684, 6.39605360866728745 53.17998670913316772, 6.3960051719628126 53.1818893979570646, 6.3816871213734272 53.17912384549921256, 6.38071038458059903 53.17788060550478235, 6.37331590036924478 53.17672850092269243, 6.36835419313448892 53.19128870363152828, 6.37184384351607491 53.20767955424576456, 6.36184689848523721 53.20468848366770942, 6.36223814789348374 53.21125007698907439, 6.36223814789348374 53.21125007698907439)))</t>
  </si>
  <si>
    <t>MultiPolygon (((6.38919171806092212 53.21374985679585734, 6.3921250463230006 53.2119146097919824, 6.39843239025155697 53.20637835132421856, 6.40130903613489721 53.19424513487942363, 6.3849519446291394 53.19194761432418517, 6.38738081469897789 53.21021093539297908, 6.38919171806092212 53.21374985679585734, 6.38919171806092212 53.21374985679585734)))</t>
  </si>
  <si>
    <t>MultiPolygon (((6.38071038458059903 53.17788060550478235, 6.3816871213734272 53.17912384549921256, 6.3960051719628126 53.1818893979570646, 6.39605360866728745 53.17998670913316772, 6.38139199211860841 53.17734588980143684, 6.3813848515406173 53.17787950837489319, 6.38071038458059903 53.17788060550478235, 6.38071038458059903 53.17788060550478235)))</t>
  </si>
  <si>
    <t>MultiPolygon (((6.32907057792997385 53.20418523221871965, 6.33580233400229531 53.20617152789390047, 6.34655168134634096 53.20798502450501388, 6.35701567115855237 53.20764423729912096, 6.36223814789348374 53.21125007698907439, 6.36184689848523721 53.20468848366770942, 6.37184384351607491 53.20767955424576456, 6.36835419313448892 53.19128870363152828, 6.37331590036924478 53.17672850092269243, 6.3656316097594523 53.17457577881921083, 6.36352730709075587 53.17643511283876734, 6.35897989844314271 53.17661190221043199, 6.35559972591987421 53.17421521154714981, 6.35321705160260919 53.17219623998495592, 6.35457096623750761 53.1677298272164407, 6.35720503863719255 53.16382198304699358, 6.36054028502184732 53.15494008360451517, 6.36274003459925552 53.14926980798661305, 6.36089242866967286 53.14892987379956679, 6.35732421616069399 53.14965131676227372, 6.35330577807962804 53.14895757082550176, 6.35106894374546282 53.15524127864980386, 6.34065836911730685 53.15391713372191873, 6.33901734923865412 53.15923114205872224, 6.33673277669545154 53.16673549600524495, 6.33411127259849405 53.16607785032034883, 6.33342417425674586 53.16848395730819732, 6.33402535290341095 53.16961689845231831, 6.34342411015043517 53.17290387226185544, 6.34119518042850228 53.17973260664513191, 6.34299394597177102 53.18272100549344827, 6.34415978445093653 53.18303874249885155, 6.34187773347369443 53.19330364505935904, 6.34000418951907552 53.19761045094446672, 6.33612874107556134 53.19481619546620266, 6.33152217838834197 53.19388140939422982, 6.32945703978963703 53.19625524853714182, 6.32907057792997385 53.20418523221871965, 6.32907057792997385 53.20418523221871965)))</t>
  </si>
  <si>
    <t>MultiPolygon (((6.35720503863719255 53.16382198304699358, 6.3619541914643607 53.16575426411544214, 6.36596409258479135 53.1662635772218195, 6.3691675057986501 53.15759177055571172, 6.36521175119828886 53.15579619463879624, 6.36054028502184732 53.15494008360451517, 6.35720503863719255 53.16382198304699358, 6.35720503863719255 53.16382198304699358)))</t>
  </si>
  <si>
    <t>MultiPolygon (((6.37331590036924478 53.17672850092269243, 6.37463918542272534 53.17283779173039449, 6.37483545905940385 53.17226330043137494, 6.37151564463428777 53.17168220647115362, 6.36454609384993031 53.17127728806477904, 6.36596409258479135 53.1662635772218195, 6.3619541914643607 53.16575426411544214, 6.35720503863719255 53.16382198304699358, 6.35457096623750761 53.1677298272164407, 6.35321705160260919 53.17219623998495592, 6.35559972591987421 53.17421521154714981, 6.35897989844314271 53.17661190221043199, 6.36352730709075587 53.17643511283876734, 6.3656316097594523 53.17457577881921083, 6.37331590036924478 53.17672850092269243, 6.37331590036924478 53.17672850092269243)))</t>
  </si>
  <si>
    <t>MultiPolygon (((6.34065836911730685 53.15391713372191873, 6.35106894374546282 53.15524127864980386, 6.35330577807962804 53.14895757082550176, 6.35732421616069399 53.14965131676227372, 6.36076887230050136 53.13777883300228666, 6.36105326675457317 53.13686440800047706, 6.36013648170935841 53.1360383709470625, 6.3553921431265703 53.13577070196138408, 6.35511343204863266 53.13387347115556025, 6.35259983200752121 53.13010316154251456, 6.34585049385248823 53.13047863858501074, 6.34144761228927667 53.12512758782640532, 6.34136467029441864 53.12339556440885247, 6.34318413536925529 53.12319346765973904, 6.34454444144785779 53.11545431423208896, 6.34246298387236163 53.10673614507226148, 6.33843584746318811 53.11757041064964113, 6.33722573357944263 53.11878418901659415, 6.3359266657156299 53.11887985515448918, 6.33377386819280996 53.11762980587664629, 6.33887263178459115 53.09731830729329971, 6.33779588219480505 53.08868884563361235, 6.31515744850533345 53.09405278464002009, 6.29642693359492345 53.09844333848249676, 6.2886476564805518 53.11928455546958361, 6.30938024791058538 53.12142914238174285, 6.3070078706324848 53.12976477293926791, 6.3469579145959063 53.13463676073917696, 6.34536268274627435 53.13760152299924755, 6.3436962897590039 53.1430785478055725, 6.34380643710054049 53.14672688413054402, 6.34065836911730685 53.15391713372191873, 6.34065836911730685 53.15391713372191873)))</t>
  </si>
  <si>
    <t>MultiPolygon (((6.35259983200752121 53.13010316154251456, 6.35511343204863266 53.13387347115556025, 6.3553921431265703 53.13577070196138408, 6.36013648170935841 53.1360383709470625, 6.36105326675457317 53.13686440800047706, 6.36847895682993848 53.13609109652821161, 6.36389196708106919 53.12928826004562666, 6.36157204802259546 53.12152493709702838, 6.36562689631621748 53.12128980155934244, 6.36535400003462382 53.11952728041923422, 6.36355988538131712 53.10756024735014336, 6.35662047728214041 53.10708451786673123, 6.34444285955064924 53.08715056901973384, 6.34099924297623918 53.08794458616267065, 6.34401214792447377 53.09376252652782568, 6.34334604563878202 53.10228699504197891, 6.34657636813420645 53.10460774258107364, 6.34790882530248268 53.10672459890128039, 6.34922275645808032 53.11506917090974156, 6.35348962077731549 53.12550453489639324, 6.35614841231455596 53.12923431107405747, 6.35259983200752121 53.13010316154251456, 6.35259983200752121 53.13010316154251456)))</t>
  </si>
  <si>
    <t>MultiPolygon (((6.35732421616069399 53.14965131676227372, 6.36089242866967286 53.14892987379956679, 6.36181035356732849 53.14554804625127815, 6.36261180548520233 53.14423906993189206, 6.36630608457381175 53.14447965699705634, 6.368632961263204 53.13926202016808986, 6.36076887230050136 53.13777883300228666, 6.35732421616069399 53.14965131676227372, 6.35732421616069399 53.14965131676227372)))</t>
  </si>
  <si>
    <t>MultiPolygon (((6.34454444144785779 53.11545431423208896, 6.34922275645808032 53.11506917090974156, 6.34790882530248268 53.10672459890128039, 6.34657636813420645 53.10460774258107364, 6.34334604563878202 53.10228699504197891, 6.34246298387236163 53.10673614507226148, 6.34454444144785779 53.11545431423208896, 6.34454444144785779 53.11545431423208896)))</t>
  </si>
  <si>
    <t>MultiPolygon (((6.368632961263204 53.13926202016808986, 6.37304613389362817 53.13985540223429638, 6.37858894763612572 53.14821641001043417, 6.38147257741310181 53.14773785673551743, 6.3660518914372437 53.12255834879193372, 6.36562689631621748 53.12128980155934244, 6.36157204802259546 53.12152493709702838, 6.36389196708106919 53.12928826004562666, 6.36847895682993848 53.13609109652821161, 6.36105326675457317 53.13686440800047706, 6.36076887230050136 53.13777883300228666, 6.368632961263204 53.13926202016808986, 6.368632961263204 53.13926202016808986)))</t>
  </si>
  <si>
    <t>MultiPolygon (((6.34334604563878202 53.10228699504197891, 6.34401214792447377 53.09376252652782568, 6.34099924297623918 53.08794458616267065, 6.33779588219480505 53.08868884563361235, 6.33887263178459115 53.09731830729329971, 6.33377386819280996 53.11762980587664629, 6.3359266657156299 53.11887985515448918, 6.33722573357944263 53.11878418901659415, 6.33843584746318811 53.11757041064964113, 6.34246298387236163 53.10673614507226148, 6.34334604563878202 53.10228699504197891, 6.34334604563878202 53.10228699504197891)))</t>
  </si>
  <si>
    <t>MultiPolygon (((6.34454444144785779 53.11545431423208896, 6.34318413536925529 53.12319346765973904, 6.34136467029441864 53.12339556440885247, 6.34144761228927667 53.12512758782640532, 6.34585049385248823 53.13047863858501074, 6.35259983200752121 53.13010316154251456, 6.35614841231455596 53.12923431107405747, 6.35348962077731549 53.12550453489639324, 6.34922275645808032 53.11506917090974156, 6.34454444144785779 53.11545431423208896, 6.34454444144785779 53.11545431423208896)))</t>
  </si>
  <si>
    <t>MultiPolygon (((6.38156401642322013 53.15318586104405085, 6.38154632997263338 53.14959267377723506, 6.38261227128184672 53.14957048973383991, 6.38147257741310181 53.14773785673551743, 6.37858894763612572 53.14821641001043417, 6.37304613389362817 53.13985540223429638, 6.368632961263204 53.13926202016808986, 6.36630608457381175 53.14447965699705634, 6.36261180548520233 53.14423906993189206, 6.36181035356732849 53.14554804625127815, 6.38156401642322013 53.15318586104405085, 6.38156401642322013 53.15318586104405085)))</t>
  </si>
  <si>
    <t>MultiPolygon (((6.3814236498592658 53.17142929020605635, 6.3871401412172526 53.17320147304616995, 6.39238878533384458 53.17303177706730821, 6.39240938294529659 53.1750759846421488, 6.40546953133430197 53.17628299978583328, 6.4041206997332516 53.1729550058144369, 6.40413789449149817 53.1685723799311134, 6.40268725094091362 53.16700566310762355, 6.39859445954794115 53.16486210593760831, 6.39761430163904432 53.16451272095508784, 6.3814236498592658 53.17142929020605635, 6.3814236498592658 53.17142929020605635)))</t>
  </si>
  <si>
    <t>MultiPolygon (((6.38071038458059903 53.17788060550478235, 6.3813848515406173 53.17787950837489319, 6.38139199211860841 53.17734588980143684, 6.38144181792654486 53.17384813222201956, 6.37463918542272534 53.17283779173039449, 6.37331590036924478 53.17672850092269243, 6.38071038458059903 53.17788060550478235, 6.38071038458059903 53.17788060550478235)))</t>
  </si>
  <si>
    <t>MultiPolygon (((6.36596409258479135 53.1662635772218195, 6.36454609384993031 53.17127728806477904, 6.37151564463428777 53.17168220647115362, 6.3740968332143586 53.1704406751892904, 6.37543152762787457 53.16732716773643119, 6.3743665537966665 53.1669798600840835, 6.37927849236732047 53.1554366274992276, 6.37054959264777754 53.15427052093443194, 6.37122953345395349 53.15242129010430006, 6.36274003459925552 53.14926980798661305, 6.36054028502184732 53.15494008360451517, 6.36521175119828886 53.15579619463879624, 6.3691675057986501 53.15759177055571172, 6.36596409258479135 53.1662635772218195, 6.36596409258479135 53.1662635772218195)))</t>
  </si>
  <si>
    <t>MultiPolygon (((6.37463918542272534 53.17283779173039449, 6.38144181792654486 53.17384813222201956, 6.3814236498592658 53.17142929020605635, 6.39761430163904432 53.16451272095508784, 6.39509371811201355 53.16352872133477092, 6.39112812913670503 53.15941875432227448, 6.38872855086607405 53.15801477184856338, 6.38147095938597353 53.15343602083885344, 6.38057262290234739 53.15415905007111519, 6.38248799469595784 53.15540854829194473, 6.37927849236732047 53.1554366274992276, 6.3743665537966665 53.1669798600840835, 6.37543152762787457 53.16732716773643119, 6.3740968332143586 53.1704406751892904, 6.37151564463428777 53.17168220647115362, 6.37483545905940385 53.17226330043137494, 6.37463918542272534 53.17283779173039449, 6.37463918542272534 53.17283779173039449)))</t>
  </si>
  <si>
    <t>MultiPolygon (((6.37927849236732047 53.1554366274992276, 6.38248799469595784 53.15540854829194473, 6.38057262290234739 53.15415905007111519, 6.38147095938597353 53.15343602083885344, 6.38156401642322013 53.15318586104405085, 6.36181035356732849 53.14554804625127815, 6.36089242866967286 53.14892987379956679, 6.36274003459925552 53.14926980798661305, 6.37122953345395349 53.15242129010430006, 6.37054959264777754 53.15427052093443194, 6.37927849236732047 53.1554366274992276, 6.37927849236732047 53.1554366274992276)))</t>
  </si>
  <si>
    <t>MultiPolygon (((6.34441423183640918 53.25207635502044923, 6.3444744702820044 53.24972185822630877, 6.34847586766958472 53.2497902947830184, 6.3589171376234761 53.25155072456228567, 6.35842096782666122 53.24604689868846918, 6.36310025136284896 53.2452812601907155, 6.36296382677404182 53.24119333097842599, 6.36493958058132225 53.24123477357428413, 6.36499238383754218 53.24213082824799415, 6.37209938430476264 53.24243004764586118, 6.37148051299623042 53.23725658747668632, 6.37650718389343574 53.23876898124941448, 6.37815371274668408 53.2382701956016291, 6.37938871462338941 53.23620070580556529, 6.38362707738879109 53.23626511546149231, 6.39130260268865946 53.23458534852871793, 6.39952321953254177 53.2251632211174126, 6.40262906023798273 53.22025008352606079, 6.40450130603365775 53.22015563220473666, 6.40621212643367688 53.21701069204456758, 6.40353696766675551 53.21596678800610647, 6.39938181845851251 53.21662043707281953, 6.39613840961310043 53.21520921221564748, 6.39381143734307411 53.21491019751096019, 6.39021167309681459 53.21545750705772804, 6.38030696797067787 53.21533467171579446, 6.37766736451717087 53.21277646769721059, 6.37525846051905365 53.21260569774500482, 6.36577124711296172 53.21248746541328956, 6.36223814789348374 53.21125007698907439, 6.35701567115855237 53.20764423729912096, 6.34655168134634096 53.20798502450501388, 6.33580233400229531 53.20617152789390047, 6.32907057792997385 53.20418523221871965, 6.32424093197702408 53.20269338368058953, 6.32275534045983534 53.20278456915310272, 6.32014674502769225 53.20416257053057052, 6.31837845628719208 53.20383540266443134, 6.31704134266148731 53.2186311096057949, 6.32074341789177208 53.21902695564227059, 6.33061734087741268 53.21842011054233978, 6.33492743075397069 53.21963352610793407, 6.33709816709932561 53.2189435280144707, 6.33703967443732541 53.21805942365484299, 6.34497252916522481 53.21823393423544957, 6.34796421835752955 53.21832739771976861, 6.35391400864009182 53.22094342879162099, 6.36187418955105688 53.22655600645305185, 6.36277619667450622 53.22856830174312393, 6.36057127362162689 53.22973867127880965, 6.35343963182227345 53.23112848692688459, 6.34916121057331662 53.22743981390806312, 6.34684241825521411 53.22633062589633823, 6.34401272592939947 53.22621010034460198, 6.33941790661080073 53.2251586757920947, 6.34047484672365158 53.22284086219064392, 6.33640920992461432 53.22199975658939053, 6.32134153476641458 53.22308400207074897, 6.31679073832698013 53.22243527854751477, 6.31522316032457898 53.22794350218916293, 6.31332996308271355 53.24793032203894683, 6.32073263495991355 53.24966081959933462, 6.34441423183640918 53.25207635502044923, 6.34441423183640918 53.25207635502044923)))</t>
  </si>
  <si>
    <t>MultiPolygon (((6.31679073832698013 53.22243527854751477, 6.32134153476641458 53.22308400207074897, 6.33640920992461432 53.22199975658939053, 6.34047484672365158 53.22284086219064392, 6.33941790661080073 53.2251586757920947, 6.34401272592939947 53.22621010034460198, 6.34755284545714016 53.22538022882209674, 6.34486690444648893 53.22520930973423958, 6.34313768204072126 53.22395023956838855, 6.3434031558705879 53.22085915811311452, 6.34497252916522481 53.21823393423544957, 6.33703967443732541 53.21805942365484299, 6.33709816709932561 53.2189435280144707, 6.33492743075397069 53.21963352610793407, 6.33061734087741268 53.21842011054233978, 6.32074341789177208 53.21902695564227059, 6.31704134266148731 53.2186311096057949, 6.31701628658277414 53.21899973250298643, 6.31679073832698013 53.22243527854751477, 6.31679073832698013 53.22243527854751477)))</t>
  </si>
  <si>
    <t>MultiPolygon (((6.34401272592939947 53.22621010034460198, 6.34684241825521411 53.22633062589633823, 6.34916121057331662 53.22743981390806312, 6.35343963182227345 53.23112848692688459, 6.36057127362162689 53.22973867127880965, 6.36277619667450622 53.22856830174312393, 6.36187418955105688 53.22655600645305185, 6.35391400864009182 53.22094342879162099, 6.34796421835752955 53.21832739771976861, 6.34497252916522481 53.21823393423544957, 6.3434031558705879 53.22085915811311452, 6.34313768204072126 53.22395023956838855, 6.34486690444648893 53.22520930973423958, 6.34755284545714016 53.22538022882209674, 6.34401272592939947 53.22621010034460198, 6.34401272592939947 53.22621010034460198)))</t>
  </si>
  <si>
    <t>MultiPolygon (((6.24174812931953227 53.17779899382894371, 6.24482783374072969 53.173621910671244, 6.24391737041498285 53.17328725899571396, 6.24480999673856552 53.17144133723570576, 6.23789838051225676 53.16938027636850705, 6.23621458172770815 53.16820918890827841, 6.23697763074342326 53.16624103229777631, 6.23424711259935194 53.15959352131949345, 6.23161272140863698 53.15954755142498556, 6.23028258778986022 53.15787080724507518, 6.23115822267943642 53.15560651467080788, 6.22347079402914982 53.15177154743990684, 6.19212518182925642 53.13971499241849017, 6.17567757627473668 53.13507637668683259, 6.17630387614727372 53.15278529385354034, 6.17675035960531904 53.15950451336303217, 6.17733700150069698 53.16698276466402717, 6.18122387646844462 53.17034826482982623, 6.18301680107472151 53.17398436116940275, 6.19295658201658838 53.17079545818174324, 6.19829132273201289 53.17040282265693207, 6.21331791848816462 53.17069873033999983, 6.22409220751939429 53.17166920243932537, 6.23547398678392195 53.1768314854598998, 6.24174812931953227 53.17779899382894371, 6.24174812931953227 53.17779899382894371)))</t>
  </si>
  <si>
    <t>MultiPolygon (((6.23829632438392334 53.18185669499265344, 6.24478325001944157 53.18468482560053445, 6.24599208585864396 53.18513951999049283, 6.25009110901066389 53.18461361501911, 6.25210194822786836 53.18335904683984694, 6.25202225537575096 53.18243573816403114, 6.25017876377878334 53.18000760803396076, 6.24336133128200288 53.17837382943586277, 6.23837692258314025 53.18009364755900492, 6.23829632438392334 53.18185669499265344, 6.23829632438392334 53.18185669499265344)))</t>
  </si>
  <si>
    <t>MultiPolygon (((6.23829632438392334 53.18185669499265344, 6.23837692258314025 53.18009364755900492, 6.24336133128200288 53.17837382943586277, 6.24174812931953227 53.17779899382894371, 6.23547398678392195 53.1768314854598998, 6.22409220751939429 53.17166920243932537, 6.21331791848816462 53.17069873033999983, 6.21245253397455421 53.17793680292229652, 6.22636644655663396 53.17928137749693462, 6.23829632438392334 53.18185669499265344, 6.23829632438392334 53.18185669499265344)))</t>
  </si>
  <si>
    <t>MultiPolygon (((6.18579109766842627 53.17883236142513681, 6.1995967605533906 53.17762527477554357, 6.21245253397455421 53.17793680292229652, 6.21331791848816462 53.17069873033999983, 6.19829132273201289 53.17040282265693207, 6.19295658201658838 53.17079545818174324, 6.18301680107472151 53.17398436116940275, 6.18579109766842627 53.17883236142513681, 6.18579109766842627 53.17883236142513681)))</t>
  </si>
  <si>
    <t>MultiPolygon (((6.23174908492206825 53.25594662793961476, 6.27647870092148263 53.25577194543834025, 6.27769126785822174 53.25335269281804074, 6.27526078352691119 53.25299590175193032, 6.27848869702486567 53.24507514320497137, 6.30158050685046156 53.2476134443580591, 6.31332996308271355 53.24793032203894683, 6.31522316032457898 53.22794350218916293, 6.30338191250406066 53.227636293099998, 6.29067457480689551 53.22599271602811655, 6.27766951313438781 53.22293246468088768, 6.26063989348880767 53.22029274957069589, 6.24138788778020182 53.21517229412155814, 6.24090733307289014 53.21433777031789703, 6.22893410100199763 53.2168054779209001, 6.22998841868740083 53.21781844979831533, 6.23017332037841154 53.22244043154710624, 6.22533945746556583 53.22545538154753331, 6.22463209675297335 53.23007379490153568, 6.22168049206071849 53.23166769714316615, 6.21458393599662262 53.23371069740248629, 6.21480595117132584 53.23564852807710679, 6.21554252297971654 53.23698515481564897, 6.22023905420231227 53.23734776067461638, 6.22497205667808462 53.2385928391031058, 6.22461591919350532 53.23970094121700214, 6.22282344390746189 53.23949767281887802, 6.21844951535539181 53.24169130329169519, 6.2179782381122557 53.2419321304914277, 6.21945349010247739 53.24286675052616857, 6.22511152999902251 53.24459042052552604, 6.22774333303897798 53.24523967288598669, 6.22970721297052688 53.24475189970333133, 6.23109486567497051 53.24510536235961666, 6.23207525566721632 53.24712466375614639, 6.22960156846869939 53.2489131972108396, 6.23031847926166904 53.25042641878552985, 6.23366518351285759 53.25039899832440682, 6.23510067936951806 53.25335484367729322, 6.23262526612874446 53.2545639167075322, 6.23174908492206825 53.25594662793961476, 6.23174908492206825 53.25594662793961476),(6.26781701103558753 53.23908389139887731, 6.26446865498408201 53.23905168653735842, 6.25817445456125032 53.23792822831208582, 6.25286461288012951 53.2358324792169384, 6.25249058601969399 53.23473102808962665, 6.2550361823786309 53.23179389803906503, 6.25525126031009826 53.22752063886522222, 6.25760378111059801 53.22476175227544815, 6.26009421988373127 53.2250008873132856, 6.26164924139732726 53.22748036825516493, 6.26072599132782415 53.23300279309475513, 6.27234308975143406 53.23321196882859851, 6.27609367726132472 53.23454955619976658, 6.27634899903876153 53.23618760489362955, 6.27427316397089818 53.23757613268946898, 6.26781701103558753 53.23908389139887731, 6.26781701103558753 53.23908389139887731)))</t>
  </si>
  <si>
    <t>MultiPolygon (((6.26781701103558753 53.23908389139887731, 6.27427316397089818 53.23757613268946898, 6.27634899903876153 53.23618760489362955, 6.27609367726132472 53.23454955619976658, 6.27234308975143406 53.23321196882859851, 6.26072599132782415 53.23300279309475513, 6.26164924139732726 53.22748036825516493, 6.26009421988373127 53.2250008873132856, 6.25760378111059801 53.22476175227544815, 6.25525126031009826 53.22752063886522222, 6.2550361823786309 53.23179389803906503, 6.25249058601969399 53.23473102808962665, 6.25286461288012951 53.2358324792169384, 6.25817445456125032 53.23792822831208582, 6.26446865498408201 53.23905168653735842, 6.26781701103558753 53.23908389139887731, 6.26781701103558753 53.23908389139887731)))</t>
  </si>
  <si>
    <t>MultiPolygon (((6.23959066820713382 53.19667162827096263, 6.2403286105141289 53.19282091257943534, 6.23932425920918288 53.18991319764301551, 6.24478325001944157 53.18468482560053445, 6.23829632438392334 53.18185669499265344, 6.22636644655663396 53.17928137749693462, 6.21245253397455421 53.17793680292229652, 6.1995967605533906 53.17762527477554357, 6.18579109766842627 53.17883236142513681, 6.18803420529087234 53.1824867165186177, 6.19309742673177688 53.18927773238423384, 6.19527679656285457 53.19149850199762142, 6.197037147762674 53.19201586889665379, 6.19983060038543599 53.19532269832876636, 6.19962142157068019 53.198355319732336, 6.20411456248933924 53.19975847489948961, 6.20957817462374617 53.19996097745446662, 6.21924235890738419 53.20612981135383279, 6.22483962026341064 53.2120038239943085, 6.22475013696332358 53.2145785733409582, 6.22893410100199763 53.2168054779209001, 6.24090733307289014 53.21433777031789703, 6.24138788778020182 53.21517229412155814, 6.26063989348880767 53.22029274957069589, 6.26194806733999521 53.21495170763422067, 6.2615218209690422 53.21192989608577761, 6.25973940421836783 53.20905947964939031, 6.26149165689361364 53.2065841216235782, 6.25969776661731192 53.20599176721470513, 6.26086438086180053 53.20437468489901534, 6.25704592347332955 53.20336672829661495, 6.25232894549692286 53.20323459768280117, 6.24679053911429083 53.20424546567699053, 6.24449473453435289 53.20363905035443253, 6.2427764778725745 53.19886625216021514, 6.23959066820713382 53.19667162827096263),(6.23959066820713382 53.19667162827096263, 6.23973381673802763 53.19968767473665139, 6.23796926582645828 53.20203600910661379, 6.23567608190889544 53.2029334443559847, 6.23272820615035705 53.20287113820188551, 6.22395361649760481 53.2005446319844495, 6.21530520460478275 53.19741910672081531, 6.21213127212703764 53.19569431915932256, 6.21184003542652885 53.1938345300067823, 6.21542483695960346 53.19210304447857141, 6.21999801955259368 53.19174563367590736, 6.23959066820713382 53.19667162827096263)))</t>
  </si>
  <si>
    <t>MultiPolygon (((6.26500741722977761 53.20297344129955519, 6.29053921301848806 53.21170312855101514, 6.29815138286815746 53.19327509933237508, 6.2821460560565745 53.19069771716156225, 6.28389668259765788 53.18553294376854979, 6.28634924561762709 53.18520470248611787, 6.28712104726330701 53.18326422545023036, 6.28447926260101752 53.18196003114217518, 6.27514154024131532 53.18029929440294978, 6.27324769724607378 53.17945501349629467, 6.25078876132332795 53.17488478750986047, 6.24482783374072969 53.173621910671244, 6.24174812931953227 53.17779899382894371, 6.24336133128200288 53.17837382943586277, 6.25017876377878334 53.18000760803396076, 6.25202225537575096 53.18243573816403114, 6.25210194822786836 53.18335904683984694, 6.25009110901066389 53.18461361501911, 6.24599208585864396 53.18513951999049283, 6.24478325001944157 53.18468482560053445, 6.23932425920918288 53.18991319764301551, 6.2403286105141289 53.19282091257943534, 6.24259491350163298 53.19332708542734167, 6.24748753528157152 53.19617549391610822, 6.26398757667772088 53.20199074876357059, 6.26500741722977761 53.20297344129955519, 6.26500741722977761 53.20297344129955519)))</t>
  </si>
  <si>
    <t>MultiPolygon (((6.31701628658277414 53.21899973250298643, 6.31704134266148731 53.2186311096057949, 6.31837845628719208 53.20383540266443134, 6.31822806687129379 53.19904269558387, 6.31462011816867896 53.19880712381703347, 6.31518222097062853 53.19570255336957842, 6.29815138286815746 53.19327509933237508, 6.29053921301848806 53.21170312855101514, 6.28924174657934021 53.21452496333992599, 6.29574193812609106 53.21666851423945133, 6.31701628658277414 53.21899973250298643, 6.31701628658277414 53.21899973250298643)))</t>
  </si>
  <si>
    <t>MultiPolygon (((6.23959066820713382 53.19667162827096263, 6.21999801955259368 53.19174563367590736, 6.21542483695960346 53.19210304447857141, 6.21184003542652885 53.1938345300067823, 6.21213127212703764 53.19569431915932256, 6.21530520460478275 53.19741910672081531, 6.22395361649760481 53.2005446319844495, 6.23272820615035705 53.20287113820188551, 6.23567608190889544 53.2029334443559847, 6.23796926582645828 53.20203600910661379, 6.23973381673802763 53.19968767473665139, 6.23959066820713382 53.19667162827096263, 6.23959066820713382 53.19667162827096263)))</t>
  </si>
  <si>
    <t>MultiPolygon (((6.29067457480689551 53.22599271602811655, 6.30338191250406066 53.227636293099998, 6.31522316032457898 53.22794350218916293, 6.31679073832698013 53.22243527854751477, 6.31701628658277414 53.21899973250298643, 6.29574193812609106 53.21666851423945133, 6.29067457480689551 53.22599271602811655, 6.29067457480689551 53.22599271602811655)))</t>
  </si>
  <si>
    <t>MultiPolygon (((6.26149165689361364 53.2065841216235782, 6.26500741722977761 53.20297344129955519, 6.26398757667772088 53.20199074876357059, 6.24748753528157152 53.19617549391610822, 6.24259491350163298 53.19332708542734167, 6.2403286105141289 53.19282091257943534, 6.23959066820713382 53.19667162827096263, 6.2427764778725745 53.19886625216021514, 6.24449473453435289 53.20363905035443253, 6.24679053911429083 53.20424546567699053, 6.25232894549692286 53.20323459768280117, 6.25704592347332955 53.20336672829661495, 6.26086438086180053 53.20437468489901534, 6.25969776661731192 53.20599176721470513, 6.26149165689361364 53.2065841216235782, 6.26149165689361364 53.2065841216235782)))</t>
  </si>
  <si>
    <t>MultiPolygon (((6.26063989348880767 53.22029274957069589, 6.27766951313438781 53.22293246468088768, 6.29067457480689551 53.22599271602811655, 6.29574193812609106 53.21666851423945133, 6.28924174657934021 53.21452496333992599, 6.29053921301848806 53.21170312855101514, 6.26500741722977761 53.20297344129955519, 6.26149165689361364 53.2065841216235782, 6.25973940421836783 53.20905947964939031, 6.2615218209690422 53.21192989608577761, 6.26194806733999521 53.21495170763422067, 6.26063989348880767 53.22029274957069589, 6.26063989348880767 53.22029274957069589)))</t>
  </si>
  <si>
    <t>MultiPolygon (((6.41067132025470876 53.42123670852113548, 6.41933342694222464 53.41048845704325032, 6.42201991778445969 53.4100200436925121, 6.41808243247616872 53.38742799749464751, 6.41918149037769847 53.38487169788733411, 6.41778064567588125 53.38236097440009331, 6.42212964262078767 53.38041193836806997, 6.4307395341562934 53.37968610521088664, 6.43389763205891274 53.3771157141604391, 6.42844793172391338 53.36937967530835891, 6.43019621833436439 53.36799813544472926, 6.43178984941605503 53.3685953372566928, 6.43336779946876014 53.36682715680069578, 6.43123435856477865 53.36545739249066145, 6.43671615143480569 53.36200632796111876, 6.4286643457314927 53.35827252648314811, 6.42642212488026932 53.36033449977166043, 6.42485731392749315 53.36452863474361408, 6.41074596247973538 53.37068289443677571, 6.40841324477068941 53.37324848338813155, 6.41016917139769848 53.37530476872404961, 6.40868603934400571 53.37662984402896882, 6.3988303546506673 53.37658676017218795, 6.39276494832332176 53.37700658236077089, 6.38484686456768813 53.37853885080220806, 6.3823315603860884 53.37822945887838699, 6.37455702640903077 53.38315642845375919, 6.37467836112651387 53.37705698946756883, 6.37330258055333854 53.37636514752504269, 6.36995178103664728 53.37610277847950613, 6.36786926465255299 53.37433331261449609, 6.36507202652186965 53.37283132954225096, 6.3600989304001585 53.3713789099084579, 6.33591589324110593 53.37434692727562435, 6.33240021386514584 53.37100668089873068, 6.3290566575380014 53.37063641516606793, 6.31931286512166057 53.37165523609596818, 6.32073235486064444 53.37821775237869559, 6.31658402193284818 53.38138358769078451, 6.30848091295951807 53.38958905756302187, 6.30653584904256892 53.39250636963712537, 6.30037887946274555 53.39820717246880122, 6.30458150910348181 53.39599050089389465, 6.3077680129906577 53.39663471321641453, 6.31236755938179783 53.39651551795063256, 6.31319451192979653 53.397605867030002, 6.32764027166785947 53.40263431505085379, 6.32916933539430371 53.40404628958826549, 6.33913975922765438 53.40642845423105456, 6.33840114016149858 53.41059088297273405, 6.33930414164553824 53.41082084914667405, 6.34526957942568082 53.41024109159863542, 6.34838388879949989 53.41050376074930739, 6.34976981109970318 53.41215878458428534, 6.35459045725228844 53.41224733190412621, 6.3572526411434005 53.41304849703027458, 6.3574557297825498 53.41414939095268011, 6.36758543544346001 53.41638630718055225, 6.38605479918897245 53.41950051652496256, 6.39551906224164934 53.42060817885842994, 6.41067132025470876 53.42123670852113548, 6.41067132025470876 53.42123670852113548),(6.40927871728306009 53.39721658003441007, 6.40700430599778592 53.39614412015910716, 6.40571586253062808 53.39144262580104794, 6.4073693915043064 53.39043402145639305, 6.41052971221409518 53.3912215126156724, 6.4118514383109666 53.39262550554374087, 6.41219240949380431 53.39488866904553532, 6.41056512814796342 53.39713095432676226, 6.40927871728306009 53.39721658003441007, 6.40927871728306009 53.39721658003441007),(6.39429061708305291 53.39243060722676404, 6.39190250704576179 53.39212427924891813, 6.38657904047688341 53.38621169639193909, 6.38884831490753058 53.38426484575634134, 6.39369938762760182 53.38335724928413129, 6.39833656703978093 53.38549626922453939, 6.40002128343471899 53.38771896602450084, 6.39429061708305291 53.39243060722676404, 6.39429061708305291 53.39243060722676404),(6.37758345511899805 53.39071261352121667, 6.37468321378013325 53.39480973299493627, 6.37347873718121516 53.39479096860208074, 6.37129304833448895 53.39296232101219175, 6.37077414598588376 53.39150191074652696, 6.36704758068416687 53.38859121234804661, 6.36249594811153329 53.39009733445045924, 6.35762458538169284 53.39024061392289866, 6.35483514488417534 53.38939709052576177, 6.35405346573093777 53.38851660749838857, 6.3570897450878876 53.38572910277257932, 6.35945031512422343 53.38543655299750412, 6.36305476914974655 53.38584710790684795, 6.36684721227153272 53.38711527387208378, 6.3676691847757354 53.38533335797617951, 6.37138531266386554 53.38405289524688868, 6.37473371922094234 53.38424504761263734, 6.37795312329147279 53.38666491927270386, 6.37758345511899805 53.39071261352121667, 6.37758345511899805 53.39071261352121667),(6.40310618943439191 53.3845726906076834, 6.40649985696481572 53.38469450069817412, 6.41104195531333509 53.38679171891753583, 6.40896486283471845 53.38836894788736487, 6.40411571935394264 53.38868352587154931, 6.40107984508706451 53.38819078372394955, 6.40033931936597611 53.38725240365943137, 6.40156164401248873 53.38515855712364555, 6.40310618943439191 53.3845726906076834, 6.40310618943439191 53.3845726906076834)))</t>
  </si>
  <si>
    <t>MultiPolygon (((6.41056512814796342 53.39713095432676226, 6.41219240949380431 53.39488866904553532, 6.4118514383109666 53.39262550554374087, 6.41052971221409518 53.3912215126156724, 6.4073693915043064 53.39043402145639305, 6.40571586253062808 53.39144262580104794, 6.40700430599778592 53.39614412015910716, 6.40927871728306009 53.39721658003441007, 6.41056512814796342 53.39713095432676226, 6.41056512814796342 53.39713095432676226)))</t>
  </si>
  <si>
    <t>MultiPolygon (((6.40896486283471845 53.38836894788736487, 6.41104195531333509 53.38679171891753583, 6.40649985696481572 53.38469450069817412, 6.40310618943439191 53.3845726906076834, 6.40156164401248873 53.38515855712364555, 6.40033931936597611 53.38725240365943137, 6.40107984508706451 53.38819078372394955, 6.40411571935394264 53.38868352587154931, 6.40896486283471845 53.38836894788736487, 6.40896486283471845 53.38836894788736487)))</t>
  </si>
  <si>
    <t>MultiPolygon (((6.36704758068416687 53.38859121234804661, 6.37077414598588376 53.39150191074652696, 6.37129304833448895 53.39296232101219175, 6.37347873718121516 53.39479096860208074, 6.37468321378013325 53.39480973299493627, 6.37758345511899805 53.39071261352121667, 6.37795312329147279 53.38666491927270386, 6.37473371922094234 53.38424504761263734, 6.37138531266386554 53.38405289524688868, 6.3676691847757354 53.38533335797617951, 6.36684721227153272 53.38711527387208378, 6.3668258861325624 53.38716879954917971, 6.36704758068416687 53.38859121234804661, 6.36704758068416687 53.38859121234804661)))</t>
  </si>
  <si>
    <t>MultiPolygon (((6.36704758068416687 53.38859121234804661, 6.3668258861325624 53.38716879954917971, 6.36684721227153272 53.38711527387208378, 6.36305476914974655 53.38584710790684795, 6.35945031512422343 53.38543655299750412, 6.3570897450878876 53.38572910277257932, 6.35405346573093777 53.38851660749838857, 6.35483514488417534 53.38939709052576177, 6.35762458538169284 53.39024061392289866, 6.36249594811153329 53.39009733445045924, 6.36704758068416687 53.38859121234804661, 6.36704758068416687 53.38859121234804661)))</t>
  </si>
  <si>
    <t>MultiPolygon (((6.39429061708305291 53.39243060722676404, 6.40002128343471899 53.38771896602450084, 6.39833656703978093 53.38549626922453939, 6.39369938762760182 53.38335724928413129, 6.38884831490753058 53.38426484575634134, 6.38657904047688341 53.38621169639193909, 6.39190250704576179 53.39212427924891813, 6.39429061708305291 53.39243060722676404, 6.39429061708305291 53.39243060722676404)))</t>
  </si>
  <si>
    <t>MultiPolygon (((6.52997847494955863 53.43217987333468955, 6.53635744477471281 53.4316354333636383, 6.54535967133304819 53.4329658390009854, 6.546234289091589 53.43076562977181965, 6.5477465356179545 53.42634549592857951, 6.52944364488875362 53.42357619645758859, 6.5219034818283097 53.42619826023317842, 6.51548923622918785 53.42559020767156852, 6.51332186314813288 53.41740286967392848, 6.51078924764369926 53.4176076035622529, 6.50565009485364687 53.40965567244759171, 6.5101969044286907 53.40874573289612925, 6.51088077099152152 53.40582813551910135, 6.51028074063618778 53.40412216798782907, 6.50701377909250755 53.40442706695672825, 6.50489903024246718 53.40303857735139559, 6.50506827299712143 53.40203295708686682, 6.50684263339914004 53.40137100926572344, 6.50745064408741403 53.39968755060470329, 6.50135014498265029 53.39839685596112417, 6.49740820536947439 53.39579246252332467, 6.49119524493125244 53.39839855878733488, 6.49152215751306017 53.40037915693633863, 6.4859491993267131 53.40223236080967695, 6.48524784600656989 53.40431726828575876, 6.48155802797279534 53.40597840739528834, 6.47156874520994574 53.40710665908136434, 6.46891800378680326 53.40622295597250968, 6.46977858790839022 53.40498923425670341, 6.47634815596108648 53.40350292820574651, 6.47331785180260422 53.4008699819695849, 6.47314658368706652 53.39938158541816193, 6.47428133835937558 53.39829867317862266, 6.48476832068072895 53.3983964962867077, 6.4822494386144287 53.39602884288115092, 6.47968504685733393 53.39159890991783897, 6.47519795000535847 53.38990450613465555, 6.47140073021852213 53.38982798418966524, 6.46904703703013695 53.39060093973021281, 6.46672256336499274 53.391319104137132, 6.46409710826773587 53.39133645004346818, 6.45673001714226125 53.38771800860066463, 6.446964733762373 53.38656213391536198, 6.44419772666406043 53.38533745806500264, 6.43650821911937054 53.37984541234087033, 6.4361855378511148 53.37659820191768745, 6.43389763205891274 53.3771157141604391, 6.4307395341562934 53.37968610521088664, 6.42212964262078767 53.38041193836806997, 6.41778064567588125 53.38236097440009331, 6.41918149037769847 53.38487169788733411, 6.41808243247616872 53.38742799749464751, 6.42201991778445969 53.4100200436925121, 6.41933342694222464 53.41048845704325032, 6.41067132025470876 53.42123670852113548, 6.41430338378672893 53.4227676932478559, 6.42595170567022844 53.42217522404397556, 6.4766103108888764 53.42663259180589819, 6.47820982327627881 53.42759547589974289, 6.49918779298872895 53.43028666422143402, 6.50242801504825962 53.42969999321401531, 6.52997847494955863 53.43217987333468955, 6.52997847494955863 53.43217987333468955),(6.44375435270593311 53.40345199593690495, 6.44071860006345887 53.40314108216313116, 6.44007598187077601 53.4021408729084115, 6.44164710182403866 53.40023058342135442, 6.44582524589319306 53.39852537948915057, 6.45937284953461432 53.39761920504552251, 6.46334792509521172 53.39840591793042535, 6.46428444277766623 53.39918098067613528, 6.46423087137057362 53.40027771372365351, 6.45670139496764506 53.40197856645943375, 6.44375435270593311 53.40345199593690495, 6.44375435270593311 53.40345199593690495)))</t>
  </si>
  <si>
    <t>MultiPolygon (((6.43389763205891274 53.3771157141604391, 6.4361855378511148 53.37659820191768745, 6.43650821911937054 53.37984541234087033, 6.44419772666406043 53.38533745806500264, 6.446964733762373 53.38656213391536198, 6.45673001714226125 53.38771800860066463, 6.46409710826773587 53.39133645004346818, 6.46672256336499274 53.391319104137132, 6.46904703703013695 53.39060093973021281, 6.46902443882259348 53.38772454111002475, 6.46795562072942332 53.3876718383687674, 6.4697635016207089 53.38303912430411913, 6.48035719119059284 53.36560679381338446, 6.47612887349234168 53.36399445489141158, 6.47267444024090555 53.3617745938022594, 6.46537323989999901 53.35566271852511733, 6.4582128094661142 53.35328030624508955, 6.4518196661562337 53.35298999438182932, 6.44826186070943042 53.35348252149792359, 6.44526332573650862 53.35484951171711998, 6.4411457754404644 53.3546306944195905, 6.43584067856168573 53.35530158113998311, 6.43093635941429653 53.35682858443781384, 6.4286643457314927 53.35827252648314811, 6.43671615143480569 53.36200632796111876, 6.43123435856477865 53.36545739249066145, 6.43336779946876014 53.36682715680069578, 6.43178984941605503 53.3685953372566928, 6.43019621833436439 53.36799813544472926, 6.42844793172391338 53.36937967530835891, 6.43389763205891274 53.3771157141604391, 6.43389763205891274 53.3771157141604391),(6.46184235441544264 53.3679998244739906, 6.45625975128687735 53.36855333441586424, 6.45411119609467487 53.36818826779663993, 6.45314018859937732 53.36689562191803304, 6.45407399712321261 53.36323181194747178, 6.45689870523980147 53.35938214095844501, 6.45937380007098838 53.35774097135055882, 6.46447168934613625 53.35888266915312528, 6.46697009172813164 53.36258726972579325, 6.4651546822856778 53.3631006608285503, 6.46399622071946389 53.36749589196644195, 6.46184235441544264 53.3679998244739906, 6.46184235441544264 53.3679998244739906)))</t>
  </si>
  <si>
    <t>MultiPolygon (((6.47634815596108648 53.40350292820574651, 6.46977858790839022 53.40498923425670341, 6.46891800378680326 53.40622295597250968, 6.47156874520994574 53.40710665908136434, 6.48155802797279534 53.40597840739528834, 6.48524784600656989 53.40431726828575876, 6.4859491993267131 53.40223236080967695, 6.48031042034965665 53.40286496689881091, 6.47634815596108648 53.40350292820574651, 6.47634815596108648 53.40350292820574651)))</t>
  </si>
  <si>
    <t>MultiPolygon (((6.47634815596108648 53.40350292820574651, 6.48031042034965665 53.40286496689881091, 6.4859491993267131 53.40223236080967695, 6.49152215751306017 53.40037915693633863, 6.49119524493125244 53.39839855878733488, 6.48476832068072895 53.3983964962867077, 6.47428133835937558 53.39829867317862266, 6.47314658368706652 53.39938158541816193, 6.47331785180260422 53.4008699819695849, 6.47634815596108648 53.40350292820574651, 6.47634815596108648 53.40350292820574651)))</t>
  </si>
  <si>
    <t>MultiPolygon (((6.44375435270593311 53.40345199593690495, 6.45670139496764506 53.40197856645943375, 6.46423087137057362 53.40027771372365351, 6.46428444277766623 53.39918098067613528, 6.46334792509521172 53.39840591793042535, 6.45937284953461432 53.39761920504552251, 6.44582524589319306 53.39852537948915057, 6.44164710182403866 53.40023058342135442, 6.44007598187077601 53.4021408729084115, 6.44071860006345887 53.40314108216313116, 6.44375435270593311 53.40345199593690495, 6.44375435270593311 53.40345199593690495)))</t>
  </si>
  <si>
    <t>MultiPolygon (((6.46184235441544264 53.3679998244739906, 6.46399622071946389 53.36749589196644195, 6.4651546822856778 53.3631006608285503, 6.46697009172813164 53.36258726972579325, 6.46447168934613625 53.35888266915312528, 6.45937380007098838 53.35774097135055882, 6.45689870523980147 53.35938214095844501, 6.45407399712321261 53.36323181194747178, 6.45314018859937732 53.36689562191803304, 6.45411119609467487 53.36818826779663993, 6.45625975128687735 53.36855333441586424, 6.46184235441544264 53.3679998244739906, 6.46184235441544264 53.3679998244739906)))</t>
  </si>
  <si>
    <t>MultiPolygon (((6.36786926465255299 53.37433331261449609, 6.36995178103664728 53.37610277847950613, 6.37330258055333854 53.37636514752504269, 6.37467836112651387 53.37705698946756883, 6.37455702640903077 53.38315642845375919, 6.3823315603860884 53.37822945887838699, 6.38484686456768813 53.37853885080220806, 6.39276494832332176 53.37700658236077089, 6.3988303546506673 53.37658676017218795, 6.40868603934400571 53.37662984402896882, 6.41016917139769848 53.37530476872404961, 6.40841324477068941 53.37324848338813155, 6.41074596247973538 53.37068289443677571, 6.42485731392749315 53.36452863474361408, 6.42642212488026932 53.36033449977166043, 6.42474394310994334 53.36026418495737289, 6.41805323303690933 53.36275180034479604, 6.41322915733354204 53.36309933055319021, 6.41176500596178212 53.35978631690075247, 6.41258270551345788 53.35822986831177417, 6.42225869799521387 53.3562582462568642, 6.43412681940343489 53.3534384812028506, 6.43584067856168573 53.35530158113998311, 6.4411457754404644 53.3546306944195905, 6.44526332573650862 53.35484951171711998, 6.44826186070943042 53.35348252149792359, 6.4518196661562337 53.35298999438182932, 6.4582128094661142 53.35328030624508955, 6.46537323989999901 53.35566271852511733, 6.47267444024090555 53.3617745938022594, 6.47166470220425349 53.35949298312083044, 6.48385967714602263 53.35360879705635284, 6.48301629101912269 53.34821736851043283, 6.48481878266438816 53.34420724968088479, 6.48059821627483501 53.34216681608136668, 6.47536769725312045 53.34311303483814015, 6.47341468266067643 53.33733272613160636, 6.46514608589590623 53.33755523230495044, 6.46429938797750925 53.33489742506091602, 6.456629052325777 53.33256379145174719, 6.45473451797573272 53.33137265598625731, 6.4530113744643991 53.32881087987797741, 6.44855710943802674 53.32770163118260598, 6.44701077336434025 53.3266542283247702, 6.44716314561940962 53.3248299147345719, 6.45032840725507217 53.32265844389457499, 6.44991585754138086 53.32164353832453685, 6.4412931725315179 53.31680735130674975, 6.43893939793099257 53.31676809863485289, 6.43814452727497244 53.31749875063102451, 6.4372754363889797 53.32172687554280088, 6.43109674604729076 53.32820640233977372, 6.42932875524058467 53.32843048419904619, 6.42363160593868088 53.32707057517185234, 6.41556040819406981 53.32830778548196804, 6.41392840643705142 53.32751489582789617, 6.40961864538239112 53.32177507022235119, 6.40575115849901433 53.32007540377428256, 6.39856748223717808 53.3191050994627247, 6.38961608071784148 53.31992418862729011, 6.37761683905368315 53.32003546166549057, 6.36700909738284171 53.32157168945003889, 6.36475862593276709 53.3206649509655719, 6.36039627024621002 53.31529495932679907, 6.3569071564802444 53.31385921562448971, 6.35408978435311411 53.3143844409371539, 6.34999202291528508 53.31741379122451008, 6.3504352691592949 53.32501233746621239, 6.3481187241621102 53.32794283093336674, 6.35066967963614548 53.33555806617086859, 6.35264115812109775 53.336246509259297, 6.3545985602814099 53.34145430184037195, 6.35622482366262886 53.34345738023618821, 6.36868251411185682 53.35148337643987304, 6.36263984288673612 53.35177852585471214, 6.36362575311796697 53.3590264822023741, 6.36602845808332951 53.36025034761612318, 6.36793214161514864 53.3623835436086722, 6.36658466668290934 53.36733496196003301, 6.36685152016820055 53.36981788781772451, 6.36884046829143902 53.37217950491053386, 6.36871071862616311 53.37433375131912783, 6.36786926465255299 53.37433331261449609, 6.36786926465255299 53.37433331261449609),(6.38058871346611411 53.36281713634490131, 6.37161767016102853 53.36268422203175277, 6.37166304978277687 53.35717729973180923, 6.37297883644090124 53.35377104534293835, 6.3768596202478065 53.35403120839306723, 6.38010774083531107 53.35617189677574856, 6.38978910214567009 53.35860568258822667, 6.39217725975802509 53.35994933455739186, 6.39225640327594657 53.3610269610922785, 6.39111359998847206 53.36194181553712923, 6.38058871346611411 53.36281713634490131, 6.38058871346611411 53.36281713634490131),(6.46626747896979825 53.35442195394389842, 6.46478574973495501 53.35457171205788285, 6.46193227801855929 53.35277312125136007, 6.46098752789020292 53.35114557521691836, 6.46168257806747448 53.3494438511840201, 6.4650657756791059 53.34895978860694754, 6.46869277212504468 53.34987073889625719, 6.46842806042889507 53.35236444671809863, 6.46626747896979825 53.35442195394389842, 6.46626747896979825 53.35442195394389842),(6.42588627266113921 53.34479090055727113, 6.42279719467138044 53.34421156401548814, 6.42153844743202029 53.34194393159241798, 6.42273488861286523 53.338937422119578, 6.42539320618609366 53.33785641507621023, 6.42777035576293088 53.33850306421187781, 6.42912047647715035 53.34025203416641858, 6.42798686808796571 53.34379328252683905, 6.42588627266113921 53.34479090055727113, 6.42588627266113921 53.34479090055727113),(6.37826979159574048 53.33869158806626842, 6.37459479762984405 53.33883470860767062, 6.37295767489743081 53.33828316192975905, 6.37296761921908672 53.33767204794515493, 6.37473519431188951 53.33644558504441591, 6.38110928396525878 53.33481212266091376, 6.38739627034851498 53.33357947318459935, 6.39041463778110597 53.33388567611270759, 6.38993624816773398 53.33532121695202477, 6.37826979159574048 53.33869158806626842, 6.37826979159574048 53.33869158806626842),(6.45132818522305129 53.33353210804579447, 6.4489050053076209 53.33351478057572592, 6.44635332601252653 53.33176257666396225, 6.44770291756139002 53.32962832342362702, 6.45174846545563607 53.33049284147716662, 6.45264816505250582 53.33299642759285319, 6.45132818522305129 53.33353210804579447, 6.45132818522305129 53.33353210804579447)))</t>
  </si>
  <si>
    <t>MultiPolygon (((6.37826979159574048 53.33869158806626842, 6.38993624816773398 53.33532121695202477, 6.39041463778110597 53.33388567611270759, 6.38739627034851498 53.33357947318459935, 6.38110928396525878 53.33481212266091376, 6.37473519431188951 53.33644558504441591, 6.37296761921908672 53.33767204794515493, 6.37295767489743081 53.33828316192975905, 6.37459479762984405 53.33883470860767062, 6.37826979159574048 53.33869158806626842, 6.37826979159574048 53.33869158806626842)))</t>
  </si>
  <si>
    <t>MultiPolygon (((6.42474394310994334 53.36026418495737289, 6.42642212488026932 53.36033449977166043, 6.4286643457314927 53.35827252648314811, 6.43093635941429653 53.35682858443781384, 6.43584067856168573 53.35530158113998311, 6.43412681940343489 53.3534384812028506, 6.42225869799521387 53.3562582462568642, 6.42312833835540342 53.35856131370138655, 6.42474394310994334 53.36026418495737289, 6.42474394310994334 53.36026418495737289)))</t>
  </si>
  <si>
    <t>MultiPolygon (((6.45132818522305129 53.33353210804579447, 6.45264816505250582 53.33299642759285319, 6.45174846545563607 53.33049284147716662, 6.44770291756139002 53.32962832342362702, 6.44635332601252653 53.33176257666396225, 6.4489050053076209 53.33351478057572592, 6.45132818522305129 53.33353210804579447, 6.45132818522305129 53.33353210804579447)))</t>
  </si>
  <si>
    <t>MultiPolygon (((6.46626747896979825 53.35442195394389842, 6.46842806042889507 53.35236444671809863, 6.46869277212504468 53.34987073889625719, 6.4650657756791059 53.34895978860694754, 6.46168257806747448 53.3494438511840201, 6.46098752789020292 53.35114557521691836, 6.46193227801855929 53.35277312125136007, 6.46478574973495501 53.35457171205788285, 6.46626747896979825 53.35442195394389842, 6.46626747896979825 53.35442195394389842)))</t>
  </si>
  <si>
    <t>MultiPolygon (((6.42588627266113921 53.34479090055727113, 6.42798686808796571 53.34379328252683905, 6.42912047647715035 53.34025203416641858, 6.42777035576293088 53.33850306421187781, 6.42539320618609366 53.33785641507621023, 6.42273488861286523 53.338937422119578, 6.42153844743202029 53.34194393159241798, 6.42279719467138044 53.34421156401548814, 6.42588627266113921 53.34479090055727113, 6.42588627266113921 53.34479090055727113)))</t>
  </si>
  <si>
    <t>MultiPolygon (((6.38058871346611411 53.36281713634490131, 6.39111359998847206 53.36194181553712923, 6.39225640327594657 53.3610269610922785, 6.39217725975802509 53.35994933455739186, 6.38978910214567009 53.35860568258822667, 6.38010774083531107 53.35617189677574856, 6.3768596202478065 53.35403120839306723, 6.37297883644090124 53.35377104534293835, 6.37166304978277687 53.35717729973180923, 6.37161767016102853 53.36268422203175277, 6.38058871346611411 53.36281713634490131, 6.38058871346611411 53.36281713634490131)))</t>
  </si>
  <si>
    <t>MultiPolygon (((6.42225869799521387 53.3562582462568642, 6.41258270551345788 53.35822986831177417, 6.41176500596178212 53.35978631690075247, 6.41322915733354204 53.36309933055319021, 6.41805323303690933 53.36275180034479604, 6.42474394310994334 53.36026418495737289, 6.42312833835540342 53.35856131370138655, 6.42225869799521387 53.3562582462568642, 6.42225869799521387 53.3562582462568642)))</t>
  </si>
  <si>
    <t>MultiPolygon (((6.30653584904256892 53.39250636963712537, 6.30848091295951807 53.38958905756302187, 6.31658402193284818 53.38138358769078451, 6.32073235486064444 53.37821775237869559, 6.31931286512166057 53.37165523609596818, 6.3290566575380014 53.37063641516606793, 6.33240021386514584 53.37100668089873068, 6.33591589324110593 53.37434692727562435, 6.3600989304001585 53.3713789099084579, 6.36507202652186965 53.37283132954225096, 6.36786926465255299 53.37433331261449609, 6.36871071862616311 53.37433375131912783, 6.36884046829143902 53.37217950491053386, 6.36685152016820055 53.36981788781772451, 6.36658466668290934 53.36733496196003301, 6.36793214161514864 53.3623835436086722, 6.36602845808332951 53.36025034761612318, 6.36362575311796697 53.3590264822023741, 6.36263984288673612 53.35177852585471214, 6.36868251411185682 53.35148337643987304, 6.35622482366262886 53.34345738023618821, 6.3545985602814099 53.34145430184037195, 6.35264115812109775 53.336246509259297, 6.35066967963614548 53.33555806617086859, 6.3481187241621102 53.32794283093336674, 6.3504352691592949 53.32501233746621239, 6.34999202291528508 53.31741379122451008, 6.34649438237271468 53.31877695988831789, 6.34386566264910545 53.31907871809391253, 6.34042382610314181 53.31849736650202232, 6.33126024874057869 53.31523614550673074, 6.32684735058565728 53.31530280756916795, 6.32088456488256334 53.31654717309122304, 6.318763420917481 53.31743066989717761, 6.31631238651071225 53.31976338702458662, 6.31594807144910142 53.32507139087534398, 6.31406620790207995 53.32812974487701752, 6.30541525326054053 53.33274765133166539, 6.31377972203900129 53.33839997724864901, 6.31050357805713613 53.33978988310202851, 6.30599911520451784 53.34047585181718176, 6.30640651884211767 53.34295615562288617, 6.30393608199273547 53.34519110735248404, 6.29740413846587543 53.34560296251689238, 6.29788172757575282 53.34440032219360006, 6.2941020728299879 53.34339553858710303, 6.28814317495358122 53.3455654419782519, 6.28529707083383204 53.34682787493642309, 6.28370503293580729 53.34890757459116628, 6.27858466651802782 53.36349838818850344, 6.27774882766392572 53.36920311632268721, 6.28510482206856036 53.38254252090681717, 6.29641911415568867 53.38898273542315565, 6.30653584904256892 53.39250636963712537, 6.30653584904256892 53.39250636963712537),(6.29599614327383783 53.36156367187020777, 6.28993733311946102 53.36145766739900154, 6.28862761823166494 53.36053579485135856, 6.2889600895476514 53.35883951593869057, 6.29268302365065502 53.35780347230139853, 6.2996373574983231 53.35845179236002878, 6.29920338957620451 53.36036677411383522, 6.29599614327383783 53.36156367187020777, 6.29599614327383783 53.36156367187020777),(6.34253121626677885 53.36133110426521142, 6.34249994729971167 53.36215354056596283, 6.32467568557380666 53.36186089428043289, 6.32148224190588603 53.35960868512817257, 6.32857106583754181 53.35538259798982352, 6.33424616622846326 53.35316350930310847, 6.33715105831786119 53.35290921798718244, 6.33901003991349121 53.35357799192922101, 6.34110608972411161 53.35619531299550289, 6.34253121626677885 53.36133110426521142, 6.34253121626677885 53.36133110426521142),(6.33165257139417648 53.34488955434510871, 6.32721323681548498 53.34333443494253402, 6.32644957729549784 53.3422688568542398, 6.32828853695541937 53.34005354073482152, 6.33017027543370059 53.33925423304390279, 6.33268432246742119 53.34010891209248229, 6.33421020068465346 53.3418418171048998, 6.33412399550863192 53.34365087022377594, 6.33165257139417648 53.34488955434510871, 6.33165257139417648 53.34488955434510871),(6.34327469283556944 53.33928552758521846, 6.33971167600597152 53.33906782400038082, 6.33744785885704331 53.33751211161408889, 6.33737487858782433 53.33488436018151901, 6.33930478960089694 53.33295007396103671, 6.34210613062400075 53.33302838454847006, 6.34639774757850361 53.33666321347917005, 6.34633431191977326 53.33765945119818497, 6.34327469283556944 53.33928552758521846, 6.34327469283556944 53.33928552758521846)))</t>
  </si>
  <si>
    <t>MultiPolygon (((6.21101666918480166 53.36491796941951549, 6.21261282952193739 53.36421414970341459, 6.21217774763001085 53.36292814494287029, 6.20945572683809033 53.36376298280399055, 6.21101666918480166 53.36491796941951549, 6.21101666918480166 53.36491796941951549)),((6.20976150371265678 53.3703573450016151, 6.20804977909670352 53.37053775697839342, 6.20670216099396743 53.3720620051564083, 6.20710336949997643 53.37259284706358642, 6.20848149153042961 53.37286807954880175, 6.20966998548173077 53.37235892947058602, 6.20976150371265678 53.3703573450016151, 6.20976150371265678 53.3703573450016151)),((6.19710164973554889 53.37334661183373896, 6.20539621838366973 53.37222566036525961, 6.20704629371247929 53.37027909261368563, 6.20601796212415646 53.36652179170476273, 6.2084333088146737 53.36502284828524978, 6.2073720701667332 53.36365194191400008, 6.19630392924652362 53.36401647067106069, 6.18184052667197825 53.37046451468387431, 6.18310287688472737 53.37387804008570669, 6.18766465498930707 53.37283678185573876, 6.19021804388044128 53.3694883043671453, 6.19106690001541082 53.37022557149254709, 6.19077826819091737 53.37336591506296202, 6.19211821823892627 53.3748545993431236, 6.19439907000541634 53.37489845854639725, 6.19710164973554889 53.37334661183373896, 6.19710164973554889 53.37334661183373896)),((6.18621079477959768 53.38761867149969476, 6.1879851281970355 53.38711245597900046, 6.18900932972526618 53.38590619484769206, 6.18422271890455999 53.3838112287366684, 6.18353341414676549 53.38672141525389492, 6.18621079477959768 53.38761867149969476, 6.18621079477959768 53.38761867149969476)),((6.22941093923675293 53.39306470014086159, 6.23126563693130109 53.3915382295423484, 6.22735043357397267 53.39016033878014866, 6.22353028277072085 53.38979423368405008, 6.21906760269824499 53.39088812569126929, 6.22269798539085173 53.39263703162991703, 6.22802081145245356 53.39344553287428141, 6.22941093923675293 53.39306470014086159, 6.22941093923675293 53.39306470014086159)),((6.29220252402436753 53.40311677284833536, 6.29668009120897221 53.40103450668856055, 6.30037887946274555 53.39820717246880122, 6.30653584904256892 53.39250636963712537, 6.29641911415568867 53.38898273542315565, 6.28510482206856036 53.38254252090681717, 6.27774882766392572 53.36920311632268721, 6.27858466651802782 53.36349838818850344, 6.28370503293580729 53.34890757459116628, 6.28529707083383204 53.34682787493642309, 6.28814317495358122 53.3455654419782519, 6.28713543695668875 53.34194939047901585, 6.2796154343528201 53.34332300267903548, 6.27366330881176104 53.34578798655505238, 6.25993908061211179 53.34799192912590371, 6.2600321286085574 53.34887302150869459, 6.25715655530799086 53.34855923338328409, 6.25308838756923535 53.34938851364793067, 6.2488879799679653 53.34903373376752, 6.24028094284266999 53.34442289794103687, 6.23484524068314183 53.34376333849491658, 6.23301686272333821 53.34415306967802195, 6.23208558582750527 53.34528867448266709, 6.23357014868494641 53.34707275500500145, 6.23194060413166628 53.35138710997142653, 6.23238473079502064 53.35228167383567666, 6.23612217683951453 53.35245717451506664, 6.24608418419286693 53.35433065747029246, 6.25220104111388508 53.35827861429206109, 6.25363692002395588 53.35835624745146077, 6.25690879819899592 53.35724033648197917, 6.25633231629122655 53.35868801411075424, 6.25407405179279507 53.36030728713569715, 6.25152654291288545 53.36126851299961515, 6.24846197952233151 53.3614947560397539, 6.2443397180844773 53.35937806475106271, 6.24022280487495884 53.3585102089752894, 6.2379942255884151 53.35869034931078403, 6.23311897273869775 53.36044720857223211, 6.2376255709835311 53.36339727721551895, 6.24121023555059029 53.36480556600307068, 6.23991407746856819 53.36574966169199996, 6.23825600376872025 53.36908873867985648, 6.23727757669886262 53.36932552184297407, 6.23240199339374801 53.36689475445563602, 6.22621888350380459 53.36555324523095578, 6.22050421170629342 53.36568349081994, 6.21727269929520165 53.36407645997049087, 6.2095471892294487 53.36735694054725343, 6.20984822571371708 53.36898622121509561, 6.21235428844082449 53.36971296036376344, 6.21353815214784788 53.37191383933069488, 6.23198090367762614 53.37255137916704939, 6.23370768288256016 53.37321865274832788, 6.22595799422209506 53.3743927516874237, 6.2217245914082433 53.37390921115423481, 6.21131241193467609 53.37568745741823051, 6.20069669187697681 53.37565954755449837, 6.19190687799469153 53.37782146003524986, 6.18575970417643095 53.37800541710258528, 6.18445445312814623 53.37853492174161119, 6.18345488770297091 53.38124099138006784, 6.18515769690008987 53.38292306760210693, 6.19132187359154429 53.38236337920329788, 6.20061782818024998 53.38262709571105091, 6.20159905672442768 53.38304922356321924, 6.20183955776727824 53.38445984476520323, 6.20165283632830544 53.38551376131028547, 6.1967252455998354 53.3906998370844974, 6.19368769809490161 53.39078794703155495, 6.19249993130395371 53.39030200070940424, 6.19148434374130208 53.39054821802164241, 6.19158579042064616 53.39111617229261952, 6.19338127313750419 53.39185274906213863, 6.187854127286049 53.393639025682333, 6.18097410660587077 53.39394455919668303, 6.17939136952005352 53.39458002961712424, 6.17988649215598862 53.39580512458489636, 6.17893513200475564 53.39610984542947136, 6.18230698400907297 53.3978761994630986, 6.18246757868661678 53.39911667406960305, 6.18157646705186803 53.39998612382111531, 6.1823491889516724 53.40189755510071734, 6.18474682489752059 53.40314152860738517, 6.19751880642624187 53.40300752828635211, 6.2008818935932597 53.40107303864370181, 6.20258130086681447 53.39915355383629247, 6.21112552983254318 53.39559932241344598, 6.21598990961857023 53.3905095103399816, 6.221221094894271 53.38828741707389014, 6.22429628498556742 53.38786519575891987, 6.22569091818446108 53.38856282013911425, 6.23368710463929787 53.38905507247060456, 6.23669574587807674 53.39110500122012581, 6.23489657525325569 53.39246895593858966, 6.23350044737837639 53.39265625029673856, 6.23459451105577767 53.39330096080917798, 6.23408487387299015 53.39390640028534563, 6.23321278898075892 53.39374725788434972, 6.23272687072958753 53.39551959048824159, 6.23067246423393239 53.39611008059397079, 6.22869515916241578 53.39574461722088472, 6.22390507375888724 53.39650007848175051, 6.22292600395699136 53.39728110713850384, 6.22111323379785741 53.39673971375551531, 6.2216247204777968 53.39595302825817669, 6.21894097355761399 53.39721038379314422, 6.21805893621879768 53.39892842668406558, 6.21685935692195635 53.39857118025896199, 6.21397026724874735 53.39953211455205206, 6.21242016293729549 53.40099866741682177, 6.21152437955074532 53.40053950637940261, 6.21075617699898164 53.4019533242201021, 6.20962527909265205 53.40214509578161284, 6.20925022993677 53.40131898955441159, 6.20959184338602554 53.40306629747325218, 6.21149621225308657 53.40217793467040508, 6.21405638412071681 53.40232211080643765, 6.2149396659548497 53.40316178937462865, 6.21933212812787506 53.40154557843270311, 6.22102716654221766 53.4032450048811782, 6.22166252103624551 53.4056705885063181, 6.21767106207155251 53.40620642864343637, 6.21927662028020656 53.40844786378487896, 6.21319704733435696 53.40736038660211449, 6.2096917080716425 53.40514684035843374, 6.20387293910309623 53.40401640108874659, 6.20243130230509809 53.40450574409074846, 6.20237560374004548 53.40519825274994048, 6.20698741835990297 53.40527765758615431, 6.20694291541526511 53.4065764098082596, 6.20192735758895886 53.40637545502376327, 6.20073067289199464 53.40512088493731824, 6.19642067728813739 53.40686684322962918, 6.1961179286081105 53.40753988217162629, 6.20220893709618437 53.40691245142302535, 6.20855440890203703 53.40789140510322852, 6.20810693271947311 53.40872528315940571, 6.21231225485870109 53.40962248702356163, 6.21159171961516243 53.41106270965526193, 6.20702885427147599 53.41032221535244418, 6.20673634117358741 53.41060089148417944, 6.21287431462967987 53.41165051828471633, 6.21472560842276511 53.4092155869877061, 6.24430487361077358 53.41510801494431604, 6.24933529041321467 53.41551390650091236, 6.2550621621965341 53.41516322923470028, 6.26065863333699024 53.4139162036986832, 6.29220252402436753 53.40311677284833536, 6.29220252402436753 53.40311677284833536),(6.24012727549664881 53.37250092805285817, 6.23906596512958167 53.37103003906693743, 6.2393428196296199 53.36947029477677518, 6.24299242402996146 53.36640239776182426, 6.24489058554243215 53.368060789544991, 6.25416368904381592 53.36763519715641024, 6.25247210657752728 53.3685670200166058, 6.24246299842938779 53.36897698183089034, 6.24073904824011816 53.37315284139112492, 6.24012727549664881 53.37250092805285817, 6.24012727549664881 53.37250092805285817)))</t>
  </si>
  <si>
    <t>MultiPolygon (((6.20673634117358741 53.41060089148417944, 6.20702885427147599 53.41032221535244418, 6.20240962262313822 53.40940435823760879, 6.19971255845555813 53.40942256643537434, 6.20158652710285097 53.40973699390255547, 6.20130977049230747 53.41111446760323389, 6.20248898771303381 53.40988840274039262, 6.20673634117358741 53.41060089148417944, 6.20673634117358741 53.41060089148417944)),((6.19908238520432686 53.40787737476554042, 6.20810693271947311 53.40872528315940571, 6.20855440890203703 53.40789140510322852, 6.20220893709618437 53.40691245142302535, 6.1961179286081105 53.40753988217162629, 6.19627716042596077 53.4078778384311974, 6.1947703245216923 53.40765481429784955, 6.19256806565744178 53.40856919599042385, 6.1921697783290961 53.41016816974633485, 6.19101317886141977 53.41069216843019518, 6.19147088073648266 53.41108744577063305, 6.19397405602819973 53.41036950163914554, 6.19703630918521853 53.41161323110080161, 6.1998628464622092 53.41151095131955628, 6.19754115030940511 53.4110756280431076, 6.19670580730391141 53.40887977422320887, 6.19907213373583854 53.40877686908140021, 6.19908238520432686 53.40787737476554042, 6.19908238520432686 53.40787737476554042)))</t>
  </si>
  <si>
    <t>MultiPolygon (((6.20959184338602554 53.40306629747325218, 6.2106620260926606 53.40431965842920192, 6.2096917080716425 53.40514684035843374, 6.21319704733435696 53.40736038660211449, 6.21927662028020656 53.40844786378487896, 6.21767106207155251 53.40620642864343637, 6.22166252103624551 53.4056705885063181, 6.22102716654221766 53.4032450048811782, 6.21933212812787506 53.40154557843270311, 6.2149396659548497 53.40316178937462865, 6.21405638412071681 53.40232211080643765, 6.21149621225308657 53.40217793467040508, 6.20959184338602554 53.40306629747325218, 6.20959184338602554 53.40306629747325218)))</t>
  </si>
  <si>
    <t>MultiPolygon (((6.33165257139417648 53.34488955434510871, 6.33412399550863192 53.34365087022377594, 6.33421020068465346 53.3418418171048998, 6.33268432246742119 53.34010891209248229, 6.33017027543370059 53.33925423304390279, 6.32828853695541937 53.34005354073482152, 6.32644957729549784 53.3422688568542398, 6.32721323681548498 53.34333443494253402, 6.33165257139417648 53.34488955434510871, 6.33165257139417648 53.34488955434510871)))</t>
  </si>
  <si>
    <t>MultiPolygon (((6.29599614327383783 53.36156367187020777, 6.29920338957620451 53.36036677411383522, 6.2996373574983231 53.35845179236002878, 6.29268302365065502 53.35780347230139853, 6.2889600895476514 53.35883951593869057, 6.28862761823166494 53.36053579485135856, 6.28993733311946102 53.36145766739900154, 6.29599614327383783 53.36156367187020777, 6.29599614327383783 53.36156367187020777)))</t>
  </si>
  <si>
    <t>MultiPolygon (((6.34327469283556944 53.33928552758521846, 6.34633431191977326 53.33765945119818497, 6.34639774757850361 53.33666321347917005, 6.34210613062400075 53.33302838454847006, 6.33930478960089694 53.33295007396103671, 6.33737487858782433 53.33488436018151901, 6.33744785885704331 53.33751211161408889, 6.33971167600597152 53.33906782400038082, 6.34327469283556944 53.33928552758521846, 6.34327469283556944 53.33928552758521846)))</t>
  </si>
  <si>
    <t>MultiPolygon (((6.29052164384600765 53.33942031562038721, 6.28846980268500477 53.3405572130898662, 6.28907723711618072 53.34030819964738868, 6.29052164384600765 53.33942031562038721, 6.29052164384600765 53.33942031562038721)),((6.30393608199273547 53.34519110735248404, 6.30640651884211767 53.34295615562288617, 6.30599911520451784 53.34047585181718176, 6.31050357805713613 53.33978988310202851, 6.31377972203900129 53.33839997724864901, 6.30541525326054053 53.33274765133166539, 6.30050702435404464 53.33424195476028729, 6.29224159094908053 53.33847235436859791, 6.29503027313134123 53.33814197475971497, 6.29671405377139237 53.33723992169088746, 6.29711400485324724 53.3375312404113231, 6.29484841318980681 53.339749173684325, 6.29720962988821498 53.34023844030519967, 6.29670356061753189 53.34116057030757219, 6.29176571673018703 53.34012082047411951, 6.28713543695668875 53.34194939047901585, 6.28814317495358122 53.3455654419782519, 6.2941020728299879 53.34339553858710303, 6.29788172757575282 53.34440032219360006, 6.29740413846587543 53.34560296251689238, 6.30393608199273547 53.34519110735248404, 6.30393608199273547 53.34519110735248404)))</t>
  </si>
  <si>
    <t>MultiPolygon (((6.34253121626677885 53.36133110426521142, 6.34110608972411161 53.35619531299550289, 6.33901003991349121 53.35357799192922101, 6.33715105831786119 53.35290921798718244, 6.33424616622846326 53.35316350930310847, 6.32857106583754181 53.35538259798982352, 6.32148224190588603 53.35960868512817257, 6.32467568557380666 53.36186089428043289, 6.34249994729971167 53.36215354056596283, 6.34253121626677885 53.36133110426521142, 6.34253121626677885 53.36133110426521142)))</t>
  </si>
  <si>
    <t>MultiPolygon (((6.56516280416412901 53.43546906903740279, 6.57154383253065877 53.42001161391949893, 6.56885709177527399 53.41618086749871708, 6.57496991826135702 53.40144237852687326, 6.57894404724917159 53.39368817094183584, 6.57505347196565282 53.3913470643330399, 6.57477706201879997 53.38857596499548208, 6.57613092018384293 53.38677047296545197, 6.57753205686571008 53.38694026886847865, 6.58158929227526013 53.38414588675122729, 6.5790657794229217 53.38305497198973626, 6.58050038151437722 53.38059209147244388, 6.58491323402451911 53.38158331036353133, 6.58288469594068726 53.37645960514178967, 6.58424111122346911 53.37293205314372102, 6.58686165796569423 53.37153278228516484, 6.58822853372807948 53.36941474393692886, 6.58218493715942632 53.35619422307603088, 6.58297381177888052 53.34474100742703939, 6.58224157388012276 53.34359221496754344, 6.57620272941735706 53.34742497546366025, 6.57603388385207666 53.34941793590541437, 6.5720340459048634 53.35255349259169577, 6.5688060758769673 53.35787000547746572, 6.56363339796094536 53.35832724769306168, 6.56103629376691977 53.35764508682680685, 6.5525299963379382 53.35894773077085063, 6.55679931347260414 53.37013830054755914, 6.55616988608310347 53.37195463946783747, 6.55129308613410277 53.37639622956213969, 6.54629449405492903 53.3790912636477799, 6.54062531763171329 53.37718841836322525, 6.53147221256246002 53.3838951109496449, 6.52791704934412298 53.38392570500717227, 6.52582780382801708 53.3829953053531483, 6.52309492379531619 53.38493215123668278, 6.52283748033248489 53.38727398462549445, 6.5242834085482162 53.3890861208438281, 6.52373348963090649 53.3943578033278925, 6.52039553054939969 53.39488349896935659, 6.52071316212283136 53.39611495662699525, 6.52185642591879677 53.39764198275515383, 6.5349703046534211 53.39660304832784732, 6.53571633132823582 53.40611940848153694, 6.54413088402026943 53.40641422423330908, 6.54883135186468124 53.42316096998523989, 6.5477465356179545 53.42634549592857951, 6.546234289091589 53.43076562977181965, 6.54558314981345646 53.43300396340112712, 6.56330043141077102 53.43587027674482925, 6.56516280416412901 53.43546906903740279, 6.56516280416412901 53.43546906903740279),(6.54627270547492213 53.39279138123120561, 6.54672338467064652 53.39105558221136505, 6.54844772974884481 53.3896686152049611, 6.55361978034886317 53.38828777765155564, 6.55484770525970006 53.38877242067141538, 6.55715946685282791 53.38715692443816607, 6.55823512758522753 53.38449282291441023, 6.57063885432616601 53.39256433960460413, 6.5613762094184338 53.39819035117668733, 6.56001181938477718 53.39850018709152835, 6.55240524541889524 53.39714869538750719, 6.54627270547492213 53.39279138123120561, 6.54627270547492213 53.39279138123120561)),((6.5901909207491931 53.52610677766602976, 6.59291611430052082 53.52581897845421111, 6.59645036715207578 53.52441446206155007, 6.59932132153433759 53.52098233798453464, 6.59877546515461688 53.52054800127314138, 6.5964876187208068 53.51970023398546061, 6.59223285276152637 53.51978352691511276, 6.58424569254573111 53.52330987928135642, 6.58659731976277385 53.52576844837395953, 6.5901909207491931 53.52610677766602976, 6.5901909207491931 53.52610677766602976)),((6.57404992611046701 53.54270221378651939, 6.59570662451540102 53.54327045642008187, 6.60324533295980931 53.54225556892954074, 6.61112922641405198 53.53991587340509994, 6.61643800622369316 53.53712690512836048, 6.61839447673673043 53.53373858896350157, 6.61705687402568188 53.53343554983458574, 6.61560109476538472 53.53487574820881179, 6.60785864368071341 53.53627203449902794, 6.60431579972036609 53.537489926613965, 6.6005289931744775 53.53612067767144822, 6.58517815909327897 53.53662489617570941, 6.58282385020042149 53.53496022632054263, 6.57386184548393526 53.53941999738863444, 6.56476884025364882 53.53990094888555262, 6.56382042141678923 53.53930299806918214, 6.56140730637073677 53.53202264260335141, 6.55897539825053943 53.53147378687606306, 6.5580259302607562 53.5329576526260098, 6.56197424566600507 53.54143327906650285, 6.56502656939140561 53.54228995634966282, 6.57404992611046701 53.54270221378651939, 6.57404992611046701 53.54270221378651939)),((6.49880518581864663 53.54985288437820401, 6.50687297388371455 53.5417861521472247, 6.51018342741068334 53.53975171720103532, 6.52353185257484203 53.53717278996375484, 6.52782945671850978 53.53535369339040528, 6.52925486596098636 53.53353914956773707, 6.52527734732847886 53.53332536747240056, 6.50887630811098905 53.53747529511953474, 6.49754723356251951 53.54274833276780754, 6.48764885508335176 53.54886465404267426, 6.4801955505511728 53.54885288944139887, 6.47696202351734041 53.54952961170283032, 6.4757373519720014 53.54785670153363242, 6.47659956827652383 53.54727528521062396, 6.48811450338771145 53.54577362610753966, 6.50614564716627175 53.53629076525273689, 6.50909232177431285 53.53557669522515283, 6.50978068035736168 53.53388674952213933, 6.50860375765512433 53.53273065658503782, 6.50525741886734998 53.53310797724388692, 6.50342816011154667 53.53539105692991029, 6.5013928671392831 53.53428888275323771, 6.49561187280466257 53.53294046255881966, 6.48799548512238466 53.5332351535987172, 6.48470329161782644 53.53224452225067864, 6.48383865856414587 53.5313947942790378, 6.48423656020721584 53.52964013162631574, 6.48522463443160824 53.52735237040419491, 6.48672877587276897 53.52635519933051711, 6.4856385800789198 53.52437612649171683, 6.48119096362296521 53.52182754078916815, 6.47898926130068453 53.51844800455013029, 6.47602346049923927 53.51768685012083182, 6.47486015445774044 53.51799001748746321, 6.47274136037131864 53.52381749868458627, 6.46979283710339903 53.52823405914068644, 6.46284953122314221 53.53610819383468566, 6.45910397606584485 53.53895564567059751, 6.45909040251415778 53.54143219300772216, 6.46078015802660666 53.54400615109430817, 6.46263983359656446 53.54581313789592656, 6.47271575654930054 53.55112600339431594, 6.47844989605413435 53.55361823747107053, 6.48457796753626248 53.55522862098767689, 6.4896406733587817 53.555092425717163, 6.49880518581864663 53.54985288437820401, 6.49880518581864663 53.54985288437820401)))</t>
  </si>
  <si>
    <t>MultiPolygon (((6.5613762094184338 53.39819035117668733, 6.57063885432616601 53.39256433960460413, 6.55823512758522753 53.38449282291441023, 6.55715946685282791 53.38715692443816607, 6.55484770525970006 53.38877242067141538, 6.55361978034886317 53.38828777765155564, 6.54844772974884481 53.3896686152049611, 6.54672338467064652 53.39105558221136505, 6.54627270547492213 53.39279138123120561, 6.55240524541889524 53.39714869538750719, 6.56001181938477718 53.39850018709152835, 6.5613762094184338 53.39819035117668733, 6.5613762094184338 53.39819035117668733)))</t>
  </si>
  <si>
    <t>MultiPolygon (((6.61992168354630284 53.40843743417762823, 6.63813930057141377 53.41242962266727545, 6.65143909853296655 53.41273997807892471, 6.65246781105195506 53.40987894516791101, 6.65130256664441344 53.40682024485713697, 6.64854995865073928 53.4050513716165014, 6.6437720661642885 53.40601341823769133, 6.63849553389809355 53.40616610880905313, 6.63165812380446607 53.40409553685810806, 6.62957075821112518 53.40128035774431225, 6.6298146582196269 53.39994062159578903, 6.63452648853792137 53.39822049780435265, 6.63223461126580904 53.39809820668841667, 6.63162192930322547 53.39537057130285547, 6.62484493955047515 53.39574373256456852, 6.61049847226847476 53.39379669810323037, 6.60398306142957825 53.3908182107351692, 6.60574989432946325 53.3888239914699767, 6.60152572775548396 53.3853015258947039, 6.58491323402451911 53.38158331036353133, 6.58050038151437722 53.38059209147244388, 6.5790657794229217 53.38305497198973626, 6.58158929227526013 53.38414588675122729, 6.57753205686571008 53.38694026886847865, 6.57613092018384293 53.38677047296545197, 6.57477706201879997 53.38857596499548208, 6.57505347196565282 53.3913470643330399, 6.57894404724917159 53.39368817094183584, 6.57496991826135702 53.40144237852687326, 6.59320301532190811 53.40510701141862882, 6.59934483973643271 53.40556144240972714, 6.60088488913073057 53.40514212112309167, 6.59673925392015725 53.40290087981711054, 6.59552057079820031 53.40052568669381117, 6.59977906681878679 53.4011815103106926, 6.60427496837635353 53.40108165318617495, 6.60600105341117327 53.39927655537363904, 6.60901718913281933 53.3982255131597654, 6.61379597273576447 53.39830326809656924, 6.61626087770869109 53.39880155055795541, 6.62173044301426383 53.4040832020287155, 6.6227272180749539 53.40685017926271883, 6.61992168354630284 53.40843743417762823, 6.61992168354630284 53.40843743417762823)))</t>
  </si>
  <si>
    <t>MultiPolygon (((6.6369019333226742 53.45321902937197933, 6.65193981004027801 53.41442238576050272, 6.65143909853296655 53.41273997807892471, 6.63813930057141377 53.41242962266727545, 6.61992168354630284 53.40843743417762823, 6.61658540793940819 53.40883548262748803, 6.61091439435418149 53.40845969941450022, 6.60747454216134322 53.40775328582770243, 6.60088488913073057 53.40514212112309167, 6.59934483973643271 53.40556144240972714, 6.59320301532190811 53.40510701141862882, 6.57496991826135702 53.40144237852687326, 6.56885709177527399 53.41618086749871708, 6.57154383253065877 53.42001161391949893, 6.56516280416412901 53.43546906903740279, 6.56702355960750506 53.43516491095288501, 6.5887263122307429 53.43962150828369317, 6.59294736634944112 53.43983372750815164, 6.59277288732033639 53.44175154888050372, 6.62154191005291626 53.44883719004602085, 6.62381502361519736 53.44886278825897818, 6.62470804829820104 53.44968332723215809, 6.6369019333226742 53.45321902937197933, 6.6369019333226742 53.45321902937197933)))</t>
  </si>
  <si>
    <t>MultiPolygon (((6.60088488913073057 53.40514212112309167, 6.60747454216134322 53.40775328582770243, 6.61091439435418149 53.40845969941450022, 6.61658540793940819 53.40883548262748803, 6.61992168354630284 53.40843743417762823, 6.6227272180749539 53.40685017926271883, 6.62173044301426383 53.4040832020287155, 6.61626087770869109 53.39880155055795541, 6.61379597273576447 53.39830326809656924, 6.60901718913281933 53.3982255131597654, 6.60600105341117327 53.39927655537363904, 6.60427496837635353 53.40108165318617495, 6.59977906681878679 53.4011815103106926, 6.59552057079820031 53.40052568669381117, 6.59673925392015725 53.40290087981711054, 6.60088488913073057 53.40514212112309167, 6.60088488913073057 53.40514212112309167)))</t>
  </si>
  <si>
    <t>MultiPolygon (((6.67710349668731595 53.39571052722136812, 6.67847274030889615 53.39214299310630452, 6.6799239400003021 53.39081713632299397, 6.68260544728307959 53.38980769807768212, 6.68894410007557738 53.3910372186532669, 6.69021682699795761 53.3920107864632314, 6.69023336680803826 53.3934556751732643, 6.69239395439397633 53.39445498662490053, 6.69393899707828144 53.39458985842389893, 6.69556896801522949 53.39366343492088163, 6.69807784493716074 53.394101159400158, 6.69708426144808033 53.39173516698852495, 6.70168119307741428 53.39084372031110348, 6.7032132729042786 53.38751897447108519, 6.70674200035716339 53.3839723824653305, 6.72485618084432257 53.38836708179904633, 6.73402397224882954 53.3889955031570338, 6.73548049155260742 53.38865344473182972, 6.73241921778452124 53.38531285167343299, 6.72909679857810428 53.38317586674374127, 6.72980867553622186 53.3811773826677225, 6.71187063829880604 53.37129842444836214, 6.70974410922526321 53.37342846558079401, 6.70730725587550403 53.37133899430536133, 6.70766640753911147 53.36902867712269938, 6.70206771918099786 53.36667836186358471, 6.69704805854944496 53.36290833090568952, 6.69164733669739764 53.36554952888603509, 6.68454600138717225 53.36694850395803513, 6.6779100211927922 53.36717705953402202, 6.67574074514292537 53.36691249174107554, 6.67487560852004691 53.36567035101887058, 6.67200614445801676 53.3650419941332359, 6.66900357004982691 53.3652377553121724, 6.66421446479372737 53.36699533304895482, 6.65736118677076938 53.36629886599921946, 6.65118365324977745 53.36463269138765497, 6.64748493918262362 53.36456875542170053, 6.64502604790827789 53.36643718450923046, 6.64218146003972976 53.36565697426956945, 6.64239150035854919 53.36380005089510803, 6.63700147576295318 53.36286092324917263, 6.63696367047450053 53.36594559440461438, 6.63908470969766284 53.36675755594694692, 6.63791268175001647 53.36794691901782528, 6.63378064801262379 53.36871150267056407, 6.62951181445754223 53.36749930559945199, 6.62761700085558392 53.36607716258173895, 6.62718529803892231 53.36360820716074471, 6.62815957929235999 53.36158456728573896, 6.62718603301357945 53.36086468835165419, 6.62653890438214077 53.36088729945728204, 6.62589552894536205 53.36098715561109884, 6.62614762404969948 53.35824583718120095, 6.62774171605932327 53.35229736098214204, 6.62589220154375447 53.35070813377672749, 6.62249868300060118 53.35065185029711188, 6.61542450490880451 53.34919848564263134, 6.60609181413579005 53.34891962532994114, 6.60576928972586863 53.35011688871752256, 6.60313350831578472 53.34992190118733646, 6.59583100960662794 53.34714128213343542, 6.59365248449634755 53.34630494710835791, 6.58993272575032218 53.34273337051840969, 6.58827698791434724 53.3422459477034181, 6.58224157388012276 53.34359221496754344, 6.58297381177888052 53.34474100742703939, 6.58218493715942632 53.35619422307603088, 6.58822853372807948 53.36941474393692886, 6.58686165796569423 53.37153278228516484, 6.58424111122346911 53.37293205314372102, 6.58288469594068726 53.37645960514178967, 6.58491323402451911 53.38158331036353133, 6.60152572775548396 53.3853015258947039, 6.60574989432946325 53.3888239914699767, 6.60398306142957825 53.3908182107351692, 6.61049847226847476 53.39379669810323037, 6.62484493955047515 53.39574373256456852, 6.63162192930322547 53.39537057130285547, 6.63223461126580904 53.39809820668841667, 6.63452648853792137 53.39822049780435265, 6.63745775310691322 53.39923694493102602, 6.63985689516762001 53.39927265243125731, 6.64177440192850543 53.39748750135955646, 6.64628628574099345 53.39805311333322635, 6.65321004764116708 53.39463994215474685, 6.65358739438801017 53.39356663972323958, 6.65627119974658044 53.3921073489192608, 6.66119658203487841 53.39273599550696048, 6.66045861599961242 53.39700541300252468, 6.66459356741187747 53.3988958294768139, 6.67046364211054055 53.39915744007794274, 6.67386198165868105 53.39776539407888833, 6.67710349668731595 53.39571052722136812),(6.66951710313346346 53.3921781011321599, 6.67050388816338558 53.3901799874753209, 6.67248225122453587 53.38912716462795771, 6.67459990655113611 53.389270768731933, 6.67661557865303212 53.39046960264136743, 6.67636838743742089 53.39270696407039196, 6.67515418384419146 53.39402237681161978, 6.67251081209810959 53.39395684670385833, 6.66951710313346346 53.3921781011321599),(6.67731938612383136 53.38947921154104392, 6.67768320696179174 53.38692776674960783, 6.67610618821981561 53.38325421251606429, 6.67679761017090989 53.38306034226765462, 6.68197911807664102 53.38328101733890918, 6.68795379953358626 53.38583320598050364, 6.68668037767592072 53.38880843230867868, 6.68006633705113906 53.38989734662197151, 6.67731938612383136 53.38947921154104392),(6.62289779787413391 53.38380119311540284, 6.62110369134764642 53.38455645515638537, 6.61860462161391183 53.38415073066725114, 6.61775927070236669 53.38328324692923132, 6.61759942692468073 53.3818493735600299, 6.6184221768063205 53.38119003590819744, 6.6212220953868357 53.38098107105833634, 6.62326061955025658 53.38210136488416424, 6.62289779787413391 53.38380119311540284),(6.69219579386413965 53.38084380581359056, 6.69173335988217222 53.37922346172040022, 6.69264736692572537 53.3784839891729348, 6.69574025705205589 53.37794941527882031, 6.69896228400269766 53.37913419181124652, 6.69989644563703202 53.38108297338403929, 6.69782451237129006 53.38242988681781043, 6.69486664965201506 53.38227897877500538, 6.69219579386413965 53.38084380581359056),(6.59622493039263258 53.359481502686954, 6.59824439492197534 53.35880801387206418, 6.60279350769698503 53.35963545112862505, 6.60362369482473532 53.36084073126723126, 6.60173106624420925 53.36254922711555793, 6.5999409520260448 53.3628363080656456, 6.59716698536390833 53.3623267700394095, 6.59575302813186326 53.36086391122231731, 6.59622493039263258 53.359481502686954)))</t>
  </si>
  <si>
    <t>MultiPolygon (((6.70766640753911147 53.36902867712269938, 6.70730725587550403 53.37133899430536133, 6.70974410922526321 53.37342846558079401, 6.71187063829880604 53.37129842444836214, 6.70967608675956306 53.37003548252775431, 6.70856198594178021 53.36946335624036664, 6.70843501890063187 53.36910593386406987, 6.70766640753911147 53.36902867712269938)))</t>
  </si>
  <si>
    <t>MultiPolygon (((6.69782451237129006 53.38242988681781043, 6.69989644563703202 53.38108297338403929, 6.69896228400269766 53.37913419181124652, 6.69574025705205589 53.37794941527882031, 6.69264736692572537 53.3784839891729348, 6.69173335988217222 53.37922346172040022, 6.69219579386413965 53.38084380581359056, 6.69486664965201506 53.38227897877500538, 6.69782451237129006 53.38242988681781043, 6.69782451237129006 53.38242988681781043)))</t>
  </si>
  <si>
    <t>MultiPolygon (((6.67515418384419146 53.39402237681161978, 6.67636838743742089 53.39270696407039196, 6.67661557865303212 53.39046960264136743, 6.67459990655113611 53.389270768731933, 6.67248225122453587 53.38912716462795771, 6.67050388816338558 53.3901799874753209, 6.66951710313346346 53.3921781011321599, 6.67251081209810959 53.39395684670385833, 6.67515418384419146 53.39402237681161978, 6.67515418384419146 53.39402237681161978)))</t>
  </si>
  <si>
    <t>MultiPolygon (((6.60173106624420925 53.36254922711555793, 6.60362369482473532 53.36084073126723126, 6.60279350769698503 53.35963545112862505, 6.59824439492197534 53.35880801387206418, 6.59622493039263258 53.359481502686954, 6.59575302813186326 53.36086391122231731, 6.59716698536390833 53.3623267700394095, 6.5999409520260448 53.3628363080656456, 6.60173106624420925 53.36254922711555793, 6.60173106624420925 53.36254922711555793)))</t>
  </si>
  <si>
    <t>MultiPolygon (((6.62110369134764642 53.38455645515638537, 6.62289779787413391 53.38380119311540284, 6.62326061955025658 53.38210136488416424, 6.6212220953868357 53.38098107105833634, 6.6184221768063205 53.38119003590819744, 6.61759942692468073 53.3818493735600299, 6.61775927070236669 53.38328324692923132, 6.61860462161391183 53.38415073066725114, 6.62110369134764642 53.38455645515638537, 6.62110369134764642 53.38455645515638537)))</t>
  </si>
  <si>
    <t>MultiPolygon (((6.68006633705113906 53.38989734662197151, 6.68668037767592072 53.38880843230867868, 6.68795379953358626 53.38583320598050364, 6.68197911807664102 53.38328101733890918, 6.67679761017090989 53.38306034226765462, 6.67610618821981561 53.38325421251606429, 6.67768320696179174 53.38692776674960783, 6.67731938612383136 53.38947921154104392, 6.68006633705113906 53.38989734662197151, 6.68006633705113906 53.38989734662197151)))</t>
  </si>
  <si>
    <t>MultiPolygon (((6.62815957929235999 53.36158456728573896, 6.62718529803892231 53.36360820716074471, 6.62761700085558392 53.36607716258173895, 6.62951181445754223 53.36749930559945199, 6.63378064801262379 53.36871150267056407, 6.63791268175001647 53.36794691901782528, 6.63908470969766284 53.36675755594694692, 6.63696367047450053 53.36594559440461438, 6.63700147576295318 53.36286092324917263, 6.63561321788734393 53.36282604644890171, 6.63686137212113891 53.36050113328747813, 6.63595434705260789 53.36031966295924178, 6.63465974655629687 53.36271251555100292, 6.63039701773875301 53.36259685140290543, 6.62815957929235999 53.36158456728573896, 6.62815957929235999 53.36158456728573896)))</t>
  </si>
  <si>
    <t>MultiPolygon (((6.72777233692215137 53.46472965793379473, 6.74408663801533859 53.46598535570534949, 6.75544076406568283 53.46539137928574803, 6.77875678529903158 53.46074951632196104, 6.79312639965293297 53.45572053437248172, 6.79687141577935527 53.45513930699763705, 6.79717119320785201 53.45283529329291383, 6.78542193444842923 53.4439873403044956, 6.78727540185564315 53.44405398374468064, 6.78120375374121931 53.43932024738825959, 6.81415788707677539 53.43303041604348635, 6.81924482756249706 53.4327897455621823, 6.8162972820193799 53.43116738199235272, 6.81592793693851551 53.43024169864876427, 6.81648005759331532 53.42865527016282812, 6.81842459918501209 53.42767739421541506, 6.82704182618231403 53.42602322643833901, 6.83135458541637686 53.42810260379663845, 6.83341087774208145 53.42833581169746537, 6.84068748846687935 53.42518662656366502, 6.84617720584901068 53.42620475439763084, 6.84818750456046299 53.42758391172118593, 6.85715186121234144 53.4293899956527838, 6.86428806722434626 53.42982162199798069, 6.86642483236814982 53.43082993034850148, 6.87532329177638868 53.42189514171954556, 6.87421074676942201 53.40803379323934053, 6.87285938278355246 53.40795557578117325, 6.86108437837455121 53.4122518541151976, 6.84371794941945044 53.42241957242817563, 6.79245506450600978 53.40359593995262344, 6.78805796551277929 53.40785013659507285, 6.78398395697674061 53.40747219325700001, 6.78401484771364682 53.40971388894149641, 6.78206445681170589 53.41061285239481293, 6.77861420362110412 53.41078838418791008, 6.77010383497008927 53.4035575976358956, 6.75672588976755595 53.39844829322314723, 6.75795929814757379 53.40470315142745505, 6.75707971855378808 53.40645366379014547, 6.75434355848474777 53.4072749893817118, 6.75035997358782858 53.40595315825515854, 6.74745335869611296 53.40348509620922357, 6.74773290660504976 53.40115284888480573, 6.7523664909379022 53.39684391148621501, 6.75214643088077349 53.39675032329118665, 6.74825582268851676 53.39497120737294722, 6.73921048257518418 53.38812223843702043, 6.72980867553622186 53.3811773826677225, 6.72909679857810428 53.38317586674374127, 6.73241921778452124 53.38531285167343299, 6.73548049155260742 53.38865344473182972, 6.73402397224882954 53.3889955031570338, 6.72485618084432257 53.38836708179904633, 6.70674200035716339 53.3839723824653305, 6.7032132729042786 53.38751897447108519, 6.70168119307741428 53.39084372031110348, 6.69708426144808033 53.39173516698852495, 6.69807784493716074 53.394101159400158, 6.70131782682308419 53.39612363010360241, 6.70100454858897177 53.39704138224590224, 6.70384963797796907 53.39843120931238474, 6.70682379266909034 53.39922085906060545, 6.71432015054985509 53.39901824193613322, 6.69232988753797287 53.40795169769347694, 6.6972034363998505 53.41227593169967491, 6.6985810414815159 53.41360209223758915, 6.70022856095077302 53.41302980996278649, 6.70271229115108724 53.41550922466272766, 6.70424906449918012 53.41833873588324622, 6.70362854617502446 53.41958783412375311, 6.70615372132975107 53.42433231335029831, 6.70689844922289247 53.42437975458264532, 6.72777233692215137 53.46472965793379473),(6.73158897350994145 53.42034819481298769, 6.72444785391060051 53.41897985293152828, 6.71431163092359462 53.41364986029802253, 6.70768081097243751 53.41136619528685259, 6.70596675349387272 53.40942041674892948, 6.70626518183178 53.40762892926244376, 6.70926172698503898 53.40658063190815596, 6.71154574048060848 53.40652407343402786, 6.7241688373517281 53.40813231317839183, 6.73213708084619 53.40767343146745105, 6.7428352403779952 53.41824826849745733, 6.74143732975649357 53.41974458555205985, 6.73920598518101777 53.42056393188328656, 6.74449908256673325 53.42502435392146509, 6.74483686491113232 53.4259090396332752, 6.74324145447098999 53.42740690326382946, 6.73898486921312134 53.42672858369426336, 6.73606374263484309 53.42497537208545566, 6.73158897350994145 53.42034819481298769),(6.77262846549905628 53.42103764540249244, 6.76702678599814345 53.42428584603815978, 6.76203185790182459 53.42314054564231895, 6.7576219071681578 53.4211436834843667, 6.75723440672087428 53.41880272822953657, 6.75968963691602465 53.41716344641903902, 6.76294227487145871 53.41633723049473303, 6.76854441866149781 53.41706554132392171, 6.77704785718456648 53.41344511257958771, 6.78105190226418664 53.41294501861490573, 6.78691384977949497 53.41347851047285644, 6.79135123896804327 53.41238443965586669, 6.79519051684653963 53.41255807205787676, 6.79937537051516827 53.41591649098474903, 6.79993289834427816 53.41856576041261206, 6.79802845022301749 53.41918310090058952, 6.78969003201616506 53.41618697310291708, 6.78072987542976513 53.4193850566584203, 6.77262846549905628 53.42103764540249244),(6.71747920478138116 53.39518450132273131, 6.71513085234165708 53.39513854833487017, 6.71232340707511899 53.39380136388734144, 6.71183715234272693 53.3924588041990873, 6.71345632032222284 53.39144070635633454, 6.71602686656569059 53.39119668300317301, 6.71895983812260766 53.39226561806432159, 6.71941556247997784 53.39402577948838768, 6.71747920478138116 53.39518450132273131)))</t>
  </si>
  <si>
    <t>MultiPolygon (((6.79687141577935527 53.45513930699763705, 6.79836442906277316 53.45501058321632826, 6.81369416043320264 53.46326646335558053, 6.82889868022554403 53.4596539854171553, 6.83018854136164144 53.45975653176072484, 6.83253386591203871 53.46239348619290865, 6.83473134841140695 53.46250181325383721, 6.83466767155380595 53.462136816542845, 6.83277603692092672 53.46202059745371571, 6.83077952173528669 53.45964054511276942, 6.83353184444665018 53.45829024859983036, 6.83435506999521536 53.45615181054719756, 6.83205316402114882 53.45604184620945176, 6.82447191464008096 53.45778289447552822, 6.82392192117847873 53.45652314743340128, 6.83445717807655484 53.45461473513394424, 6.83214959945036693 53.45072794041774245, 6.81477562613975785 53.45349859089098743, 6.81364260627029239 53.45306297039889643, 6.81273984306790936 53.45101604185483524, 6.82940683120137315 53.44820411207140864, 6.82848261879187213 53.445843614971281, 6.81979560443542265 53.44714010156337736, 6.81901783990680777 53.4450684597371577, 6.83347669484319287 53.44290828990944675, 6.83727649202633803 53.4435318782882689, 6.84785136553022866 53.44201924038210194, 6.84825218326761931 53.4424094164665604, 6.85548923000342114 53.44163514316737462, 6.85639428066261924 53.4436877299752382, 6.83837204381810526 53.44685616906429715, 6.84258104502978437 53.45721045312022568, 6.84253468579481172 53.45841556900468561, 6.84099632193446805 53.46033620271337838, 6.84157335372573971 53.4603838061925245, 6.84316044829808856 53.45836640051697941, 6.84294700381632204 53.45618458210832813, 6.85688262608012433 53.45276133764545534, 6.86315729546437581 53.45061970401539497, 6.87969539512874118 53.44146574540811656, 6.88057353289167928 53.44212054015332569, 6.88347053027584188 53.44082347659995236, 6.88245980226295373 53.44002424889698943, 6.88334090608671723 53.43575383900643061, 6.87532329177638868 53.42189514171954556, 6.86642483236814982 53.43082993034850148, 6.86428806722434626 53.42982162199798069, 6.85715186121234144 53.4293899956527838, 6.84818750456046299 53.42758391172118593, 6.84617720584901068 53.42620475439763084, 6.84068748846687935 53.42518662656366502, 6.83341087774208145 53.42833581169746537, 6.8296131108492828 53.42998081986370096, 6.81991435941606472 53.43219543594293697, 6.81924482756249706 53.4327897455621823, 6.81415788707677539 53.43303041604348635, 6.78120375374121931 53.43932024738825959, 6.78727540185564315 53.44405398374468064, 6.78542193444842923 53.4439873403044956, 6.79717119320785201 53.45283529329291383, 6.79687141577935527 53.45513930699763705, 6.79687141577935527 53.45513930699763705)))</t>
  </si>
  <si>
    <t>MultiPolygon (((6.71747920478138116 53.39518450132273131, 6.71941556247997784 53.39402577948838768, 6.71895983812260766 53.39226561806432159, 6.71602686656569059 53.39119668300317301, 6.71345632032222284 53.39144070635633454, 6.71183715234272693 53.3924588041990873, 6.71232340707511899 53.39380136388734144, 6.71513085234165708 53.39513854833487017, 6.71747920478138116 53.39518450132273131, 6.71747920478138116 53.39518450132273131)))</t>
  </si>
  <si>
    <t>MultiPolygon (((6.81924482756249706 53.4327897455621823, 6.81991435941606472 53.43219543594293697, 6.8296131108492828 53.42998081986370096, 6.83341087774208145 53.42833581169746537, 6.83135458541637686 53.42810260379663845, 6.82704182618231403 53.42602322643833901, 6.81842459918501209 53.42767739421541506, 6.81648005759331532 53.42865527016282812, 6.81592793693851551 53.43024169864876427, 6.8162972820193799 53.43116738199235272, 6.81924482756249706 53.4327897455621823, 6.81924482756249706 53.4327897455621823)))</t>
  </si>
  <si>
    <t>MultiPolygon (((6.73158897350994145 53.42034819481298769, 6.73606374263484309 53.42497537208545566, 6.73898486921312134 53.42672858369426336, 6.74324145447098999 53.42740690326382946, 6.74483686491113232 53.4259090396332752, 6.74449908256673325 53.42502435392146509, 6.73920598518101777 53.42056393188328656, 6.73446800416095748 53.42067770042675789, 6.73158897350994145 53.42034819481298769, 6.73158897350994145 53.42034819481298769)))</t>
  </si>
  <si>
    <t>MultiPolygon (((6.76854441866149781 53.41706554132392171, 6.76858312563526265 53.41714372555890833, 6.77262846549905628 53.42103764540249244, 6.78072987542976513 53.4193850566584203, 6.78969003201616506 53.41618697310291708, 6.78825113231236354 53.41528321015377401, 6.78691384977949497 53.41347851047285644, 6.78105190226418664 53.41294501861490573, 6.77704785718456648 53.41344511257958771, 6.76854441866149781 53.41706554132392171, 6.76854441866149781 53.41706554132392171)))</t>
  </si>
  <si>
    <t>MultiPolygon (((6.78691384977949497 53.41347851047285644, 6.78825113231236354 53.41528321015377401, 6.78969003201616506 53.41618697310291708, 6.79802845022301749 53.41918310090058952, 6.79993289834427816 53.41856576041261206, 6.79937537051516827 53.41591649098474903, 6.79519051684653963 53.41255807205787676, 6.79135123896804327 53.41238443965586669, 6.78691384977949497 53.41347851047285644, 6.78691384977949497 53.41347851047285644)))</t>
  </si>
  <si>
    <t>MultiPolygon (((6.76854441866149781 53.41706554132392171, 6.76294227487145871 53.41633723049473303, 6.75968963691602465 53.41716344641903902, 6.75723440672087428 53.41880272822953657, 6.7576219071681578 53.4211436834843667, 6.76203185790182459 53.42314054564231895, 6.76702678599814345 53.42428584603815978, 6.77262846549905628 53.42103764540249244, 6.76858312563526265 53.41714372555890833, 6.76854441866149781 53.41706554132392171, 6.76854441866149781 53.41706554132392171)))</t>
  </si>
  <si>
    <t>MultiPolygon (((6.75672588976755595 53.39844829322314723, 6.75510372450850305 53.39800410843518108, 6.75412971411752405 53.39779245380884731, 6.75406048545279791 53.39756384469193051, 6.75385576249994912 53.39747744683726438, 6.7523664909379022 53.39684391148621501, 6.74773290660504976 53.40115284888480573, 6.74745335869611296 53.40348509620922357, 6.75035997358782858 53.40595315825515854, 6.75434355848474777 53.4072749893817118, 6.75707971855378808 53.40645366379014547, 6.75795929814757379 53.40470315142745505, 6.75672588976755595 53.39844829322314723)))</t>
  </si>
  <si>
    <t>MultiPolygon (((6.73158897350994145 53.42034819481298769, 6.73446800416095748 53.42067770042675789, 6.73920598518101777 53.42056393188328656, 6.74143732975649357 53.41974458555205985, 6.7428352403779952 53.41824826849745733, 6.73213708084619 53.40767343146745105, 6.7241688373517281 53.40813231317839183, 6.71154574048060848 53.40652407343402786, 6.70926172698503898 53.40658063190815596, 6.70626518183178 53.40762892926244376, 6.70596675349387272 53.40942041674892948, 6.70768081097243751 53.41136619528685259, 6.71431163092359462 53.41364986029802253, 6.72444785391060051 53.41897985293152828, 6.73158897350994145 53.42034819481298769, 6.73158897350994145 53.42034819481298769)))</t>
  </si>
  <si>
    <t>MultiPolygon (((6.69232988753797287 53.40795169769347694, 6.71432015054985509 53.39901824193613322, 6.70682379266909034 53.39922085906060545, 6.70384963797796907 53.39843120931238474, 6.70100454858897177 53.39704138224590224, 6.70131782682308419 53.39612363010360241, 6.69807784493716074 53.394101159400158, 6.69556896801522949 53.39366343492088163, 6.69393899707828144 53.39458985842389893, 6.69239395439397633 53.39445498662490053, 6.69023336680803826 53.3934556751732643, 6.69021682699795761 53.3920107864632314, 6.68894410007557738 53.3910372186532669, 6.68260544728307959 53.38980769807768212, 6.6799239400003021 53.39081713632299397, 6.67847274030889615 53.39214299310630452, 6.67710349668731595 53.39571052722136812, 6.68335970425525883 53.40206718722430423, 6.68053365972134472 53.40453672493193693, 6.68316829643313071 53.40703345075289121, 6.68810682734753392 53.40565999161471922, 6.69232988753797287 53.40795169769347694, 6.69232988753797287 53.40795169769347694)),((6.66487093361350791 53.41727815498743581, 6.66554329556561864 53.41697672826879284, 6.66616350188036577 53.41714985968009444, 6.66483380277267035 53.41324723312740019, 6.66242967388098783 53.40901619605411099, 6.65882511533239629 53.40730094469167, 6.65909923700761297 53.40436806519890212, 6.66096204826628835 53.40338855278280761, 6.66842522369653601 53.40169923372675953, 6.67231304277902471 53.39999879334668265, 6.67348158359778054 53.40068117583242469, 6.67412757831165138 53.40041369512060498, 6.67386198165868105 53.39776539407888833, 6.67046364211054055 53.39915744007794274, 6.66459356741187747 53.3988958294768139, 6.66045861599961242 53.39700541300252468, 6.66119658203487841 53.39273599550696048, 6.65627119974658044 53.3921073489192608, 6.65358739438801017 53.39356663972323958, 6.65321004764116708 53.39463994215474685, 6.64628628574099345 53.39805311333322635, 6.64177440192850543 53.39748750135955646, 6.63985689516762001 53.39927265243125731, 6.63745775310691322 53.39923694493102602, 6.63452648853792137 53.39822049780435265, 6.6298146582196269 53.39994062159578903, 6.62957075821112518 53.40128035774431225, 6.63165812380446607 53.40409553685810806, 6.63849553389809355 53.40616610880905313, 6.6437720661642885 53.40601341823769133, 6.64854995865073928 53.4050513716165014, 6.65130256664441344 53.40682024485713697, 6.65381358294340508 53.40598904437332806, 6.65651388817505207 53.40659017709121059, 6.65864205238333451 53.41158131184314328, 6.65646394570363764 53.41559236414799017, 6.66487093361350791 53.41727815498743581, 6.66487093361350791 53.41727815498743581)))</t>
  </si>
  <si>
    <t>MultiPolygon (((6.67405568285001749 53.45822439457860753, 6.67410533396511951 53.45963958011694217, 6.6799611100463272 53.4613350891628798, 6.69042108319938311 53.46156399054188313, 6.72777233692215137 53.46472965793379473, 6.70689844922289247 53.42437975458264532, 6.70615372132975107 53.42433231335029831, 6.70362854617502446 53.41958783412375311, 6.70424906449918012 53.41833873588324622, 6.70271229115108724 53.41550922466272766, 6.70022856095077302 53.41302980996278649, 6.6985810414815159 53.41360209223758915, 6.6972034363998505 53.41227593169967491, 6.6950500674980109 53.41444802275115933, 6.69679490782936693 53.41635139635356211, 6.68673582157600155 53.41968946843758914, 6.68599167646590598 53.4188391383768888, 6.66716180903083711 53.41768402208258948, 6.66554329556561864 53.41697672826879284, 6.66487093361350791 53.41727815498743581, 6.65646394570363764 53.41559236414799017, 6.65193981004027801 53.41442238576050272, 6.6369019333226742 53.45321902937197933, 6.63880933719755451 53.4523476880324111, 6.63860598061452212 53.45356633053366124, 6.64627674535971646 53.45536932578637135, 6.66741406174056905 53.45852931247914341, 6.66867806199864521 53.45785648680814006, 6.67405568285001749 53.45822439457860753, 6.67405568285001749 53.45822439457860753)))</t>
  </si>
  <si>
    <t>MultiPolygon (((6.65193981004027801 53.41442238576050272, 6.65646394570363764 53.41559236414799017, 6.65864205238333451 53.41158131184314328, 6.65651388817505207 53.40659017709121059, 6.65381358294340508 53.40598904437332806, 6.65130256664441344 53.40682024485713697, 6.65246781105195506 53.40987894516791101, 6.65143909853296655 53.41273997807892471, 6.65193981004027801 53.41442238576050272, 6.65193981004027801 53.41442238576050272)))</t>
  </si>
  <si>
    <t>MultiPolygon (((6.66554329556561864 53.41697672826879284, 6.66716180903083711 53.41768402208258948, 6.68599167646590598 53.4188391383768888, 6.68673582157600155 53.41968946843758914, 6.69679490782936693 53.41635139635356211, 6.6950500674980109 53.41444802275115933, 6.6972034363998505 53.41227593169967491, 6.69232988753797287 53.40795169769347694, 6.68810682734753392 53.40565999161471922, 6.68316829643313071 53.40703345075289121, 6.68053365972134472 53.40453672493193693, 6.68335970425525883 53.40206718722430423, 6.67710349668731595 53.39571052722136812, 6.67386198165868105 53.39776539407888833, 6.67412757831165138 53.40041369512060498, 6.67348158359778054 53.40068117583242469, 6.67231304277902471 53.39999879334668265, 6.66842522369653601 53.40169923372675953, 6.66096204826628835 53.40338855278280761, 6.65909923700761297 53.40436806519890212, 6.65882511533239629 53.40730094469167, 6.66242967388098783 53.40901619605411099, 6.66483380277267035 53.41324723312740019, 6.66616350188036577 53.41714985968009444, 6.66554329556561864 53.41697672826879284, 6.66554329556561864 53.41697672826879284)))</t>
  </si>
  <si>
    <t>MultiPolygon (((6.50178487839645136 53.29854870248098564, 6.50488598519718497 53.2999787252769508, 6.50670782098976641 53.2994287785962797, 6.5083207492232038 53.2974890367422347, 6.51234661819731553 53.29662524570957771, 6.51449654087900143 53.296765157494562, 6.5182203718204601 53.29880538243126153, 6.51980111876491009 53.30073822401614336, 6.51699760088962421 53.30234560739768312, 6.51217232677213964 53.30127267729688612, 6.50676100251436473 53.30211792300788431, 6.50473762228193575 53.30403000522824897, 6.50518108683485252 53.30591856747574298, 6.5061591760507147 53.30643851778224018, 6.50993459710784972 53.30664424103996168, 6.51262356972689016 53.30465114105084012, 6.51621479330236131 53.30435292629969268, 6.52123627688791174 53.30745020053142014, 6.5214092847234113 53.30969564334036193, 6.5606247873125243 53.3142769632070781, 6.55755734648324218 53.28771764286421586, 6.55553425943221235 53.2750090577450095, 6.55228132929440932 53.26973416862422539, 6.55026314812963673 53.2649468995246238, 6.5409665942416586 53.26362363376681941, 6.53792618278815407 53.26409670059847912, 6.53930804842220503 53.26035974873251178, 6.52979934047019217 53.25822601666448008, 6.52316915013484344 53.25724171943438989, 6.51913876251441238 53.25843001819622913, 6.51098972384687258 53.25684003061483907, 6.50824035800727607 53.25757405119986743, 6.50645963354131585 53.26890582826116827, 6.5068178284147562 53.27074540561252292, 6.50183358155492463 53.28025937565775649, 6.50185614786392563 53.28312870101262178, 6.50454193991479546 53.28629022094926881, 6.50325605387644501 53.28971797753548856, 6.50437362823649323 53.29534927638159303, 6.50178487839645136 53.29854870248098564),(6.53177756921079666 53.30373055303320484, 6.53174470317373768 53.30477942973037386, 6.52803650663243573 53.3045434256675108, 6.53029055015245063 53.30024743492756301, 6.53342105148352648 53.30087809095441287, 6.53177756921079666 53.30373055303320484),(6.53407858778534045 53.29735656552833944, 6.53026755606127018 53.29692501934141546, 6.53008079817357956 53.2943320825622493, 6.53323071000027333 53.29038788024164575, 6.53869444222410046 53.29010279066854139, 6.54044739614092574 53.29288008751202455, 6.53710310604839773 53.29512880452467272, 6.53572130788755867 53.2974908293257954, 6.53407858778534045 53.29735656552833944),(6.53668048769755572 53.27765092621539367, 6.53442868317999803 53.27788419231606554, 6.53458830946125602 53.27716545891192368, 6.5310205831513457 53.27612171108987127, 6.52742729485038353 53.27599871271039689, 6.5276974318405685 53.27527599387511259, 6.53212181656945035 53.27314746584630711, 6.54645474992928023 53.27334695488732308, 6.54666937529246873 53.27715053576982029, 6.53909742409490669 53.2767728395473199, 6.53668048769755572 53.27765092621539367)))</t>
  </si>
  <si>
    <t>MultiPolygon (((6.53177756921079666 53.30373055303320484, 6.53342105148352648 53.30087809095441287, 6.53029055015245063 53.30024743492756301, 6.52803650663243573 53.3045434256675108, 6.53174470317373768 53.30477942973037386, 6.53177756921079666 53.30373055303320484, 6.53177756921079666 53.30373055303320484)))</t>
  </si>
  <si>
    <t>MultiPolygon (((6.53407858778534045 53.29735656552833944, 6.53572130788755867 53.2974908293257954, 6.53710310604839773 53.29512880452467272, 6.54044739614092574 53.29288008751202455, 6.53869444222410046 53.29010279066854139, 6.53323071000027333 53.29038788024164575, 6.53008079817357956 53.2943320825622493, 6.53026755606127018 53.29692501934141546, 6.53407858778534045 53.29735656552833944, 6.53407858778534045 53.29735656552833944)))</t>
  </si>
  <si>
    <t>MultiPolygon (((6.53668048769755572 53.27765092621539367, 6.53909742409490669 53.2767728395473199, 6.54666937529246873 53.27715053576982029, 6.54645474992928023 53.27334695488732308, 6.53212181656945035 53.27314746584630711, 6.5276974318405685 53.27527599387511259, 6.52742729485038353 53.27599871271039689, 6.5310205831513457 53.27612171108987127, 6.53458830946125602 53.27716545891192368, 6.53442868317999803 53.27788419231606554, 6.53668048769755572 53.27765092621539367, 6.53668048769755572 53.27765092621539367)))</t>
  </si>
  <si>
    <t>MultiPolygon (((6.49119524493125244 53.39839855878733488, 6.49740820536947439 53.39579246252332467, 6.50135014498265029 53.39839685596112417, 6.50745064408741403 53.39968755060470329, 6.50684263339914004 53.40137100926572344, 6.50506827299712143 53.40203295708686682, 6.50489903024246718 53.40303857735139559, 6.50701377909250755 53.40442706695672825, 6.51028074063618778 53.40412216798782907, 6.51088077099152152 53.40582813551910135, 6.5101969044286907 53.40874573289612925, 6.50565009485364687 53.40965567244759171, 6.51078924764369926 53.4176076035622529, 6.51332186314813288 53.41740286967392848, 6.51548923622918785 53.42559020767156852, 6.5219034818283097 53.42619826023317842, 6.52944364488875362 53.42357619645758859, 6.5477465356179545 53.42634549592857951, 6.54883135186468124 53.42316096998523989, 6.54413088402026943 53.40641422423330908, 6.53571633132823582 53.40611940848153694, 6.5349703046534211 53.39660304832784732, 6.52185642591879677 53.39764198275515383, 6.52071316212283136 53.39611495662699525, 6.52039553054939969 53.39488349896935659, 6.52373348963090649 53.3943578033278925, 6.5242834085482162 53.3890861208438281, 6.52283748033248489 53.38727398462549445, 6.52309492379531619 53.38493215123668278, 6.52582780382801708 53.3829953053531483, 6.52791704934412298 53.38392570500717227, 6.53147221256246002 53.3838951109496449, 6.54062531763171329 53.37718841836322525, 6.54629449405492903 53.3790912636477799, 6.55129308613410277 53.37639622956213969, 6.55616988608310347 53.37195463946783747, 6.55679931347260414 53.37013830054755914, 6.5525299963379382 53.35894773077085063, 6.56103629376691977 53.35764508682680685, 6.56363339796094536 53.35832724769306168, 6.5688060758769673 53.35787000547746572, 6.5720340459048634 53.35255349259169577, 6.57603388385207666 53.34941793590541437, 6.57620272941735706 53.34742497546366025, 6.57457534647198827 53.34720529875915673, 6.57344684992933459 53.34563761206266719, 6.56883912661842295 53.34538772670723716, 6.56713385990721754 53.34126583503377361, 6.54413645753418916 53.34332937795149832, 6.53457532490693627 53.34470767031038463, 6.52355061364545463 53.3476036229321835, 6.51758233534764564 53.35039047188179495, 6.51597623647971602 53.34909642279680497, 6.50648638664057888 53.34966137992975632, 6.48963022966938219 53.3520439040950194, 6.49063667623250939 53.35896502445880429, 6.49171266697443183 53.35910734599124083, 6.49246001951107665 53.36013385408661236, 6.49074446475211708 53.36440496704425129, 6.48858372190152721 53.36585127273090023, 6.48434999815252322 53.36713899325479815, 6.48035719119059284 53.36560679381338446, 6.4697635016207089 53.38303912430411913, 6.46795562072942332 53.3876718383687674, 6.46902443882259348 53.38772454111002475, 6.46904703703013695 53.39060093973021281, 6.47140073021852213 53.38982798418966524, 6.47519795000535847 53.38990450613465555, 6.47968504685733393 53.39159890991783897, 6.4822494386144287 53.39602884288115092, 6.48476832068072895 53.3983964962867077, 6.49119524493125244 53.39839855878733488, 6.49119524493125244 53.39839855878733488),(6.51910716627018161 53.39450464941028685, 6.51874673460524701 53.39495302748734673, 6.51226145669599799 53.3942768189795558, 6.50495687932783451 53.39295128283833236, 6.50849193000092452 53.3827875978304931, 6.51268095147707538 53.38344825763628165, 6.51058036801188322 53.39067674283501219, 6.51640353752324497 53.391534860367166, 6.51887582914927322 53.39266743355372569, 6.51910716627018161 53.39450464941028685, 6.51910716627018161 53.39450464941028685),(6.48533313806357814 53.38097489664981765, 6.48484572237739076 53.38232103327167977, 6.48076054101673016 53.38068912454014736, 6.48174326897907616 53.37912115578244965, 6.4836258138413152 53.37949321240784428, 6.48320261673080367 53.38029230991205054, 6.48533313806357814 53.38097489664981765, 6.48533313806357814 53.38097489664981765),(6.51152570610519543 53.36465413500142319, 6.50818241400967601 53.35958342010168565, 6.51615670998856 53.35641768516844508, 6.52324134178395543 53.35826200737126612, 6.52624192420460503 53.35670227537784172, 6.52678431663101843 53.36071436113731892, 6.52329594013215353 53.36215895888284422, 6.52360630582460033 53.36406405572809319, 6.52233313956487493 53.3650959070647275, 6.51824421905206819 53.36471451301784441, 6.51820135850995985 53.36896073988423694, 6.5163048272799049 53.36960644323214353, 6.51565487688645018 53.37072004886254462, 6.51152570610519543 53.36465413500142319, 6.51152570610519543 53.36465413500142319),(6.53520745767342071 53.35822716621868977, 6.53397973848355385 53.3583495169829618, 6.53189080496963115 53.35733828352024233, 6.5314830723366466 53.35588756751387507, 6.53998803891856362 53.35516216615525309, 6.54010619939126681 53.35727834345289722, 6.53500831682833283 53.35767699430041944, 6.53520745767342071 53.35822716621868977, 6.53520745767342071 53.35822716621868977)))</t>
  </si>
  <si>
    <t>MultiPolygon (((6.48533313806357814 53.38097489664981765, 6.48320261673080367 53.38029230991205054, 6.4836258138413152 53.37949321240784428, 6.48174326897907616 53.37912115578244965, 6.48076054101673016 53.38068912454014736, 6.48484572237739076 53.38232103327167977, 6.48533313806357814 53.38097489664981765, 6.48533313806357814 53.38097489664981765)))</t>
  </si>
  <si>
    <t>MultiPolygon (((6.53520745767342071 53.35822716621868977, 6.53500831682833283 53.35767699430041944, 6.54010619939126681 53.35727834345289722, 6.53998803891856362 53.35516216615525309, 6.5314830723366466 53.35588756751387507, 6.53189080496963115 53.35733828352024233, 6.53397973848355385 53.3583495169829618, 6.53520745767342071 53.35822716621868977, 6.53520745767342071 53.35822716621868977)))</t>
  </si>
  <si>
    <t>MultiPolygon (((6.51152570610519543 53.36465413500142319, 6.51565487688645018 53.37072004886254462, 6.5163048272799049 53.36960644323214353, 6.51820135850995985 53.36896073988423694, 6.51824421905206819 53.36471451301784441, 6.51629726127356168 53.36422275922037528, 6.51152570610519543 53.36465413500142319, 6.51152570610519543 53.36465413500142319)))</t>
  </si>
  <si>
    <t>MultiPolygon (((6.51910716627018161 53.39450464941028685, 6.51887582914927322 53.39266743355372569, 6.51640353752324497 53.391534860367166, 6.51058036801188322 53.39067674283501219, 6.51268095147707538 53.38344825763628165, 6.50849193000092452 53.3827875978304931, 6.50495687932783451 53.39295128283833236, 6.51226145669599799 53.3942768189795558, 6.51874673460524701 53.39495302748734673, 6.51910716627018161 53.39450464941028685, 6.51910716627018161 53.39450464941028685)))</t>
  </si>
  <si>
    <t>MultiPolygon (((6.51152570610519543 53.36465413500142319, 6.51629726127356168 53.36422275922037528, 6.51824421905206819 53.36471451301784441, 6.52233313956487493 53.3650959070647275, 6.52360630582460033 53.36406405572809319, 6.52329594013215353 53.36215895888284422, 6.52678431663101843 53.36071436113731892, 6.52624192420460503 53.35670227537784172, 6.52324134178395543 53.35826200737126612, 6.51615670998856 53.35641768516844508, 6.50818241400967601 53.35958342010168565, 6.51152570610519543 53.36465413500142319, 6.51152570610519543 53.36465413500142319)))</t>
  </si>
  <si>
    <t>MultiPolygon (((6.47267444024090555 53.3617745938022594, 6.47612887349234168 53.36399445489141158, 6.48035719119059284 53.36560679381338446, 6.48434999815252322 53.36713899325479815, 6.48858372190152721 53.36585127273090023, 6.49074446475211708 53.36440496704425129, 6.49246001951107665 53.36013385408661236, 6.49171266697443183 53.35910734599124083, 6.49063667623250939 53.35896502445880429, 6.48963022966938219 53.3520439040950194, 6.50648638664057888 53.34966137992975632, 6.51597623647971602 53.34909642279680497, 6.51758233534764564 53.35039047188179495, 6.52355061364545463 53.3476036229321835, 6.53457532490693627 53.34470767031038463, 6.54413645753418916 53.34332937795149832, 6.56713385990721754 53.34126583503377361, 6.56709056662368518 53.33717399914370816, 6.56808441072839333 53.33499933446397989, 6.56309679208643271 53.31994068882398352, 6.5606247873125243 53.3142769632070781, 6.5214092847234113 53.30969564334036193, 6.52123627688791174 53.30745020053142014, 6.51621479330236131 53.30435292629969268, 6.51262356972689016 53.30465114105084012, 6.50993459710784972 53.30664424103996168, 6.5061591760507147 53.30643851778224018, 6.50518108683485252 53.30591856747574298, 6.50473762228193575 53.30403000522824897, 6.50676100251436473 53.30211792300788431, 6.51217232677213964 53.30127267729688612, 6.51699760088962421 53.30234560739768312, 6.51980111876491009 53.30073822401614336, 6.5182203718204601 53.29880538243126153, 6.51449654087900143 53.296765157494562, 6.51234661819731553 53.29662524570957771, 6.5083207492232038 53.2974890367422347, 6.50670782098976641 53.2994287785962797, 6.50488598519718497 53.2999787252769508, 6.50178487839645136 53.29854870248098564, 6.49788896514430192 53.30233603196832348, 6.49469484467690972 53.30525451271066828, 6.49262227744598253 53.30726670477029216, 6.48193255188024775 53.31690606038873881, 6.48364007076872273 53.31951494796264512, 6.48214017572336676 53.32190413282027919, 6.47809115103831434 53.32357249271971256, 6.47528867943154651 53.32392260118737681, 6.47405526817427468 53.32356664814731317, 6.47306011959949412 53.3217635451502403, 6.4714606118174185 53.32097424524837948, 6.46825045210514915 53.32070612110828023, 6.46267556403655874 53.32166125049717209, 6.46086818852488332 53.32292099856952206, 6.46258391065661364 53.32535597967515173, 6.4617969500978294 53.32709221409276523, 6.45726596062500935 53.32879177359517087, 6.4530113744643991 53.32881087987797741, 6.45473451797573272 53.33137265598625731, 6.456629052325777 53.33256379145174719, 6.46429938797750925 53.33489742506091602, 6.46514608589590623 53.33755523230495044, 6.47341468266067643 53.33733272613160636, 6.47536769725312045 53.34311303483814015, 6.48059821627483501 53.34216681608136668, 6.48481878266438816 53.34420724968088479, 6.48301629101912269 53.34821736851043283, 6.48385967714602263 53.35360879705635284, 6.47166470220425349 53.35949298312083044, 6.47267444024090555 53.3617745938022594, 6.47267444024090555 53.3617745938022594),(6.51859717621341783 53.33894126521878576, 6.51069479704160603 53.33878903423406115, 6.50263150517529809 53.33732133624732086, 6.50605380478229911 53.33258033570132284, 6.50779919951747843 53.33253125239549064, 6.50732387803800894 53.32803227987452033, 6.50992651852094717 53.32544250165916822, 6.51346983188945217 53.32559525127896904, 6.5141457022767737 53.32294984160027695, 6.52209470916677159 53.32259592473116783, 6.52432971149559471 53.32297692572191039, 6.52944252687593796 53.32400957868445346, 6.53558192820423489 53.32526584889826182, 6.53367626891499143 53.32847463638728414, 6.5351118149905103 53.33179193874469348, 6.53663413855502995 53.33177739299829057, 6.53571627721796222 53.33469594458086505, 6.53360195774525465 53.33452236401502944, 6.53154851549025128 53.33876758612434088, 6.51859717621341783 53.33894126521878576, 6.51859717621341783 53.33894126521878576)))</t>
  </si>
  <si>
    <t>MultiPolygon (((6.51859717621341783 53.33894126521878576, 6.53154851549025128 53.33876758612434088, 6.53360195774525465 53.33452236401502944, 6.52879499219016424 53.3329028893067445, 6.52570806207517418 53.3328793701877828, 6.51961750080896163 53.33281502255612594, 6.51859717621341783 53.33894126521878576, 6.51859717621341783 53.33894126521878576)))</t>
  </si>
  <si>
    <t>MultiPolygon (((6.52570806207517418 53.3328793701877828, 6.52879499219016424 53.3329028893067445, 6.53360195774525465 53.33452236401502944, 6.53571627721796222 53.33469594458086505, 6.53663413855502995 53.33177739299829057, 6.5351118149905103 53.33179193874469348, 6.53367626891499143 53.32847463638728414, 6.53558192820423489 53.32526584889826182, 6.52944252687593796 53.32400957868445346, 6.52988558255992846 53.32480793147129106, 6.52836911035755474 53.32900981731747692, 6.52582622485454245 53.3296826076277668, 6.52570806207517418 53.3328793701877828, 6.52570806207517418 53.3328793701877828)))</t>
  </si>
  <si>
    <t>MultiPolygon (((6.51961750080896163 53.33281502255612594, 6.52570806207517418 53.3328793701877828, 6.52582622485454245 53.3296826076277668, 6.52836911035755474 53.32900981731747692, 6.52988558255992846 53.32480793147129106, 6.52944252687593796 53.32400957868445346, 6.52432971149559471 53.32297692572191039, 6.52061998784496311 53.32846422045007984, 6.51961750080896163 53.33281502255612594, 6.51961750080896163 53.33281502255612594)))</t>
  </si>
  <si>
    <t>MultiPolygon (((6.51859717621341783 53.33894126521878576, 6.51961750080896163 53.33281502255612594, 6.516322759328947 53.33173512120927029, 6.50779919951747843 53.33253125239549064, 6.50605380478229911 53.33258033570132284, 6.50263150517529809 53.33732133624732086, 6.51069479704160603 53.33878903423406115, 6.51859717621341783 53.33894126521878576, 6.51859717621341783 53.33894126521878576)))</t>
  </si>
  <si>
    <t>MultiPolygon (((6.50779919951747843 53.33253125239549064, 6.516322759328947 53.33173512120927029, 6.51961750080896163 53.33281502255612594, 6.52061998784496311 53.32846422045007984, 6.52432971149559471 53.32297692572191039, 6.52209470916677159 53.32259592473116783, 6.5141457022767737 53.32294984160027695, 6.51346983188945217 53.32559525127896904, 6.50992651852094717 53.32544250165916822, 6.50732387803800894 53.32803227987452033, 6.50779919951747843 53.33253125239549064, 6.50779919951747843 53.33253125239549064)))</t>
  </si>
  <si>
    <t>MultiPolygon (((6.55755734648324218 53.28771764286421586, 6.60118615210600801 53.28600868767397714, 6.60289372696513688 53.27136515036527697, 6.59442356548532871 53.26898385986206108, 6.59152383783410123 53.268960742018443, 6.59335304440237913 53.27079636520056738, 6.59315332693393508 53.27282758319852718, 6.59132126351593772 53.27383894785899088, 6.58880412133710891 53.27394784283487184, 6.58632800772279925 53.27233877611479329, 6.58573996535353334 53.27054627056678981, 6.5882180051089847 53.26877817848485819, 6.56871052481769002 53.26668861942847855, 6.56548909865673735 53.26766607366780448, 6.56538606146134462 53.27064377604496315, 6.55228132929440932 53.26973416862422539, 6.55553425943221235 53.2750090577450095, 6.55755734648324218 53.28771764286421586, 6.55755734648324218 53.28771764286421586)))</t>
  </si>
  <si>
    <t>MultiPolygon (((6.5882180051089847 53.26877817848485819, 6.58573996535353334 53.27054627056678981, 6.58632800772279925 53.27233877611479329, 6.58880412133710891 53.27394784283487184, 6.59132126351593772 53.27383894785899088, 6.59315332693393508 53.27282758319852718, 6.59335304440237913 53.27079636520056738, 6.59152383783410123 53.268960742018443, 6.58957373498767307 53.26868991377354945, 6.5882180051089847 53.26877817848485819, 6.5882180051089847 53.26877817848485819)))</t>
  </si>
  <si>
    <t>MultiPolygon (((6.57620272941735706 53.34742497546366025, 6.58224157388012276 53.34359221496754344, 6.58827698791434724 53.3422459477034181, 6.58993272575032218 53.34273337051840969, 6.59365248449634755 53.34630494710835791, 6.59583100960662794 53.34714128213343542, 6.60144857782774963 53.34042355292302773, 6.60469444557325236 53.34080458285932735, 6.60536576840584111 53.33751569716739027, 6.59465990222121956 53.33639243478094727, 6.59302152647388873 53.33751584539742652, 6.58439498899941 53.33806764581201065, 6.5811072458232287 53.33634131792005917, 6.58023669985176429 53.33358786986027411, 6.58228038022994166 53.33268075992795332, 6.58689740325823614 53.33304195466426023, 6.58861032969568505 53.33072665951388558, 6.59168420713340897 53.33017751525848382, 6.5939860098783587 53.33250429292854733, 6.59513610654349502 53.33540491663688243, 6.59802140244636437 53.33549484120992901, 6.59528738442299201 53.33399470603105641, 6.5972205086556901 53.3295462446271813, 6.59359363272892463 53.32637465908184993, 6.59606001406855036 53.31990907941711555, 6.59552497725195686 53.31913379036591749, 6.59134783450646644 53.31836078274896096, 6.56309679208643271 53.31994068882398352, 6.56808441072839333 53.33499933446397989, 6.56709056662368518 53.33717399914370816, 6.56713385990721754 53.34126583503377361, 6.56883912661842295 53.34538772670723716, 6.57344684992933459 53.34563761206266719, 6.57457534647198827 53.34720529875915673, 6.57620272941735706 53.34742497546366025, 6.57620272941735706 53.34742497546366025)))</t>
  </si>
  <si>
    <t>MultiPolygon (((6.59465990222121956 53.33639243478094727, 6.59262178387046305 53.33571581456859434, 6.59513610654349502 53.33540491663688243, 6.5939860098783587 53.33250429292854733, 6.59168420713340897 53.33017751525848382, 6.58861032969568505 53.33072665951388558, 6.58689740325823614 53.33304195466426023, 6.58228038022994166 53.33268075992795332, 6.58023669985176429 53.33358786986027411, 6.5811072458232287 53.33634131792005917, 6.58439498899941 53.33806764581201065, 6.59302152647388873 53.33751584539742652, 6.59465990222121956 53.33639243478094727, 6.59465990222121956 53.33639243478094727)))</t>
  </si>
  <si>
    <t>MultiPolygon (((6.60289372696513688 53.27136515036527697, 6.60660594177302851 53.27053503629859676, 6.61419925306002554 53.27087555823860754, 6.63040444664434681 53.27282417595947805, 6.62645636598766963 53.26583672491706523, 6.6334518703487575 53.25976034374093615, 6.63567810189016249 53.25409439892707297, 6.63604549245079678 53.25143441588816273, 6.63504343808308406 53.25128474275774693, 6.61929696252265121 53.2494478923503749, 6.6183458008724374 53.25148592872655939, 6.60640723397953256 53.25141658769199893, 6.60635129129401388 53.25374084576130684, 6.59073659099836906 53.25532243452989434, 6.58756983526194073 53.25563676642784827, 6.59481265644796188 53.25781896479520583, 6.59728135298502849 53.25923192058287725, 6.60027351108358662 53.26245926710724632, 6.60075143277684528 53.26485715175916624, 6.5978205032139341 53.26675139246533774, 6.59180658723287483 53.26631088456926477, 6.58853395617245763 53.26254806623401095, 6.5857787538256618 53.26249148874872219, 6.58575233255020365 53.2615398528013344, 6.56723011107118992 53.2614940759695088, 6.56660118884740296 53.26360735321890871, 6.55239701047466649 53.26217862623662569, 6.55138716816246802 53.26237503847895027, 6.54955188251131837 53.26440901425156937, 6.55026314812963673 53.2649468995246238, 6.55228132929440932 53.26973416862422539, 6.56538606146134462 53.27064377604496315, 6.56548909865673735 53.26766607366780448, 6.56871052481769002 53.26668861942847855, 6.5882180051089847 53.26877817848485819, 6.58957373498767307 53.26868991377354945, 6.59152383783410123 53.268960742018443, 6.59442356548532871 53.26898385986206108, 6.60289372696513688 53.27136515036527697, 6.60289372696513688 53.27136515036527697)))</t>
  </si>
  <si>
    <t>MultiPolygon (((6.58853395617245763 53.26254806623401095, 6.59180658723287483 53.26631088456926477, 6.5978205032139341 53.26675139246533774, 6.60075143277684528 53.26485715175916624, 6.60027351108358662 53.26245926710724632, 6.59728135298502849 53.25923192058287725, 6.59481265644796188 53.25781896479520583, 6.58756983526194073 53.25563676642784827, 6.58712662188583664 53.25571364889598414, 6.5863438182867835 53.25587481572713955, 6.58853395617245763 53.26254806623401095, 6.58853395617245763 53.26254806623401095)))</t>
  </si>
  <si>
    <t>MultiPolygon (((6.59802140244636437 53.33549484120992901, 6.60171058332766059 53.32939886401815244, 6.60527158169500339 53.3303834498957201, 6.61019354718070762 53.33011462926371848, 6.61433543211293173 53.32520296998838916, 6.613005832208386 53.32321737151524843, 6.61986234017911901 53.31442815342735742, 6.6373304224605727 53.3144624898080437, 6.6376749450493886 53.31463818942825128, 6.64197793775567824 53.30925139023725023, 6.64515470343054737 53.30840905688824449, 6.65036924567348375 53.30920589353956274, 6.65405343654024062 53.30864456936206608, 6.64928835242777083 53.30228094126715632, 6.64276838887119148 53.29093350266273177, 6.63040444664434681 53.27282417595947805, 6.61419925306002554 53.27087555823860754, 6.60660594177302851 53.27053503629859676, 6.60289372696513688 53.27136515036527697, 6.60118615210600801 53.28600868767397714, 6.55755734648324218 53.28771764286421586, 6.5606247873125243 53.3142769632070781, 6.56309679208643271 53.31994068882398352, 6.59134783450646644 53.31836078274896096, 6.59552497725195686 53.31913379036591749, 6.59606001406855036 53.31990907941711555, 6.59359363272892463 53.32637465908184993, 6.5972205086556901 53.3295462446271813, 6.59528738442299201 53.33399470603105641, 6.59802140244636437 53.33549484120992901),(6.59201878213352099 53.29418341281542126, 6.60114019980857414 53.29338460023389246, 6.60883077796203988 53.2937424771654733, 6.61695392298925888 53.29594323063248851, 6.61234345613656682 53.30659630789133985, 6.61085972848130066 53.305832997002355, 6.60609186982374741 53.30536418707803392, 6.60362755039788052 53.31005130014317928, 6.59977671440893499 53.31125167839891787, 6.59852974078763577 53.31407242732525731, 6.59336008512159832 53.31336509294401083, 6.59410768152545401 53.31112677590454751, 6.59310867737090422 53.30985122397977705, 6.58681500326340164 53.30524983985966969, 6.58276559574230191 53.30428655549032158, 6.58258080855913352 53.30225471360146372, 6.58714289234630179 53.29749936122149023, 6.59201878213352099 53.29418341281542126)))</t>
  </si>
  <si>
    <t>MultiPolygon (((6.59977671440893499 53.31125167839891787, 6.60362755039788052 53.31005130014317928, 6.60609186982374741 53.30536418707803392, 6.61085972848130066 53.305832997002355, 6.61234345613656682 53.30659630789133985, 6.61695392298925888 53.29594323063248851, 6.60883077796203988 53.2937424771654733, 6.60114019980857414 53.29338460023389246, 6.59201878213352099 53.29418341281542126, 6.58714289234630179 53.29749936122149023, 6.58258080855913352 53.30225471360146372, 6.58276559574230191 53.30428655549032158, 6.58681500326340164 53.30524983985966969, 6.59310867737090422 53.30985122397977705, 6.59410768152545401 53.31112677590454751, 6.59336008512159832 53.31336509294401083, 6.59852974078763577 53.31407242732525731, 6.59977671440893499 53.31125167839891787, 6.59977671440893499 53.31125167839891787)))</t>
  </si>
  <si>
    <t>MultiPolygon (((4.3827988457803535 51.81893788385505673, 4.38817409388535484 51.81565115670830579, 4.38952709005173336 51.81188637513083961, 4.3883268948048304 51.80205361990035584, 4.38287545048941851 51.80206190323212923, 4.37877700252640878 51.78740435844173362, 4.38415992381515984 51.78843998433692519, 4.39359282920182714 51.78753707332007394, 4.39275333829820624 51.78602905879631635, 4.39544740963874148 51.78412942298182031, 4.40604308306920256 51.78157110610182201, 4.40975873062887302 51.77916971788005185, 4.41416757654794889 51.77913371079379345, 4.41184836715340367 51.77567457448922994, 4.38925966427369296 51.779262650376225, 4.3608248515587773 51.78153598197867069, 4.34768717407249827 51.78130161876882198, 4.34211351469939633 51.77973472435999724, 4.33671781310002569 51.78176840154156224, 4.33824374055562068 51.78365624940747125, 4.33843181180530468 51.78741175788051976, 4.33963341399460933 51.78897130812933369, 4.34139731406618612 51.78972684633227885, 4.34503218500352428 51.78999920526134559, 4.35192718577178095 51.78767727199225135, 4.35618751189484321 51.78746849842634958, 4.36083844555266342 51.79149501818207568, 4.36246535682840442 51.79721546564505275, 4.36569740798797845 51.79731826238629822, 4.36720587766065016 51.80299086119809004, 4.36403274003850417 51.80621634928423447, 4.36043113056040355 51.80836921256616279, 4.35898521369238612 51.80863071489912386, 4.35751063864708499 51.80341584687352707, 4.34383874626453714 51.80368158532511558, 4.34924084481077244 51.80682945676483797, 4.35070438466473952 51.81139513843573496, 4.34710803532278955 51.81788735323365103, 4.35429821587788179 51.81916501584832702, 4.35743247120311761 51.81902815251952887, 4.36908227259168402 51.81698143693689218, 4.37919495701345252 51.82249747765785486, 4.3821318009078043 51.82407915853586644, 4.38402915676136384 51.82257593697028852, 4.38296725243535423 51.82143425101672563, 4.3827988457803535 51.81893788385505673, 4.3827988457803535 51.81893788385505673)))</t>
  </si>
  <si>
    <t>MultiPolygon (((4.34924084481077244 51.80682945676483797, 4.34383874626453714 51.80368158532511558, 4.33215408578120886 51.80396811321703154, 4.33280450057364153 51.81025729459449991, 4.33221574903899942 51.81236352546553547, 4.33079123899605811 51.81297461961496253, 4.33708497924802305 51.8164387792664769, 4.33983432547182613 51.81682906971900593, 4.34710803532278955 51.81788735323365103, 4.35070438466473952 51.81139513843573496, 4.34924084481077244 51.80682945676483797, 4.34924084481077244 51.80682945676483797)))</t>
  </si>
  <si>
    <t>MultiPolygon (((4.34383874626453714 51.80368158532511558, 4.35751063864708499 51.80341584687352707, 4.35898521369238612 51.80863071489912386, 4.36043113056040355 51.80836921256616279, 4.36403274003850417 51.80621634928423447, 4.36720587766065016 51.80299086119809004, 4.36569740798797845 51.79731826238629822, 4.36246535682840442 51.79721546564505275, 4.36083844555266342 51.79149501818207568, 4.35618751189484321 51.78746849842634958, 4.35192718577178095 51.78767727199225135, 4.34503218500352428 51.78999920526134559, 4.34139731406618612 51.78972684633227885, 4.33963341399460933 51.78897130812933369, 4.33843181180530468 51.78741175788051976, 4.33824374055562068 51.78365624940747125, 4.33671781310002569 51.78176840154156224, 4.32729690153166846 51.77866598410341226, 4.32110696473796185 51.77758692110667482, 4.30985439153326499 51.77880638360373666, 4.30988438722273592 51.78950726651095948, 4.3135316374162338 51.79039728910816365, 4.31558053599941438 51.78754151141126982, 4.31712732069069904 51.78801586828858916, 4.32154779336922967 51.79378248858957789, 4.32097327462809577 51.79480797615363485, 4.31867395526524334 51.79392114319729501, 4.31681409455415377 51.79743897307947265, 4.31110485849612157 51.79737384398046629, 4.30815902376022652 51.79644488545585546, 4.30491406355012884 51.7999571624869759, 4.29985316406183848 51.80252169175459187, 4.29903939426862092 51.80406100098374367, 4.30585810075233688 51.8085953742724854, 4.31726379792105686 51.81128743626280198, 4.33079123899605811 51.81297461961496253, 4.33221574903899942 51.81236352546553547, 4.33280450057364153 51.81025729459449991, 4.33215408578120886 51.80396811321703154, 4.34383874626453714 51.80368158532511558, 4.34383874626453714 51.80368158532511558)))</t>
  </si>
  <si>
    <t>MultiPolygon (((4.30988438722273592 51.78950726651095948, 4.30947637231224157 51.79348028669008386, 4.30815902376022652 51.79644488545585546, 4.31110485849612157 51.79737384398046629, 4.31681409455415377 51.79743897307947265, 4.31867395526524334 51.79392114319729501, 4.32097327462809577 51.79480797615363485, 4.32154779336922967 51.79378248858957789, 4.31712732069069904 51.78801586828858916, 4.31558053599941438 51.78754151141126982, 4.3135316374162338 51.79039728910816365, 4.30988438722273592 51.78950726651095948, 4.30988438722273592 51.78950726651095948)))</t>
  </si>
  <si>
    <t>MultiPolygon (((4.29848246580514903 51.74926998518316879, 4.29166745980212205 51.73579190985949339, 4.29115136493855331 51.73477077028701387, 4.28919405063366366 51.73526036571377773, 4.27894581887809178 51.7406053590596926, 4.2771338193421089 51.74081966727523252, 4.27682686563483827 51.74166979237796227, 4.26774197412708833 51.74533126486537071, 4.26249679677453575 51.74659976008708639, 4.26430390803423087 51.74579886964149722, 4.26232909247174874 51.74666120275448122, 4.25829315171696621 51.74864897323709556, 4.2583655985810358 51.75005973811902749, 4.26209257870072644 51.75361322656250707, 4.26362795257125882 51.7539479813630976, 4.27953674471591405 51.75268530266934164, 4.29848246580514903 51.74926998518316879, 4.29848246580514903 51.74926998518316879)),((4.28449685219208654 51.80366451836701458, 4.2957917062020039 51.80211093059477179, 4.29903939426862092 51.80406100098374367, 4.29985316406183848 51.80252169175459187, 4.30491406355012884 51.7999571624869759, 4.30815902376022652 51.79644488545585546, 4.30947637231224157 51.79348028669008386, 4.30988438722273592 51.78950726651095948, 4.30985439153326499 51.77880638360373666, 4.30943224520584423 51.77251463316957825, 4.31045976406076026 51.77068400428449024, 4.31431735604821753 51.76840287315333455, 4.32062985968627 51.76730086908942496, 4.31696816008385298 51.75196058497754592, 4.29031151768254571 51.75753103905165631, 4.29590519836570461 51.75658081734898985, 4.29635601798863842 51.75735668302061043, 4.29010570622099419 51.75855879099920998, 4.28978788305658654 51.75802950607604203, 4.28354866380473176 51.75852182168026161, 4.26719065082307303 51.76105354474945131, 4.25725536828646955 51.76418568490443306, 4.24871845819483962 51.76586450798490802, 4.23850446399314418 51.77261493022515282, 4.23600593394271296 51.77554486556195457, 4.23088894274388228 51.77921272788125151, 4.23041110749272242 51.78042394426854145, 4.23226212061797824 51.7813348583856552, 4.23894988987714871 51.78018033999995851, 4.24753182503710747 51.78396121594874302, 4.24662803346237983 51.78533932563057363, 4.26436895550680273 51.80339648026856736, 4.26859605661415209 51.80483916309971448, 4.27160424860255361 51.80515545774594699, 4.28449685219208654 51.80366451836701458, 4.28449685219208654 51.80366451836701458),(4.2771384296929611 51.79109043376436006, 4.28391211081306977 51.79070981154869457, 4.28544242161947597 51.79526661566167434, 4.28354981086023123 51.7949991897843276, 4.27739680448429382 51.79613255021632057, 4.27670900564544798 51.79641371170407638, 4.2769021698239893 51.79837950975355199, 4.27481180263477256 51.79892600471025332, 4.26768889218242897 51.79713433598794126, 4.26778438274811922 51.79452764770842776, 4.2771384296929611 51.79109043376436006, 4.2771384296929611 51.79109043376436006)))</t>
  </si>
  <si>
    <t>MultiPolygon (((4.27481180263477256 51.79892600471025332, 4.2769021698239893 51.79837950975355199, 4.27670900564544798 51.79641371170407638, 4.27739680448429382 51.79613255021632057, 4.28354981086023123 51.7949991897843276, 4.28544242161947597 51.79526661566167434, 4.28391211081306977 51.79070981154869457, 4.2771384296929611 51.79109043376436006, 4.26778438274811922 51.79452764770842776, 4.26768889218242897 51.79713433598794126, 4.27481180263477256 51.79892600471025332, 4.27481180263477256 51.79892600471025332)))</t>
  </si>
  <si>
    <t>MultiPolygon (((4.31131148902865924 51.74711343493256521, 4.33427520504218489 51.74050372053296343, 4.3532622619274024 51.73664426776996805, 4.35717177217938367 51.73466476175835282, 4.35771923459332378 51.7334203279054563, 4.35714456533068883 51.73181270395493669, 4.35051747018340151 51.73086401050014871, 4.34246978339409662 51.72882744187990767, 4.33710670236148665 51.72662227397110968, 4.32386422060405895 51.72644188370068719, 4.31090772134293942 51.72765168784984269, 4.30354193838732613 51.73003871653599361, 4.30121411482372107 51.73008440901570282, 4.29086641763354049 51.73420695682118264, 4.29045310077350628 51.73448904731308318, 4.29115136493855331 51.73477077028701387, 4.29122548663457337 51.73491743031026857, 4.29166745980212205 51.73579190985949339, 4.29848246580514903 51.74926998518316879, 4.31131148902865924 51.74711343493256521, 4.31131148902865924 51.74711343493256521)),((4.34211351469939633 51.77973472435999724, 4.34768717407249827 51.78130161876882198, 4.3608248515587773 51.78153598197867069, 4.38925966427369296 51.779262650376225, 4.41184836715340367 51.77567457448922994, 4.40468502844946563 51.76510018341641484, 4.38446643916586076 51.73059367174113987, 4.38359494410259121 51.73175513920557478, 4.37115059799799699 51.73512586226030407, 4.34949935921462494 51.74333156172447445, 4.31696816008385298 51.75196058497754592, 4.32062985968627 51.76730086908942496, 4.31431735604821753 51.76840287315333455, 4.31045976406076026 51.77068400428449024, 4.30943224520584423 51.77251463316957825, 4.30985439153326499 51.77880638360373666, 4.32110696473796185 51.77758692110667482, 4.32729690153166846 51.77866598410341226, 4.33671781310002569 51.78176840154156224, 4.34211351469939633 51.77973472435999724, 4.34211351469939633 51.77973472435999724),(4.36507455935023891 51.76003149573678286, 4.36447584982133385 51.75505573944870008, 4.36316480305423315 51.75359258324417766, 4.35913963258962411 51.75170436065697288, 4.34694551592706357 51.75603159399447151, 4.34710874678227643 51.75737294798229016, 4.34168936711080011 51.75747991887095623, 4.36310791573918078 51.75036816032129394, 4.36194907823121181 51.7454402492329848, 4.36605328659261716 51.7446775855481178, 4.36703642610749743 51.74556326387014593, 4.3674442294045992 51.74819231371618855, 4.37334408608463843 51.74800578099891624, 4.38344397982207834 51.7495324861703665, 4.37980582774321547 51.74999541106611645, 4.37975210868468068 51.74937631602095678, 4.37397564593282784 51.74882119298275995, 4.37470765612684076 51.75495498520960069, 4.37219958599638225 51.75695720614749007, 4.36665263915659718 51.75715039857099242, 4.36694472063861028 51.75992156879173933, 4.36507455935023891 51.76003149573678286, 4.36507455935023891 51.76003149573678286)))</t>
  </si>
  <si>
    <t>MultiPolygon (((4.36694472063861028 51.75992156879173933, 4.36665263915659718 51.75715039857099242, 4.37219958599638225 51.75695720614749007, 4.37470765612684076 51.75495498520960069, 4.37397564593282784 51.74882119298275995, 4.37975210868468068 51.74937631602095678, 4.37980582774321547 51.74999541106611645, 4.38344397982207834 51.7495324861703665, 4.37334408608463843 51.74800578099891624, 4.3674442294045992 51.74819231371618855, 4.36703642610749743 51.74556326387014593, 4.36605328659261716 51.7446775855481178, 4.36194907823121181 51.7454402492329848, 4.36310791573918078 51.75036816032129394, 4.34168936711080011 51.75747991887095623, 4.34710874678227643 51.75737294798229016, 4.34694551592706357 51.75603159399447151, 4.35913963258962411 51.75170436065697288, 4.36316480305423315 51.75359258324417766, 4.36447584982133385 51.75505573944870008, 4.36507455935023891 51.76003149573678286, 4.36694472063861028 51.75992156879173933, 4.36694472063861028 51.75992156879173933)))</t>
  </si>
  <si>
    <t>MultiPolygon (((4.44825577925186888 51.71686942846589119, 4.44897780665610476 51.71716108089815833, 4.4513107102696674 51.71660174028636447, 4.45156727064725288 51.71497976939799912, 4.44619005938420653 51.71547640751031594, 4.44504750334299015 51.7166957572253736, 4.44670305768537233 51.71711404953502722, 4.4465859460109467 51.71762652086522394, 4.44398685899481105 51.7175059850876977, 4.44526659458643358 51.71545568522850544, 4.44312769370291605 51.71549406195020993, 4.44243205836482868 51.71664495888640545, 4.4389844832532237 51.71556828909020709, 4.4362146492596839 51.71616086680224811, 4.43537431731711784 51.71688987745847044, 4.42154095598245611 51.71929879676952169, 4.41813327981668635 51.71877882194475973, 4.41952506196339723 51.72083466215511294, 4.41842188234004407 51.72096706954225454, 4.4169131869363456 51.71902661525002998, 4.41227179735849262 51.72094666269840246, 4.40949251703810408 51.72111571763886673, 4.40746045676008169 51.72221591976472155, 4.40615303484995557 51.72206434838702904, 4.40402794724510738 51.72024627658780815, 4.39823077292726605 51.71133434696006503, 4.39804583706254437 51.71137825949150368, 4.39789916402562575 51.71141308690122429, 4.40346162503843885 51.72034300683844066, 4.40025459887656822 51.72166812674591796, 4.40225858047226204 51.72120816900058315, 4.40346137790992387 51.72178331932696693, 4.40424159815477445 51.72336315861113576, 4.38446643916586076 51.73059367174113987, 4.40468502844946563 51.76510018341641484, 4.41576248264372495 51.76495538937891894, 4.42331376753766214 51.76146346872354087, 4.43825404767533538 51.75707198343790338, 4.44133315354094549 51.75722360945869127, 4.44245312881048449 51.75935403270487001, 4.45066906923110128 51.76047255280792569, 4.4660311458724804 51.75825982836487071, 4.49350899327181175 51.75077799618374996, 4.49879889960323354 51.74778355014729669, 4.50170177102912561 51.7446396225613654, 4.50680456763445569 51.74226543806145884, 4.50838676626201629 51.74043642942076104, 4.50662652970221433 51.73979318662092197, 4.50470059418239988 51.73752436536996413, 4.50895657182914711 51.72794184316055777, 4.52451313113831421 51.72148265207992068, 4.51794797361282541 51.71628697701346766, 4.51807579397784753 51.71508880418508625, 4.53492354381354001 51.70723036746782952, 4.53497484715409094 51.70190942951035851, 4.53037899322943538 51.70116132469919279, 4.51620339732418241 51.70330851942510719, 4.51188545084075265 51.70448920649086944, 4.50871943223338256 51.70655747857325935, 4.50317858518400804 51.7065835376458125, 4.49305192474327519 51.70882470848420098, 4.48954876793122359 51.7108219844015764, 4.47512737305808006 51.71299790955666964, 4.46724797067039159 51.71507334057729821, 4.46215435686248973 51.7148766052977038, 4.45803798896779657 51.71570478190484721, 4.45196354186736976 51.71552965665222246, 4.45160758698650394 51.71788290632057539, 4.44803390258871367 51.71770621476354535, 4.44825577925186888 51.71686942846589119, 4.44825577925186888 51.71686942846589119),(4.4480680793184959 51.75119390951770981, 4.44757210304718509 51.74983116474170686, 4.44270670752648744 51.75052762169426757, 4.44063004253672933 51.74680372138560358, 4.43906020268207335 51.74092592764571918, 4.4343322778716292 51.74192642224185334, 4.43116912463593327 51.74002192107860054, 4.43166332537384466 51.73791758660254203, 4.43043956900833358 51.72630608139797914, 4.43262911998850573 51.72601872433807557, 4.43285563428201446 51.72348156709180955, 4.43637979551171657 51.72357473604082401, 4.43827816063317204 51.72499897776316402, 4.44670667489316873 51.72559110204458932, 4.4452916007359331 51.73062257352673754, 4.44588314002054741 51.7404296127792378, 4.44860858774210843 51.74107621274968238, 4.44864451303672848 51.7416874469658481, 4.45093962489669259 51.74198425926311273, 4.4534915349192854 51.74943922202119495, 4.4480680793184959 51.75119390951770981, 4.4480680793184959 51.75119390951770981)))</t>
  </si>
  <si>
    <t>MultiPolygon (((4.44063004253672933 51.74680372138560358, 4.44270670752648744 51.75052762169426757, 4.44757210304718509 51.74983116474170686, 4.4480680793184959 51.75119390951770981, 4.4534915349192854 51.74943922202119495, 4.45093962489669259 51.74198425926311273, 4.44864451303672848 51.7416874469658481, 4.44571060124248341 51.74216186418978936, 4.44618793562800363 51.74350739455193349, 4.441620629797014 51.7444101618345087, 4.44063004253672933 51.74680372138560358, 4.44063004253672933 51.74680372138560358)))</t>
  </si>
  <si>
    <t>MultiPolygon (((4.44063004253672933 51.74680372138560358, 4.441620629797014 51.7444101618345087, 4.44618793562800363 51.74350739455193349, 4.44571060124248341 51.74216186418978936, 4.44864451303672848 51.7416874469658481, 4.44860858774210843 51.74107621274968238, 4.44588314002054741 51.7404296127792378, 4.4452916007359331 51.73062257352673754, 4.44670667489316873 51.72559110204458932, 4.43827816063317204 51.72499897776316402, 4.43637979551171657 51.72357473604082401, 4.43285563428201446 51.72348156709180955, 4.43262911998850573 51.72601872433807557, 4.43043956900833358 51.72630608139797914, 4.43166332537384466 51.73791758660254203, 4.43116912463593327 51.74002192107860054, 4.4343322778716292 51.74192642224185334, 4.43906020268207335 51.74092592764571918, 4.44063004253672933 51.74680372138560358, 4.44063004253672933 51.74680372138560358)))</t>
  </si>
  <si>
    <t>MultiPolygon (((4.46599127684106634 51.78814956454048968, 4.46613264773234508 51.78569636377228136, 4.47415040788907881 51.77645648662865341, 4.48331241935112335 51.77704727681742725, 4.48394465278716403 51.77132102773117595, 4.48656165539464613 51.77063688506636652, 4.48549745107900399 51.76215444973139057, 4.48431543739935989 51.76184746145737847, 4.48606919580779007 51.75770839371875809, 4.48807447076041655 51.75649176966555842, 4.50595743715176411 51.75205123402526652, 4.51823347176046752 51.74464305809642184, 4.51939870988935155 51.74168334435748307, 4.51795914975535773 51.74090125137624341, 4.51631406522415269 51.74206165001148605, 4.51441497890174936 51.74203334051435377, 4.50838676626201629 51.74043642942076104, 4.50680456763445569 51.74226543806145884, 4.50170177102912561 51.7446396225613654, 4.49879889960323354 51.74778355014729669, 4.49350899327181175 51.75077799618374996, 4.4660311458724804 51.75825982836487071, 4.45066906923110128 51.76047255280792569, 4.44245312881048449 51.75935403270487001, 4.44133315354094549 51.75722360945869127, 4.43825404767533538 51.75707198343790338, 4.42331376753766214 51.76146346872354087, 4.41576248264372495 51.76495538937891894, 4.40468502844946563 51.76510018341641484, 4.41184836715340367 51.77567457448922994, 4.41416757654794889 51.77913371079379345, 4.41675460856377899 51.78026783549808698, 4.42453491326171822 51.78587519698294983, 4.4265667153199022 51.78439647230099752, 4.43557862638760891 51.78204444188138211, 4.43427349148664263 51.7794773357691156, 4.43685118858496175 51.77996419134192507, 4.44074078103272285 51.77282564287516919, 4.43939089656933561 51.7713519122219239, 4.43443933252001532 51.77182703954834153, 4.43075588257105935 51.76993397190204149, 4.43014339233533416 51.76789253998029494, 4.43152309051718074 51.76754416522190638, 4.43224814660404487 51.76863350111810291, 4.43935189257252016 51.76855343896389883, 4.44115548990837805 51.76413392986099637, 4.44385341137851242 51.76411468144529948, 4.44391466036476945 51.76503897352625927, 4.45097147802447779 51.76524934155941793, 4.45130179670931181 51.76735853378985297, 4.45432985707780027 51.76803367710924419, 4.45495628323684567 51.77053989667575706, 4.452917400045318 51.77470134084336451, 4.45224497062998736 51.77546479032815085, 4.4475950967130915 51.77582382116818849, 4.44289624882754453 51.77483744797918774, 4.43949130478166243 51.77538107842704562, 4.43772360651880593 51.78140054588831021, 4.46599127684106634 51.78814956454048968, 4.46599127684106634 51.78814956454048968)))</t>
  </si>
  <si>
    <t>MultiPolygon (((4.43557862638760891 51.78204444188138211, 4.43716353427270427 51.78136571779819519, 4.43772360651880593 51.78140054588831021, 4.43949130478166243 51.77538107842704562, 4.44289624882754453 51.77483744797918774, 4.4475950967130915 51.77582382116818849, 4.45224497062998736 51.77546479032815085, 4.452917400045318 51.77470134084336451, 4.45495628323684567 51.77053989667575706, 4.45432985707780027 51.76803367710924419, 4.45130179670931181 51.76735853378985297, 4.45097147802447779 51.76524934155941793, 4.44391466036476945 51.76503897352625927, 4.44385341137851242 51.76411468144529948, 4.44115548990837805 51.76413392986099637, 4.43935189257252016 51.76855343896389883, 4.43224814660404487 51.76863350111810291, 4.43152309051718074 51.76754416522190638, 4.43014339233533416 51.76789253998029494, 4.43075588257105935 51.76993397190204149, 4.43443933252001532 51.77182703954834153, 4.43939089656933561 51.7713519122219239, 4.44074078103272285 51.77282564287516919, 4.43685118858496175 51.77996419134192507, 4.43427349148664263 51.7794773357691156, 4.43557862638760891 51.78204444188138211, 4.43557862638760891 51.78204444188138211)))</t>
  </si>
  <si>
    <t>MultiPolygon (((4.57230517129263792 51.70007293413008398, 4.55492964570385706 51.69685465527705048, 4.54432927823983768 51.69512702329159026, 4.54855130540077912 51.69660331508691797, 4.56556004015068417 51.69973431946488063, 4.57230517129263792 51.70007293413008398, 4.57230517129263792 51.70007293413008398)),((4.51666801147008101 51.78662293390688376, 4.51868915505029101 51.78363672088795511, 4.52670084249376625 51.78061604161165121, 4.53690482851267518 51.77973781560533695, 4.54025222913257664 51.77660347748853553, 4.5458942768223114 51.77380685248275682, 4.57061357742681018 51.77197420517846638, 4.57126346700212682 51.76334160520027439, 4.61195733466418378 51.76046716033287254, 4.61181958307422146 51.75723969045747452, 4.60641014942198801 51.75501539967201126, 4.5931166691858758 51.75099345268760231, 4.59183463037382467 51.74850257433921286, 4.6026351114644779 51.74080274364393972, 4.60596460442628342 51.7411230140874423, 4.61114898064202983 51.73749065940166503, 4.61061432367032165 51.73709333678184663, 4.62657924413002153 51.72825628753037819, 4.6235970409146061 51.72139586517181442, 4.61857923206579102 51.72322709686447695, 4.60592726375165373 51.7170663571528948, 4.59544606177300619 51.71478801682454218, 4.58822307240617544 51.7119137066101402, 4.5848370343696816 51.71154184771830131, 4.58070802823073819 51.71200416713013226, 4.57167207359739347 51.71022602581644634, 4.57145505055056134 51.70925329949056248, 4.56742693641967001 51.70721452345092217, 4.55796986009228089 51.70445396107832181, 4.55145690004857872 51.70438567070642222, 4.53497484715409094 51.70190942951035851, 4.53492354381354001 51.70723036746782952, 4.51807579397784753 51.71508880418508625, 4.51794797361282541 51.71628697701346766, 4.52451313113831421 51.72148265207992068, 4.50895657182914711 51.72794184316055777, 4.50470059418239988 51.73752436536996413, 4.50662652970221433 51.73979318662092197, 4.50838676626201629 51.74043642942076104, 4.51441497890174936 51.74203334051435377, 4.51631406522415269 51.74206165001148605, 4.51795914975535773 51.74090125137624341, 4.51939870988935155 51.74168334435748307, 4.51823347176046752 51.74464305809642184, 4.50595743715176411 51.75205123402526652, 4.48807447076041655 51.75649176966555842, 4.48606919580779007 51.75770839371875809, 4.48431543739935989 51.76184746145737847, 4.48549745107900399 51.76215444973139057, 4.48656165539464613 51.77063688506636652, 4.48394465278716403 51.77132102773117595, 4.48331241935112335 51.77704727681742725, 4.48680103429738519 51.77730011977876501, 4.48655812883013905 51.7814937355886471, 4.48810053074927584 51.78137805319678932, 4.49107050139402819 51.78076371403532363, 4.49344549051412034 51.7809790790915585, 4.50174615249745091 51.78363615316955304, 4.50325912486185675 51.78661700838797799, 4.51525968677531431 51.78716036168174242, 4.51666801147008101 51.78662293390688376, 4.51666801147008101 51.78662293390688376),(4.54618734076557551 51.7704400360371082, 4.54560612789278373 51.77027507051763422, 4.54725822745516961 51.76614354668914331, 4.54665852938165749 51.76500755859434122, 4.54815549924154539 51.76230077168564492, 4.54857916336718482 51.75908299613874419, 4.54510975542345541 51.75582362035135731, 4.54386936762795379 51.75246370617870895, 4.5458777472338836 51.7473867131653833, 4.54948698294320764 51.74419627231857532, 4.54823765637253796 51.74327751960844068, 4.54450406315881672 51.74324308427370056, 4.54469225338222493 51.74076916430503559, 4.54132591021360543 51.74066379796249038, 4.54139400008504168 51.73818886759017488, 4.54499570007253784 51.73578017886951841, 4.54635817796146746 51.73555016163965092, 4.56041856493073094 51.73584625515110957, 4.56203941975584559 51.73628987036249072, 4.56836388991425224 51.73223339455006453, 4.56857880415051643 51.73281033670732398, 4.56074345495859479 51.73808501657567405, 4.56232910799956759 51.73875647286111956, 4.56283566704450561 51.74009359039408906, 4.56070486974239042 51.7422692760210623, 4.56347647570911263 51.7433418948536854, 4.5635204670206706 51.74405080154791392, 4.56306443071093071 51.74625125997179254, 4.56116114153200769 51.74879962306115999, 4.56084710908147173 51.75198938570076024, 4.56126999703934999 51.75282875615134515, 4.56306046384767505 51.75216189018605917, 4.56472234250359499 51.75258136081824034, 4.56552712804495542 51.75445818268810427, 4.56099188067256378 51.75483665041104331, 4.56034423828801749 51.75437193725426255, 4.56035319910542025 51.75667389410693175, 4.55262637065009024 51.75728313335162056, 4.55168646741423988 51.75338880467519687, 4.54805807130622508 51.7535486206622295, 4.54643677465123552 51.75515533917366895, 4.54630823656840111 51.75562453313568057, 4.5492217857741144 51.75539692394549718, 4.55074250393776669 51.75722510504707685, 4.55104389058574732 51.75933402398212735, 4.55045540924833603 51.76124934904363073, 4.5488010335476341 51.76189603569820008, 4.54733510772463134 51.76502618637992015, 4.54737900886784097 51.76528961483877822, 4.54678009685950624 51.76974098675321301, 4.54893744381419207 51.76967491352672823, 4.54903341839700115 51.77018848330229162, 4.54618734076557551 51.7704400360371082, 4.54618734076557551 51.7704400360371082)))</t>
  </si>
  <si>
    <t>MultiPolygon (((4.55168646741423988 51.75338880467519687, 4.55262637065009024 51.75728313335162056, 4.56035319910542025 51.75667389410693175, 4.56034423828801749 51.75437193725426255, 4.55956483449168726 51.74863001139537744, 4.55352320545292599 51.74662724801341085, 4.55315113485207057 51.7507622826438336, 4.55168646741423988 51.75338880467519687, 4.55168646741423988 51.75338880467519687)))</t>
  </si>
  <si>
    <t>MultiPolygon (((4.56034423828801749 51.75437193725426255, 4.56099188067256378 51.75483665041104331, 4.56552712804495542 51.75445818268810427, 4.56472234250359499 51.75258136081824034, 4.56306046384767505 51.75216189018605917, 4.56126999703934999 51.75282875615134515, 4.56084710908147173 51.75198938570076024, 4.56116114153200769 51.74879962306115999, 4.56306443071093071 51.74625125997179254, 4.5635204670206706 51.74405080154791392, 4.56347647570911263 51.7433418948536854, 4.56070486974239042 51.7422692760210623, 4.56283566704450561 51.74009359039408906, 4.56232910799956759 51.73875647286111956, 4.56074345495859479 51.73808501657567405, 4.56857880415051643 51.73281033670732398, 4.56836388991425224 51.73223339455006453, 4.56203941975584559 51.73628987036249072, 4.56041856493073094 51.73584625515110957, 4.54635817796146746 51.73555016163965092, 4.54499570007253784 51.73578017886951841, 4.54139400008504168 51.73818886759017488, 4.54132591021360543 51.74066379796249038, 4.54469225338222493 51.74076916430503559, 4.54450406315881672 51.74324308427370056, 4.54823765637253796 51.74327751960844068, 4.54948698294320764 51.74419627231857532, 4.5458777472338836 51.7473867131653833, 4.54386936762795379 51.75246370617870895, 4.54510975542345541 51.75582362035135731, 4.54857916336718482 51.75908299613874419, 4.54815549924154539 51.76230077168564492, 4.54665852938165749 51.76500755859434122, 4.54725822745516961 51.76614354668914331, 4.54560612789278373 51.77027507051763422, 4.54618734076557551 51.7704400360371082, 4.54903341839700115 51.77018848330229162, 4.54893744381419207 51.76967491352672823, 4.54678009685950624 51.76974098675321301, 4.54737900886784097 51.76528961483877822, 4.54733510772463134 51.76502618637992015, 4.5488010335476341 51.76189603569820008, 4.55045540924833603 51.76124934904363073, 4.55104389058574732 51.75933402398212735, 4.55074250393776669 51.75722510504707685, 4.5492217857741144 51.75539692394549718, 4.54630823656840111 51.75562453313568057, 4.54643677465123552 51.75515533917366895, 4.54805807130622508 51.7535486206622295, 4.55168646741423988 51.75338880467519687, 4.55315113485207057 51.7507622826438336, 4.55352320545292599 51.74662724801341085, 4.55956483449168726 51.74863001139537744, 4.56034423828801749 51.75437193725426255, 4.56034423828801749 51.75437193725426255)))</t>
  </si>
  <si>
    <t>MultiPolygon (((4.59777558899905348 51.80629581168602016, 4.6212215755916457 51.80080368180366435, 4.62187168576895502 51.79769048839396106, 4.61930372196075378 51.79740085112464953, 4.616637399510787 51.79334843244735254, 4.6147733463189109 51.79310962333706669, 4.60709982233054305 51.78771711334297123, 4.60483214267977203 51.78852543762973681, 4.60508522519650487 51.78200868339590102, 4.60651978973680443 51.78089456489824727, 4.60722412395161474 51.7787252020860933, 4.60686503719873119 51.77349522072071153, 4.61553640838704915 51.77277388966924576, 4.6269853124492375 51.77290645859855545, 4.6269291283586016 51.77266315533821484, 4.62611529822004197 51.76605157999493656, 4.62711022039577191 51.76028313561283767, 4.63112212473128437 51.75010697170178986, 4.63112612800784262 51.74174595933288145, 4.62657924413002153 51.72825628753037819, 4.61061432367032165 51.73709333678184663, 4.61114898064202983 51.73749065940166503, 4.60596460442628342 51.7411230140874423, 4.6026351114644779 51.74080274364393972, 4.59183463037382467 51.74850257433921286, 4.5931166691858758 51.75099345268760231, 4.60641014942198801 51.75501539967201126, 4.61181958307422146 51.75723969045747452, 4.61195733466418378 51.76046716033287254, 4.57126346700212682 51.76334160520027439, 4.57061357742681018 51.77197420517846638, 4.56967476986025645 51.78465180713648408, 4.58380197698103586 51.78379031604693239, 4.58294381430827613 51.79140407052813799, 4.58272446789054388 51.79354369262368607, 4.58473642664504588 51.79542174342450522, 4.59256177344167327 51.79854017633537921, 4.59732946283884836 51.79616967706919439, 4.59777558899905348 51.80629581168602016, 4.59777558899905348 51.80629581168602016)))</t>
  </si>
  <si>
    <t>MultiPolygon (((4.60709982233054305 51.78771711334297123, 4.6147733463189109 51.79310962333706669, 4.616637399510787 51.79334843244735254, 4.61930372196075378 51.79740085112464953, 4.62187168576895502 51.79769048839396106, 4.62321268598832003 51.79241316043233923, 4.62684038440791223 51.78475131346424121, 4.62742192760933246 51.78248550604041611, 4.6274953812976003 51.78217194117502942, 4.62456977727451335 51.78131649897319022, 4.61735935869519309 51.78448171673357336, 4.61403477634131765 51.78395422269185389, 4.60709982233054305 51.78771711334297123, 4.60709982233054305 51.78771711334297123)))</t>
  </si>
  <si>
    <t>MultiPolygon (((4.60709982233054305 51.78771711334297123, 4.61403477634131765 51.78395422269185389, 4.61735935869519309 51.78448171673357336, 4.62456977727451335 51.78131649897319022, 4.6274953812976003 51.78217194117502942, 4.62771195491251142 51.77763809707635545, 4.6269853124492375 51.77290645859855545, 4.61553640838704915 51.77277388966924576, 4.60686503719873119 51.77349522072071153, 4.60722412395161474 51.7787252020860933, 4.60651978973680443 51.78089456489824727, 4.60508522519650487 51.78200868339590102, 4.60483214267977203 51.78852543762973681, 4.60709982233054305 51.78771711334297123, 4.60709982233054305 51.78771711334297123)))</t>
  </si>
  <si>
    <t>MultiPolygon (((4.54889947343651535 51.79971857230188448, 4.55278343855309409 51.79846625523400405, 4.55633948821555546 51.79713867933362081, 4.55259251211145965 51.79387831887037663, 4.5484180630112867 51.79424711041758655, 4.54532533325621557 51.79381514255037899, 4.54332169293064059 51.79267714324811323, 4.54536134920615975 51.78791147435943998, 4.54429691017866677 51.78614494617865205, 4.55107360053054855 51.78303300787499808, 4.54778352278888764 51.77785942811415509, 4.5490959040312493 51.77688212326084027, 4.55492729966818288 51.77648301813166398, 4.5555519167820151 51.77992404568702511, 4.55807241196328583 51.78349075977904903, 4.56069496755673409 51.78495142086995173, 4.5648021312113789 51.78496351160926281, 4.56682443849561714 51.78597298011685268, 4.56138790697706664 51.78888814765567616, 4.56096013098552344 51.79192721413589595, 4.56384443111773841 51.79468731327130371, 4.56675345851624837 51.79335308343637934, 4.56991103822137212 51.79525198243276662, 4.57522245607032207 51.79485380768834091, 4.58294381430827613 51.79140407052813799, 4.58380197698103586 51.78379031604693239, 4.56967476986025645 51.78465180713648408, 4.57061357742681018 51.77197420517846638, 4.5458942768223114 51.77380685248275682, 4.54025222913257664 51.77660347748853553, 4.53690482851267518 51.77973781560533695, 4.52670084249376625 51.78061604161165121, 4.51868915505029101 51.78363672088795511, 4.51666801147008101 51.78662293390688376, 4.51525968677531431 51.78716036168174242, 4.51552502399346167 51.79188802972035433, 4.51916320075087441 51.79438334199581817, 4.51724151207737368 51.7955592288920954, 4.51990540288797149 51.79981179365469046, 4.52296154129485117 51.80109997273196853, 4.52566819461714775 51.80103448554390866, 4.53496644602019039 51.79855586467274975, 4.54045953122504997 51.79454258363680452, 4.54889947343651535 51.79971857230188448, 4.54889947343651535 51.79971857230188448)))</t>
  </si>
  <si>
    <t>MultiPolygon (((4.56793319620985105 51.7981541486078001, 4.56384443111773841 51.79468731327130371, 4.56096013098552344 51.79192721413589595, 4.56138790697706664 51.78888814765567616, 4.56682443849561714 51.78597298011685268, 4.5648021312113789 51.78496351160926281, 4.56069496755673409 51.78495142086995173, 4.55807241196328583 51.78349075977904903, 4.5555519167820151 51.77992404568702511, 4.55492729966818288 51.77648301813166398, 4.5490959040312493 51.77688212326084027, 4.54778352278888764 51.77785942811415509, 4.55107360053054855 51.78303300787499808, 4.54429691017866677 51.78614494617865205, 4.54536134920615975 51.78791147435943998, 4.54332169293064059 51.79267714324811323, 4.54532533325621557 51.79381514255037899, 4.5484180630112867 51.79424711041758655, 4.55259251211145965 51.79387831887037663, 4.55633948821555546 51.79713867933362081, 4.56173242393747369 51.79444415606459984, 4.56692621475092952 51.79860014709194616, 4.56793319620985105 51.7981541486078001, 4.56793319620985105 51.7981541486078001)))</t>
  </si>
  <si>
    <t>MultiPolygon (((4.55818551270475325 51.80198264823582832, 4.55278343855309409 51.79846625523400405, 4.54889947343651535 51.79971857230188448, 4.54782574334662648 51.80031134720059072, 4.55307372221113926 51.8035433927706066, 4.55592249375910807 51.80307961749838341, 4.55818551270475325 51.80198264823582832, 4.55818551270475325 51.80198264823582832)),((4.59777558899905348 51.80629581168602016, 4.59732946283884836 51.79616967706919439, 4.59256177344167327 51.79854017633537921, 4.58473642664504588 51.79542174342450522, 4.58272446789054388 51.79354369262368607, 4.58294381430827613 51.79140407052813799, 4.57522245607032207 51.79485380768834091, 4.56991103822137212 51.79525198243276662, 4.56675345851624837 51.79335308343637934, 4.56384443111773841 51.79468731327130371, 4.56793319620985105 51.7981541486078001, 4.57337161591530261 51.80148291373806302, 4.57624685182145985 51.80154268391134309, 4.58308347673416261 51.80747987736994276, 4.59687596777063234 51.80643149747411513, 4.59777558899905348 51.80629581168602016, 4.59777558899905348 51.80629581168602016)),((4.56963158696257388 51.81130849242987324, 4.56577995122644165 51.80951323549108878, 4.56376543159440651 51.8066229259443034, 4.55971062239707248 51.80772482668412238, 4.55642605464594919 51.80688502035895482, 4.55385359856138816 51.80812262519980749, 4.558725138912326 51.8107187464574821, 4.5580817103096587 51.81109147176032792, 4.55022737918472142 51.80620807543162698, 4.54727232221794342 51.8086966302896883, 4.54520478324482902 51.81171013658259028, 4.54871141091498732 51.81178288624775519, 4.56072560677548111 51.81873554932168702, 4.56446204280638046 51.81433016118655388, 4.56674335658610353 51.81282915101053277, 4.56963158696257388 51.81130849242987324, 4.56963158696257388 51.81130849242987324)))</t>
  </si>
  <si>
    <t>MultiPolygon (((4.58308347673416261 51.80747987736994276, 4.57624685182145985 51.80154268391134309, 4.57337161591530261 51.80148291373806302, 4.56793319620985105 51.7981541486078001, 4.56692621475092952 51.79860014709194616, 4.56173242393747369 51.79444415606459984, 4.55633948821555546 51.79713867933362081, 4.55278343855309409 51.79846625523400405, 4.55818551270475325 51.80198264823582832, 4.55592249375910807 51.80307961749838341, 4.55307372221113926 51.8035433927706066, 4.55139053196102239 51.80439523750104769, 4.5522493844542522 51.805073713976725, 4.55022737918472142 51.80620807543162698, 4.5580817103096587 51.81109147176032792, 4.558725138912326 51.8107187464574821, 4.55385359856138816 51.80812262519980749, 4.55642605464594919 51.80688502035895482, 4.55971062239707248 51.80772482668412238, 4.56376543159440651 51.8066229259443034, 4.56577995122644165 51.80951323549108878, 4.56963158696257388 51.81130849242987324, 4.57829510750445401 51.80835516809109009, 4.58308347673416261 51.80747987736994276, 4.58308347673416261 51.80747987736994276)))</t>
  </si>
  <si>
    <t>MultiPolygon (((4.47312313780744031 51.78379499761752669, 4.47253449745742238 51.78183466404771451, 4.4756453251165178 51.78186453120135724, 4.47557641922351657 51.78282727780545969, 4.48501469573575484 51.78226030002973346, 4.48655812883013905 51.7814937355886471, 4.48680103429738519 51.77730011977876501, 4.48331241935112335 51.77704727681742725, 4.47415040788907881 51.77645648662865341, 4.46613264773234508 51.78569636377228136, 4.47185652913896003 51.78514300204806631, 4.47312313780744031 51.78379499761752669, 4.47312313780744031 51.78379499761752669)),((4.51552502399346167 51.79188802972035433, 4.51525968677531431 51.78716036168174242, 4.50325912486185675 51.78661700838797799, 4.50174615249745091 51.78363615316955304, 4.49344549051412034 51.7809790790915585, 4.49107050139402819 51.78076371403532363, 4.48810053074927584 51.78137805319678932, 4.48824737260755935 51.78209855346558754, 4.48608180294711456 51.78254017885247151, 4.47749458178990611 51.78292984676266997, 4.47947829231167649 51.78849358296195504, 4.48429202443143993 51.7888779548092657, 4.48419583028115554 51.79131396381372809, 4.4951973154535656 51.79316984102118937, 4.50140993825923186 51.79215263606289454, 4.51128712851371638 51.79029060550109875, 4.51724151207737368 51.7955592288920954, 4.51916320075087441 51.79438334199581817, 4.51552502399346167 51.79188802972035433, 4.51552502399346167 51.79188802972035433)),((4.45962369445232731 51.79482026816108942, 4.45961950588548817 51.79290919516203218, 4.47201809857657384 51.79103801271079988, 4.46957534852085736 51.78906244767119205, 4.46599127684106634 51.78814956454048968, 4.43772360651880593 51.78140054588831021, 4.43716353427270427 51.78136571779819519, 4.43557862638760891 51.78204444188138211, 4.4265667153199022 51.78439647230099752, 4.42453491326171822 51.78587519698294983, 4.4237039387293855 51.7866804803010794, 4.42435850942566322 51.78951944014237796, 4.42941966832763878 51.79530290698264849, 4.4299543704713189 51.79735863487503167, 4.42933613694959227 51.79889828199612367, 4.45962369445232731 51.79482026816108942, 4.45962369445232731 51.79482026816108942)))</t>
  </si>
  <si>
    <t>MultiPolygon (((4.47201809857657384 51.79103801271079988, 4.48128785541553398 51.79067490534391993, 4.48419583028115554 51.79131396381372809, 4.48429202443143993 51.7888779548092657, 4.47947829231167649 51.78849358296195504, 4.47749458178990611 51.78292984676266997, 4.48608180294711456 51.78254017885247151, 4.48824737260755935 51.78209855346558754, 4.48810053074927584 51.78137805319678932, 4.48655812883013905 51.7814937355886471, 4.48501469573575484 51.78226030002973346, 4.47557641922351657 51.78282727780545969, 4.4756453251165178 51.78186453120135724, 4.47253449745742238 51.78183466404771451, 4.47312313780744031 51.78379499761752669, 4.47185652913896003 51.78514300204806631, 4.46613264773234508 51.78569636377228136, 4.46599127684106634 51.78814956454048968, 4.46957534852085736 51.78906244767119205, 4.47201809857657384 51.79103801271079988, 4.47201809857657384 51.79103801271079988)))</t>
  </si>
  <si>
    <t>MultiPolygon (((4.53045529298102512 51.81135094291476406, 4.54520478324482902 51.81171013658259028, 4.54727232221794342 51.8086966302896883, 4.55022737918472142 51.80620807543162698, 4.5522493844542522 51.805073713976725, 4.55139053196102239 51.80439523750104769, 4.55307372221113926 51.8035433927706066, 4.54782574334662648 51.80031134720059072, 4.54889947343651535 51.79971857230188448, 4.54045953122504997 51.79454258363680452, 4.53496644602019039 51.79855586467274975, 4.52566819461714775 51.80103448554390866, 4.52296154129485117 51.80109997273196853, 4.51990540288797149 51.79981179365469046, 4.51724151207737368 51.7955592288920954, 4.51128712851371638 51.79029060550109875, 4.50140993825923186 51.79215263606289454, 4.50355182845687629 51.79516397078579359, 4.49956199284469704 51.7961834486516608, 4.50204767887416324 51.7999797109382456, 4.4922344154514855 51.80167082399137257, 4.48819301092424183 51.7992322135954808, 4.4822622427634542 51.80125629818756039, 4.48264465075150031 51.80193673079575944, 4.48125858999166393 51.80227866050444163, 4.47953962345630075 51.80191002847875836, 4.47201809857657384 51.79103801271079988, 4.45961950588548817 51.79290919516203218, 4.45962369445232731 51.79482026816108942, 4.42933613694959227 51.79889828199612367, 4.42876965232982034 51.80036545739113052, 4.4304999779618699 51.81049447848515399, 4.4349246409949048 51.80995633139507106, 4.43517855946018624 51.80951893306342981, 4.45066232316099519 51.81147738209603659, 4.45216353357815464 51.81216930069547999, 4.44945163706232716 51.81665099391111795, 4.449072262542213 51.82016418869262253, 4.46686156044895899 51.81422583859077236, 4.48439952590108604 51.81213374049381315, 4.49266248889695419 51.8127327573091776, 4.49561965386750373 51.81125772210251768, 4.50121067564710486 51.81019354450172898, 4.50252745732688986 51.81166865976905456, 4.50825284141026295 51.81278135549872133, 4.52202901567406101 51.809654052876148, 4.52239301411799932 51.8111650593538684, 4.52329614960681514 51.81118159962171887, 4.53045529298102512 51.81135094291476406, 4.53045529298102512 51.81135094291476406)))</t>
  </si>
  <si>
    <t>MultiPolygon (((4.48419583028115554 51.79131396381372809, 4.48128785541553398 51.79067490534391993, 4.47201809857657384 51.79103801271079988, 4.47953962345630075 51.80191002847875836, 4.48125858999166393 51.80227866050444163, 4.48264465075150031 51.80193673079575944, 4.4822622427634542 51.80125629818756039, 4.48819301092424183 51.7992322135954808, 4.4922344154514855 51.80167082399137257, 4.50204767887416324 51.7999797109382456, 4.49956199284469704 51.7961834486516608, 4.50355182845687629 51.79516397078579359, 4.50140993825923186 51.79215263606289454, 4.4951973154535656 51.79316984102118937, 4.48419583028115554 51.79131396381372809, 4.48419583028115554 51.79131396381372809)))</t>
  </si>
  <si>
    <t>MultiPolygon (((4.51149007491936072 51.83268440482959249, 4.52547794256925417 51.82985424113594064, 4.53127262563980171 51.83019902249832001, 4.53629392502410234 51.83117720074885426, 4.54284376487951835 51.83186865592188752, 4.54865281036541003 51.83176308026773427, 4.55360870054682021 51.82989690571221075, 4.55634534121749191 51.82783186080010296, 4.55930029057597608 51.82313870740598816, 4.56072560677548111 51.81873554932168702, 4.54871141091498732 51.81178288624775519, 4.54520478324482902 51.81171013658259028, 4.53045529298102512 51.81135094291476406, 4.53333485783386614 51.8181019359883237, 4.52016491144783039 51.81964754194568457, 4.51739142219472356 51.81320056590163148, 4.51850997406926869 51.81182611001744931, 4.52239301411799932 51.8111650593538684, 4.52202901567406101 51.809654052876148, 4.50825284141026295 51.81278135549872133, 4.50252745732688986 51.81166865976905456, 4.50121067564710486 51.81019354450172898, 4.49561965386750373 51.81125772210251768, 4.49266248889695419 51.8127327573091776, 4.48439952590108604 51.81213374049381315, 4.46686156044895899 51.81422583859077236, 4.449072262542213 51.82016418869262253, 4.44854575292026944 51.82346913659990406, 4.45008298374616462 51.83217348219532994, 4.45856214484464974 51.83164541331210984, 4.46711943827154645 51.83194383422385698, 4.47896834320091131 51.83421405585993824, 4.48909430371327645 51.83539556985162022, 4.49924685610795727 51.83524321472324914, 4.51149007491936072 51.83268440482959249, 4.51149007491936072 51.83268440482959249),(4.48450910884591636 51.8210283890947494, 4.48604909448009703 51.82033168310586291, 4.49023950731054899 51.82285159483480896, 4.48768699815816419 51.82445798790849523, 4.48726941966379211 51.82858296393584396, 4.47285177289527436 51.82919452045008057, 4.46865365458427632 51.82814352222501952, 4.46782988453692642 51.82640737326551772, 4.47295106448340629 51.82281355964246927, 4.48450910884591636 51.8210283890947494, 4.48450910884591636 51.8210283890947494)))</t>
  </si>
  <si>
    <t>MultiPolygon (((4.53045529298102512 51.81135094291476406, 4.52329614960681514 51.81118159962171887, 4.52239301411799932 51.8111650593538684, 4.51850997406926869 51.81182611001744931, 4.51739142219472356 51.81320056590163148, 4.52016491144783039 51.81964754194568457, 4.53333485783386614 51.8181019359883237, 4.53045529298102512 51.81135094291476406, 4.53045529298102512 51.81135094291476406)))</t>
  </si>
  <si>
    <t>MultiPolygon (((4.47285177289527436 51.82919452045008057, 4.48726941966379211 51.82858296393584396, 4.48768699815816419 51.82445798790849523, 4.49023950731054899 51.82285159483480896, 4.48604909448009703 51.82033168310586291, 4.48450910884591636 51.8210283890947494, 4.47295106448340629 51.82281355964246927, 4.46782988453692642 51.82640737326551772, 4.46865365458427632 51.82814352222501952, 4.47285177289527436 51.82919452045008057, 4.47285177289527436 51.82919452045008057)))</t>
  </si>
  <si>
    <t>MultiPolygon (((4.45066232316099519 51.81147738209603659, 4.43517855946018624 51.80951893306342981, 4.4349246409949048 51.80995633139507106, 4.43960073055184434 51.81204130557330245, 4.43897066819105746 51.81406771381176668, 4.43953440159023582 51.81692097020010834, 4.4427679340165831 51.82123055401691403, 4.44159066716665052 51.82159005634684235, 4.44370364773873128 51.82337528346992173, 4.44854575292026944 51.82346913659990406, 4.449072262542213 51.82016418869262253, 4.44945163706232716 51.81665099391111795, 4.45216353357815464 51.81216930069547999, 4.45066232316099519 51.81147738209603659, 4.45066232316099519 51.81147738209603659)),((4.39951100622365754 51.82924575021041846, 4.39933952619548929 51.82749476093031404, 4.39426093507275439 51.82749759535139589, 4.3885658962535139 51.82491927761118689, 4.39197242471895866 51.8194892516818939, 4.3937194461475535 51.81793680009644021, 4.39570275656919041 51.81747568472465559, 4.39954201889245144 51.81542755411806667, 4.41209826775825853 51.81385286160165293, 4.41380383027290524 51.81295179266854944, 4.42779626919385905 51.81087242412456817, 4.4304999779618699 51.81049447848515399, 4.42876965232982034 51.80036545739113052, 4.42933613694959227 51.79889828199612367, 4.4299543704713189 51.79735863487503167, 4.42941966832763878 51.79530290698264849, 4.42435850942566322 51.78951944014237796, 4.4237039387293855 51.7866804803010794, 4.42453491326171822 51.78587519698294983, 4.41675460856377899 51.78026783549808698, 4.41416757654794889 51.77913371079379345, 4.40975873062887302 51.77916971788005185, 4.40604308306920256 51.78157110610182201, 4.39544740963874148 51.78412942298182031, 4.39275333829820624 51.78602905879631635, 4.39359282920182714 51.78753707332007394, 4.38415992381515984 51.78843998433692519, 4.37877700252640878 51.78740435844173362, 4.38287545048941851 51.80206190323212923, 4.3883268948048304 51.80205361990035584, 4.38952709005173336 51.81188637513083961, 4.38817409388535484 51.81565115670830579, 4.3827988457803535 51.81893788385505673, 4.38296725243535423 51.82143425101672563, 4.38402915676136384 51.82257593697028852, 4.3821318009078043 51.82407915853586644, 4.39662961420970877 51.83103455042049035, 4.39913663010592515 51.8314201842647222, 4.39859293734937307 51.82934709623929592, 4.39951100622365754 51.82924575021041846, 4.39951100622365754 51.82924575021041846)))</t>
  </si>
  <si>
    <t>MultiPolygon (((4.41572987705025444 51.81885106398895857, 4.4276046247780414 51.81557041149832088, 4.42779626919385905 51.81087242412456817, 4.41380383027290524 51.81295179266854944, 4.41572987705025444 51.81885106398895857, 4.41572987705025444 51.81885106398895857)))</t>
  </si>
  <si>
    <t>MultiPolygon (((4.42845189107807879 51.83421099049186154, 4.4324823361869381 51.83704614680436151, 4.4438925093304622 51.83343058147494986, 4.45008298374616462 51.83217348219532994, 4.44854575292026944 51.82346913659990406, 4.44370364773873128 51.82337528346992173, 4.44159066716665052 51.82159005634684235, 4.44067645728911575 51.82062553865991816, 4.43767824241201758 51.82071473064664957, 4.42928843781364634 51.82310352686521782, 4.42554042252010493 51.82386638978973536, 4.42750944284657422 51.82782886948081114, 4.42845189107807879 51.83421099049186154, 4.42845189107807879 51.83421099049186154)))</t>
  </si>
  <si>
    <t>MultiPolygon (((4.42928843781364634 51.82310352686521782, 4.43767824241201758 51.82071473064664957, 4.44067645728911575 51.82062553865991816, 4.44159066716665052 51.82159005634684235, 4.4427679340165831 51.82123055401691403, 4.43953440159023582 51.81692097020010834, 4.43897066819105746 51.81406771381176668, 4.43960073055184434 51.81204130557330245, 4.4349246409949048 51.80995633139507106, 4.4304999779618699 51.81049447848515399, 4.42779626919385905 51.81087242412456817, 4.4276046247780414 51.81557041149832088, 4.42923606009769788 51.81798978069483042, 4.42692421136812886 51.81913359944122988, 4.4265143904597366 51.8204174183098516, 4.42928843781364634 51.82310352686521782, 4.42928843781364634 51.82310352686521782)))</t>
  </si>
  <si>
    <t>MultiPolygon (((4.41255299981152582 51.82992244220184119, 4.40606311538146134 51.82712744042035524, 4.39933952619548929 51.82749476093031404, 4.39951100622365754 51.82924575021041846, 4.39859293734937307 51.82934709623929592, 4.39913663010592515 51.8314201842647222, 4.41255299981152582 51.82992244220184119, 4.41255299981152582 51.82992244220184119)))</t>
  </si>
  <si>
    <t>MultiPolygon (((4.39933952619548929 51.82749476093031404, 4.40606311538146134 51.82712744042035524, 4.40056057641406362 51.82203805003200614, 4.39570275656919041 51.81747568472465559, 4.3937194461475535 51.81793680009644021, 4.39197242471895866 51.8194892516818939, 4.3885658962535139 51.82491927761118689, 4.39426093507275439 51.82749759535139589, 4.39933952619548929 51.82749476093031404, 4.39933952619548929 51.82749476093031404)))</t>
  </si>
  <si>
    <t>MultiPolygon (((4.40056057641406362 51.82203805003200614, 4.4023313759013627 51.82138761340239341, 4.41346450132487167 51.82012548843011501, 4.41572987705025444 51.81885106398895857, 4.41380383027290524 51.81295179266854944, 4.41209826775825853 51.81385286160165293, 4.39954201889245144 51.81542755411806667, 4.39570275656919041 51.81747568472465559, 4.40056057641406362 51.82203805003200614, 4.40056057641406362 51.82203805003200614)))</t>
  </si>
  <si>
    <t>MultiPolygon (((4.40056057641406362 51.82203805003200614, 4.40606311538146134 51.82712744042035524, 4.40927546485466326 51.82681774550329834, 4.4122354090260405 51.82417549548293323, 4.41346450132487167 51.82012548843011501, 4.4023313759013627 51.82138761340239341, 4.40056057641406362 51.82203805003200614, 4.40056057641406362 51.82203805003200614)))</t>
  </si>
  <si>
    <t>MultiPolygon (((4.41782621778443296 51.82539435221782043, 4.42554042252010493 51.82386638978973536, 4.42928843781364634 51.82310352686521782, 4.4265143904597366 51.8204174183098516, 4.42692421136812886 51.81913359944122988, 4.42923606009769788 51.81798978069483042, 4.4276046247780414 51.81557041149832088, 4.41572987705025444 51.81885106398895857, 4.41782621778443296 51.82539435221782043, 4.41782621778443296 51.82539435221782043)))</t>
  </si>
  <si>
    <t>MultiPolygon (((4.42845189107807879 51.83421099049186154, 4.42750944284657422 51.82782886948081114, 4.42554042252010493 51.82386638978973536, 4.41782621778443296 51.82539435221782043, 4.41427100923601756 51.82672852021189414, 4.41559763747881018 51.82966874113328259, 4.41901304898066005 51.82959039519015931, 4.4222740105463938 51.83022658523516668, 4.42845189107807879 51.83421099049186154, 4.42845189107807879 51.83421099049186154)))</t>
  </si>
  <si>
    <t>MultiPolygon (((4.41255299981152582 51.82992244220184119, 4.41559763747881018 51.82966874113328259, 4.41427100923601756 51.82672852021189414, 4.41782621778443296 51.82539435221782043, 4.41572987705025444 51.81885106398895857, 4.41346450132487167 51.82012548843011501, 4.4122354090260405 51.82417549548293323, 4.40927546485466326 51.82681774550329834, 4.40606311538146134 51.82712744042035524, 4.41255299981152582 51.82992244220184119, 4.41255299981152582 51.82992244220184119)))</t>
  </si>
  <si>
    <t>MultiPolygon (((5.11391628179272484 51.87614650831066143, 5.11809253157775057 51.87762180335889894, 5.1192605284182644 51.87303656827511134, 5.12194063203590666 51.87081030255866665, 5.13808749464831926 51.87290595937522397, 5.15051568522420755 51.86141352356877121, 5.14955178565635308 51.84741360076630201, 5.15408581161304813 51.84743124251550483, 5.1525231567490648 51.83161959201996183, 5.15803863313243394 51.82434078493933072, 5.15925698737989702 51.81867061433321453, 5.15267946730903059 51.82210850388956658, 5.15292921766711842 51.82346007034282565, 5.13967402701641518 51.82567829051014741, 5.13468673331571424 51.82597327833860135, 5.13429041815960652 51.8293897004020252, 5.12535641085412941 51.82951477643580773, 5.12490374069717181 51.82678943999761856, 5.12282472852974458 51.82534045434667291, 5.11810512287273855 51.8276712116541276, 5.11169588121894325 51.82821812430011477, 5.10832959846741819 51.82786749438772489, 5.1086994552320979 51.82600524529971864, 5.11205144922046273 51.82629796858500981, 5.118628529966192 51.8240868803276129, 5.12130397838285578 51.82125516231580065, 5.1183583108285049 51.81790492444389429, 5.10098155909308648 51.82445700943097222, 5.08986774270045128 51.82664250116797433, 5.09069755383402267 51.83042309209980658, 5.09441458381481738 51.84179007955367524, 5.09849449957262113 51.84188191725593242, 5.09966771712476152 51.84495713855132237, 5.09576313555848781 51.84418237853572009, 5.09475110768712902 51.86930967128615322, 5.11391628179272484 51.87614650831066143, 5.11391628179272484 51.87614650831066143)))</t>
  </si>
  <si>
    <t>MultiPolygon (((5.1183583108285049 51.81790492444389429, 5.12130397838285578 51.82125516231580065, 5.118628529966192 51.8240868803276129, 5.11205144922046273 51.82629796858500981, 5.1086994552320979 51.82600524529971864, 5.10832959846741819 51.82786749438772489, 5.11169588121894325 51.82821812430011477, 5.11810512287273855 51.8276712116541276, 5.12282472852974458 51.82534045434667291, 5.12490374069717181 51.82678943999761856, 5.12535641085412941 51.82951477643580773, 5.13429041815960652 51.8293897004020252, 5.13468673331571424 51.82597327833860135, 5.13967402701641518 51.82567829051014741, 5.15292921766711842 51.82346007034282565, 5.15267946730903059 51.82210850388956658, 5.15925698737989702 51.81867061433321453, 5.15928033972709965 51.8164799112263168, 5.14870359798218757 51.81501668818881967, 5.14045369786971484 51.81409306085743083, 5.13490638116230524 51.81421883906934767, 5.12734168331199847 51.81516301187844675, 5.12175941313781458 51.81660711183040746, 5.1183583108285049 51.81790492444389429, 5.1183583108285049 51.81790492444389429)))</t>
  </si>
  <si>
    <t>MultiPolygon (((5.09475110768712902 51.86930967128615322, 5.09576313555848781 51.84418237853572009, 5.09966771712476152 51.84495713855132237, 5.09849449957262113 51.84188191725593242, 5.09441458381481738 51.84179007955367524, 5.09069755383402267 51.83042309209980658, 5.08857860898856806 51.83038090696414457, 5.08073733525834115 51.83214749063490245, 5.07695607659392145 51.83176082833945486, 5.07097662279227901 51.83040841352218564, 5.06235669281640277 51.82696844126799363, 5.03953256677434425 51.82641975012305124, 5.03980871994113766 51.82420923944643221, 5.03107889686641574 51.82416772525704118, 5.02770116019473612 51.82354983594606068, 5.02828757249051073 51.82616034275563521, 5.03141500158570043 51.84108480241828687, 5.02127035131515331 51.84192571799312788, 5.00932300895632387 51.84271614135450079, 5.00344786355018556 51.84476893031502698, 5.00289510484942479 51.84366182780679821, 4.99993408980354825 51.84439143904365466, 5.00141590025396443 51.84769560522362042, 5.00032452914596348 51.8531038866112084, 5.00164853366500139 51.8552761335182737, 5.00686704578280928 51.854368993189631, 5.0103030843167975 51.85570609695894007, 5.03331218731827335 51.85583055705020428, 5.04607364905334332 51.85340296361835755, 5.05272167160080521 51.85452119421895389, 5.06184674662659617 51.85701525957757241, 5.06453180366404254 51.86051718095203711, 5.09475110768712902 51.86930967128615322, 5.09475110768712902 51.86930967128615322)))</t>
  </si>
  <si>
    <t>MultiPolygon (((5.08073733525834115 51.83214749063490245, 5.08857860898856806 51.83038090696414457, 5.09069755383402267 51.83042309209980658, 5.08986774270045128 51.82664250116797433, 5.08245423482507785 51.82684785301023567, 5.07411030941068741 51.82582078888680144, 5.05072676046417968 51.81853303121119581, 5.03986445597851951 51.81731529297098149, 5.03512369350722011 51.81750038746121589, 5.02635176676337103 51.81885673991695285, 5.02770116019473612 51.82354983594606068, 5.03107889686641574 51.82416772525704118, 5.03980871994113766 51.82420923944643221, 5.03953256677434425 51.82641975012305124, 5.06235669281640277 51.82696844126799363, 5.07097662279227901 51.83040841352218564, 5.07695607659392145 51.83176082833945486, 5.08073733525834115 51.83214749063490245, 5.08073733525834115 51.83214749063490245)))</t>
  </si>
  <si>
    <t>MultiPolygon (((5.09475110768712902 51.86930967128615322, 5.06453180366404254 51.86051718095203711, 5.06362406134181953 51.86059883427392947, 5.06278164889242532 51.86202753302016788, 5.05419974096945257 51.86509908278700465, 5.05219883988944307 51.8666430088448962, 5.05231058120327869 51.86998448688739671, 5.05536225489518021 51.8730409318055905, 5.06338769092334218 51.87440977166787093, 5.07173914169798845 51.87410396268511192, 5.07059084130576121 51.87335305040464561, 5.06678197176148171 51.87377304251489818, 5.06646283897162863 51.87168799435684718, 5.0725222002499093 51.86795623041300729, 5.07377849915856327 51.86790200719193678, 5.07921282371623484 51.86985589867773427, 5.07942621541495232 51.87069967877867072, 5.07721464147639523 51.87135366746064591, 5.08339047841408753 51.8743278110364372, 5.08127724551145654 51.87600526793150379, 5.08365973936870841 51.87836083527275122, 5.08593341039249314 51.88029904350349852, 5.09022660739552357 51.87945797366905509, 5.09622986431841429 51.87415273050394404, 5.09475110768712902 51.86930967128615322)))</t>
  </si>
  <si>
    <t>MultiPolygon (((5.00125005388684052 51.85905856934385127, 5.00524791878936082 51.85793331826162245, 5.00952046571014353 51.85804598824104517, 5.0156281075015734 51.85917805211314402, 5.02690796057880451 51.85860771503384825, 5.04373465570372215 51.85922991703329643, 5.04660503631101953 51.85886920233432562, 5.05299941372421646 51.85736068393062936, 5.05918548386211597 51.85815448355402424, 5.06235815245346288 51.85936205362709472, 5.06362406134181953 51.86059883427392947, 5.06453180366404254 51.86051718095203711, 5.06184674662659617 51.85701525957757241, 5.05272167160080521 51.85452119421895389, 5.04607364905334332 51.85340296361835755, 5.03331218731827335 51.85583055705020428, 5.0103030843167975 51.85570609695894007, 5.00686704578280928 51.854368993189631, 5.00164853366500139 51.8552761335182737, 5.00032452914596348 51.8531038866112084, 5.00141590025396443 51.84769560522362042, 4.99993408980354825 51.84439143904365466, 4.99929631952061637 51.84459988083369097, 4.99952038626944351 51.84513740053805009, 4.99889506816140106 51.8452463056871693, 5.00000184944210257 51.84757584954264331, 4.99868458270965021 51.85227720698765097, 4.99830513053465619 51.85486151416082379, 4.99396783809508893 51.86122272568131564, 4.99596497650623839 51.8618485519600867, 5.00125005388684052 51.85905856934385127)))</t>
  </si>
  <si>
    <t>MultiPolygon (((5.07173914169798845 51.87410396268511192, 5.07304126717688586 51.87404801130328025, 5.07721464147639523 51.87135366746064591, 5.07942621541495232 51.87069967877867072, 5.07921282371623484 51.86985589867773427, 5.07377849915856327 51.86790200719193678, 5.0725222002499093 51.86795623041300729, 5.06646283897162863 51.87168799435684718, 5.06678197176148171 51.87377304251489818, 5.07059084130576121 51.87335305040464561, 5.07173914169798845 51.87410396268511192, 5.07173914169798845 51.87410396268511192)))</t>
  </si>
  <si>
    <t>MultiPolygon (((5.08339047841408753 51.8743278110364372, 5.07721464147639523 51.87135366746064591, 5.07304126717688586 51.87404801130328025, 5.08127724551145654 51.87600526793150379, 5.08339047841408753 51.8743278110364372, 5.08339047841408753 51.8743278110364372)))</t>
  </si>
  <si>
    <t>MultiPolygon (((5.11427458538586244 51.88926575669504615, 5.12085405921154191 51.8832937940701413, 5.12058497773364696 51.87981275588609975, 5.11920553111484367 51.87808286367353361, 5.11650718028295781 51.88435801740446607, 5.11433981476727162 51.88630796845527016, 5.10930371636900471 51.88445889625001683, 5.10205299771238163 51.88377470469791319, 5.10038073868923458 51.88112525375322548, 5.1014768661485288 51.8793653659740599, 5.10545645390423708 51.87837642479171052, 5.10927914301880648 51.8802056679167265, 5.11391628179272484 51.87614650831066143, 5.09475110768712902 51.86930967128615322, 5.09622986431841429 51.87415273050394404, 5.09022660739552357 51.87945797366905509, 5.08593341039249314 51.88029904350349852, 5.08658588249333121 51.88112454878525881, 5.08749225003653738 51.8843014275993184, 5.08844594911386494 51.88755071503592831, 5.09036459544841868 51.88865449001755792, 5.09482539834478221 51.88874353829316988, 5.09799519543904545 51.88783689831370083, 5.10575933517483271 51.88881093683973944, 5.11273680628349503 51.88777617992664659, 5.11326343988494969 51.88825512040098431, 5.11427458538586244 51.88926575669504615)))</t>
  </si>
  <si>
    <t>MultiPolygon (((5.10930371636900471 51.88445889625001683, 5.11433981476727162 51.88630796845527016, 5.11650718028295781 51.88435801740446607, 5.11150027781049499 51.88250545487954923, 5.10930371636900471 51.88445889625001683, 5.10930371636900471 51.88445889625001683)))</t>
  </si>
  <si>
    <t>MultiPolygon (((5.10930371636900471 51.88445889625001683, 5.11150027781049499 51.88250545487954923, 5.10927914301880648 51.8802056679167265, 5.10545645390423708 51.87837642479171052, 5.1014768661485288 51.8793653659740599, 5.10038073868923458 51.88112525375322548, 5.10205299771238163 51.88377470469791319, 5.10930371636900471 51.88445889625001683, 5.10930371636900471 51.88445889625001683)))</t>
  </si>
  <si>
    <t>MultiPolygon (((5.11150027781049499 51.88250545487954923, 5.11650718028295781 51.88435801740446607, 5.11920553111484367 51.87808286367353361, 5.11809253157775057 51.87762180335889894, 5.11391628179272484 51.87614650831066143, 5.10927914301880648 51.8802056679167265, 5.11150027781049499 51.88250545487954923, 5.11150027781049499 51.88250545487954923)))</t>
  </si>
  <si>
    <t>MultiPolygon (((5.4091489784490232 51.84392393156761614, 5.40063321565600685 51.83765877048785597, 5.39341954697725079 51.833793243583699, 5.39109926382606908 51.83511406780263542, 5.38347773572930866 51.83742942555429067, 5.38347352056009942 51.83625841291026148, 5.38119436744505553 51.83532437565668971, 5.37948221285435757 51.8360972757970444, 5.37985338807422142 51.83710848807341165, 5.38280265435729444 51.84162808292732194, 5.38479782261620965 51.84280729583741021, 5.38898590888622131 51.84373927945465965, 5.39692787521816264 51.84333103313772284, 5.39774513337557593 51.84466657187726213, 5.40347340508807417 51.84590545792286065, 5.40527472039248291 51.84701609446722159, 5.4095704082226197 51.85370168378995714, 5.41523417755345093 51.85180101955559451, 5.4091489784490232 51.84392393156761614, 5.4091489784490232 51.84392393156761614)),((5.37961954115333807 51.86151423957878137, 5.39523915872498527 51.85293350254723066, 5.39978108645732835 51.8545722447589057, 5.40792837119831038 51.8544128167218048, 5.40470716351574598 51.85052977638603267, 5.40338788737795017 51.85018841094243669, 5.39836322135957669 51.85000024822726061, 5.39104131844754786 51.85143071391746616, 5.38265963883768617 51.85044001752259391, 5.38090333034296275 51.85165252127403335, 5.37873138622507874 51.85569263996994493, 5.37640155992182933 51.85621461796488063, 5.37391068104906555 51.85584584456491797, 5.37276159049361013 51.85405899932008822, 5.3728929534753318 51.85173468922907603, 5.37829608114353874 51.84672590589087804, 5.37891336858622093 51.84389293884018457, 5.37803748679039817 51.8415179875267782, 5.37591055869844592 51.83957828992844696, 5.37426814843780853 51.83895792703399508, 5.36781720851838706 51.83880958247453918, 5.36764261292920253 51.83676470610279097, 5.36847136993809837 51.83585252291676682, 5.36694554130240764 51.8346180590844412, 5.36263854821126795 51.83631688271607629, 5.3571382481934906 51.83634369901714933, 5.35053485372209092 51.83490369448456647, 5.35000117340963666 51.83274520059548962, 5.34250180571291189 51.83312825045739203, 5.33721519138277412 51.83418309968076443, 5.3311594611658748 51.83077743909588264, 5.32941436368386601 51.83177795362680484, 5.32746256748831293 51.83320612722217646, 5.32105572337333133 51.83828645519254508, 5.33270253581182541 51.84799000123424406, 5.33015198917445687 51.84954546024268751, 5.33332823001736767 51.85136540842051289, 5.33051244982808292 51.85378279046114613, 5.32659865302896396 51.85534481005347374, 5.32654580029026281 51.85686914643402901, 5.32829044094204818 51.85701747864232658, 5.338534174793792 51.85826368941293651, 5.33888902589656489 51.85759408848433338, 5.34275948343443918 51.85679830258728629, 5.34929362200818304 51.85842659971378765, 5.36006965685124559 51.85836242658551498, 5.3731213219686218 51.86144694689077994, 5.37840773781858417 51.8633999327441586, 5.37961954115333807 51.86151423957878137, 5.37961954115333807 51.86151423957878137)))</t>
  </si>
  <si>
    <t>MultiPolygon (((5.38347773572930866 51.83742942555429067, 5.39109926382606908 51.83511406780263542, 5.39341954697725079 51.833793243583699, 5.384391410097769 51.82729179780820061, 5.37068352341981825 51.81195203875256539, 5.36299528658295621 51.81780290734069183, 5.36669297398650613 51.81912208771981909, 5.37071912052416156 51.81893480324817602, 5.37320261169208191 51.82187347520494569, 5.3783060460391221 51.82573530892394587, 5.37926284263564902 51.82906472007434928, 5.3779460092387481 51.83416748088436776, 5.3718637259408224 51.83114564269719438, 5.36551154676460218 51.82354330854835212, 5.36030977356275251 51.81925029555304718, 5.3530867858529696 51.82346116166679195, 5.34971801723646756 51.82429156206517717, 5.34866985438670017 51.82368647543424345, 5.34428272868403464 51.82446048651096504, 5.34232091999039849 51.82672482106312373, 5.34249760141796148 51.82843829477886999, 5.33269606088548986 51.82930238505894494, 5.3311594611658748 51.83077743909588264, 5.33721519138277412 51.83418309968076443, 5.34250180571291189 51.83312825045739203, 5.35000117340963666 51.83274520059548962, 5.35053485372209092 51.83490369448456647, 5.3571382481934906 51.83634369901714933, 5.36263854821126795 51.83631688271607629, 5.36694554130240764 51.8346180590844412, 5.36847136993809837 51.83585252291676682, 5.37632069844651816 51.8357518214356574, 5.37840403605749628 51.83598400489121616, 5.37873912896085926 51.8370516756451778, 5.37985338807422142 51.83710848807341165, 5.37948221285435757 51.8360972757970444, 5.38119436744505553 51.83532437565668971, 5.38347352056009942 51.83625841291026148, 5.38347773572930866 51.83742942555429067, 5.38347773572930866 51.83742942555429067)))</t>
  </si>
  <si>
    <t>MultiPolygon (((5.34428272868403464 51.82446048651096504, 5.34866985438670017 51.82368647543424345, 5.34971801723646756 51.82429156206517717, 5.3530867858529696 51.82346116166679195, 5.36030977356275251 51.81925029555304718, 5.36299528658295621 51.81780290734069183, 5.37068352341981825 51.81195203875256539, 5.36579630609533975 51.80795355440951511, 5.36109586793329385 51.80571968915696601, 5.35408255904440455 51.80420646049164901, 5.34741213783697145 51.80418637801469117, 5.34706830912810815 51.80423487863436804, 5.34367740510875233 51.80485914706764561, 5.33903209401971601 51.8065941450452172, 5.33355100817202388 51.81034899277383232, 5.32829918193177576 51.81525065928868656, 5.32610515548877483 51.81700860053479119, 5.3248426668117359 51.81780699789354117, 5.316328372143305 51.82179694720980478, 5.32941436368386601 51.83177795362680484, 5.3311594611658748 51.83077743909588264, 5.33269606088548986 51.82930238505894494, 5.34249760141796148 51.82843829477886999, 5.34232091999039849 51.82672482106312373, 5.34428272868403464 51.82446048651096504, 5.34428272868403464 51.82446048651096504),(5.34326148756807751 51.81277972703569645, 5.34813738974136488 51.81197361488587916, 5.35099401410830655 51.81409662629120305, 5.35124838139205217 51.81507194240883507, 5.34898641039143818 51.8146324858008569, 5.34506238888695684 51.81593895552007467, 5.3429473566898773 51.81355991163388097, 5.34326148756807751 51.81277972703569645, 5.34326148756807751 51.81277972703569645)))</t>
  </si>
  <si>
    <t>MultiPolygon (((5.34898641039143818 51.8146324858008569, 5.35124838139205217 51.81507194240883507, 5.35099401410830655 51.81409662629120305, 5.34813738974136488 51.81197361488587916, 5.34326148756807751 51.81277972703569645, 5.3429473566898773 51.81355991163388097, 5.34506238888695684 51.81593895552007467, 5.34898641039143818 51.8146324858008569)))</t>
  </si>
  <si>
    <t>MultiPolygon (((5.36030977356275251 51.81925029555304718, 5.36551154676460218 51.82354330854835212, 5.3718637259408224 51.83114564269719438, 5.3779460092387481 51.83416748088436776, 5.37926284263564902 51.82906472007434928, 5.3783060460391221 51.82573530892394587, 5.37320261169208191 51.82187347520494569, 5.37071912052416156 51.81893480324817602, 5.36669297398650613 51.81912208771981909, 5.36299528658295621 51.81780290734069183, 5.36030977356275251 51.81925029555304718, 5.36030977356275251 51.81925029555304718)))</t>
  </si>
  <si>
    <t>MultiPolygon (((5.40792837119831038 51.8544128167218048, 5.40809602747326235 51.85438683207808452, 5.4095704082226197 51.85370168378995714, 5.40527472039248291 51.84701609446722159, 5.40347340508807417 51.84590545792286065, 5.39774513337557593 51.84466657187726213, 5.39692787521816264 51.84333103313772284, 5.38898590888622131 51.84373927945465965, 5.38479782261620965 51.84280729583741021, 5.38280265435729444 51.84162808292732194, 5.37985338807422142 51.83710848807341165, 5.37873912896085926 51.8370516756451778, 5.37840403605749628 51.83598400489121616, 5.37632069844651816 51.8357518214356574, 5.36847136993809837 51.83585252291676682, 5.36764261292920253 51.83676470610279097, 5.36781720851838706 51.83880958247453918, 5.37426814843780853 51.83895792703399508, 5.37591055869844592 51.83957828992844696, 5.37803748679039817 51.8415179875267782, 5.37891336858622093 51.84389293884018457, 5.37829608114353874 51.84672590589087804, 5.3728929534753318 51.85173468922907603, 5.37276159049361013 51.85405899932008822, 5.37391068104906555 51.85584584456491797, 5.37640155992182933 51.85621461796488063, 5.37873138622507874 51.85569263996994493, 5.38090333034296275 51.85165252127403335, 5.38265963883768617 51.85044001752259391, 5.39104131844754786 51.85143071391746616, 5.39836322135957669 51.85000024822726061, 5.40338788737795017 51.85018841094243669, 5.40470716351574598 51.85052977638603267, 5.40792837119831038 51.8544128167218048, 5.40792837119831038 51.8544128167218048)))</t>
  </si>
  <si>
    <t>MultiPolygon (((5.24058381431207376 51.85618413541801885, 5.25033490301710071 51.85611717403541832, 5.26175759560473111 51.85508629170527684, 5.27795798854543463 51.85712664391233773, 5.2723154097047491 51.85281735710884732, 5.26623259919787223 51.84687614213549978, 5.26941089839037069 51.84571902947750033, 5.2744825967286868 51.8417449734803526, 5.27648342248158109 51.83771110667439075, 5.27403054262127924 51.83449711930720127, 5.27486539200413862 51.83079106555080529, 5.27423785420893143 51.83055873157223914, 5.27520561401783006 51.82988553157036193, 5.27606603024979215 51.82630785631774728, 5.27951478744601754 51.82074068252401133, 5.24717545434599408 51.81712234961510433, 5.24648736193304366 51.81931213624402943, 5.24975923220919416 51.82312061946542769, 5.25655586947743192 51.82773687915781125, 5.26877847557008838 51.83069970052708442, 5.26913465269232617 51.83145255275107388, 5.26806799945781101 51.83270170054737491, 5.26537361754311917 51.83337222312856341, 5.26616909970415303 51.83589512232098429, 5.25521028300183435 51.83645661357751067, 5.24945075884037227 51.83530061621550544, 5.25225834594705709 51.83228383784168614, 5.25055741187576253 51.83059932435357808, 5.24363957715091367 51.82965092233084903, 5.24092764511381226 51.83240954646271348, 5.23887967811679722 51.83181992650489889, 5.21858903942932884 51.84198817024555694, 5.20693923538546688 51.85041620660106787, 5.218355763801517 51.85191362166925444, 5.22611481606527217 51.8552561775832217, 5.22990818931983004 51.85638006732238381, 5.23924975717255048 51.8543667744407486, 5.24058381431207376 51.85618413541801885, 5.24058381431207376 51.85618413541801885)))</t>
  </si>
  <si>
    <t>MultiPolygon (((5.27795798854543463 51.85712664391233773, 5.28534400723415931 51.85670635306245657, 5.28949816858228772 51.85562918377981845, 5.29625894857079249 51.85494938945303289, 5.30857773440725289 51.851837246223063, 5.30463847408581479 51.84510918595838547, 5.2973154594215428 51.8401961811854548, 5.29745026711465528 51.83887583922633979, 5.3000606686513132 51.83723827195520073, 5.28870086253877947 51.83480610017108603, 5.29017709552024229 51.83249198318299733, 5.28800994319671958 51.83168908731639846, 5.29055341618483777 51.82323520582551168, 5.28171797334121873 51.82120751418325, 5.27951478744601754 51.82074068252401133, 5.27606603024979215 51.82630785631774728, 5.27520561401783006 51.82988553157036193, 5.27790825237554895 51.82874823830639599, 5.28061815297805559 51.82869960649768615, 5.28714491125907404 51.83179986740181988, 5.28768151710419954 51.833215145966129, 5.28630869729891018 51.83402461310345899, 5.28211721493394393 51.83283195043510005, 5.27786744767033156 51.83595237021992119, 5.27403054262127924 51.83449711930720127, 5.27648342248158109 51.83771110667439075, 5.2744825967286868 51.8417449734803526, 5.26941089839037069 51.84571902947750033, 5.26623259919787223 51.84687614213549978, 5.2723154097047491 51.85281735710884732, 5.27795798854543463 51.85712664391233773, 5.27795798854543463 51.85712664391233773)))</t>
  </si>
  <si>
    <t>MultiPolygon (((5.3000606686513132 51.83723827195520073, 5.30861967094277176 51.83732070330010089, 5.31053657722048911 51.83633690185592968, 5.31642271892853913 51.83734728494026456, 5.31961646406578925 51.83909992398611877, 5.32105572337333133 51.83828645519254508, 5.32746256748831293 51.83320612722217646, 5.31973514766019218 51.83067987485464556, 5.30196454570864706 51.82944592204353995, 5.29535414548790229 51.83069482004975725, 5.29017709552024229 51.83249198318299733, 5.28870086253877947 51.83480610017108603, 5.3000606686513132 51.83723827195520073, 5.3000606686513132 51.83723827195520073)))</t>
  </si>
  <si>
    <t>MultiPolygon (((5.32808472514796705 51.85926259784631043, 5.32829044094204818 51.85701747864232658, 5.32654580029026281 51.85686914643402901, 5.32659865302896396 51.85534481005347374, 5.33051244982808292 51.85378279046114613, 5.33332823001736767 51.85136540842051289, 5.33015198917445687 51.84954546024268751, 5.33270253581182541 51.84799000123424406, 5.32105572337333133 51.83828645519254508, 5.31961646406578925 51.83909992398611877, 5.31642271892853913 51.83734728494026456, 5.31053657722048911 51.83633690185592968, 5.30861967094277176 51.83732070330010089, 5.3000606686513132 51.83723827195520073, 5.29745026711465528 51.83887583922633979, 5.2973154594215428 51.8401961811854548, 5.30463847408581479 51.84510918595838547, 5.30857773440725289 51.851837246223063, 5.30906673617908265 51.85197349088431196, 5.30921937763337493 51.8505393012873057, 5.31154006897190456 51.84872067964700193, 5.31471605802683733 51.84751121859203238, 5.32007861197930509 51.84742086627062463, 5.3221754966632977 51.84865344563587541, 5.32027830788740186 51.84976862093473926, 5.31454056574182321 51.85617525529610816, 5.32204644978039365 51.85852343782891438, 5.32808472514796705 51.85926259784631043, 5.32808472514796705 51.85926259784631043)))</t>
  </si>
  <si>
    <t>MultiPolygon (((5.30906673617908265 51.85197349088431196, 5.31056383893698936 51.8532672467516349, 5.31454056574182321 51.85617525529610816, 5.32027830788740186 51.84976862093473926, 5.3221754966632977 51.84865344563587541, 5.32007861197930509 51.84742086627062463, 5.31471605802683733 51.84751121859203238, 5.31154006897190456 51.84872067964700193, 5.30921937763337493 51.8505393012873057, 5.30906673617908265 51.85197349088431196, 5.30906673617908265 51.85197349088431196)))</t>
  </si>
  <si>
    <t>MultiPolygon (((5.32746256748831293 51.83320612722217646, 5.32941436368386601 51.83177795362680484, 5.316328372143305 51.82179694720980478, 5.31126955155932468 51.82314441575909569, 5.30460030076213229 51.8239633531775965, 5.29784570336598204 51.82405728573272086, 5.29055341618483777 51.82323520582551168, 5.28800994319671958 51.83168908731639846, 5.29017709552024229 51.83249198318299733, 5.29535414548790229 51.83069482004975725, 5.30196454570864706 51.82944592204353995, 5.31973514766019218 51.83067987485464556, 5.32746256748831293 51.83320612722217646, 5.32746256748831293 51.83320612722217646)))</t>
  </si>
  <si>
    <t>MultiPolygon (((5.27520561401783006 51.82988553157036193, 5.27423785420893143 51.83055873157223914, 5.27486539200413862 51.83079106555080529, 5.27403054262127924 51.83449711930720127, 5.27786744767033156 51.83595237021992119, 5.28211721493394393 51.83283195043510005, 5.28630869729891018 51.83402461310345899, 5.28768151710419954 51.833215145966129, 5.28714491125907404 51.83179986740181988, 5.28061815297805559 51.82869960649768615, 5.27790825237554895 51.82874823830639599, 5.27520561401783006 51.82988553157036193, 5.27520561401783006 51.82988553157036193)))</t>
  </si>
  <si>
    <t>MultiPolygon (((5.24363957715091367 51.82965092233084903, 5.25055741187576253 51.83059932435357808, 5.25225834594705709 51.83228383784168614, 5.25660697545439337 51.82816921883951267, 5.25655586947743192 51.82773687915781125, 5.24975923220919416 51.82312061946542769, 5.24363957715091367 51.82965092233084903, 5.24363957715091367 51.82965092233084903)))</t>
  </si>
  <si>
    <t>MultiPolygon (((5.25225834594705709 51.83228383784168614, 5.24945075884037227 51.83530061621550544, 5.25521028300183435 51.83645661357751067, 5.26616909970415303 51.83589512232098429, 5.26537361754311917 51.83337222312856341, 5.26806799945781101 51.83270170054737491, 5.26913465269232617 51.83145255275107388, 5.26877847557008838 51.83069970052708442, 5.25655586947743192 51.82773687915781125, 5.25660697545439337 51.82816921883951267, 5.25225834594705709 51.83228383784168614, 5.25225834594705709 51.83228383784168614)))</t>
  </si>
  <si>
    <t>MultiPolygon (((5.2209105031869294 51.82669580973687573, 5.22516733778031028 51.82366284489267372, 5.22732253642695621 51.82044430783395228, 5.23106859911886968 51.82012660736413068, 5.23545717435440405 51.81448221284557576, 5.22070068351103345 51.81090452439345029, 5.2128819996141047 51.81004888317418988, 5.20327234811465544 51.81024066157873875, 5.19512300648456637 51.81150971006859862, 5.17674339534221239 51.81634903049226892, 5.17779654719522586 51.81970776590930683, 5.18149961523011005 51.82187489457005114, 5.18993588284462248 51.82174021735590941, 5.19164688731874158 51.82217199284032461, 5.19537153036962174 51.82394688118901627, 5.19623789034830441 51.82659171899174311, 5.19609667718455359 51.82873268984516102, 5.19587948103209651 51.82965280169796785, 5.19454145619961949 51.84269976019864146, 5.19290125845864381 51.84280239091530973, 5.19226330375939948 51.84775160637187952, 5.19689722182555425 51.84866962391808443, 5.20244150001874317 51.84963304671121875, 5.22300359821393023 51.82914274804698351, 5.22084488491944398 51.82758753061158075, 5.2209105031869294 51.82669580973687573, 5.2209105031869294 51.82669580973687573),(5.20820763504081441 51.82342868370380984, 5.206176707127252 51.82094758588086592, 5.20521615926248238 51.81743529500777612, 5.20949002553529272 51.81455375857572676, 5.2111877651619336 51.81168368249086598, 5.21537534723327045 51.81253563588720112, 5.21699122515382729 51.81893519134916204, 5.22012261528357424 51.82168732304560876, 5.21571131454804782 51.82334100574287561, 5.21266033790791994 51.82385896211890497, 5.20820763504081441 51.82342868370380984, 5.20820763504081441 51.82342868370380984)))</t>
  </si>
  <si>
    <t>MultiPolygon (((5.17424296751309143 51.8482415676625763, 5.19226330375939948 51.84775160637187952, 5.19290125845864381 51.84280239091530973, 5.19454145619961949 51.84269976019864146, 5.19587948103209651 51.82965280169796785, 5.18500502149348463 51.82968851563558843, 5.1830035810417785 51.82797276686243748, 5.1804002453358553 51.82806541223932584, 5.17730738381393163 51.82976377213706343, 5.17703231687452536 51.83275472397293981, 5.17319266961015867 51.83290508739156621, 5.17454066589014783 51.82793078224418792, 5.17313213516220394 51.82794170595190053, 5.17450908425802858 51.82294919391923571, 5.16743688073255747 51.82080873258826159, 5.16798349024729031 51.81903988309240816, 5.17950742219979965 51.82327470014151061, 5.19623789034830441 51.82659171899174311, 5.19537153036962174 51.82394688118901627, 5.19164688731874158 51.82217199284032461, 5.18993588284462248 51.82174021735590941, 5.18149961523011005 51.82187489457005114, 5.17779654719522586 51.81970776590930683, 5.17674339534221239 51.81634903049226892, 5.17064298186922144 51.81703240619317796, 5.15928033972709965 51.8164799112263168, 5.15925698737989702 51.81867061433321453, 5.15803863313243394 51.82434078493933072, 5.1525231567490648 51.83161959201996183, 5.15408581161304813 51.84743124251550483, 5.17424296751309143 51.8482415676625763, 5.17424296751309143 51.8482415676625763)))</t>
  </si>
  <si>
    <t>MultiPolygon (((5.20244150001874317 51.84963304671121875, 5.20693923538546688 51.85041620660106787, 5.21858903942932884 51.84198817024555694, 5.23887967811679722 51.83181992650489889, 5.24092764511381226 51.83240954646271348, 5.24363957715091367 51.82965092233084903, 5.24975923220919416 51.82312061946542769, 5.24648736193304366 51.81931213624402943, 5.24717545434599408 51.81712234961510433, 5.23741598200452607 51.81502070614602928, 5.23545717435440405 51.81448221284557576, 5.23106859911886968 51.82012660736413068, 5.22732253642695621 51.82044430783395228, 5.22516733778031028 51.82366284489267372, 5.2209105031869294 51.82669580973687573, 5.22084488491944398 51.82758753061158075, 5.22300359821393023 51.82914274804698351, 5.20244150001874317 51.84963304671121875, 5.20244150001874317 51.84963304671121875),(5.2391825872147102 51.82572254405680923, 5.23820739809770686 51.8267254795422545, 5.23675326446434486 51.82602507088115829, 5.23456443162878227 51.82342291331102047, 5.23593697611854836 51.82071385028970667, 5.2442250144289142 51.82239241741857683, 5.24458547280885945 51.82400626848694714, 5.24366852610569634 51.82591433757797716, 5.24209098883599278 51.82663231242653268, 5.2391825872147102 51.82572254405680923, 5.2391825872147102 51.82572254405680923)))</t>
  </si>
  <si>
    <t>MultiPolygon (((5.19587948103209651 51.82965280169796785, 5.19609667718455359 51.82873268984516102, 5.19623789034830441 51.82659171899174311, 5.17950742219979965 51.82327470014151061, 5.16798349024729031 51.81903988309240816, 5.16743688073255747 51.82080873258826159, 5.17450908425802858 51.82294919391923571, 5.17313213516220394 51.82794170595190053, 5.17454066589014783 51.82793078224418792, 5.17319266961015867 51.83290508739156621, 5.17703231687452536 51.83275472397293981, 5.17730738381393163 51.82976377213706343, 5.1804002453358553 51.82806541223932584, 5.1830035810417785 51.82797276686243748, 5.18500502149348463 51.82968851563558843, 5.19587948103209651 51.82965280169796785, 5.19587948103209651 51.82965280169796785)))</t>
  </si>
  <si>
    <t>MultiPolygon (((5.2391825872147102 51.82572254405680923, 5.24209098883599278 51.82663231242653268, 5.24366852610569634 51.82591433757797716, 5.24458547280885945 51.82400626848694714, 5.2442250144289142 51.82239241741857683, 5.23593697611854836 51.82071385028970667, 5.23456443162878227 51.82342291331102047, 5.23675326446434486 51.82602507088115829, 5.23820739809770686 51.8267254795422545, 5.2391825872147102 51.82572254405680923, 5.2391825872147102 51.82572254405680923)))</t>
  </si>
  <si>
    <t>MultiPolygon (((5.21571131454804782 51.82334100574287561, 5.22012261528357424 51.82168732304560876, 5.21699122515382729 51.81893519134916204, 5.21537534723327045 51.81253563588720112, 5.2111877651619336 51.81168368249086598, 5.20949002553529272 51.81455375857572676, 5.20521615926248238 51.81743529500777612, 5.206176707127252 51.82094758588086592, 5.20820763504081441 51.82342868370380984, 5.21266033790791994 51.82385896211890497, 5.21571131454804782 51.82334100574287561)))</t>
  </si>
  <si>
    <t>MultiPolygon (((5.26559947228701386 51.87336219905987633, 5.26936734891256098 51.87340612265348483, 5.27373125938041998 51.87038388684391066, 5.2793495882223942 51.86845742140983617, 5.27687321032528622 51.86557159060162547, 5.27900175985617803 51.85958517812635193, 5.28335439226443881 51.8594684529915142, 5.28647986183001173 51.8641484759345559, 5.2892169627024499 51.86501484786614213, 5.30488229109509124 51.86512967034211385, 5.30620256408032809 51.86559052157046068, 5.30852398371473022 51.86457927142058111, 5.31172929630656299 51.86144822311134561, 5.32782532906662265 51.86461639705357385, 5.3283587657961462 51.85940774463568204, 5.32808472514796705 51.85926259784631043, 5.32204644978039365 51.85852343782891438, 5.31454056574182321 51.85617525529610816, 5.31056383893698936 51.8532672467516349, 5.30906673617908265 51.85197349088431196, 5.30857773440725289 51.851837246223063, 5.29625894857079249 51.85494938945303289, 5.28949816858228772 51.85562918377981845, 5.28534400723415931 51.85670635306245657, 5.27795798854543463 51.85712664391233773, 5.26175759560473111 51.85508629170527684, 5.25033490301710071 51.85611717403541832, 5.24058381431207376 51.85618413541801885, 5.24012674830231617 51.85805292350575968, 5.26201808685169681 51.85815276939837304, 5.26465594796813008 51.86188074354925703, 5.26502249404962352 51.86499735037581615, 5.25984347271566666 51.86588623781376839, 5.25716920052289893 51.8674287358612105, 5.25929200123819118 51.87073397426942023, 5.26120970574171043 51.87024568791802182, 5.26559947228701386 51.87336219905987633, 5.26559947228701386 51.87336219905987633)))</t>
  </si>
  <si>
    <t>MultiPolygon (((5.28852453047894322 51.87220336426810263, 5.29853575854045289 51.87169661359018846, 5.30343439315961618 51.87082808521012112, 5.3034227993826013 51.86798719368274391, 5.30620256408032809 51.86559052157046068, 5.30488229109509124 51.86512967034211385, 5.2892169627024499 51.86501484786614213, 5.28647986183001173 51.8641484759345559, 5.28821827590489768 51.86907998157703759, 5.28852453047894322 51.87220336426810263, 5.28852453047894322 51.87220336426810263)))</t>
  </si>
  <si>
    <t>MultiPolygon (((5.277042494078243 51.87467285953948704, 5.28157560692596295 51.8729654545444987, 5.28852453047894322 51.87220336426810263, 5.28821827590489768 51.86907998157703759, 5.2793495882223942 51.86845742140983617, 5.27373125938041998 51.87038388684391066, 5.277042494078243 51.87467285953948704, 5.277042494078243 51.87467285953948704)))</t>
  </si>
  <si>
    <t>MultiPolygon (((5.2793495882223942 51.86845742140983617, 5.28821827590489768 51.86907998157703759, 5.28647986183001173 51.8641484759345559, 5.28335439226443881 51.8594684529915142, 5.27900175985617803 51.85958517812635193, 5.27687321032528622 51.86557159060162547, 5.2793495882223942 51.86845742140983617, 5.2793495882223942 51.86845742140983617)))</t>
  </si>
  <si>
    <t>MultiPolygon (((5.255061879929392 51.93548253955921012, 5.26776126232699227 51.93275605472657475, 5.27622746896753192 51.93262793495146212, 5.27957265534900877 51.93319543940808813, 5.2809766615272471 51.93316779941469008, 5.28128207683091411 51.93267111025787841, 5.28494686583180862 51.93069164747358002, 5.28672410334747767 51.92851033757605705, 5.28518349762630102 51.92263941263410487, 5.27368737009065214 51.92008705734000529, 5.29489340554951493 51.90005231502068739, 5.29732351516788924 51.90157904810942568, 5.30658493966613953 51.89657807740641005, 5.30675129836912873 51.89641756432368425, 5.29970141414790419 51.89221780113966531, 5.30028826899758876 51.8908280749351789, 5.29667081697463438 51.88757093199152592, 5.29428681170794224 51.886139210495962, 5.28888893343023447 51.88530640708631125, 5.28276783083320378 51.88463085935124042, 5.28036458377808682 51.88501189952575032, 5.27801712133808465 51.88619635322117318, 5.2748901193937181 51.88891588241259711, 5.27657181910930451 51.89166394936790283, 5.27836794053257741 51.8940421355088688, 5.27739258422250401 51.89725286072594912, 5.2779531055599378 51.89835909419021931, 5.28591129264223714 51.90188445391252259, 5.28448284421185033 51.90570867619011608, 5.28087831219945159 51.90760773575758691, 5.27218321247445676 51.91468714053045375, 5.2769234720511724 51.91675002587044929, 5.26966701709056018 51.92361731211057929, 5.25492345051000953 51.93521456233161615, 5.24586732718672 51.92927411078177613, 5.255061879929392 51.93548253955921012, 5.255061879929392 51.93548253955921012),(5.29302979802932949 51.89649927303274524, 5.29261590091940892 51.8968502301765966, 5.29035594134364562 51.89609222576643077, 5.28925782765886332 51.89299504924706241, 5.29328320766257221 51.88898400328278626, 5.29561641358317026 51.89008267089447912, 5.29752686676561257 51.89317566940299287, 5.29302979802932949 51.89649927303274524, 5.29302979802932949 51.89649927303274524)))</t>
  </si>
  <si>
    <t>MultiPolygon (((5.23316423146418863 51.92358487928792243, 5.24260317413774146 51.92719476669054046, 5.24586732718672 51.92927411078177613, 5.25492345051000953 51.93521456233161615, 5.26966701709056018 51.92361731211057929, 5.2769234720511724 51.91675002587044929, 5.27218321247445676 51.91468714053045375, 5.28087831219945159 51.90760773575758691, 5.28448284421185033 51.90570867619011608, 5.28591129264223714 51.90188445391252259, 5.2779531055599378 51.89835909419021931, 5.27739258422250401 51.89725286072594912, 5.27836794053257741 51.8940421355088688, 5.27657181910930451 51.89166394936790283, 5.26345157033244071 51.89442160700297535, 5.26066562592835218 51.894142891427542, 5.26236019615375383 51.89169533872056661, 5.26150930404480199 51.88875694998199606, 5.26380817672332579 51.88584830903360512, 5.26545968151244725 51.88603263629650542, 5.26356014194801336 51.88404603809956939, 5.25833262638035404 51.88218675060512908, 5.25398293486656964 51.88254205798214258, 5.24757297384205934 51.88521779970016468, 5.24350711404169534 51.88771209921434036, 5.24264196103101821 51.88933714906526262, 5.24237857983943734 51.89275557674791628, 5.24376625321857759 51.89199834075554207, 5.24619602562762921 51.89277323057839908, 5.24912623584180071 51.89915751206821426, 5.24117650657468825 51.9129227999305769, 5.23316423146418863 51.92358487928792243, 5.23316423146418863 51.92358487928792243)))</t>
  </si>
  <si>
    <t>MultiPolygon (((5.27657181910930451 51.89166394936790283, 5.2748901193937181 51.88891588241259711, 5.27220853999676908 51.88922481698694611, 5.26804838286161115 51.88774084361713079, 5.26545968151244725 51.88603263629650542, 5.26380817672332579 51.88584830903360512, 5.26150930404480199 51.88875694998199606, 5.26236019615375383 51.89169533872056661, 5.26066562592835218 51.894142891427542, 5.26345157033244071 51.89442160700297535, 5.27657181910930451 51.89166394936790283, 5.27657181910930451 51.89166394936790283)))</t>
  </si>
  <si>
    <t>MultiPolygon (((5.29302979802932949 51.89649927303274524, 5.29752686676561257 51.89317566940299287, 5.29561641358317026 51.89008267089447912, 5.29328320766257221 51.88898400328278626, 5.28925782765886332 51.89299504924706241, 5.29035594134364562 51.89609222576643077, 5.29261590091940892 51.8968502301765966, 5.29302979802932949 51.89649927303274524, 5.29302979802932949 51.89649927303274524)))</t>
  </si>
  <si>
    <t>MultiPolygon (((5.15890521820940595 51.91964490894422823, 5.17590015690514971 51.92110167111690089, 5.18738150305139989 51.92392138505588406, 5.20263033795208152 51.92476747643520696, 5.20768561849731082 51.92621353812614871, 5.21180991353342016 51.91964536495582649, 5.23316423146418863 51.92358487928792243, 5.24117650657468825 51.9129227999305769, 5.24912623584180071 51.89915751206821426, 5.24619602562762921 51.89277323057839908, 5.24376625321857759 51.89199834075554207, 5.24237857983943734 51.89275557674791628, 5.24229949420605834 51.89399616053660935, 5.23846728634961689 51.89742184809598058, 5.23528034046059965 51.89805993405191487, 5.23185454705140351 51.89754842946651081, 5.22774264159372937 51.89429380087388921, 5.22762630187344257 51.89054061524024775, 5.22527234959538944 51.88761976831042233, 5.22095396504117204 51.88614736282268325, 5.21451729307780365 51.8865845787918829, 5.21145832430997125 51.88681650253641919, 5.20946650006717071 51.88675830308854842, 5.20708753642971356 51.88667757021168825, 5.20204684035680565 51.88849854615567381, 5.20009611063759536 51.88831216741697716, 5.19272749259057598 51.89618050140200012, 5.18849383397839681 51.89844801107889793, 5.1875352588098318 51.89788697703679077, 5.1877176037226711 51.8945249111156528, 5.18998945119570188 51.89251760066611752, 5.1837214136867571 51.88836815451929851, 5.18475521791456284 51.88524871146529449, 5.18707237001271793 51.88273649154471201, 5.19886386972498826 51.88425894975541297, 5.20263834299820171 51.88201623419049469, 5.20298299277360066 51.88099743685967269, 5.1969467469356152 51.87829564227193657, 5.19437572765481281 51.87807429509006596, 5.19087842421999213 51.87872429312168521, 5.18502651284196237 51.88109083111121578, 5.17727839624355912 51.88615955244774369, 5.17507730828399737 51.8883010330470853, 5.17386205007355837 51.89220399313011001, 5.17097336093660065 51.8954549731644974, 5.16907976968056904 51.89649936714550904, 5.16556037896434894 51.89688171901965319, 5.16287350582764848 51.9042507795495851, 5.16331103502100852 51.90589157328483338, 5.16621426646126114 51.90620408757214932, 5.16622249394272171 51.91120869433456164, 5.16351407232518689 51.91122740158652249, 5.15687859674529925 51.91733467281196823, 5.15523522605575746 51.91729015065546804, 5.15890521820940595 51.91964490894422823, 5.15890521820940595 51.91964490894422823)))</t>
  </si>
  <si>
    <t>MultiPolygon (((5.15523522605575746 51.91729015065546804, 5.15687859674529925 51.91733467281196823, 5.16351407232518689 51.91122740158652249, 5.16622249394272171 51.91120869433456164, 5.16621426646126114 51.90620408757214932, 5.16331103502100852 51.90589157328483338, 5.16287350582764848 51.9042507795495851, 5.16556037896434894 51.89688171901965319, 5.16097424379346759 51.89609340981156294, 5.15731032102475861 51.89411134575956197, 5.15519120708451162 51.8923555221787538, 5.15433631996087716 51.88990262811577026, 5.152448701401803 51.89020982904150259, 5.15011141715992427 51.88918469703894232, 5.15280223963860529 51.88643263035042708, 5.1529639949273589 51.88368764545597855, 5.1510467875544883 51.88360941638087809, 5.15098567707683319 51.88061198827097087, 5.15387119145537564 51.88014032343617288, 5.15427741990257182 51.88158825004285291, 5.15549430055178615 51.88197209286499856, 5.15759952147198497 51.88147091834862579, 5.15686032155270979 51.87923109878805406, 5.15533983577310551 51.87806450770559508, 5.14829301473158996 51.87778434979399833, 5.1455131457970591 51.87879947920562529, 5.14065385126503305 51.88219716398137393, 5.1418643254108769 51.88352586652004561, 5.1407682131058392 51.89063785960831154, 5.13171551577216345 51.88708710927086543, 5.12951941668806644 51.89043206675809472, 5.13476109108558099 51.89244899576655712, 5.13445062491429116 51.89744952739601302, 5.14000807720772013 51.9035966384580405, 5.13822972888254537 51.90541291899330645, 5.14125085798930215 51.91084602653289437, 5.14847954127753837 51.91481050555452725, 5.15523522605575746 51.91729015065546804, 5.15523522605575746 51.91729015065546804)))</t>
  </si>
  <si>
    <t>MultiPolygon (((5.14847954127753837 51.91481050555452725, 5.14125085798930215 51.91084602653289437, 5.13822972888254537 51.90541291899330645, 5.14000807720772013 51.9035966384580405, 5.13445062491429116 51.89744952739601302, 5.13476109108558099 51.89244899576655712, 5.12951941668806644 51.89043206675809472, 5.13171551577216345 51.88708710927086543, 5.1407682131058392 51.89063785960831154, 5.1418643254108769 51.88352586652004561, 5.14065385126503305 51.88219716398137393, 5.1375929251566399 51.88303795234673288, 5.13643924091744886 51.88371841646431903, 5.13080691805994693 51.88159386994203004, 5.13139695252494743 51.87971038713996563, 5.13350493845282685 51.87917265953407764, 5.13496278103499382 51.87749755901598547, 5.13395879516515929 51.87417679690882011, 5.13875139822905336 51.87886700809517038, 5.14145118725884132 51.87557938765703369, 5.14025057744112335 51.8739791315886194, 5.13808749464831926 51.87290595937522397, 5.12194063203590666 51.87081030255866665, 5.1192605284182644 51.87303656827511134, 5.11809253157775057 51.87762180335889894, 5.11920553111484367 51.87808286367353361, 5.12058497773364696 51.87981275588609975, 5.12085405921154191 51.8832937940701413, 5.11427458538586244 51.88926575669504615, 5.11539350382339819 51.89043769521276772, 5.11758219887839605 51.89236634587537367, 5.11842632765850158 51.89600273458652424, 5.11684517360417246 51.89773705450113539, 5.11967275062591387 51.89824519920529866, 5.12082016481651969 51.90030932736674174, 5.13237693720062715 51.9148604028881806, 5.13572081601195141 51.91419536713198113, 5.13657176677726923 51.91469331973733148, 5.13567474540395175 51.91822274241588531, 5.14243287512570024 51.92493658162864989, 5.15001165913429926 51.92815650180435938, 5.15798632979942973 51.92848139232633997, 5.16166226072514345 51.92749925001247391, 5.1667970516224333 51.92602014760824858, 5.15890521820940595 51.91964490894422823, 5.15523522605575746 51.91729015065546804, 5.14847954127753837 51.91481050555452725)))</t>
  </si>
  <si>
    <t>MultiPolygon (((5.13875139822905336 51.87886700809517038, 5.13395879516515929 51.87417679690882011, 5.13496278103499382 51.87749755901598547, 5.13350493845282685 51.87917265953407764, 5.13139695252494743 51.87971038713996563, 5.13080691805994693 51.88159386994203004, 5.13643924091744886 51.88371841646431903, 5.1375929251566399 51.88303795234673288, 5.13547547641271152 51.88092919949124138, 5.13875139822905336 51.87886700809517038, 5.13875139822905336 51.87886700809517038)))</t>
  </si>
  <si>
    <t>MultiPolygon (((5.15433631996087716 51.88990262811577026, 5.15509690367011331 51.88625898128701408, 5.15755091249769748 51.88275005003033868, 5.15759952147198497 51.88147091834862579, 5.15549430055178615 51.88197209286499856, 5.15427741990257182 51.88158825004285291, 5.15387119145537564 51.88014032343617288, 5.15098567707683319 51.88061198827097087, 5.1510467875544883 51.88360941638087809, 5.1529639949273589 51.88368764545597855, 5.15280223963860529 51.88643263035042708, 5.15011141715992427 51.88918469703894232, 5.152448701401803 51.89020982904150259, 5.15433631996087716 51.88990262811577026, 5.15433631996087716 51.88990262811577026)))</t>
  </si>
  <si>
    <t>MultiPolygon (((5.18998945119570188 51.89251760066611752, 5.1877176037226711 51.8945249111156528, 5.1875352588098318 51.89788697703679077, 5.18849383397839681 51.89844801107889793, 5.19272749259057598 51.89618050140200012, 5.20009611063759536 51.88831216741697716, 5.19837586361080017 51.88659567996062805, 5.19886386972498826 51.88425894975541297, 5.18707237001271793 51.88273649154471201, 5.18824098890019858 51.88395112412965915, 5.19500838689772326 51.88650576982453799, 5.19306673601057422 51.88976333174900901, 5.19067451382155554 51.89256832906051642, 5.18998945119570188 51.89251760066611752, 5.18998945119570188 51.89251760066611752)))</t>
  </si>
  <si>
    <t>MultiPolygon (((5.18998945119570188 51.89251760066611752, 5.19067451382155554 51.89256832906051642, 5.19306673601057422 51.88976333174900901, 5.19500838689772326 51.88650576982453799, 5.18824098890019858 51.88395112412965915, 5.18707237001271793 51.88273649154471201, 5.18475521791456284 51.88524871146529449, 5.1837214136867571 51.88836815451929851, 5.18998945119570188 51.89251760066611752, 5.18998945119570188 51.89251760066611752)))</t>
  </si>
  <si>
    <t>MultiPolygon (((5.24237857983943734 51.89275557674791628, 5.24264196103101821 51.88933714906526262, 5.22888378540968901 51.8873988865349034, 5.22944539065436054 51.88292839861431105, 5.23832656620925974 51.88175087684095388, 5.24019040862839702 51.88363564211039858, 5.24969120476784568 51.88106892928676217, 5.24880849845456865 51.8789059143120781, 5.25088837906670225 51.87863460028292195, 5.25398293486656964 51.88254205798214258, 5.25833262638035404 51.88218675060512908, 5.26467754378257524 51.88066906054389449, 5.26567769958792109 51.87858889181411826, 5.26559947228701386 51.87336219905987633, 5.26120970574171043 51.87024568791802182, 5.25929200123819118 51.87073397426942023, 5.25814489827947362 51.87106759949872981, 5.25520184851805627 51.8669335422315001, 5.25111899246286917 51.86821912609993035, 5.24012674830231617 51.85805292350575968, 5.24058381431207376 51.85618413541801885, 5.23924975717255048 51.8543667744407486, 5.22990818931983004 51.85638006732238381, 5.22611481606527217 51.8552561775832217, 5.22484642697504853 51.85665327863959817, 5.22602895631617059 51.85731056063583111, 5.22618805745933823 51.85865716879113307, 5.22150014807261975 51.86477590634300583, 5.22600562942472013 51.86448085656837037, 5.23287110858839011 51.87430926534915443, 5.22530277370680185 51.87695337267430062, 5.22529056402076986 51.88452992846968215, 5.22676197397298736 51.88497606577893606, 5.22632234210752245 51.886991506082218, 5.22527234959538944 51.88761976831042233, 5.22762630187344257 51.89054061524024775, 5.22774264159372937 51.89429380087388921, 5.23185454705140351 51.89754842946651081, 5.23528034046059965 51.89805993405191487, 5.23846728634961689 51.89742184809598058, 5.24229949420605834 51.89399616053660935, 5.24237857983943734 51.89275557674791628, 5.24237857983943734 51.89275557674791628)))</t>
  </si>
  <si>
    <t>MultiPolygon (((5.20009611063759536 51.88831216741697716, 5.20204684035680565 51.88849854615567381, 5.20708753642971356 51.88667757021168825, 5.20946650006717071 51.88675830308854842, 5.20853678115123575 51.88213930107555427, 5.21008368957723267 51.88106763622129591, 5.21188405266641652 51.88284265131472495, 5.2132734418894886 51.88277762261787984, 5.21521074378328642 51.88402225633804932, 5.21565029121725487 51.88568164960481255, 5.21451729307780365 51.8865845787918829, 5.22095396504117204 51.88614736282268325, 5.22527234959538944 51.88761976831042233, 5.22632234210752245 51.886991506082218, 5.22676197397298736 51.88497606577893606, 5.22529056402076986 51.88452992846968215, 5.22530277370680185 51.87695337267430062, 5.23287110858839011 51.87430926534915443, 5.22600562942472013 51.86448085656837037, 5.22150014807261975 51.86477590634300583, 5.22618805745933823 51.85865716879113307, 5.22602895631617059 51.85731056063583111, 5.22484642697504853 51.85665327863959817, 5.22611481606527217 51.8552561775832217, 5.218355763801517 51.85191362166925444, 5.20693923538546688 51.85041620660106787, 5.20244150001874317 51.84963304671121875, 5.19689722182555425 51.84866962391808443, 5.1969467469356152 51.87829564227193657, 5.20298299277360066 51.88099743685967269, 5.20263834299820171 51.88201623419049469, 5.19886386972498826 51.88425894975541297, 5.19837586361080017 51.88659567996062805, 5.20009611063759536 51.88831216741697716, 5.20009611063759536 51.88831216741697716)))</t>
  </si>
  <si>
    <t>MultiPolygon (((5.15433631996087716 51.88990262811577026, 5.15519120708451162 51.8923555221787538, 5.15731032102475861 51.89411134575956197, 5.16097424379346759 51.89609340981156294, 5.16556037896434894 51.89688171901965319, 5.16907976968056904 51.89649936714550904, 5.17097336093660065 51.8954549731644974, 5.17386205007355837 51.89220399313011001, 5.17507730828399737 51.8883010330470853, 5.17120904598384179 51.88407771965390225, 5.17887078501774756 51.88165478582376977, 5.18205340194206787 51.87940358024730614, 5.18502651284196237 51.88109083111121578, 5.19087842421999213 51.87872429312168521, 5.19437572765481281 51.87807429509006596, 5.1969467469356152 51.87829564227193657, 5.19689722182555425 51.84866962391808443, 5.19226330375939948 51.84775160637187952, 5.17424296751309143 51.8482415676625763, 5.17439492833080195 51.85265216945942512, 5.16990966266695295 51.85263771299117508, 5.17065860437717895 51.85628221047381459, 5.16457932048724366 51.85576540710628279, 5.16510033151515469 51.86228769303095731, 5.16370384856576514 51.86759019957202099, 5.16994271048743137 51.86786254314485944, 5.1661826771974253 51.87663429474428511, 5.16139496391614472 51.8793186817622356, 5.16040865974383767 51.88305357156067998, 5.15755091249769748 51.88275005003033868, 5.15509690367011331 51.88625898128701408, 5.15433631996087716 51.88990262811577026, 5.15433631996087716 51.88990262811577026)))</t>
  </si>
  <si>
    <t>MultiPolygon (((5.1375929251566399 51.88303795234673288, 5.14065385126503305 51.88219716398137393, 5.1455131457970591 51.87879947920562529, 5.14829301473158996 51.87778434979399833, 5.14945574634893788 51.8769628980618478, 5.15458867949252841 51.87629808256640018, 5.15575313311043271 51.87549651976375031, 5.15572447335309914 51.87458917183083429, 5.15714938094744202 51.87555826864169717, 5.15834935851083465 51.87901868402292394, 5.15686032155270979 51.87923109878805406, 5.15759952147198497 51.88147091834862579, 5.15755091249769748 51.88275005003033868, 5.16040865974383767 51.88305357156067998, 5.16139496391614472 51.8793186817622356, 5.1661826771974253 51.87663429474428511, 5.16994271048743137 51.86786254314485944, 5.16370384856576514 51.86759019957202099, 5.16510033151515469 51.86228769303095731, 5.16457932048724366 51.85576540710628279, 5.17065860437717895 51.85628221047381459, 5.16990966266695295 51.85263771299117508, 5.17439492833080195 51.85265216945942512, 5.17424296751309143 51.8482415676625763, 5.15408581161304813 51.84743124251550483, 5.14955178565635308 51.84741360076630201, 5.15051568522420755 51.86141352356877121, 5.13808749464831926 51.87290595937522397, 5.14025057744112335 51.8739791315886194, 5.14145118725884132 51.87557938765703369, 5.13875139822905336 51.87886700809517038, 5.13547547641271152 51.88092919949124138, 5.1375929251566399 51.88303795234673288, 5.1375929251566399 51.88303795234673288)))</t>
  </si>
  <si>
    <t>MultiPolygon (((5.14829301473158996 51.87778434979399833, 5.15533983577310551 51.87806450770559508, 5.15686032155270979 51.87923109878805406, 5.15834935851083465 51.87901868402292394, 5.15714938094744202 51.87555826864169717, 5.15572447335309914 51.87458917183083429, 5.15575313311043271 51.87549651976375031, 5.15458867949252841 51.87629808256640018, 5.14945574634893788 51.8769628980618478, 5.14829301473158996 51.87778434979399833, 5.14829301473158996 51.87778434979399833)))</t>
  </si>
  <si>
    <t>MultiPolygon (((5.17507730828399737 51.8883010330470853, 5.17727839624355912 51.88615955244774369, 5.18502651284196237 51.88109083111121578, 5.18205340194206787 51.87940358024730614, 5.17887078501774756 51.88165478582376977, 5.17120904598384179 51.88407771965390225, 5.17507730828399737 51.8883010330470853, 5.17507730828399737 51.8883010330470853)))</t>
  </si>
  <si>
    <t>MultiPolygon (((5.20946650006717071 51.88675830308854842, 5.21145832430997125 51.88681650253641919, 5.21451729307780365 51.8865845787918829, 5.21565029121725487 51.88568164960481255, 5.21521074378328642 51.88402225633804932, 5.2132734418894886 51.88277762261787984, 5.21188405266641652 51.88284265131472495, 5.21008368957723267 51.88106763622129591, 5.20853678115123575 51.88213930107555427, 5.20946650006717071 51.88675830308854842, 5.20946650006717071 51.88675830308854842)))</t>
  </si>
  <si>
    <t>MultiPolygon (((5.24264196103101821 51.88933714906526262, 5.24350711404169534 51.88771209921434036, 5.24757297384205934 51.88521779970016468, 5.25398293486656964 51.88254205798214258, 5.25088837906670225 51.87863460028292195, 5.24880849845456865 51.8789059143120781, 5.24969120476784568 51.88106892928676217, 5.24019040862839702 51.88363564211039858, 5.23832656620925974 51.88175087684095388, 5.22944539065436054 51.88292839861431105, 5.22888378540968901 51.8873988865349034, 5.24264196103101821 51.88933714906526262, 5.24264196103101821 51.88933714906526262)))</t>
  </si>
  <si>
    <t>MultiPolygon (((5.25929200123819118 51.87073397426942023, 5.25716920052289893 51.8674287358612105, 5.25984347271566666 51.86588623781376839, 5.26502249404962352 51.86499735037581615, 5.26465594796813008 51.86188074354925703, 5.26201808685169681 51.85815276939837304, 5.24012674830231617 51.85805292350575968, 5.25111899246286917 51.86821912609993035, 5.25520184851805627 51.8669335422315001, 5.25814489827947362 51.87106759949872981, 5.25929200123819118 51.87073397426942023, 5.25929200123819118 51.87073397426942023)))</t>
  </si>
  <si>
    <t>MultiPolygon (((5.31517821329169315 51.88057592780963034, 5.31719343255922361 51.88023258508294333, 5.32267637778662639 51.88196625269566908, 5.32682997877227482 51.88258782982936879, 5.33493467672350619 51.88176266913267654, 5.33716358830229431 51.88098151914889655, 5.33945606325342936 51.87787404756062415, 5.33902393630896821 51.8740341583690352, 5.33658309965700184 51.86996633915801169, 5.32808934082877883 51.86451731594500814, 5.3283587657961462 51.85940774463568204, 5.32782532906662265 51.86461639705357385, 5.31172929630656299 51.86144822311134561, 5.30852398371473022 51.86457927142058111, 5.30620256408032809 51.86559052157046068, 5.3034227993826013 51.86798719368274391, 5.30343439315961618 51.87082808521012112, 5.3039558409659282 51.87159109823283387, 5.32511843938662111 51.87043511482609404, 5.32667195567703988 51.87369164007066047, 5.31164474366892936 51.87634929064851974, 5.31117649683016069 51.87515373412729502, 5.30555700935637553 51.87583954371140749, 5.30664098561955644 51.87865986789885397, 5.30848127157616023 51.87932537569395919, 5.30921302328658928 51.88109892649744381, 5.31517821329169315 51.88057592780963034, 5.31517821329169315 51.88057592780963034)))</t>
  </si>
  <si>
    <t>MultiPolygon (((5.30675129836912873 51.89641756432368425, 5.30920633806867492 51.89662046315982735, 5.3120450142125355 51.89590723773916636, 5.31877583697882539 51.89255869106602148, 5.32336642338060173 51.88901034983389593, 5.32341509106268607 51.88698352569604566, 5.32193935742257906 51.88562803762207665, 5.31629404548991769 51.88332304168309861, 5.31495162189326997 51.88181595760857334, 5.31517821329169315 51.88057592780963034, 5.30921302328658928 51.88109892649744381, 5.31029544807660958 51.88330806810457574, 5.30925563996447991 51.88551188951650062, 5.30471064393222225 51.8890323375768503, 5.30028826899758876 51.8908280749351789, 5.29970141414790419 51.89221780113966531, 5.30675129836912873 51.89641756432368425, 5.30675129836912873 51.89641756432368425)))</t>
  </si>
  <si>
    <t>MultiPolygon (((5.2748901193937181 51.88891588241259711, 5.27801712133808465 51.88619635322117318, 5.27755239694179856 51.88590462374298085, 5.27182216625591771 51.88245230319742518, 5.27371511965562334 51.87756024644542663, 5.27714680034331352 51.87485343077610622, 5.277042494078243 51.87467285953948704, 5.27373125938041998 51.87038388684391066, 5.26936734891256098 51.87340612265348483, 5.26559947228701386 51.87336219905987633, 5.26567769958792109 51.87858889181411826, 5.26467754378257524 51.88066906054389449, 5.25833262638035404 51.88218675060512908, 5.26356014194801336 51.88404603809956939, 5.26545968151244725 51.88603263629650542, 5.26804838286161115 51.88774084361713079, 5.27220853999676908 51.88922481698694611, 5.2748901193937181 51.88891588241259711, 5.2748901193937181 51.88891588241259711)))</t>
  </si>
  <si>
    <t>MultiPolygon (((5.30061083186668736 51.88206107293726888, 5.3012195835053646 51.88198488505472739, 5.30921302328658928 51.88109892649744381, 5.30848127157616023 51.87932537569395919, 5.30664098561955644 51.87865986789885397, 5.30555700935637553 51.87583954371140749, 5.31117649683016069 51.87515373412729502, 5.31164474366892936 51.87634929064851974, 5.32667195567703988 51.87369164007066047, 5.32511843938662111 51.87043511482609404, 5.3039558409659282 51.87159109823283387, 5.30343439315961618 51.87082808521012112, 5.29853575854045289 51.87169661359018846, 5.28852453047894322 51.87220336426810263, 5.28157560692596295 51.8729654545444987, 5.277042494078243 51.87467285953948704, 5.27714680034331352 51.87485343077610622, 5.28045241361911533 51.87780367529826719, 5.28461256751994224 51.87526365810488471, 5.28846393233976642 51.8745621113095936, 5.29682616053173927 51.8736508320963523, 5.29895063396717081 51.87649788681963514, 5.30061083186668736 51.88206107293726888, 5.30061083186668736 51.88206107293726888)))</t>
  </si>
  <si>
    <t>MultiPolygon (((5.28984875413026678 51.882422258884624, 5.30061083186668736 51.88206107293726888, 5.29895063396717081 51.87649788681963514, 5.29682616053173927 51.8736508320963523, 5.28846393233976642 51.8745621113095936, 5.28772829266312883 51.87973079064771298, 5.28984875413026678 51.882422258884624, 5.28984875413026678 51.882422258884624)))</t>
  </si>
  <si>
    <t>MultiPolygon (((5.29667081697463438 51.88757093199152592, 5.30028826899758876 51.8908280749351789, 5.30471064393222225 51.8890323375768503, 5.30925563996447991 51.88551188951650062, 5.31029544807660958 51.88330806810457574, 5.30921302328658928 51.88109892649744381, 5.3012195835053646 51.88198488505472739, 5.30087345033158019 51.88497314175997843, 5.29667081697463438 51.88757093199152592, 5.29667081697463438 51.88757093199152592)))</t>
  </si>
  <si>
    <t>MultiPolygon (((5.27755239694179856 51.88590462374298085, 5.28332531468600841 51.88315745969699577, 5.27863585120114376 51.88201534330410425, 5.279332456512976 51.87864257395268908, 5.28045241361911533 51.87780367529826719, 5.27714680034331352 51.87485343077610622, 5.27371511965562334 51.87756024644542663, 5.27182216625591771 51.88245230319742518, 5.27755239694179856 51.88590462374298085, 5.27755239694179856 51.88590462374298085)))</t>
  </si>
  <si>
    <t>MultiPolygon (((5.27755239694179856 51.88590462374298085, 5.27801712133808465 51.88619635322117318, 5.28036458377808682 51.88501189952575032, 5.28276783083320378 51.88463085935124042, 5.28888893343023447 51.88530640708631125, 5.28984875413026678 51.882422258884624, 5.28772829266312883 51.87973079064771298, 5.28846393233976642 51.8745621113095936, 5.28461256751994224 51.87526365810488471, 5.28045241361911533 51.87780367529826719, 5.279332456512976 51.87864257395268908, 5.27863585120114376 51.88201534330410425, 5.28332531468600841 51.88315745969699577, 5.27755239694179856 51.88590462374298085, 5.27755239694179856 51.88590462374298085)))</t>
  </si>
  <si>
    <t>MultiPolygon (((5.28888893343023447 51.88530640708631125, 5.29428681170794224 51.886139210495962, 5.29667081697463438 51.88757093199152592, 5.30087345033158019 51.88497314175997843, 5.3012195835053646 51.88198488505472739, 5.30061083186668736 51.88206107293726888, 5.28984875413026678 51.882422258884624, 5.28888893343023447 51.88530640708631125, 5.28888893343023447 51.88530640708631125)))</t>
  </si>
  <si>
    <t>MultiPolygon (((5.08037654685883489 51.75692409074041933, 5.08790193069637908 51.74152970426213471, 5.10917260339071699 51.74558533928369286, 5.11172438795898199 51.74341452941840203, 5.11317318313818081 51.73921614664013902, 5.11632602052833274 51.73942405896971763, 5.11813858013015111 51.73570929752575154, 5.11184792362639584 51.73439095799211884, 5.10158304010648145 51.73121545827890344, 5.09212442152766354 51.72758375075651571, 5.08176024138801807 51.7223443984289375, 5.0750582760342704 51.71887713856023083, 5.07172102595898266 51.7204907677600545, 5.07794938166943766 51.72547629858423335, 5.07717054308146931 51.72943666639847038, 5.07014149815424897 51.72984316841852603, 5.07028988450756035 51.72944821876711075, 5.06735346992562885 51.7285929059385623, 5.06432650345858004 51.73605455878988835, 5.07369083446824565 51.73815139283203735, 5.06755966024944637 51.74579684523710199, 5.06854150560597283 51.74606824657910664, 5.0669388749462696 51.74770257409356589, 5.08056475420793685 51.75235252601038383, 5.0795793541634966 51.75439110547654309, 5.08037654685883489 51.75692409074041933, 5.08037654685883489 51.75692409074041933),(5.08702625831794819 51.73959441742189824, 5.08773429473327976 51.73838351286691051, 5.08269244414782317 51.73751231920471838, 5.08157786090857844 51.73883879646881923, 5.07468468747985213 51.73839466283120458, 5.08171293881618258 51.73179659591789203, 5.09245024812514036 51.73377615008047314, 5.09470552676468635 51.73340366049454531, 5.09790920697470895 51.73454891024088909, 5.09348272546973035 51.74011310137143482, 5.08981811346316526 51.73963312473139098, 5.08941175843288462 51.74050454947714428, 5.08702625831794819 51.73959441742189824, 5.08702625831794819 51.73959441742189824)))</t>
  </si>
  <si>
    <t>MultiPolygon (((5.08981811346316526 51.73963312473139098, 5.09348272546973035 51.74011310137143482, 5.09790920697470895 51.73454891024088909, 5.09470552676468635 51.73340366049454531, 5.09245024812514036 51.73377615008047314, 5.08171293881618258 51.73179659591789203, 5.07468468747985213 51.73839466283120458, 5.08157786090857844 51.73883879646881923, 5.08269244414782317 51.73751231920471838, 5.08773429473327976 51.73838351286691051, 5.08702625831794819 51.73959441742189824, 5.08941175843288462 51.74050454947714428, 5.08981811346316526 51.73963312473139098, 5.08981811346316526 51.73963312473139098)))</t>
  </si>
  <si>
    <t>MultiPolygon (((5.07794938166943766 51.72547629858423335, 5.07172102595898266 51.7204907677600545, 5.0750582760342704 51.71887713856023083, 5.06909890018397746 51.71628159849444017, 5.06245661477879416 51.71384289909249787, 5.05362978889140546 51.71181782829856388, 5.04176068255719478 51.7108827494123986, 5.0276542945109961 51.71106133254144055, 5.00945241016891529 51.71281936135162027, 5.01092934319615679 51.71727530776313841, 5.00959847879450137 51.71921951087644231, 5.00994241726827649 51.71991765343851455, 5.02353026009900372 51.72321252818719728, 5.0265227891082418 51.72566946180534586, 5.03411632335436288 51.72642208821665122, 5.04415940275052144 51.72713997029699584, 5.04484166151689006 51.723207101243311, 5.04859445287018893 51.72321410052154533, 5.06735346992562885 51.7285929059385623, 5.07028988450756035 51.72944821876711075, 5.07014149815424897 51.72984316841852603, 5.07717054308146931 51.72943666639847038, 5.07794938166943766 51.72547629858423335, 5.07794938166943766 51.72547629858423335),(5.04932817001904866 51.71582070448595658, 5.05388011801637749 51.7138910365166069, 5.06000700826503635 51.71547284442961256, 5.05933167274369477 51.71667318244948319, 5.05702443431134974 51.71677650082381206, 5.05559675822175869 51.71782533326435072, 5.04975883154352623 51.7169326279181405, 5.04932817001904866 51.71582070448595658, 5.04932817001904866 51.71582070448595658)))</t>
  </si>
  <si>
    <t>MultiPolygon (((5.05559675822175869 51.71782533326435072, 5.05702443431134974 51.71677650082381206, 5.05933167274369477 51.71667318244948319, 5.06000700826503635 51.71547284442961256, 5.05388011801637749 51.7138910365166069, 5.04932817001904866 51.71582070448595658, 5.04975883154352623 51.7169326279181405, 5.05559675822175869 51.71782533326435072, 5.05559675822175869 51.71782533326435072)))</t>
  </si>
  <si>
    <t>MultiPolygon (((5.05367060591419914 51.74628536700996051, 5.05439687311206853 51.74515713482130508, 5.0601582212660956 51.74671849509076083, 5.0669388749462696 51.74770257409356589, 5.06854150560597283 51.74606824657910664, 5.06755966024944637 51.74579684523710199, 5.07369083446824565 51.73815139283203735, 5.06432650345858004 51.73605455878988835, 5.06735346992562885 51.7285929059385623, 5.04859445287018893 51.72321410052154533, 5.04484166151689006 51.723207101243311, 5.04415940275052144 51.72713997029699584, 5.03411632335436288 51.72642208821665122, 5.03413962467192455 51.72891879487298183, 5.03121335304248696 51.7320532342329571, 5.01967596610328037 51.73170913747652122, 5.01791599889021178 51.73827203888794912, 5.02854518197846367 51.73764899896627156, 5.035044784694227 51.74000740616556726, 5.03616182174619897 51.74120958141103443, 5.04311615090367837 51.74321329511075618, 5.04116270225459306 51.74574674736990687, 5.04597671657949753 51.7466159313571481, 5.04691633492471237 51.74516547159463187, 5.05367060591419914 51.74628536700996051, 5.05367060591419914 51.74628536700996051),(5.05673131530835374 51.73467085539646604, 5.05635120400561267 51.73570061058050129, 5.05428277014898431 51.73551118581643493, 5.05000905109219467 51.73458280008684085, 5.04814320224630375 51.73323866895122336, 5.04700079124110168 51.73130841826175441, 5.04858630102843087 51.72757822283896445, 5.05485097112779425 51.72828695444064095, 5.05671864367499602 51.7304224148241687, 5.05596691230354622 51.73366751244967077, 5.05673131530835374 51.73467085539646604, 5.05673131530835374 51.73467085539646604)))</t>
  </si>
  <si>
    <t>MultiPolygon (((5.05673131530835374 51.73467085539646604, 5.05596691230354622 51.73366751244967077, 5.05671864367499602 51.7304224148241687, 5.05485097112779425 51.72828695444064095, 5.04858630102843087 51.72757822283896445, 5.04700079124110168 51.73130841826175441, 5.04814320224630375 51.73323866895122336, 5.05000905109219467 51.73458280008684085, 5.05428277014898431 51.73551118581643493, 5.05635120400561267 51.73570061058050129, 5.05673131530835374 51.73467085539646604, 5.05673131530835374 51.73467085539646604)))</t>
  </si>
  <si>
    <t>MultiPolygon (((5.0085680966294559 51.74101720734876864, 5.00847144450478243 51.73881894777925083, 5.01791599889021178 51.73827203888794912, 5.01967596610328037 51.73170913747652122, 5.03121335304248696 51.7320532342329571, 5.03413962467192455 51.72891879487298183, 5.03411632335436288 51.72642208821665122, 5.0265227891082418 51.72566946180534586, 5.02353026009900372 51.72321252818719728, 5.00994241726827649 51.71991765343851455, 5.00959847879450137 51.71921951087644231, 5.01092934319615679 51.71727530776313841, 5.00945241016891529 51.71281936135162027, 4.98863692125729141 51.71687135297920435, 4.99000016632699417 51.71898921836313434, 4.99690867140369388 51.7230834956958816, 4.99665776165960995 51.72913292431161381, 4.99846850023122702 51.72936283855700879, 4.99780794236054238 51.72970053908587573, 4.99791547585282725 51.73000989544283357, 5.00032553550715786 51.73857639285090926, 5.0009667130464095 51.74026184360985781, 5.00639594701809276 51.73961588970406922, 5.00534899362436381 51.74231180968040178, 5.00551601231565613 51.74235677750269957, 5.00555816939383202 51.74209344294676782, 5.0085680966294559 51.74101720734876864, 5.0085680966294559 51.74101720734876864),(5.01521714937383933 51.72449520611150575, 5.01747331602721491 51.72439356833674395, 5.02131421960029289 51.72610473261268282, 5.01992718055412634 51.72851937685260282, 5.00447653862012753 51.72954407605114824, 5.00380724635066798 51.7280026387344023, 5.01044074742255852 51.72727541888225034, 5.01521714937383933 51.72449520611150575, 5.01521714937383933 51.72449520611150575)))</t>
  </si>
  <si>
    <t>MultiPolygon (((5.01992718055412634 51.72851937685260282, 5.02131421960029289 51.72610473261268282, 5.01747331602721491 51.72439356833674395, 5.01521714937383933 51.72449520611150575, 5.01044074742255852 51.72727541888225034, 5.00380724635066798 51.7280026387344023, 5.00447653862012753 51.72954407605114824, 5.01992718055412634 51.72851937685260282)))</t>
  </si>
  <si>
    <t>MultiPolygon (((5.0345372159232884 51.77069036906692645, 5.04222248222844271 51.76815315679034057, 5.04590461933605727 51.76782266192301307, 5.04747703100169787 51.76436489658483708, 5.04520981737388841 51.76394901726302322, 5.04752307114837251 51.75870393328113295, 5.05040010033292752 51.75906641284823451, 5.05229509636188734 51.75501678727769672, 5.04931380082789794 51.75445884998956103, 5.05367060591419914 51.74628536700996051, 5.04691633492471237 51.74516547159463187, 5.04597671657949753 51.7466159313571481, 5.04116270225459306 51.74574674736990687, 5.04311615090367837 51.74321329511075618, 5.03616182174619897 51.74120958141103443, 5.035044784694227 51.74000740616556726, 5.02854518197846367 51.73764899896627156, 5.01791599889021178 51.73827203888794912, 5.00847144450478243 51.73881894777925083, 5.0085680966294559 51.74101720734876864, 5.00555816939383202 51.74209344294676782, 5.01322938940462048 51.74362947394184431, 5.01640750473325792 51.74335150294582775, 5.01675379145247469 51.74261499921980345, 5.0185361937450006 51.74231835088419729, 5.02590975017890074 51.7421239333924845, 5.02894293933641912 51.74252480713003166, 5.03137653101134052 51.74366526141615452, 5.03015213181953147 51.74435094439158433, 5.02693516051267508 51.74321709933148838, 5.02450862165896961 51.74307182469239308, 5.02323269632107117 51.74393702505768999, 5.01280079390613942 51.74469982954956038, 5.00625698257321083 51.7436627575761463, 5.00534899362436381 51.74231180968040178, 5.00639594701809276 51.73961588970406922, 5.0009667130464095 51.74026184360985781, 5.00032553550715786 51.73857639285090926, 4.99847158639915712 51.73885560167524744, 4.99892211914293494 51.7400406419979717, 4.99033228240450555 51.74130311100421409, 4.99209716819293714 51.7458688473517725, 4.9904899854010436 51.74640881797510872, 4.99058243962318393 51.75196464434668542, 5.02490952672619606 51.75142164297927394, 5.02401980105530921 51.75654876844102859, 5.02250763991572047 51.75656074064175272, 5.02159224288105666 51.76443305744948731, 5.02292002535568294 51.76454921596599235, 5.0222601097401105 51.77028019907358924, 5.0345372159232884 51.77069036906692645, 5.0345372159232884 51.77069036906692645)))</t>
  </si>
  <si>
    <t>MultiPolygon (((5.00534899362436381 51.74231180968040178, 5.00625698257321083 51.7436627575761463, 5.01280079390613942 51.74469982954956038, 5.02323269632107117 51.74393702505768999, 5.02450862165896961 51.74307182469239308, 5.02693516051267508 51.74321709933148838, 5.03015213181953147 51.74435094439158433, 5.03137653101134052 51.74366526141615452, 5.02894293933641912 51.74252480713003166, 5.02590975017890074 51.7421239333924845, 5.0185361937450006 51.74231835088419729, 5.01675379145247469 51.74261499921980345, 5.01640750473325792 51.74335150294582775, 5.01322938940462048 51.74362947394184431, 5.00555816939383202 51.74209344294676782, 5.00551601231565613 51.74235677750269957, 5.00534899362436381 51.74231180968040178, 5.00534899362436381 51.74231180968040178)))</t>
  </si>
  <si>
    <t>MultiPolygon (((5.04590461933605727 51.76782266192301307, 5.05526964945784396 51.76779780693514965, 5.06333581301233959 51.76648390155128254, 5.07193624254202824 51.76691619898322472, 5.07848930111978891 51.76809530691782157, 5.08159504161963937 51.76996526606745164, 5.09186731831737394 51.76896531727506812, 5.10037590228726234 51.76634661456525777, 5.10386238987992158 51.76440589282454141, 5.10644878955869519 51.76178122840848772, 5.11200017676650909 51.74851725040687001, 5.11683196921253636 51.73990011903227071, 5.11632602052833274 51.73942405896971763, 5.11317318313818081 51.73921614664013902, 5.11172438795898199 51.74341452941840203, 5.10917260339071699 51.74558533928369286, 5.08790193069637908 51.74152970426213471, 5.08037654685883489 51.75692409074041933, 5.0795793541634966 51.75439110547654309, 5.08056475420793685 51.75235252601038383, 5.0669388749462696 51.74770257409356589, 5.0601582212660956 51.74671849509076083, 5.05439687311206853 51.74515713482130508, 5.05367060591419914 51.74628536700996051, 5.04931380082789794 51.75445884998956103, 5.05229509636188734 51.75501678727769672, 5.05040010033292752 51.75906641284823451, 5.04752307114837251 51.75870393328113295, 5.04520981737388841 51.76394901726302322, 5.04747703100169787 51.76436489658483708, 5.04590461933605727 51.76782266192301307, 5.04590461933605727 51.76782266192301307)))</t>
  </si>
  <si>
    <t>MultiPolygon (((5.12633592196141308 51.74502148311282923, 5.12559143873414857 51.74322660457059442, 5.12598449022954217 51.73962919243022185, 5.12660800162621388 51.73792896910076422, 5.12805469948688497 51.73760714234622782, 5.12653119857105377 51.73731464285061321, 5.11813858013015111 51.73570929752575154, 5.11632602052833274 51.73942405896971763, 5.11683196921253636 51.73990011903227071, 5.11200017676650909 51.74851725040687001, 5.10644878955869519 51.76178122840848772, 5.10386238987992158 51.76440589282454141, 5.10037590228726234 51.76634661456525777, 5.10176105953396775 51.76637554728866064, 5.10051765438759652 51.77118686356749322, 5.10356728503039658 51.77212110147341662, 5.10743291217609308 51.7723804879079168, 5.10874904589636447 51.76899941915774406, 5.11021900875770552 51.7675459920830221, 5.11679760316132715 51.76573410454009405, 5.1170606506797558 51.76193580745189848, 5.11802303102151512 51.75883774041936647, 5.11923460524863039 51.75901175014572431, 5.12039639144961889 51.75826860525513951, 5.12253696164439987 51.75447727245730078, 5.12478905291460762 51.75489271279386827, 5.12567158568411774 51.75486045303851057, 5.12641485401294794 51.75320351899986093, 5.12447697226375887 51.75282819782933785, 5.12185023038070408 51.75071730052719943, 5.1222168456299233 51.74882779583116843, 5.129325841056394 51.74825286504294297, 5.13244308594648935 51.74860429828778763, 5.13653321409671548 51.75065562209775294, 5.13697898496515926 51.75282394428449351, 5.1342911684161523 51.75653256585407291, 5.13148545724218241 51.76354084652368215, 5.13118706532960367 51.76565846846718699, 5.12190446935069499 51.77056982578627498, 5.11481211207140873 51.77827652698817218, 5.11608797785081748 51.77892363023456568, 5.11864530124835326 51.77781265389084098, 5.13758079515141297 51.77290525996955495, 5.13964907417033956 51.77021938949392421, 5.13868756699301876 51.76745284547970272, 5.13635015731433864 51.76391645432438793, 5.13589065878593498 51.76031974470693342, 5.1376524780012307 51.75762825185201166, 5.14271381706228947 51.75521022642364244, 5.13811260326633601 51.75072629246636069, 5.12633592196141308 51.74502148311282923)))</t>
  </si>
  <si>
    <t>MultiPolygon (((5.10743291217609308 51.7723804879079168, 5.10773772863088293 51.77468675497858186, 5.1115378744485982 51.77466335951461929, 5.11481211207140873 51.77827652698817218, 5.12190446935069499 51.77056982578627498, 5.13118706532960367 51.76565846846718699, 5.13148545724218241 51.76354084652368215, 5.1297427654897465 51.76375997397933304, 5.12882866852573471 51.76308081672719652, 5.1170606506797558 51.76193580745189848, 5.11679760316132715 51.76573410454009405, 5.11021900875770552 51.7675459920830221, 5.10874904589636447 51.76899941915774406, 5.10743291217609308 51.7723804879079168, 5.10743291217609308 51.7723804879079168)))</t>
  </si>
  <si>
    <t>MultiPolygon (((5.1170606506797558 51.76193580745189848, 5.12882866852573471 51.76308081672719652, 5.1297427654897465 51.76375997397933304, 5.13148545724218241 51.76354084652368215, 5.1342911684161523 51.75653256585407291, 5.13048848141005909 51.75612531447580267, 5.12478905291460762 51.75489271279386827, 5.12253696164439987 51.75447727245730078, 5.12039639144961889 51.75826860525513951, 5.11923460524863039 51.75901175014572431, 5.11802303102151512 51.75883774041936647, 5.1170606506797558 51.76193580745189848, 5.1170606506797558 51.76193580745189848)))</t>
  </si>
  <si>
    <t>MultiPolygon (((5.12478905291460762 51.75489271279386827, 5.13048848141005909 51.75612531447580267, 5.1342911684161523 51.75653256585407291, 5.13697898496515926 51.75282394428449351, 5.13653321409671548 51.75065562209775294, 5.13244308594648935 51.74860429828778763, 5.129325841056394 51.74825286504294297, 5.1222168456299233 51.74882779583116843, 5.12185023038070408 51.75071730052719943, 5.12447697226375887 51.75282819782933785, 5.12641485401294794 51.75320351899986093, 5.12567158568411774 51.75486045303851057, 5.12478905291460762 51.75489271279386827, 5.12478905291460762 51.75489271279386827)))</t>
  </si>
  <si>
    <t>MultiPolygon (((5.08538011949348245 51.77530607132456453, 5.08585087776991784 51.77331834970664204, 5.0882463135439151 51.77165560843046421, 5.10016034345534752 51.77257345266112765, 5.10051765438759652 51.77118686356749322, 5.10176105953396775 51.76637554728866064, 5.10037590228726234 51.76634661456525777, 5.09186731831737394 51.76896531727506812, 5.08159504161963937 51.76996526606745164, 5.08094031835677917 51.77327281673182569, 5.08157442464613762 51.77547723800745416, 5.08538011949348245 51.77530607132456453, 5.08538011949348245 51.77530607132456453)))</t>
  </si>
  <si>
    <t>MultiPolygon (((5.10027763602422191 51.78715052908789573, 5.10485812790017413 51.78572508759053505, 5.1089702225862661 51.78357811526900889, 5.11608797785081748 51.77892363023456568, 5.11481211207140873 51.77827652698817218, 5.1064145965629546 51.78380587858216444, 5.10186433191039157 51.78589199738664917, 5.10032869316587867 51.7851214667202342, 5.09954772329556949 51.78311188552870448, 5.10022367302105639 51.78221836269106149, 5.09919200403262085 51.7815626081643714, 5.09318306602385729 51.77930787168440219, 5.08620453949495843 51.77869294772492026, 5.08195342915587744 51.78071264721943834, 5.08720183514668545 51.78509548132570472, 5.09143788935882391 51.78693304408425035, 5.09589039517379572 51.78764758538891044, 5.10027763602422191 51.78715052908789573, 5.10027763602422191 51.78715052908789573)))</t>
  </si>
  <si>
    <t>MultiPolygon (((5.08538011949348245 51.77530607132456453, 5.08639320187297805 51.77815414546011397, 5.09584643498776302 51.77881537468086748, 5.10012865657449588 51.7785576720724805, 5.10236049062714958 51.77717258274299894, 5.10356728503039658 51.77212110147341662, 5.10051765438759652 51.77118686356749322, 5.10016034345534752 51.77257345266112765, 5.0882463135439151 51.77165560843046421, 5.08585087776991784 51.77331834970664204, 5.08538011949348245 51.77530607132456453, 5.08538011949348245 51.77530607132456453)))</t>
  </si>
  <si>
    <t>MultiPolygon (((5.08620453949495843 51.77869294772492026, 5.09318306602385729 51.77930787168440219, 5.09919200403262085 51.7815626081643714, 5.10022367302105639 51.78221836269106149, 5.09954772329556949 51.78311188552870448, 5.10032869316587867 51.7851214667202342, 5.10186433191039157 51.78589199738664917, 5.1064145965629546 51.78380587858216444, 5.11481211207140873 51.77827652698817218, 5.1115378744485982 51.77466335951461929, 5.10773772863088293 51.77468675497858186, 5.10743291217609308 51.7723804879079168, 5.10356728503039658 51.77212110147341662, 5.10236049062714958 51.77717258274299894, 5.10012865657449588 51.7785576720724805, 5.09584643498776302 51.77881537468086748, 5.08639320187297805 51.77815414546011397, 5.08620453949495843 51.77869294772492026, 5.08620453949495843 51.77869294772492026)))</t>
  </si>
  <si>
    <t>MultiPolygon (((4.98688608264563094 51.78335142340252162, 4.9884223010002362 51.78372289132501294, 4.99064252257581487 51.78319925061079232, 5.00352758518205221 51.77852616575598432, 5.00123779998650342 51.7786136740223597, 4.99284614336162758 51.77923736714271286, 4.98789744214954656 51.77803619316625827, 4.98863614563226587 51.77550951298796633, 4.99364354616004391 51.76790334359083801, 4.99954785210715258 51.76873657941083451, 4.99958322574796288 51.7729872888693663, 5.00364049743577421 51.77277714060386415, 5.01472200366976217 51.7736825918283472, 5.01744133553317795 51.76413636733966683, 5.02159224288105666 51.76443305744948731, 5.02250763991572047 51.75656074064175272, 5.02401980105530921 51.75654876844102859, 5.02490952672619606 51.75142164297927394, 4.99058243962318393 51.75196464434668542, 4.96582353422703271 51.75303720901132465, 4.96603872940317537 51.75209893152407403, 4.95683129326920557 51.75095730301586627, 4.95689050042982604 51.75130789375667462, 4.94580060793206577 51.75249307943371946, 4.93308110911070763 51.7546772401917039, 4.93515665386481217 51.77128185959061568, 4.93889706561295405 51.77111104145104292, 4.943142611584455 51.76957880949913715, 4.95315428045641504 51.76757437278766361, 4.96172205370864816 51.76852329916352602, 4.96650338914845069 51.76862432793561197, 4.9706362917732152 51.77155639576136537, 4.97197338151187207 51.77054959580909355, 4.97336939021196756 51.77142699962620753, 4.97176267671796612 51.77361729538716872, 4.97565218496697792 51.77493336751986419, 4.98162678707969508 51.77812730061830848, 4.9828213581037426 51.78116094360810706, 4.98688608264563094 51.78335142340252162, 4.98688608264563094 51.78335142340252162)))</t>
  </si>
  <si>
    <t>MultiPolygon (((4.93843352037366401 51.80131108734878609, 4.95632574480673593 51.79664371629677788, 4.96480201940084331 51.79477286525958135, 4.97242979645433003 51.79226410582404583, 4.97975897498083953 51.78975637869693571, 4.98688608264563094 51.78335142340252162, 4.9828213581037426 51.78116094360810706, 4.98162678707969508 51.77812730061830848, 4.97565218496697792 51.77493336751986419, 4.97176267671796612 51.77361729538716872, 4.96951356072736505 51.77303922976557971, 4.96619975893843346 51.77515401770101278, 4.96471473192590285 51.77516867269152812, 4.95751278876149826 51.77345276369103289, 4.949734974139119 51.77131032398913391, 4.93889706561295405 51.77111104145104292, 4.93515665386481217 51.77128185959061568, 4.9316809927433134 51.77228287743867696, 4.9336623290665802 51.78173600861528314, 4.93225336049639029 51.78605759263382424, 4.93236014498029451 51.78869187689938514, 4.93843352037366401 51.80131108734878609, 4.93843352037366401 51.80131108734878609),(4.93877161420610733 51.79635543486207183, 4.93744437082904497 51.79651871173010136, 4.93932978606017237 51.79022498440216538, 4.94112618272035764 51.78897689921172542, 4.94518895409943404 51.78934613235002615, 4.94300412016001811 51.79518696963535973, 4.94228270091882216 51.79525434318917121, 4.94211714932785107 51.79363494706113613, 4.94021932851862289 51.79355147431653705, 4.93877161420610733 51.79635543486207183, 4.93877161420610733 51.79635543486207183)))</t>
  </si>
  <si>
    <t>MultiPolygon (((4.93877161420610733 51.79635543486207183, 4.94021932851862289 51.79355147431653705, 4.94211714932785107 51.79363494706113613, 4.94228270091882216 51.79525434318917121, 4.94300412016001811 51.79518696963535973, 4.94518895409943404 51.78934613235002615, 4.94112618272035764 51.78897689921172542, 4.93932978606017237 51.79022498440216538, 4.93744437082904497 51.79651871173010136, 4.93877161420610733 51.79635543486207183, 4.93877161420610733 51.79635543486207183)))</t>
  </si>
  <si>
    <t>MultiPolygon (((4.95751278876149826 51.77345276369103289, 4.96471473192590285 51.77516867269152812, 4.96619975893843346 51.77515401770101278, 4.96951356072736505 51.77303922976557971, 4.97176267671796612 51.77361729538716872, 4.97336939021196756 51.77142699962620753, 4.97197338151187207 51.77054959580909355, 4.9706362917732152 51.77155639576136537, 4.96650338914845069 51.76862432793561197, 4.96172205370864816 51.76852329916352602, 4.95751278876149826 51.77345276369103289, 4.95751278876149826 51.77345276369103289)))</t>
  </si>
  <si>
    <t>MultiPolygon (((4.93889706561295405 51.77111104145104292, 4.949734974139119 51.77131032398913391, 4.95751278876149826 51.77345276369103289, 4.96172205370864816 51.76852329916352602, 4.95315428045641504 51.76757437278766361, 4.943142611584455 51.76957880949913715, 4.93889706561295405 51.77111104145104292, 4.93889706561295405 51.77111104145104292)))</t>
  </si>
  <si>
    <t>MultiPolygon (((5.06104355941342821 51.78528272162515833, 5.06696617107271585 51.78055317993885609, 5.06985487775863675 51.77954878360444724, 5.07424865352791521 51.77907006688780456, 5.07853916522051385 51.77956374445644627, 5.08195342915587744 51.78071264721943834, 5.08620453949495843 51.77869294772492026, 5.08639320187297805 51.77815414546011397, 5.08538011949348245 51.77530607132456453, 5.08157442464613762 51.77547723800745416, 5.08094031835677917 51.77327281673182569, 5.08159504161963937 51.76996526606745164, 5.07848930111978891 51.76809530691782157, 5.07193624254202824 51.76691619898322472, 5.06333581301233959 51.76648390155128254, 5.05526964945784396 51.76779780693514965, 5.04590461933605727 51.76782266192301307, 5.04222248222844271 51.76815315679034057, 5.0345372159232884 51.77069036906692645, 5.03676215974814045 51.77636181847785224, 5.04208591867236677 51.77534937738256104, 5.04381699181661602 51.77953162669768972, 5.04078343446680321 51.78156684748991267, 5.043358722993732 51.78961529536224617, 5.04059157890249221 51.79108147851981414, 5.04777990733895709 51.79369478118065473, 5.04353314307945499 51.79814378002215847, 5.04447970755349484 51.79932611218336547, 5.04814634011044028 51.79811390108255864, 5.05257943891764327 51.79529064494241908, 5.05711931773397971 51.79069535913676248, 5.06104355941342821 51.78528272162515833),(5.04777466515437023 51.78142636328135495, 5.06995946615474313 51.77666185382328479, 5.07088155182509137 51.77756401366730898, 5.06559641468339006 51.7801654460927665, 5.05355632161844159 51.78911883656980564, 5.04733087399013147 51.78609020262155127, 5.049062178482699 51.78445922251422218, 5.04777466515437023 51.78142636328135495, 5.04777466515437023 51.78142636328135495)))</t>
  </si>
  <si>
    <t>MultiPolygon (((5.05355632161844159 51.78911883656980564, 5.06559641468339006 51.7801654460927665, 5.07088155182509137 51.77756401366730898, 5.06995946615474313 51.77666185382328479, 5.04777466515437023 51.78142636328135495, 5.049062178482699 51.78445922251422218, 5.04733087399013147 51.78609020262155127, 5.05355632161844159 51.78911883656980564, 5.05355632161844159 51.78911883656980564)))</t>
  </si>
  <si>
    <t>MultiPolygon (((5.03859753306578106 51.80096573922291014, 5.04447970755349484 51.79932611218336547, 5.04353314307945499 51.79814378002215847, 5.04777990733895709 51.79369478118065473, 5.04059157890249221 51.79108147851981414, 5.043358722993732 51.78961529536224617, 5.04078343446680321 51.78156684748991267, 5.03363873052399224 51.78577880395130251, 5.02838047178713232 51.78070444005991391, 5.02457952478495695 51.77924379216363349, 5.02717543188189708 51.77768352123396767, 5.03676215974814045 51.77636181847785224, 5.0345372159232884 51.77069036906692645, 5.0222601097401105 51.77028019907358924, 5.02292002535568294 51.76454921596599235, 5.02159224288105666 51.76443305744948731, 5.01744133553317795 51.76413636733966683, 5.01472200366976217 51.7736825918283472, 5.01372732990366377 51.77670680152323968, 5.01315492671253082 51.77882130188699961, 5.01603490274900832 51.7788566861648647, 5.01915755028623334 51.78193573216633894, 5.01837425268344628 51.78451003678436848, 5.02031556695965531 51.78638717426275662, 5.01707440204029798 51.78858212040721298, 5.01520221538580113 51.78820851709822648, 5.01298438986045536 51.78973631955793167, 5.01310202217509993 51.79143216156951723, 5.01555490167001139 51.79403956758250871, 5.01912751103529953 51.79566569572320844, 5.02392323208527092 51.79400485029186996, 5.0254136380626937 51.79449199259947534, 5.02637998877377168 51.79341098464860949, 5.02811802632194826 51.79138164104904263, 5.02648366744322672 51.78811171835511828, 5.03173495285325867 51.78729393760198718, 5.0330042242254347 51.78620080468950704, 5.03691816854573826 51.78923691408041208, 5.03633785863482242 51.79270045027462288, 5.03435996837610578 51.79549617940455875, 5.03327166073645227 51.79575921235200298, 5.03331110030065787 51.7958466272538729, 5.03859753306578106 51.80096573922291014, 5.03859753306578106 51.80096573922291014)))</t>
  </si>
  <si>
    <t>MultiPolygon (((5.03676215974814045 51.77636181847785224, 5.02717543188189708 51.77768352123396767, 5.02457952478495695 51.77924379216363349, 5.02838047178713232 51.78070444005991391, 5.03363873052399224 51.78577880395130251, 5.04078343446680321 51.78156684748991267, 5.04381699181661602 51.77953162669768972, 5.04208591867236677 51.77534937738256104, 5.03676215974814045 51.77636181847785224, 5.03676215974814045 51.77636181847785224)))</t>
  </si>
  <si>
    <t>MultiPolygon (((5.02637998877377168 51.79341098464860949, 5.0286153079005933 51.79449914923883114, 5.02851460600962152 51.7953726193134969, 5.03080601021445872 51.79626042081399362, 5.03327166073645227 51.79575921235200298, 5.03435996837610578 51.79549617940455875, 5.03633785863482242 51.79270045027462288, 5.03691816854573826 51.78923691408041208, 5.0330042242254347 51.78620080468950704, 5.03173495285325867 51.78729393760198718, 5.02648366744322672 51.78811171835511828, 5.02811802632194826 51.79138164104904263, 5.02637998877377168 51.79341098464860949, 5.02637998877377168 51.79341098464860949)))</t>
  </si>
  <si>
    <t>MultiPolygon (((5.01372732990366377 51.77670680152323968, 5.01472200366976217 51.7736825918283472, 5.00364049743577421 51.77277714060386415, 4.99958322574796288 51.7729872888693663, 4.99954785210715258 51.76873657941083451, 4.99364354616004391 51.76790334359083801, 4.98863614563226587 51.77550951298796633, 4.98789744214954656 51.77803619316625827, 4.99284614336162758 51.77923736714271286, 5.00123779998650342 51.7786136740223597, 5.00050568329357414 51.77703838227663624, 5.00370838549287456 51.7762199583892766, 5.00817207241915785 51.77597090455414275, 5.01189020543356278 51.77694391282520314, 5.01372732990366377 51.77670680152323968, 5.01372732990366377 51.77670680152323968)))</t>
  </si>
  <si>
    <t>MultiPolygon (((5.00123779998650342 51.7786136740223597, 5.00352758518205221 51.77852616575598432, 5.00710777929606632 51.77737415150001254, 5.00916350919460829 51.77741175929538286, 5.01315492671253082 51.77882130188699961, 5.01372732990366377 51.77670680152323968, 5.01189020543356278 51.77694391282520314, 5.00817207241915785 51.77597090455414275, 5.00370838549287456 51.7762199583892766, 5.00050568329357414 51.77703838227663624, 5.00123779998650342 51.7786136740223597, 5.00123779998650342 51.7786136740223597)))</t>
  </si>
  <si>
    <t>MultiPolygon (((4.97731263214878794 51.79636265743687318, 4.98172096159497713 51.79489916908232061, 4.98254566391848996 51.79654355987175052, 4.99423050205539987 51.79627701350619873, 4.99739455919888975 51.79475447887607231, 5.00116060820903741 51.79699017393278382, 5.00687259920945849 51.79612931305737789, 5.01034601557789738 51.79401430977212328, 5.01381012503521539 51.79574001126143656, 5.01555490167001139 51.79403956758250871, 5.01310202217509993 51.79143216156951723, 5.01298438986045536 51.78973631955793167, 5.01520221538580113 51.78820851709822648, 5.01707440204029798 51.78858212040721298, 5.02031556695965531 51.78638717426275662, 5.01837425268344628 51.78451003678436848, 5.01915755028623334 51.78193573216633894, 5.01603490274900832 51.7788566861648647, 5.01315492671253082 51.77882130188699961, 5.00916350919460829 51.77741175929538286, 5.00710777929606632 51.77737415150001254, 5.00352758518205221 51.77852616575598432, 4.99064252257581487 51.78319925061079232, 4.9884223010002362 51.78372289132501294, 4.98688608264563094 51.78335142340252162, 4.97975897498083953 51.78975637869693571, 4.97242979645433003 51.79226410582404583, 4.97731263214878794 51.79636265743687318, 4.97731263214878794 51.79636265743687318),(5.00238001363389717 51.79036924004239495, 5.00146268973209285 51.78980818787925955, 5.00535436704535197 51.78690964067259017, 5.00646860034879371 51.78411913675058997, 5.00787625863718677 51.78341570006653427, 5.00922794066748089 51.78436583992216669, 5.00950100649737085 51.78659816455012077, 5.00238001363389717 51.79036924004239495, 5.00238001363389717 51.79036924004239495)))</t>
  </si>
  <si>
    <t>MultiPolygon (((5.00238001363389717 51.79036924004239495, 5.00950100649737085 51.78659816455012077, 5.00922794066748089 51.78436583992216669, 5.00787625863718677 51.78341570006653427, 5.00646860034879371 51.78411913675058997, 5.00535436704535197 51.78690964067259017, 5.00146268973209285 51.78980818787925955, 5.00238001363389717 51.79036924004239495, 5.00238001363389717 51.79036924004239495)))</t>
  </si>
  <si>
    <t>MultiPolygon (((5.00462499167888275 51.80873165728856833, 5.00761599780378308 51.80700333244048039, 5.01242672551002766 51.8106480839940744, 5.01597038375310955 51.80822186083884162, 5.0261787241976954 51.8039649703113696, 5.03859753306578106 51.80096573922291014, 5.03331110030065787 51.7958466272538729, 5.02337165887161863 51.80165238882360512, 5.01907667893212661 51.80334785318150637, 5.01637545816359509 51.7993174084948933, 5.01679814140811331 51.79775283537599506, 5.02166662567162803 51.79781578461545166, 5.01912751103529953 51.79566569572320844, 5.01555490167001139 51.79403956758250871, 5.01381012503521539 51.79574001126143656, 5.01034601557789738 51.79401430977212328, 5.00687259920945849 51.79612931305737789, 5.00116060820903741 51.79699017393278382, 4.99739455919888975 51.79475447887607231, 4.99423050205539987 51.79627701350619873, 4.98254566391848996 51.79654355987175052, 4.98172096159497713 51.79489916908232061, 4.97731263214878794 51.79636265743687318, 4.98427324240273428 51.8014227378242893, 4.98874839725817232 51.79910937673798088, 4.99252351699121633 51.80199137346207294, 4.99434726772483106 51.80096802281716606, 5.00109082383014059 51.80554032460032232, 5.00038616814638459 51.80594507401618642, 5.00462499167888275 51.80873165728856833, 5.00462499167888275 51.80873165728856833)))</t>
  </si>
  <si>
    <t>MultiPolygon (((5.03327166073645227 51.79575921235200298, 5.03080601021445872 51.79626042081399362, 5.02851460600962152 51.7953726193134969, 5.0286153079005933 51.79449914923883114, 5.02637998877377168 51.79341098464860949, 5.0254136380626937 51.79449199259947534, 5.02392323208527092 51.79400485029186996, 5.01912751103529953 51.79566569572320844, 5.02166662567162803 51.79781578461545166, 5.01679814140811331 51.79775283537599506, 5.01637545816359509 51.7993174084948933, 5.01907667893212661 51.80334785318150637, 5.02337165887161863 51.80165238882360512, 5.03331110030065787 51.7958466272538729, 5.03327166073645227 51.79575921235200298, 5.03327166073645227 51.79575921235200298)))</t>
  </si>
  <si>
    <t>MultiPolygon (((4.98775692375040158 51.82105936355816311, 4.99928263140519569 51.82086777643730358, 5.00036390764917282 51.82093338277372396, 5.00934410396063523 51.81751203720365595, 5.01010267768700945 51.81660837769425143, 5.01030752464876183 51.81301044525132227, 5.01242672551002766 51.8106480839940744, 5.00761599780378308 51.80700333244048039, 5.00462499167888275 51.80873165728856833, 5.00369629731939458 51.809170930777249, 5.00912363834641017 51.81237040804270322, 5.00846744794159093 51.81516063722579446, 5.00863741519016159 51.81742877438509964, 5.00126335480916584 51.81930546050843844, 4.99801489879123295 51.81881040185994891, 4.99605283149050372 51.81677912271818087, 4.98405543969114007 51.81627295719959392, 4.98206472360013208 51.81629942260560284, 4.98046084912784526 51.81563739526490764, 4.98068555271760527 51.80874086127504796, 4.97824871182762774 51.80684653260066597, 4.97040505691590173 51.80893587920053278, 4.96979531928457696 51.80836899313180766, 4.97733371818142434 51.80633962648276736, 4.97678146083728912 51.80555713705957999, 4.97365636207496209 51.80369204983595921, 4.97193683098297257 51.80418660053093305, 4.97267463003479282 51.80486857630060626, 4.96687586896343447 51.80527789742151157, 4.96507579681376843 51.80338581408678067, 4.97334747614393713 51.80276510228004128, 4.97485479563707589 51.80344932616757347, 4.98143934067704652 51.80842777649903041, 4.98142421553067294 51.81366878476315918, 4.98314115180806727 51.81584240215862991, 4.98410990802464848 51.81588405341159387, 4.99199395862177386 51.81439402098821745, 4.98936394139791783 51.81149933581729528, 5.00038616814638459 51.80594507401618642, 5.00109082383014059 51.80554032460032232, 4.99434726772483106 51.80096802281716606, 4.99252351699121633 51.80199137346207294, 4.98874839725817232 51.79910937673798088, 4.98427324240273428 51.8014227378242893, 4.97731263214878794 51.79636265743687318, 4.97242979645433003 51.79226410582404583, 4.96480201940084331 51.79477286525958135, 4.95632574480673593 51.79664371629677788, 4.95916092312082935 51.80184365369716204, 4.96701969166004975 51.80977675202141342, 4.96538347919256573 51.81499899482992078, 4.96573199097941309 51.81587105909201085, 4.96963313334471568 51.82365436701068262, 4.97609973625567115 51.82263304317404362, 4.98775692375040158 51.82105936355816311, 4.98775692375040158 51.82105936355816311)))</t>
  </si>
  <si>
    <t>MultiPolygon (((4.98405543969114007 51.81627295719959392, 4.98410990802464848 51.81588405341159387, 4.98314115180806727 51.81584240215862991, 4.98142421553067294 51.81366878476315918, 4.98143934067704652 51.80842777649903041, 4.97485479563707589 51.80344932616757347, 4.97334747614393713 51.80276510228004128, 4.96507579681376843 51.80338581408678067, 4.96687586896343447 51.80527789742151157, 4.97267463003479282 51.80486857630060626, 4.97193683098297257 51.80418660053093305, 4.97365636207496209 51.80369204983595921, 4.97678146083728912 51.80555713705957999, 4.97733371818142434 51.80633962648276736, 4.96979531928457696 51.80836899313180766, 4.97040505691590173 51.80893587920053278, 4.97824871182762774 51.80684653260066597, 4.98068555271760527 51.80874086127504796, 4.98046084912784526 51.81563739526490764, 4.98206472360013208 51.81629942260560284, 4.98405543969114007 51.81627295719959392, 4.98405543969114007 51.81627295719959392)))</t>
  </si>
  <si>
    <t>MultiPolygon (((4.99199395862177386 51.81439402098821745, 4.9925356383123054 51.81494783844682672, 5.00291375960917239 51.8127947928400161, 5.00846744794159093 51.81516063722579446, 5.00912363834641017 51.81237040804270322, 5.00369629731939458 51.809170930777249, 5.00462499167888275 51.80873165728856833, 5.00038616814638459 51.80594507401618642, 4.98936394139791783 51.81149933581729528, 4.99199395862177386 51.81439402098821745, 4.99199395862177386 51.81439402098821745)))</t>
  </si>
  <si>
    <t>MultiPolygon (((4.98405543969114007 51.81627295719959392, 4.99605283149050372 51.81677912271818087, 4.99801489879123295 51.81881040185994891, 5.00126335480916584 51.81930546050843844, 5.00863741519016159 51.81742877438509964, 5.00846744794159093 51.81516063722579446, 5.00291375960917239 51.8127947928400161, 4.9925356383123054 51.81494783844682672, 4.99199395862177386 51.81439402098821745, 4.98410990802464848 51.81588405341159387, 4.98405543969114007 51.81627295719959392, 4.98405543969114007 51.81627295719959392)))</t>
  </si>
  <si>
    <t>MultiPolygon (((4.94802991561517391 51.73650954275107239, 4.95019771856249058 51.73164573393098919, 4.9539792087908463 51.73212103611524526, 4.95677118183678189 51.73134180147136618, 4.95731711526079621 51.72766405708713933, 4.96066561491648716 51.72502558823945407, 4.96385613550966909 51.72463387392766521, 4.96562569860339487 51.72631209780436734, 4.96563566350738217 51.72879005114069173, 4.9689066643544697 51.72871462945124676, 4.9687763836915444 51.73258375672018161, 4.97516674898192779 51.73310113057289072, 4.97799835357625398 51.73419415110900133, 4.97767940206341475 51.73523670688279452, 4.97889622888532557 51.73574296160257546, 4.98246646267178406 51.73596762313668052, 4.98533822878618693 51.73505189138556659, 4.98505752213559461 51.73394016559531394, 4.98378107043421181 51.73397439484116234, 4.98381638147527806 51.7331549081782498, 4.98588498725402918 51.72915086588595557, 4.9929744127580804 51.72896901229291444, 4.99780794236054238 51.72970053908587573, 4.99846850023122702 51.72936283855700879, 4.99665776165960995 51.72913292431161381, 4.99690867140369388 51.7230834956958816, 4.99000016632699417 51.71898921836313434, 4.98863692125729141 51.71687135297920435, 4.96998678317711207 51.72109967395029173, 4.95848423725976861 51.72262897155241745, 4.94556341116042386 51.72304160023139019, 4.93595263585061872 51.72242679349111683, 4.92142548403804003 51.72044282691931016, 4.91922226078919866 51.72364482930122875, 4.92130456396186311 51.7256242684264933, 4.92422113505425507 51.72694620800000109, 4.92695366531965284 51.72650899628330734, 4.92918741206714639 51.72724376274951652, 4.93340800906521348 51.73043356909090562, 4.93630432325331014 51.73041779794608175, 4.93593195212223002 51.73255597821989937, 4.93271611603225058 51.73484367648764248, 4.92718167230315984 51.73592595820019113, 4.92855585353162695 51.73985182500584301, 4.92350644959149886 51.74084679919732821, 4.92454564936731032 51.74378365935773161, 4.94910943158165839 51.74020438364099306, 4.94906447495281654 51.73936980768753813, 4.94802991561517391 51.73650954275107239, 4.94802991561517391 51.73650954275107239)))</t>
  </si>
  <si>
    <t>MultiPolygon (((4.94580060793206577 51.75249307943371946, 4.95689050042982604 51.75130789375667462, 4.95683129326920557 51.75095730301586627, 4.96603872940317537 51.75209893152407403, 4.96582353422703271 51.75303720901132465, 4.99058243962318393 51.75196464434668542, 4.9904899854010436 51.74640881797510872, 4.99209716819293714 51.7458688473517725, 4.99033228240450555 51.74130311100421409, 4.99892211914293494 51.7400406419979717, 4.99847158639915712 51.73885560167524744, 5.00032553550715786 51.73857639285090926, 4.99791547585282725 51.73000989544283357, 4.99452717221647813 51.72985370830019747, 4.99475440102954682 51.73053038362791511, 4.99054497205058567 51.73151253178539832, 4.98911816741717651 51.73045727118269355, 4.98607943716325064 51.7301137288105366, 4.98503407505649321 51.732313546300567, 4.98671005474835116 51.73570457984504145, 4.97967783725025903 51.73728885291885859, 4.97614689178892 51.73700788084457969, 4.97563474233733505 51.7352650244777621, 4.97269916262580658 51.73419677430799624, 4.96771020947484043 51.73466254710272239, 4.9640397326714929 51.7359301466185002, 4.96008008124989175 51.7349516295383367, 4.95727104762436888 51.73986252472360547, 4.95555426383130015 51.73988228337913853, 4.95415020178538157 51.73780118923778559, 4.95051575872993332 51.73838668754736858, 4.95221001901607849 51.74369870623139889, 4.95394950291893554 51.74389094926116428, 4.95477206367669964 51.74521850561649927, 4.95684869747566204 51.75121025329300295, 4.95555843432828969 51.75133312034604671, 4.95465597681673131 51.75017635593919607, 4.95058503328302368 51.74180927616401959, 4.94901057028255131 51.74232185324267164, 4.95054525421236136 51.74671621792914777, 4.94801214348820828 51.74750099007010817, 4.94580060793206577 51.75249307943371946, 4.94580060793206577 51.75249307943371946)))</t>
  </si>
  <si>
    <t>MultiPolygon (((4.94906447495281654 51.73936980768753813, 4.95058503328302368 51.74180927616401959, 4.95465597681673131 51.75017635593919607, 4.95555843432828969 51.75133312034604671, 4.95684869747566204 51.75121025329300295, 4.95477206367669964 51.74521850561649927, 4.95394950291893554 51.74389094926116428, 4.95221001901607849 51.74369870623139889, 4.95051575872993332 51.73838668754736858, 4.95415020178538157 51.73780118923778559, 4.95555426383130015 51.73988228337913853, 4.95727104762436888 51.73986252472360547, 4.96008008124989175 51.7349516295383367, 4.9640397326714929 51.7359301466185002, 4.96771020947484043 51.73466254710272239, 4.97269916262580658 51.73419677430799624, 4.97563474233733505 51.7352650244777621, 4.97614689178892 51.73700788084457969, 4.97967783725025903 51.73728885291885859, 4.98671005474835116 51.73570457984504145, 4.98503407505649321 51.732313546300567, 4.98607943716325064 51.7301137288105366, 4.98911816741717651 51.73045727118269355, 4.99054497205058567 51.73151253178539832, 4.99475440102954682 51.73053038362791511, 4.99452717221647813 51.72985370830019747, 4.99791547585282725 51.73000989544283357, 4.99780794236054238 51.72970053908587573, 4.9929744127580804 51.72896901229291444, 4.98588498725402918 51.72915086588595557, 4.98381638147527806 51.7331549081782498, 4.98378107043421181 51.73397439484116234, 4.98505752213559461 51.73394016559531394, 4.98533822878618693 51.73505189138556659, 4.98246646267178406 51.73596762313668052, 4.97889622888532557 51.73574296160257546, 4.97767940206341475 51.73523670688279452, 4.97799835357625398 51.73419415110900133, 4.97516674898192779 51.73310113057289072, 4.9687763836915444 51.73258375672018161, 4.9689066643544697 51.72871462945124676, 4.96563566350738217 51.72879005114069173, 4.96562569860339487 51.72631209780436734, 4.96385613550966909 51.72463387392766521, 4.96066561491648716 51.72502558823945407, 4.95731711526079621 51.72766405708713933, 4.95677118183678189 51.73134180147136618, 4.9539792087908463 51.73212103611524526, 4.95019771856249058 51.73164573393098919, 4.94802991561517391 51.73650954275107239, 4.94906447495281654 51.73936980768753813, 4.94906447495281654 51.73936980768753813)))</t>
  </si>
  <si>
    <t>MultiPolygon (((4.88429641772410594 51.76095338283489866, 4.89385153719780153 51.75717532791456676, 4.89536993546263499 51.75881907320028574, 4.9005641032619609 51.75697933615675339, 4.9029797011452132 51.75688631769035197, 4.90358150967743622 51.75850037921799185, 4.90824614539816473 51.7597361703303207, 4.91063961272964811 51.75883863382863836, 4.90783704776636842 51.75725884175557923, 4.9161208650820738 51.75657494476611475, 4.91906808444038468 51.7542295045428844, 4.91667995186836215 51.75345396980200263, 4.91576208092941602 51.75129481633006634, 4.90850257276314572 51.74940259030299927, 4.90647838135679226 51.75047494915419577, 4.90639451799235271 51.75216750109306219, 4.9037041378104389 51.74488886972532953, 4.8946161362432381 51.73878593679323501, 4.89019156732014881 51.74146845971215214, 4.88846336015412586 51.74055065705491074, 4.89269889852355444 51.73779356058099665, 4.89105955728513386 51.73661718205074322, 4.89438890525962211 51.72761437508704319, 4.89271254672885636 51.72519627050870383, 4.88168353006272682 51.73307926473525242, 4.87968094606300973 51.7292032753446307, 4.87536936577866076 51.73007570049472292, 4.87559604617522346 51.72725821227410847, 4.87819423405740338 51.72634766931994221, 4.87587263031514251 51.72179382913463286, 4.89050866968564613 51.72118635553433563, 4.89001717501666189 51.71976977803135611, 4.87305492098074744 51.71999826765109987, 4.84159241592456446 51.7134494776878384, 4.83690471939334188 51.71261186376309382, 4.84066392923538391 51.71632361095218755, 4.84693767494674699 51.72552410421289437, 4.84694071019986783 51.73144860434111791, 4.84952931593219549 51.74204620612814409, 4.84941143906019345 51.74482722766890674, 4.85248113499899159 51.74867966463445867, 4.85312616987611722 51.75074827581668302, 4.85843405944646634 51.75248582966020905, 4.86339076475646692 51.75241041641351813, 4.86449491112472732 51.75147935235384011, 4.87674266565560455 51.7550884958614148, 4.87960104496985458 51.75647160898400045, 4.88262405211131512 51.76019974290422709, 4.88429641772410594 51.76095338283489866)))</t>
  </si>
  <si>
    <t>MultiPolygon (((4.93308110911070763 51.7546772401917039, 4.94580060793206577 51.75249307943371946, 4.94801214348820828 51.74750099007010817, 4.95054525421236136 51.74671621792914777, 4.94901057028255131 51.74232185324267164, 4.95058503328302368 51.74180927616401959, 4.94906447495281654 51.73936980768753813, 4.94910943158165839 51.74020438364099306, 4.92454564936731032 51.74378365935773161, 4.92350644959149886 51.74084679919732821, 4.92855585353162695 51.73985182500584301, 4.92718167230315984 51.73592595820019113, 4.93271611603225058 51.73484367648764248, 4.93593195212223002 51.73255597821989937, 4.93630432325331014 51.73041779794608175, 4.93340800906521348 51.73043356909090562, 4.92918741206714639 51.72724376274951652, 4.92695366531965284 51.72650899628330734, 4.92422113505425507 51.72694620800000109, 4.92130456396186311 51.7256242684264933, 4.91922226078919866 51.72364482930122875, 4.92142548403804003 51.72044282691931016, 4.9179911523197708 51.7199593661448489, 4.90155037805950666 51.71867236886817665, 4.89003138604147924 51.71976849092477124, 4.89001717501666189 51.71976977803135611, 4.89050866968564613 51.72118635553433563, 4.89101499413370355 51.72244067089143016, 4.89271254672885636 51.72519627050870383, 4.89438890525962211 51.72761437508704319, 4.9070090383138476 51.73565030466038195, 4.90140468035056731 51.73894775364259857, 4.9009461362838822 51.74198133363396579, 4.90484849443479476 51.74451419157142595, 4.90569918612156464 51.74769473846041024, 4.90688154058675163 51.74858304976819312, 4.91480078805211296 51.74971871222128073, 4.91790177676345586 51.75335501676918426, 4.91980192254395554 51.75403000227649386, 4.92150010995067433 51.75388312636093957, 4.92496658696864564 51.75603521980466581, 4.93308110911070763 51.7546772401917039, 4.93308110911070763 51.7546772401917039)))</t>
  </si>
  <si>
    <t>MultiPolygon (((4.89271254672885636 51.72519627050870383, 4.89101499413370355 51.72244067089143016, 4.89050866968564613 51.72118635553433563, 4.87587263031514251 51.72179382913463286, 4.87819423405740338 51.72634766931994221, 4.87559604617522346 51.72725821227410847, 4.87536936577866076 51.73007570049472292, 4.87968094606300973 51.7292032753446307, 4.88168353006272682 51.73307926473525242, 4.89271254672885636 51.72519627050870383, 4.89271254672885636 51.72519627050870383)))</t>
  </si>
  <si>
    <t>MultiPolygon (((4.91906808444038468 51.7542295045428844, 4.92117333769546583 51.75392169330939396, 4.92150010995067433 51.75388312636093957, 4.91980192254395554 51.75403000227649386, 4.91790177676345586 51.75335501676918426, 4.91480078805211296 51.74971871222128073, 4.90688154058675163 51.74858304976819312, 4.90569918612156464 51.74769473846041024, 4.90484849443479476 51.74451419157142595, 4.9009461362838822 51.74198133363396579, 4.90140468035056731 51.73894775364259857, 4.9070090383138476 51.73565030466038195, 4.89438890525962211 51.72761437508704319, 4.89105955728513386 51.73661718205074322, 4.89269889852355444 51.73779356058099665, 4.88846336015412586 51.74055065705491074, 4.89019156732014881 51.74146845971215214, 4.8946161362432381 51.73878593679323501, 4.9037041378104389 51.74488886972532953, 4.90639451799235271 51.75216750109306219, 4.90647838135679226 51.75047494915419577, 4.90850257276314572 51.74940259030299927, 4.91576208092941602 51.75129481633006634, 4.91667995186836215 51.75345396980200263, 4.91906808444038468 51.7542295045428844, 4.91906808444038468 51.7542295045428844)))</t>
  </si>
  <si>
    <t>MultiPolygon (((4.88429641772410594 51.76095338283489866, 4.88792178866618965 51.76473985762594765, 4.89047619490483854 51.76590771267725444, 4.89336735310915039 51.76610862796143664, 4.89630576478507873 51.76812153886881873, 4.8980044852728728 51.77390346034002988, 4.90388874429640964 51.77646940171078427, 4.9082694162755498 51.77931068526830671, 4.91233493987607073 51.77526391048531451, 4.91543669012939244 51.77442342257766938, 4.92096115148918134 51.77062050918361535, 4.92254440044232489 51.76841720107879041, 4.92253798696338851 51.7671287305503256, 4.92065167491788902 51.76702261986856968, 4.91780476213003137 51.76380704092177609, 4.92091158356865499 51.76659073804535183, 4.92340493287007064 51.76624857889784437, 4.92321939840309319 51.75560892271268187, 4.92117333769546583 51.75392169330939396, 4.91906808444038468 51.7542295045428844, 4.9161208650820738 51.75657494476611475, 4.90783704776636842 51.75725884175557923, 4.91063961272964811 51.75883863382863836, 4.90824614539816473 51.7597361703303207, 4.90358150967743622 51.75850037921799185, 4.9029797011452132 51.75688631769035197, 4.9005641032619609 51.75697933615675339, 4.89536993546263499 51.75881907320028574, 4.89385153719780153 51.75717532791456676, 4.88429641772410594 51.76095338283489866, 4.88429641772410594 51.76095338283489866)))</t>
  </si>
  <si>
    <t>MultiPolygon (((4.90759632164844373 51.79141740277258066, 4.91174587923638128 51.79189879161019405, 4.91449965927625598 51.79454129087806535, 4.91761109866786139 51.80049589602172944, 4.92410381715797918 51.80205003293839638, 4.93186349024810511 51.80047710038433451, 4.92953201428099952 51.788799761119229, 4.93236014498029451 51.78869187689938514, 4.93225336049639029 51.78605759263382424, 4.9336623290665802 51.78173600861528314, 4.9316809927433134 51.77228287743867696, 4.93515665386481217 51.77128185959061568, 4.93308110911070763 51.7546772401917039, 4.92496658696864564 51.75603521980466581, 4.9240900064092008 51.75870346551779733, 4.92444829498838565 51.76135341079350383, 4.92539345808188589 51.76135261520821729, 4.9256936579050965 51.76504813538225136, 4.92493136893559402 51.7651263897665288, 4.92448896091343524 51.76751072667835274, 4.92615862649238601 51.76831939721405007, 4.9276458208966778 51.76826194266701719, 4.92709223865310086 51.7795882054435026, 4.91695869628069193 51.77979479325098566, 4.91374432355079893 51.78039517003816883, 4.9145456729352297 51.78237418069684139, 4.91277122248543652 51.78435152482611414, 4.90922305890689881 51.78513620677590268, 4.90932847384786086 51.78987284350028375, 4.90759632164844373 51.79141740277258066, 4.90759632164844373 51.79141740277258066)))</t>
  </si>
  <si>
    <t>MultiPolygon (((4.9082694162755498 51.77931068526830671, 4.90922305890689881 51.78513620677590268, 4.91277122248543652 51.78435152482611414, 4.9145456729352297 51.78237418069684139, 4.91374432355079893 51.78039517003816883, 4.91695869628069193 51.77979479325098566, 4.92709223865310086 51.7795882054435026, 4.9276458208966778 51.76826194266701719, 4.92615862649238601 51.76831939721405007, 4.92448896091343524 51.76751072667835274, 4.92493136893559402 51.7651263897665288, 4.9256936579050965 51.76504813538225136, 4.92539345808188589 51.76135261520821729, 4.92444829498838565 51.76135341079350383, 4.9240900064092008 51.75870346551779733, 4.92496658696864564 51.75603521980466581, 4.92150010995067433 51.75388312636093957, 4.92117333769546583 51.75392169330939396, 4.92321939840309319 51.75560892271268187, 4.92340493287007064 51.76624857889784437, 4.92091158356865499 51.76659073804535183, 4.91780476213003137 51.76380704092177609, 4.92065167491788902 51.76702261986856968, 4.92253798696338851 51.7671287305503256, 4.92254440044232489 51.76841720107879041, 4.92096115148918134 51.77062050918361535, 4.91543669012939244 51.77442342257766938, 4.91233493987607073 51.77526391048531451, 4.9082694162755498 51.77931068526830671, 4.9082694162755498 51.77931068526830671)))</t>
  </si>
  <si>
    <t>MultiPolygon (((4.9269865797939465 51.82830596135514867, 4.93606411627152575 51.82831449956040615, 4.94243757471517053 51.82724317646023593, 4.96051580853086538 51.82504210113267362, 4.96963313334471568 51.82365436701068262, 4.96573199097941309 51.81587105909201085, 4.96408197609408841 51.81592451869145322, 4.96204067256314385 51.81713642020423549, 4.95967519585520478 51.82029000311379008, 4.95533516680143649 51.82048647442937295, 4.95258990052629233 51.82110864661650851, 4.94593097496423972 51.8210710043078322, 4.94235261120956526 51.82222251302813731, 4.94395932026592355 51.81605389524429484, 4.94298800269797045 51.81213629004837884, 4.94382654286666234 51.8109547202862899, 4.94743835765844775 51.81173299003032895, 4.94852831339310661 51.81111283548851532, 4.94306146006078873 51.80945352612238253, 4.93899022340566063 51.80569293362095351, 4.94180141288861741 51.80450713257581441, 4.94562738070143482 51.80759129637467453, 4.9469172901212799 51.80753952134650575, 4.95207114390171288 51.80465246982957694, 4.95904650646039702 51.81194535115451316, 4.96154016267303177 51.81102054772447474, 4.96410510608122824 51.81291706704890032, 4.96381351085287559 51.81461400173630949, 4.96538347919256573 51.81499899482992078, 4.96701969166004975 51.80977675202141342, 4.95916092312082935 51.80184365369716204, 4.95632574480673593 51.79664371629677788, 4.93843352037366401 51.80131108734878609, 4.93131504050485425 51.80191320397663901, 4.93258779388031421 51.80464448057333016, 4.92814532940914773 51.80452232726644723, 4.92375870448251884 51.80726781127904701, 4.91762055351177274 51.8099234786524363, 4.91360429067435245 51.81092228676022415, 4.91766918529364627 51.81397927672264103, 4.91721350483736686 51.81658765028300451, 4.91156464375854185 51.81936455254925988, 4.91092018390558138 51.82243545705863852, 4.90912636344817699 51.82537744215916575, 4.91859901146848344 51.82748219008376367, 4.9269865797939465 51.82830596135514867, 4.9269865797939465 51.82830596135514867)))</t>
  </si>
  <si>
    <t>MultiPolygon (((4.95533516680143649 51.82048647442937295, 4.95967519585520478 51.82029000311379008, 4.96204067256314385 51.81713642020423549, 4.96408197609408841 51.81592451869145322, 4.96573199097941309 51.81587105909201085, 4.96538347919256573 51.81499899482992078, 4.96381351085287559 51.81461400173630949, 4.96410510608122824 51.81291706704890032, 4.96154016267303177 51.81102054772447474, 4.95904650646039702 51.81194535115451316, 4.95207114390171288 51.80465246982957694, 4.9469172901212799 51.80753952134650575, 4.94562738070143482 51.80759129637467453, 4.94180141288861741 51.80450713257581441, 4.93899022340566063 51.80569293362095351, 4.94306146006078873 51.80945352612238253, 4.94852831339310661 51.81111283548851532, 4.95342966555450914 51.81213660829411793, 4.95647839900260934 51.81414056331533402, 4.95799223808800704 51.81724012789156575, 4.95779786178454795 51.81947685598868958, 4.95511254793286948 51.81958026505853354, 4.95533516680143649 51.82048647442937295, 4.95533516680143649 51.82048647442937295)))</t>
  </si>
  <si>
    <t>MultiPolygon (((4.94852831339310661 51.81111283548851532, 4.94743835765844775 51.81173299003032895, 4.94382654286666234 51.8109547202862899, 4.94298800269797045 51.81213629004837884, 4.94395932026592355 51.81605389524429484, 4.94235261120956526 51.82222251302813731, 4.94593097496423972 51.8210710043078322, 4.95258990052629233 51.82110864661650851, 4.95533516680143649 51.82048647442937295, 4.95511254793286948 51.81958026505853354, 4.95779786178454795 51.81947685598868958, 4.95799223808800704 51.81724012789156575, 4.95647839900260934 51.81414056331533402, 4.95342966555450914 51.81213660829411793, 4.94852831339310661 51.81111283548851532, 4.94852831339310661 51.81111283548851532)))</t>
  </si>
  <si>
    <t>MultiPolygon (((4.8647593864977221 51.80053016669464228, 4.86730460300209877 51.79825823230298454, 4.87677195323797896 51.79833635687383975, 4.87647729148562981 51.79542800299572036, 4.87497379057725055 51.79256276675207715, 4.87555917680767248 51.78823948339909577, 4.87328245300412544 51.77945117370331474, 4.86241374372114254 51.77374651271194494, 4.86084764177589079 51.76907332302346987, 4.86166613858508523 51.76474611031149919, 4.86101129674336807 51.76339448354090678, 4.85777899351062192 51.7595834667813719, 4.85132848267646555 51.75617821370641281, 4.84675108004561395 51.75705641660906053, 4.84188135918540041 51.7566866324892203, 4.83364930121360636 51.75400573211010169, 4.82808946546875273 51.75378408401277142, 4.82227605951497562 51.75385661329304554, 4.81286330674069784 51.7566341853337164, 4.80250161159895406 51.75758635808500685, 4.78540399958481988 51.75593280300799393, 4.78244920694824582 51.76656830368464313, 4.78065422372519144 51.76641889187984447, 4.77210934856629532 51.75932964232395506, 4.76419937549447337 51.75985740481990405, 4.75072695585696092 51.75228922176863477, 4.74790171352132884 51.74877150304602935, 4.74736373477519802 51.7466224850918266, 4.73745075533514282 51.74130040253579921, 4.73365089087141477 51.73650736815439899, 4.7218425447076644 51.73427192319262247, 4.6985531453670264 51.72199204999137834, 4.67728622433367125 51.72011025315633503, 4.67630422347182506 51.72492365057537, 4.68159758910182067 51.72841872802829499, 4.69326289432834631 51.73228162614703507, 4.70374567774765495 51.73692747186530738, 4.72459157909750704 51.74790551616241885, 4.73663079397438569 51.75556837949227429, 4.74076999983557279 51.75881820711274628, 4.74478820573393634 51.763487431646098, 4.75056888100835373 51.77576150556163981, 4.7552396711686411 51.78161140553364561, 4.76522447915022518 51.78920836200058631, 4.76598313790296846 51.78963166784015471, 4.77353901778447298 51.79332433578956341, 4.79719413818000806 51.79976996464424843, 4.80687568132240628 51.80033628648608612, 4.82887222068418165 51.79802061246265055, 4.8361084409578865 51.79783909669768605, 4.8459843359764756 51.79875695585518969, 4.85441346272882157 51.80068312837892819, 4.85966726715329411 51.80268434607918238, 4.8846425122657271 51.81647139787968115, 4.88522687537259603 51.81676969261428667, 4.88816556859128681 51.8145581953864891, 4.88330630330733406 51.8139488386815259, 4.87522669006434395 51.80917855404843664, 4.87603948727857883 51.80769479184862547, 4.87395476356875879 51.80612691948310555, 4.86500536411787898 51.80145286073647526, 4.8647593864977221 51.80053016669464228)))</t>
  </si>
  <si>
    <t>MultiPolygon (((4.87677195323797896 51.79833635687383975, 4.88617051664363444 51.79928730416374094, 4.89291215616216579 51.79887894579186991, 4.89225383234787881 51.79534636495468902, 4.9012031066344699 51.79479290470269603, 4.90113685505289265 51.7964454581228253, 4.9030426344341338 51.79383383726049317, 4.90759632164844373 51.79141740277258066, 4.90932847384786086 51.78987284350028375, 4.90922305890689881 51.78513620677590268, 4.9082694162755498 51.77931068526830671, 4.90388874429640964 51.77646940171078427, 4.8980044852728728 51.77390346034002988, 4.89630576478507873 51.76812153886881873, 4.89336735310915039 51.76610862796143664, 4.89047619490483854 51.76590771267725444, 4.88792178866618965 51.76473985762594765, 4.88429641772410594 51.76095338283489866, 4.88262405211131512 51.76019974290422709, 4.87960104496985458 51.75647160898400045, 4.87674266565560455 51.7550884958614148, 4.86449491112472732 51.75147935235384011, 4.86339076475646692 51.75241041641351813, 4.85843405944646634 51.75248582966020905, 4.85312616987611722 51.75074827581668302, 4.85132848267646555 51.75617821370641281, 4.85777899351062192 51.7595834667813719, 4.86101129674336807 51.76339448354090678, 4.86166613858508523 51.76474611031149919, 4.86084764177589079 51.76907332302346987, 4.86241374372114254 51.77374651271194494, 4.87328245300412544 51.77945117370331474, 4.87555917680767248 51.78823948339909577, 4.87497379057725055 51.79256276675207715, 4.87647729148562981 51.79542800299572036, 4.87677195323797896 51.79833635687383975, 4.87677195323797896 51.79833635687383975)))</t>
  </si>
  <si>
    <t>MultiPolygon (((4.91353691108077406 51.81087124326985816, 4.91360429067435245 51.81092228676022415, 4.91762055351177274 51.8099234786524363, 4.92375870448251884 51.80726781127904701, 4.92814532940914773 51.80452232726644723, 4.93258779388031421 51.80464448057333016, 4.93131504050485425 51.80191320397663901, 4.93843352037366401 51.80131108734878609, 4.93236014498029451 51.78869187689938514, 4.92953201428099952 51.788799761119229, 4.93186349024810511 51.80047710038433451, 4.92410381715797918 51.80205003293839638, 4.91761109866786139 51.80049589602172944, 4.91449965927625598 51.79454129087806535, 4.91174587923638128 51.79189879161019405, 4.90759632164844373 51.79141740277258066, 4.9030426344341338 51.79383383726049317, 4.90113685505289265 51.7964454581228253, 4.89815148003734713 51.800181152807383, 4.89387401092400776 51.8028284090875033, 4.89372627442957331 51.80396577119749679, 4.90299634599891121 51.80170877883563207, 4.90764470782194273 51.8014989231776255, 4.90913998297415599 51.80434641142290531, 4.90886413210744532 51.80594530594589031, 4.91150043572560246 51.80530928930645018, 4.91757535139272051 51.80988940303277701, 4.91353691108077406 51.81087124326985816, 4.91353691108077406 51.81087124326985816)))</t>
  </si>
  <si>
    <t>MultiPolygon (((4.88522687537259603 51.81676969261428667, 4.88940094811537929 51.81889501534335096, 4.90912636344817699 51.82537744215916575, 4.91092018390558138 51.82243545705863852, 4.91156464375854185 51.81936455254925988, 4.91721350483736686 51.81658765028300451, 4.91766918529364627 51.81397927672264103, 4.91360429067435245 51.81092228676022415, 4.91353691108077406 51.81087124326985816, 4.90742347923269406 51.81245059492419358, 4.90069776861961515 51.81558748436383155, 4.90601399628495471 51.81849386430896942, 4.90463603930475323 51.8216814138336801, 4.9024620043831586 51.82121997867022145, 4.90170706990105387 51.81945741318520504, 4.90270753762190292 51.81760096253609049, 4.89777424583339638 51.81573090319425035, 4.88816556859128681 51.8145581953864891, 4.88522687537259603 51.81676969261428667, 4.88522687537259603 51.81676969261428667)))</t>
  </si>
  <si>
    <t>MultiPolygon (((4.88816556859128681 51.8145581953864891, 4.8861901479672305 51.81259770243793383, 4.88540205626872304 51.80982424205051728, 4.87973912534898613 51.80472933422969106, 4.88129864888044729 51.80426405297648529, 4.89257890467622403 51.80411334388873001, 4.89372627442957331 51.80396577119749679, 4.89387401092400776 51.8028284090875033, 4.89815148003734713 51.800181152807383, 4.90113685505289265 51.7964454581228253, 4.9012031066344699 51.79479290470269603, 4.89225383234787881 51.79534636495468902, 4.89291215616216579 51.79887894579186991, 4.88617051664363444 51.79928730416374094, 4.87677195323797896 51.79833635687383975, 4.86730460300209877 51.79825823230298454, 4.8647593864977221 51.80053016669464228, 4.86500536411787898 51.80145286073647526, 4.87395476356875879 51.80612691948310555, 4.87603948727857883 51.80769479184862547, 4.87522669006434395 51.80917855404843664, 4.88330630330733406 51.8139488386815259, 4.88816556859128681 51.8145581953864891, 4.88816556859128681 51.8145581953864891)))</t>
  </si>
  <si>
    <t>MultiPolygon (((4.89293561710554048 51.80631665502704664, 4.89348620328934203 51.80866137231405588, 4.90795180479492998 51.80638345465852268, 4.90886413210744532 51.80594530594589031, 4.90913998297415599 51.80434641142290531, 4.90764470782194273 51.8014989231776255, 4.90299634599891121 51.80170877883563207, 4.89372627442957331 51.80396577119749679, 4.89257890467622403 51.80411334388873001, 4.89293561710554048 51.80631665502704664, 4.89293561710554048 51.80631665502704664)))</t>
  </si>
  <si>
    <t>MultiPolygon (((4.89400350870833378 51.81274074798716356, 4.89610256745247252 51.81303368578983992, 4.89618058396082834 51.81215504336761768, 4.89704226909672524 51.8121050287307483, 4.89893964397611015 51.81258817812889106, 4.90505030572759182 51.81049690665280849, 4.90527665731503326 51.80788705089806001, 4.90795180479492998 51.80638345465852268, 4.89348620328934203 51.80866137231405588, 4.89400350870833378 51.81274074798716356, 4.89400350870833378 51.81274074798716356)))</t>
  </si>
  <si>
    <t>MultiPolygon (((4.89893964397611015 51.81258817812889106, 4.89943299281209566 51.81369192082991759, 4.89828981031901911 51.81436965125315197, 4.89918827922245903 51.81532242970458668, 4.90069776861961515 51.81558748436383155, 4.90742347923269406 51.81245059492419358, 4.91353691108077406 51.81087124326985816, 4.91757535139272051 51.80988940303277701, 4.91150043572560246 51.80530928930645018, 4.90886413210744532 51.80594530594589031, 4.90795180479492998 51.80638345465852268, 4.90527665731503326 51.80788705089806001, 4.90505030572759182 51.81049690665280849, 4.89893964397611015 51.81258817812889106, 4.89893964397611015 51.81258817812889106)))</t>
  </si>
  <si>
    <t>MultiPolygon (((4.88540205626872304 51.80982424205051728, 4.89057338148048526 51.80664347317537732, 4.89293561710554048 51.80631665502704664, 4.89257890467622403 51.80411334388873001, 4.88129864888044729 51.80426405297648529, 4.87973912534898613 51.80472933422969106, 4.88540205626872304 51.80982424205051728, 4.88540205626872304 51.80982424205051728)))</t>
  </si>
  <si>
    <t>MultiPolygon (((4.8861901479672305 51.81259770243793383, 4.8883397317586974 51.81180774807200606, 4.8906608541287282 51.8118706773123634, 4.89074833288003319 51.81262612782339261, 4.89216874646049771 51.81324100960008394, 4.89400350870833378 51.81274074798716356, 4.89348620328934203 51.80866137231405588, 4.89293561710554048 51.80631665502704664, 4.89057338148048526 51.80664347317537732, 4.88540205626872304 51.80982424205051728, 4.8861901479672305 51.81259770243793383, 4.8861901479672305 51.81259770243793383)))</t>
  </si>
  <si>
    <t>MultiPolygon (((4.88816556859128681 51.8145581953864891, 4.89777424583339638 51.81573090319425035, 4.90270753762190292 51.81760096253609049, 4.90170706990105387 51.81945741318520504, 4.9024620043831586 51.82121997867022145, 4.90463603930475323 51.8216814138336801, 4.90601399628495471 51.81849386430896942, 4.90069776861961515 51.81558748436383155, 4.89918827922245903 51.81532242970458668, 4.89828981031901911 51.81436965125315197, 4.89943299281209566 51.81369192082991759, 4.89893964397611015 51.81258817812889106, 4.89704226909672524 51.8121050287307483, 4.89618058396082834 51.81215504336761768, 4.89610256745247252 51.81303368578983992, 4.89400350870833378 51.81274074798716356, 4.89216874646049771 51.81324100960008394, 4.89074833288003319 51.81262612782339261, 4.8906608541287282 51.8118706773123634, 4.8883397317586974 51.81180774807200606, 4.8861901479672305 51.81259770243793383, 4.88816556859128681 51.8145581953864891, 4.88816556859128681 51.8145581953864891)))</t>
  </si>
  <si>
    <t>MultiPolygon (((6.14468833412835913 51.98050015335358154, 6.1464664337255499 51.97559194000515248, 6.14596644748253329 51.97525172465082477, 6.14820940903813273 51.97318700058042396, 6.15094472103197631 51.96626623682807633, 6.16252088800895681 51.95587770068484446, 6.17237692754145328 51.95254465936091748, 6.17850895158285862 51.94870281907746801, 6.18274948416379466 51.94814951807559567, 6.15798431273914204 51.94080978301740004, 6.15672485488498911 51.94454295513547493, 6.1512571221613177 51.94707295096348787, 6.14364161676569154 51.94883368318009076, 6.13947854280323302 51.94891601697369055, 6.13603392266722647 51.94900008780862777, 6.13565982184555203 51.95194453326275408, 6.13303763103925093 51.95180109096979493, 6.13454084530154908 51.95655827836794316, 6.12888674713032344 51.95643482021059611, 6.12695354829007321 51.95874637837001586, 6.12365842337674859 51.95920469454581081, 6.11829368929989403 51.97053539565424529, 6.12233465031892887 51.97148399151660669, 6.12109031801284953 51.97339812688178284, 6.12921186918433758 51.97821397839343405, 6.14468833412835913 51.98050015335358154, 6.14468833412835913 51.98050015335358154),(6.14135334429253277 51.95548811458446181, 6.13950232106321803 51.95528424934570921, 6.13746069981983844 51.95368581925711027, 6.13824504268047466 51.95086760328705822, 6.13969260551907769 51.95039869040072489, 6.14337564941337089 51.95049013112536329, 6.15025029981369897 51.95133725995268037, 6.15065473923410977 51.95219753447947397, 6.14560437104591006 51.95298807342464187, 6.14135334429253277 51.95548811458446181, 6.14135334429253277 51.95548811458446181)))</t>
  </si>
  <si>
    <t>MultiPolygon (((6.18274948416379466 51.94814951807559567, 6.18277382878030046 51.94812543647125835, 6.18462055967157553 51.94769165839639413, 6.18602273013774973 51.94608769606063703, 6.18859055834005378 51.9455360967359141, 6.18842561262295465 51.94333869949502258, 6.19173342007682237 51.94245176048096369, 6.19326280423114817 51.94088274819599604, 6.19068664478295361 51.93808595531028516, 6.18062987342192827 51.93048217963000468, 6.17896786541791876 51.92797021907107791, 6.17788036281001052 51.92574206922579805, 6.16895098164314781 51.91553322501123091, 6.16235246250434976 51.91325428807331122, 6.15635603598106229 51.91222944794395033, 6.15477588653047736 51.9112645212755055, 6.15256959049723662 51.90886853592720485, 6.14332840481187592 51.91362750268499582, 6.14258320112953626 51.91542986249316272, 6.14370730769798179 51.91803026533407461, 6.14295862593272801 51.91845754728979756, 6.14143340420099459 51.91592357723160944, 6.14030455523961738 51.9154745973106202, 6.14118064853147239 51.91861812529644737, 6.13786006762104641 51.91946184370275574, 6.13976343792994328 51.92235045201840649, 6.13928967110456636 51.92444333043528104, 6.14017031752527664 51.92736796705232649, 6.14302181888766174 51.92765414883395181, 6.14215900792801772 51.93211353432361932, 6.13972319469294447 51.93531026825104391, 6.15053949898240582 51.93860268280233328, 6.15185317815358257 51.93899218878993906, 6.15798431273914204 51.94080978301740004, 6.18274948416379466 51.94814951807559567, 6.18274948416379466 51.94814951807559567),(6.15684848078124425 51.93469347462028907, 6.15250484736741399 51.93503531715131061, 6.15034344943659139 51.93225757733497971, 6.15965094364438492 51.92981029694772843, 6.16134066499849453 51.93404993783534707, 6.15684848078124425 51.93469347462028907, 6.15684848078124425 51.93469347462028907)))</t>
  </si>
  <si>
    <t>MultiPolygon (((6.09110167163833971 51.94231024621758763, 6.10400743100117715 51.94256986965288547, 6.10795942435336858 51.94106512154198185, 6.11727937474428618 51.94244407953106446, 6.12142592784142803 51.94395697580232252, 6.12080698139256807 51.9383862587027636, 6.11966107675382265 51.93090594388021231, 6.12114597928903326 51.93012731457461939, 6.12999397319496797 51.932616325814557, 6.129843956978414 51.92882044991925028, 6.13499549216432261 51.92839958669981826, 6.13775544857695721 51.93103614716875427, 6.14215900792801772 51.93211353432361932, 6.14302181888766174 51.92765414883395181, 6.14017031752527664 51.92736796705232649, 6.13928967110456636 51.92444333043528104, 6.13976343792994328 51.92235045201840649, 6.13786006762104641 51.91946184370275574, 6.14118064853147239 51.91861812529644737, 6.14030455523961738 51.9154745973106202, 6.13843254745441413 51.91552932827348599, 6.12448902495075398 51.92229253623096241, 6.1126528047441715 51.92780359058170347, 6.09468872283549601 51.93672013166488455, 6.09414863528578366 51.93882782888918115, 6.09142793007994499 51.93872098671032234, 6.09110167163833971 51.94231024621758763, 6.09110167163833971 51.94231024621758763)))</t>
  </si>
  <si>
    <t>MultiPolygon (((6.11235818358773209 51.96886708943387134, 6.11829368929989403 51.97053539565424529, 6.12365842337674859 51.95920469454581081, 6.12695354829007321 51.95874637837001586, 6.12888674713032344 51.95643482021059611, 6.13454084530154908 51.95655827836794316, 6.13303763103925093 51.95180109096979493, 6.13565982184555203 51.95194453326275408, 6.13603392266722647 51.94900008780862777, 6.12400327047299342 51.94776743811925002, 6.12142592784142803 51.94395697580232252, 6.11727937474428618 51.94244407953106446, 6.10795942435336858 51.94106512154198185, 6.10400743100117715 51.94256986965288547, 6.09110167163833971 51.94231024621758763, 6.09137041444758243 51.9629160218381827, 6.08951443778554058 51.96350917259302804, 6.09039368107560541 51.96784428647168141, 6.10520074864994911 51.96669721496331107, 6.10882322026347779 51.96717275891953847, 6.11235818358773209 51.96886708943387134, 6.11235818358773209 51.96886708943387134)))</t>
  </si>
  <si>
    <t>MultiPolygon (((6.13947854280323302 51.94891601697369055, 6.14364161676569154 51.94883368318009076, 6.1512571221613177 51.94707295096348787, 6.15672485488498911 51.94454295513547493, 6.15798431273914204 51.94080978301740004, 6.15185317815358257 51.93899218878993906, 6.14863858929860019 51.9392303845449419, 6.14927849796355819 51.94178853195944612, 6.14370689919713175 51.94213789866768138, 6.1402838981767669 51.94433506283846214, 6.1394795424029649 51.9453644944647408, 6.13947854280323302 51.94891601697369055, 6.13947854280323302 51.94891601697369055)))</t>
  </si>
  <si>
    <t>MultiPolygon (((6.15684848078124425 51.93469347462028907, 6.16134066499849453 51.93404993783534707, 6.15965094364438492 51.92981029694772843, 6.15034344943659139 51.93225757733497971, 6.15250484736741399 51.93503531715131061, 6.15684848078124425 51.93469347462028907, 6.15684848078124425 51.93469347462028907)))</t>
  </si>
  <si>
    <t>MultiPolygon (((6.14135334429253277 51.95548811458446181, 6.14560437104591006 51.95298807342464187, 6.15065473923410977 51.95219753447947397, 6.15025029981369897 51.95133725995268037, 6.14337564941337089 51.95049013112536329, 6.13969260551907769 51.95039869040072489, 6.13824504268047466 51.95086760328705822, 6.13746069981983844 51.95368581925711027, 6.13950232106321803 51.95528424934570921, 6.14135334429253277 51.95548811458446181, 6.14135334429253277 51.95548811458446181)))</t>
  </si>
  <si>
    <t>MultiPolygon (((6.13603392266722647 51.94900008780862777, 6.13947854280323302 51.94891601697369055, 6.1394795424029649 51.9453644944647408, 6.1402838981767669 51.94433506283846214, 6.14370689919713175 51.94213789866768138, 6.14927849796355819 51.94178853195944612, 6.14863858929860019 51.9392303845449419, 6.15185317815358257 51.93899218878993906, 6.15053949898240582 51.93860268280233328, 6.14097330097296101 51.93920605917129762, 6.13165043477516125 51.94087812704281504, 6.12080698139256807 51.9383862587027636, 6.12142592784142803 51.94395697580232252, 6.12400327047299342 51.94776743811925002, 6.13603392266722647 51.94900008780862777, 6.13603392266722647 51.94900008780862777)))</t>
  </si>
  <si>
    <t>MultiPolygon (((6.12080698139256807 51.9383862587027636, 6.13165043477516125 51.94087812704281504, 6.14097330097296101 51.93920605917129762, 6.15053949898240582 51.93860268280233328, 6.13972319469294447 51.93531026825104391, 6.14215900792801772 51.93211353432361932, 6.13775544857695721 51.93103614716875427, 6.13499549216432261 51.92839958669981826, 6.129843956978414 51.92882044991925028, 6.12999397319496797 51.932616325814557, 6.12114597928903326 51.93012731457461939, 6.11966107675382265 51.93090594388021231, 6.12080698139256807 51.9383862587027636, 6.12080698139256807 51.9383862587027636)))</t>
  </si>
  <si>
    <t>MultiPolygon (((6.21653968832474035 51.92848523476237688, 6.22042593572489988 51.92479374386049784, 6.2261109365041829 51.92653754239311326, 6.22931304709180456 51.92369866014032453, 6.23394864541595073 51.92946106989728605, 6.2395274530030278 51.92823170662356347, 6.241489608455983 51.92719359301688797, 6.24930514711369867 51.91875990157085141, 6.25339437981374502 51.90979337220144885, 6.24803663509871932 51.90807995786270368, 6.24014053903820098 51.9037024736611059, 6.25686045433698723 51.89792147862669225, 6.25679973061041839 51.8932800951222859, 6.25006121506883261 51.88364191184528096, 6.24799868141949144 51.88083262095562276, 6.23740991365023945 51.88072296805493266, 6.23212952849556778 51.88972282877001874, 6.22964078995624249 51.89226203904927104, 6.21265161589309312 51.8835386437544841, 6.21353440623906028 51.87822460860861185, 6.21116862246269097 51.87782325914920278, 6.20987927523812999 51.876732868472061, 6.21252350647827889 51.87567976792031743, 6.20265135553962832 51.87171981563655976, 6.1927600840020256 51.87643930981099771, 6.18354937833377249 51.88253120268411323, 6.18201007029992411 51.88577764121857427, 6.18599012280748806 51.886851208573745, 6.19142328527931074 51.88737214182371815, 6.19917871456444214 51.88774124519619591, 6.19785551188123751 51.89210006358245408, 6.19377376222595455 51.89374865416139215, 6.18961142651023266 51.89432013690329626, 6.195569414398304 51.90150363743693873, 6.19840886521685519 51.9007020477596015, 6.1992913258593596 51.902333571907036, 6.19652612520969193 51.90315292943054004, 6.20562833619424747 51.91623184432432936, 6.20986816687738052 51.92233530254247853, 6.21331043354043633 51.92540240373521954, 6.21172229173783119 51.92593209063359438, 6.21653968832474035 51.92848523476237688, 6.21653968832474035 51.92848523476237688)))</t>
  </si>
  <si>
    <t>MultiPolygon (((6.19652612520969193 51.90315292943054004, 6.1992913258593596 51.902333571907036, 6.19840886521685519 51.9007020477596015, 6.195569414398304 51.90150363743693873, 6.18961142651023266 51.89432013690329626, 6.19377376222595455 51.89374865416139215, 6.19785551188123751 51.89210006358245408, 6.19917871456444214 51.88774124519619591, 6.19142328527931074 51.88737214182371815, 6.18960432156907547 51.88878861608394288, 6.19108506256546853 51.89165710138459531, 6.18703677627487458 51.8923057140234647, 6.18255809947981572 51.89390680737422201, 6.16976925177735858 51.9012870601447176, 6.16791177146911984 51.90094194265419958, 6.16677256270357965 51.90104716143521557, 6.1653545155115026 51.902344670869482, 6.16285521869791086 51.90294871582295144, 6.16002741864616432 51.90475362761230826, 6.15719273424881663 51.90736756238396055, 6.15662302093054503 51.91122741028625853, 6.15477588653047736 51.9112645212755055, 6.15635603598106229 51.91222944794395033, 6.16235246250434976 51.91325428807331122, 6.16895098164314781 51.91553322501123091, 6.17788036281001052 51.92574206922579805, 6.17896786541791876 51.92797021907107791, 6.19010602257477061 51.92306693750737878, 6.18952164700667051 51.92241026503270973, 6.19042478788445827 51.92138135587646985, 6.19672854009457108 51.91963474752701302, 6.19247255628076498 51.9150247341863178, 6.19507546988340074 51.91403974335278093, 6.19741700688122332 51.91516517663868768, 6.20151833446329803 51.91898311886486539, 6.20562833619424747 51.91623184432432936, 6.19652612520969193 51.90315292943054004),(6.19652612520969193 51.90315292943054004, 6.19162098142431461 51.90594670064334082, 6.19147255312075373 51.90690247956646175, 6.19471682987410599 51.90871727744509911, 6.19471091960267017 51.91073892165817938, 6.18989913003623293 51.91237833674459523, 6.18707232827933851 51.91108246578607321, 6.18788053458771792 51.90953990267654206, 6.18438390755069722 51.9072220031967646, 6.18582424017649135 51.9034539823133656, 6.19165734719014882 51.9026125040892623, 6.19652612520969193 51.90315292943054004)))</t>
  </si>
  <si>
    <t>MultiPolygon (((6.22075298620699435 51.94457557568685502, 6.2293046194011561 51.94456464132764495, 6.25427651298459608 51.94325297945351849, 6.26287700586493035 51.94295722602380749, 6.26250550946732876 51.93500908829059171, 6.241489608455983 51.92719359301688797, 6.2395274530030278 51.92823170662356347, 6.23394864541595073 51.92946106989728605, 6.22931304709180456 51.92369866014032453, 6.2261109365041829 51.92653754239311326, 6.22042593572489988 51.92479374386049784, 6.21653968832474035 51.92848523476237688, 6.22233655975670708 51.9326362622145794, 6.21833694963153505 51.93423313479699033, 6.21283904583662672 51.93369324455586877, 6.20500980599924201 51.93664020310541218, 6.20561812524696332 51.93772925957445352, 6.20272722035774215 51.93901578872013403, 6.2028825043769853 51.94151714268296871, 6.2044223802831473 51.94238216225922855, 6.21032617852665236 51.94338217193073604, 6.21204840155683513 51.94289339594352128, 6.21460280238218576 51.94322037183033558, 6.21638319639319192 51.94412241841428113, 6.21904131391453774 51.9431415747848817, 6.22136003078035404 51.94392790789419223, 6.22075298620699435 51.94457557568685502, 6.22075298620699435 51.94457557568685502),(6.23187762387592858 51.94065579694480306, 6.22695782743368476 51.94049817232389188, 6.22647103112298694 51.9393527875820169, 6.22765074789141071 51.93451331374819091, 6.23377106734487274 51.93438279822277792, 6.23622706310368713 51.93507265652367977, 6.23723587016957026 51.93889621577618954, 6.23475899608046458 51.94015274943531324, 6.23187762387592858 51.94065579694480306, 6.23187762387592858 51.94065579694480306)))</t>
  </si>
  <si>
    <t>MultiPolygon (((6.19326280423114817 51.94088274819599604, 6.20500980599924201 51.93664020310541218, 6.21283904583662672 51.93369324455586877, 6.21833694963153505 51.93423313479699033, 6.22233655975670708 51.9326362622145794, 6.21653968832474035 51.92848523476237688, 6.21172229173783119 51.92593209063359438, 6.21331043354043633 51.92540240373521954, 6.20986816687738052 51.92233530254247853, 6.20562833619424747 51.91623184432432936, 6.20151833446329803 51.91898311886486539, 6.20215159372974156 51.92023629609259672, 6.19750638926230746 51.92213609196429047, 6.19219362668377116 51.92403522364543988, 6.19010602257477061 51.92306693750737878, 6.17896786541791876 51.92797021907107791, 6.18062987342192827 51.93048217963000468, 6.19068664478295361 51.93808595531028516, 6.19326280423114817 51.94088274819599604, 6.19326280423114817 51.94088274819599604)))</t>
  </si>
  <si>
    <t>MultiPolygon (((6.19010602257477061 51.92306693750737878, 6.19219362668377116 51.92403522364543988, 6.19750638926230746 51.92213609196429047, 6.20215159372974156 51.92023629609259672, 6.20151833446329803 51.91898311886486539, 6.19741700688122332 51.91516517663868768, 6.19507546988340074 51.91403974335278093, 6.19247255628076498 51.9150247341863178, 6.19672854009457108 51.91963474752701302, 6.19042478788445827 51.92138135587646985, 6.18952164700667051 51.92241026503270973, 6.19010602257477061 51.92306693750737878, 6.19010602257477061 51.92306693750737878)))</t>
  </si>
  <si>
    <t>MultiPolygon (((6.23187762387592858 51.94065579694480306, 6.23475899608046458 51.94015274943531324, 6.23723587016957026 51.93889621577618954, 6.23622706310368713 51.93507265652367977, 6.23377106734487274 51.93438279822277792, 6.22765074789141071 51.93451331374819091, 6.22647103112298694 51.9393527875820169, 6.22695782743368476 51.94049817232389188, 6.23187762387592858 51.94065579694480306, 6.23187762387592858 51.94065579694480306)))</t>
  </si>
  <si>
    <t>MultiPolygon (((6.19652612520969193 51.90315292943054004, 6.19165734719014882 51.9026125040892623, 6.18582424017649135 51.9034539823133656, 6.18438390755069722 51.9072220031967646, 6.18788053458771792 51.90953990267654206, 6.18707232827933851 51.91108246578607321, 6.18989913003623293 51.91237833674459523, 6.19471091960267017 51.91073892165817938, 6.19471682987410599 51.90871727744509911, 6.19147255312075373 51.90690247956646175, 6.19162098142431461 51.90594670064334082, 6.19652612520969193 51.90315292943054004, 6.19652612520969193 51.90315292943054004)))</t>
  </si>
  <si>
    <t>MultiPolygon (((6.20265135553962832 51.87171981563655976, 6.21252350647827889 51.87567976792031743, 6.20987927523812999 51.876732868472061, 6.21116862246269097 51.87782325914920278, 6.21353440623906028 51.87822460860861185, 6.21265161589309312 51.8835386437544841, 6.22964078995624249 51.89226203904927104, 6.23212952849556778 51.88972282877001874, 6.23740991365023945 51.88072296805493266, 6.22982455352919295 51.87477767312889654, 6.23013561627743151 51.86965334057508414, 6.22463283386740329 51.86854345326506177, 6.21505695175013706 51.86762620408190827, 6.20265135553962832 51.87171981563655976, 6.20265135553962832 51.87171981563655976),(6.22272317266319064 51.87972386249862922, 6.22240510135556057 51.88136064204106646, 6.22001260228180453 51.88082923987279571, 6.21562807461283651 51.87819093563664552, 6.223792853860453 51.87560535248737636, 6.22627699101672505 51.8801620398888943, 6.22272317266319064 51.87972386249862922, 6.22272317266319064 51.87972386249862922)))</t>
  </si>
  <si>
    <t>MultiPolygon (((6.28510174750603312 51.90184100000168144, 6.29480007210079595 51.90286674505491504, 6.29571780044869644 51.8993838092448172, 6.30413816449529207 51.8998242781706054, 6.30521976229171877 51.90226976439470974, 6.30402338886921232 51.91064876970359876, 6.30530380417161584 51.91100815261034995, 6.3062834327292645 51.90821075588559808, 6.30595180803912925 51.90688469369599289, 6.30682472211825917 51.90453521990615826, 6.31086613525843987 51.9000352091851056, 6.31579221810985381 51.89784267429536158, 6.31855398380743072 51.89774392677995252, 6.32261253971298576 51.89599032085286723, 6.32958657873651109 51.89477746115719015, 6.33227917101889037 51.89326778257613881, 6.33107026114311022 51.89207612277868975, 6.32432437203736697 51.88896143655048832, 6.32516033114835263 51.88777842741136226, 6.32690026692253404 51.88478183421175061, 6.32944275989101612 51.88033627051648722, 6.32653984211632547 51.8790292368679431, 6.33163291933599659 51.87482074950319344, 6.32720315321126314 51.87362111530308084, 6.3272264911041578 51.87245850226692312, 6.32925094480806383 51.871233494380526, 6.32457655060728463 51.86902982162190057, 6.32249264602545313 51.86867042970982311, 6.31221003237655154 51.86848747127444881, 6.31194476884926026 51.86920201447118473, 6.30958251198425302 51.86916952268921222, 6.30175200019201753 51.86874047806846022, 6.29916034505107536 51.86838858240109573, 6.29900631678628198 51.86782621680683292, 6.2957164649953592 51.86824389368361921, 6.28828997275136015 51.87142102898440754, 6.28338138095877419 51.87220375087106561, 6.27990683736021715 51.87406970147699781, 6.27226154262499058 51.87465434648817819, 6.27122563906648711 51.87773196156820887, 6.27286038167072668 51.87969408633932744, 6.26890504362809775 51.88596289071382017, 6.27159528201655103 51.88928731913693326, 6.27230646681264492 51.89154993496885027, 6.26872390723988815 51.89799118848461035, 6.26823912546943962 51.89913386657577377, 6.27083274056224393 51.89905314797196212, 6.2792171150939815 51.89879483054062348, 6.27931294894890257 51.90091263749550876, 6.28510174750603312 51.90184100000168144, 6.28510174750603312 51.90184100000168144),(6.30090048191309826 51.88941389650530311, 6.29863602942171763 51.88796656220704051, 6.30331282315267938 51.8840680508199199, 6.31256214071062782 51.88376631622261215, 6.31417964022140321 51.88563755498446994, 6.30900074208936079 51.88944574770155072, 6.30090048191309826 51.88941389650530311, 6.30090048191309826 51.88941389650530311)))</t>
  </si>
  <si>
    <t>MultiPolygon (((6.29382018176463554 51.94376685781195135, 6.30206636708189816 51.94413404847922777, 6.30184333897315518 51.94196520675691886, 6.30576280388550447 51.93882101911977145, 6.3059496592298343 51.93704533926902656, 6.3039802363539037 51.93806125056379841, 6.29983031968768437 51.93846835070824142, 6.29648794784201904 51.93641537286124077, 6.29566905645791941 51.93534180087996788, 6.29601182412583782 51.93285729284010444, 6.29288709679289493 51.93131436669884948, 6.29102638272379444 51.92899166051889637, 6.28965309628571934 51.92548890935920269, 6.29114791585853261 51.92241514860013751, 6.29497903173105833 51.92089386963854736, 6.30177143868936174 51.91988882992006182, 6.31129487837773251 51.92063836001965171, 6.31576490667896806 51.91828275183196695, 6.31687570433467993 51.91620295652364092, 6.31614272073023031 51.91273716642090363, 6.31099682844799492 51.91058979568148857, 6.30902215631842012 51.91178471336032629, 6.30796304834275379 51.91139170656552437, 6.30874059805818987 51.91071801452456214, 6.30728842278282809 51.91026176530560576, 6.3062834327292645 51.90821075588559808, 6.30530380417161584 51.91100815261034995, 6.30402338886921232 51.91064876970359876, 6.30521976229171877 51.90226976439470974, 6.30413816449529207 51.8998242781706054, 6.29571780044869644 51.8993838092448172, 6.29480007210079595 51.90286674505491504, 6.28510174750603312 51.90184100000168144, 6.28389590128690223 51.90703053700450909, 6.27165009727635692 51.90529781849836866, 6.26848906176562348 51.90484152111108074, 6.27136551300763667 51.90671371893687791, 6.27618625961702037 51.91061889512638317, 6.27590966938938877 51.91133109730608908, 6.27010503870636526 51.91119789853090083, 6.27007885038972645 51.91312449051643085, 6.26914744169283278 51.91409327901078541, 6.26575690204297597 51.91508946316131556, 6.25651265813699542 51.91013073061272109, 6.25339437981374502 51.90979337220144885, 6.24930514711369867 51.91875990157085141, 6.241489608455983 51.92719359301688797, 6.26250550946732876 51.93500908829059171, 6.26287700586493035 51.94295722602380749, 6.27287351115035552 51.94317880647041363, 6.27284766226136714 51.94188485866146721, 6.27539179233883182 51.94179949533286589, 6.27902396919893491 51.94334406058342779, 6.29382018176463554 51.94376685781195135, 6.29382018176463554 51.94376685781195135),(6.2650776614719863 51.92599503103724601, 6.26388652216236697 51.9265718970207999, 6.26029038630884127 51.924969189023642, 6.26308203705700262 51.92184984057288943, 6.26897779358127227 51.92308494952787612, 6.26941102364086777 51.9252041557393369, 6.26582915152735698 51.92519475761713466, 6.2650776614719863 51.92599503103724601, 6.2650776614719863 51.92599503103724601)))</t>
  </si>
  <si>
    <t>MultiPolygon (((6.2378193361329739 51.87725653438323548, 6.23480446581492043 51.87000352492889022, 6.23013561627743151 51.86965334057508414, 6.22982455352919295 51.87477767312889654, 6.23740991365023945 51.88072296805493266, 6.23877292481266021 51.87745186882201409, 6.2378193361329739 51.87725653438323548, 6.2378193361329739 51.87725653438323548)),((6.26872390723988815 51.89799118848461035, 6.27230646681264492 51.89154993496885027, 6.27159528201655103 51.88928731913693326, 6.26890504362809775 51.88596289071382017, 6.27286038167072668 51.87969408633932744, 6.27122563906648711 51.87773196156820887, 6.26796967952944328 51.87704245526860802, 6.26748776982711231 51.87738898217730821, 6.26722610459490337 51.8783853248771365, 6.2692945594203584 51.88145238549320482, 6.26824109272885721 51.8850900657403713, 6.26118320151241292 51.88573943299012114, 6.25599651843819782 51.88329056727042854, 6.25067069382017237 51.88361215110374047, 6.25006121506883261 51.88364191184528096, 6.25679973061041839 51.8932800951222859, 6.26818061854892683 51.89362308593305784, 6.26668891954123186 51.89504746422055348, 6.26585098774626825 51.89760119890966905, 6.26872390723988815 51.89799118848461035, 6.26872390723988815 51.89799118848461035)))</t>
  </si>
  <si>
    <t>MultiPolygon (((6.27931294894890257 51.90091263749550876, 6.2792171150939815 51.89879483054062348, 6.27083274056224393 51.89905314797196212, 6.27194068912291591 51.90175406954584503, 6.27165009727635692 51.90529781849836866, 6.28389590128690223 51.90703053700450909, 6.28510174750603312 51.90184100000168144, 6.27931294894890257 51.90091263749550876, 6.27931294894890257 51.90091263749550876)),((6.27590966938938877 51.91133109730608908, 6.27618625961702037 51.91061889512638317, 6.27136551300763667 51.90671371893687791, 6.25913145298301288 51.90761597814246642, 6.25551995266260086 51.90724463349519624, 6.25206660239469425 51.9053680707286631, 6.25327109293060435 51.90195865402086639, 6.25770429470609635 51.89782702587582008, 6.26823912546943962 51.89913386657577377, 6.26872390723988815 51.89799118848461035, 6.26585098774626825 51.89760119890966905, 6.26668891954123186 51.89504746422055348, 6.26818061854892683 51.89362308593305784, 6.25679973061041839 51.8932800951222859, 6.25686045433698723 51.89792147862669225, 6.24014053903820098 51.9037024736611059, 6.24803663509871932 51.90807995786270368, 6.25339437981374502 51.90979337220144885, 6.25651265813699542 51.91013073061272109, 6.26575690204297597 51.91508946316131556, 6.26914744169283278 51.91409327901078541, 6.27007885038972645 51.91312449051643085, 6.27010503870636526 51.91119789853090083, 6.27590966938938877 51.91133109730608908, 6.27590966938938877 51.91133109730608908)))</t>
  </si>
  <si>
    <t>MultiPolygon (((6.22272317266319064 51.87972386249862922, 6.22627699101672505 51.8801620398888943, 6.223792853860453 51.87560535248737636, 6.21562807461283651 51.87819093563664552, 6.22001260228180453 51.88082923987279571, 6.22240510135556057 51.88136064204106646, 6.22272317266319064 51.87972386249862922, 6.22272317266319064 51.87972386249862922)))</t>
  </si>
  <si>
    <t>MultiPolygon (((6.2650776614719863 51.92599503103724601, 6.26582915152735698 51.92519475761713466, 6.26941102364086777 51.9252041557393369, 6.26897779358127227 51.92308494952787612, 6.26308203705700262 51.92184984057288943, 6.26029038630884127 51.924969189023642, 6.26388652216236697 51.9265718970207999, 6.2650776614719863 51.92599503103724601, 6.2650776614719863 51.92599503103724601)))</t>
  </si>
  <si>
    <t>MultiPolygon (((6.30090048191309826 51.88941389650530311, 6.30900074208936079 51.88944574770155072, 6.31417964022140321 51.88563755498446994, 6.31256214071062782 51.88376631622261215, 6.30331282315267938 51.8840680508199199, 6.29863602942171763 51.88796656220704051, 6.30090048191309826 51.88941389650530311, 6.30090048191309826 51.88941389650530311)))</t>
  </si>
  <si>
    <t>MultiPolygon (((6.27136551300763667 51.90671371893687791, 6.26848906176562348 51.90484152111108074, 6.27165009727635692 51.90529781849836866, 6.27194068912291591 51.90175406954584503, 6.27083274056224393 51.89905314797196212, 6.26823912546943962 51.89913386657577377, 6.25770429470609635 51.89782702587582008, 6.25327109293060435 51.90195865402086639, 6.25206660239469425 51.9053680707286631, 6.25551995266260086 51.90724463349519624, 6.25913145298301288 51.90761597814246642, 6.27136551300763667 51.90671371893687791, 6.27136551300763667 51.90671371893687791)))</t>
  </si>
  <si>
    <t>MultiPolygon (((6.25067069382017237 51.88361215110374047, 6.25599651843819782 51.88329056727042854, 6.26118320151241292 51.88573943299012114, 6.26824109272885721 51.8850900657403713, 6.2692945594203584 51.88145238549320482, 6.26722610459490337 51.8783853248771365, 6.26748776982711231 51.87738898217730821, 6.26796967952944328 51.87704245526860802, 6.27122563906648711 51.87773196156820887, 6.27226154262499058 51.87465434648817819, 6.26936609674179479 51.87391519531823292, 6.26533023363833941 51.8699925327142779, 6.2622230658425444 51.86824314752946208, 6.25284442067624813 51.86890176680852704, 6.25239831511455968 51.87160915012110252, 6.25649966934555479 51.87180717668562835, 6.25732076279624927 51.87300895278680457, 6.25597313078033501 51.8765814854830154, 6.25067069382017237 51.88361215110374047, 6.25067069382017237 51.88361215110374047)))</t>
  </si>
  <si>
    <t>MultiPolygon (((6.25006121506883261 51.88364191184528096, 6.25067069382017237 51.88361215110374047, 6.25597313078033501 51.8765814854830154, 6.25732076279624927 51.87300895278680457, 6.25649966934555479 51.87180717668562835, 6.25239831511455968 51.87160915012110252, 6.25284442067624813 51.86890176680852704, 6.24629527757655723 51.86995024159292456, 6.24182658098514498 51.86896696590039824, 6.23480446581492043 51.87000352492889022, 6.2378193361329739 51.87725653438323548, 6.23877292481266021 51.87745186882201409, 6.23740991365023945 51.88072296805493266, 6.24799868141949144 51.88083262095562276, 6.25006121506883261 51.88364191184528096, 6.25006121506883261 51.88364191184528096)))</t>
  </si>
  <si>
    <t>MultiPolygon (((5.89541111253527195 50.97492931499515834, 5.89708553500045074 50.9748650172219655, 5.90482840413614785 50.97456531454496087, 5.91559026850301883 50.97782455741641172, 5.91965571832861137 50.97819317333973288, 5.92422191186110414 50.97569494974951709, 5.91836385399875109 50.97293540764877662, 5.91279764939280472 50.96798893465896896, 5.91674281196095642 50.96750091053193188, 5.92170446064312017 50.96346962950821791, 5.89588429110796408 50.96167635718379785, 5.88761478474598032 50.96053287589628411, 5.88959802669306232 50.9663302968433598, 5.89541111253527195 50.97492931499515834, 5.89541111253527195 50.97492931499515834)))</t>
  </si>
  <si>
    <t>MultiPolygon (((5.92170446064312017 50.96346962950821791, 5.92258317367935572 50.96299078411135497, 5.91871341241456239 50.95999845715186183, 5.9178481418754485 50.95698683023861264, 5.91869113006430947 50.95633150540187017, 5.91242240393441243 50.95517092691997618, 5.90653012683936662 50.95729642606812604, 5.90482036129594423 50.95738666850248677, 5.89563476386531971 50.95129410530454095, 5.89051975337660316 50.95398532797823066, 5.8872099737577237 50.95666685453301881, 5.88761478474598032 50.96053287589628411, 5.89588429110796408 50.96167635718379785, 5.92170446064312017 50.96346962950821791, 5.92170446064312017 50.96346962950821791)))</t>
  </si>
  <si>
    <t>MultiPolygon (((5.89563476386531971 50.95129410530454095, 5.90482036129594423 50.95738666850248677, 5.90653012683936662 50.95729642606812604, 5.91242240393441243 50.95517092691997618, 5.91869113006430947 50.95633150540187017, 5.92749535041119646 50.952407095020817, 5.93783785736180292 50.95003578691323298, 5.92261982801969467 50.94526670524482626, 5.91450241229840845 50.94040161788933574, 5.91292680898848388 50.94060204713881035, 5.90459331471918336 50.94434472639363065, 5.89563476386531971 50.95129410530454095, 5.89563476386531971 50.95129410530454095)))</t>
  </si>
  <si>
    <t>MultiPolygon (((5.93783785736180292 50.95003578691323298, 5.94229217737848092 50.94901408978370938, 5.94218471035799833 50.94886340881102171, 5.94086325896645562 50.94789704208283609, 5.9360290708308181 50.94632502376881433, 5.9314253956092422 50.94156948594572043, 5.93441613058165096 50.93863578985065033, 5.9284699809553203 50.93661221648550708, 5.92823471293069293 50.93653962048722406, 5.92699068154790076 50.93818558061732915, 5.92497757386838586 50.93918180176149235, 5.91765290935378463 50.93587561336843095, 5.91673255133884357 50.93859982619847671, 5.91450241229840845 50.94040161788933574, 5.92261982801969467 50.94526670524482626, 5.93783785736180292 50.95003578691323298, 5.93783785736180292 50.95003578691323298)))</t>
  </si>
  <si>
    <t>MultiPolygon (((5.84523314986773812 50.96395301906151332, 5.85218507907166252 50.96802698783021413, 5.85582795504582965 50.9658571481694338, 5.85639888464876979 50.96475542857925234, 5.85887301299994689 50.96656744838116282, 5.86044575390489797 50.96532377837301198, 5.86155695690653378 50.96608213012314792, 5.86584388712046234 50.96396199781988656, 5.86917786465908442 50.96656752255547929, 5.87121168936560789 50.9642030866698974, 5.87350308646944352 50.96280431004021239, 5.87529920476821754 50.96399280121897846, 5.87678739937880135 50.96474339150600485, 5.87785840833595241 50.96380226921512957, 5.88147818963016356 50.96632045803122679, 5.88518027106960595 50.96775814267982696, 5.88526682307018145 50.96843638998726078, 5.88669206802349887 50.96844816593645788, 5.88927372551586981 50.97100240767334611, 5.89084841045240992 50.97172490516081922, 5.8903728771300301 50.97208978382592193, 5.89103636653308538 50.97409396698567008, 5.89541111253527195 50.97492931499515834, 5.88959802669306232 50.9663302968433598, 5.88761478474598032 50.96053287589628411, 5.8872099737577237 50.95666685453301881, 5.89051975337660316 50.95398532797823066, 5.88295544567637751 50.95012042167629573, 5.88017120227105927 50.95336832596872512, 5.87511185142152303 50.95726679536127079, 5.8611577123458396 50.9623161391925521, 5.85606934374414401 50.95828819050397129, 5.87671882343095398 50.94573171184264027, 5.8704305836308146 50.94554043276665567, 5.86917556488145031 50.94240768888121806, 5.85648803172723298 50.94331706784177527, 5.85692966042088337 50.9440014274319779, 5.85495879710458311 50.94607616666754524, 5.85308637418307853 50.94644711254384362, 5.84846126590235649 50.94471117897739276, 5.84434475008097909 50.94665859675341579, 5.83989158174259515 50.95019129941852754, 5.84014567910303839 50.95137835141797922, 5.85603234810552919 50.94888256403638849, 5.8582855624440171 50.9539645137622017, 5.85252969702096948 50.95588810603025109, 5.84739259019157309 50.95637353448270801, 5.83997321483172716 50.95594208236941824, 5.83981792919989751 50.95705767460106017, 5.84109242964317321 50.95959205168695405, 5.84260831363669908 50.96075330893338418, 5.84326597422674432 50.96351667984238532, 5.84523314986773812 50.96395301906151332, 5.84523314986773812 50.96395301906151332)))</t>
  </si>
  <si>
    <t>MultiPolygon (((5.91292680898848388 50.94060204713881035, 5.91450241229840845 50.94040161788933574, 5.91673255133884357 50.93859982619847671, 5.91765290935378463 50.93587561336843095, 5.92497757386838586 50.93918180176149235, 5.92699068154790076 50.93818558061732915, 5.92823471293069293 50.93653962048722406, 5.91895040410388429 50.93322606876568415, 5.91735085792741256 50.9344980978340871, 5.91140654034863022 50.9345655782731157, 5.90747208359004183 50.93330365787750935, 5.90777166706100321 50.93827473643351311, 5.91292680898848388 50.94060204713881035, 5.91292680898848388 50.94060204713881035)))</t>
  </si>
  <si>
    <t>MultiPolygon (((5.90459331471918336 50.94434472639363065, 5.91292680898848388 50.94060204713881035, 5.90777166706100321 50.93827473643351311, 5.90747208359004183 50.93330365787750935, 5.90017612504028044 50.93280486892989956, 5.89194789915038264 50.93073029141486785, 5.89010845557429885 50.93469911959519436, 5.88851683432085249 50.93433867288695893, 5.88939585365096363 50.93544884709794474, 5.89986160616227462 50.94249242785139842, 5.90459331471918336 50.94434472639363065, 5.90459331471918336 50.94434472639363065)))</t>
  </si>
  <si>
    <t>MultiPolygon (((5.84014567910303839 50.95137835141797922, 5.83956119566067322 50.9539498642929729, 5.84028284259898367 50.95497762055521207, 5.83997321483172716 50.95594208236941824, 5.84739259019157309 50.95637353448270801, 5.85252969702096948 50.95588810603025109, 5.8582855624440171 50.9539645137622017, 5.85603234810552919 50.94888256403638849, 5.84014567910303839 50.95137835141797922, 5.84014567910303839 50.95137835141797922)))</t>
  </si>
  <si>
    <t>MultiPolygon (((5.85648803172723298 50.94331706784177527, 5.86917556488145031 50.94240768888121806, 5.88084399645972589 50.94069022577896533, 5.8859439329145804 50.9383958493411626, 5.88939585365096363 50.93544884709794474, 5.88851683432085249 50.93433867288695893, 5.88249844534140731 50.93255604364366462, 5.86949777544447304 50.92825005296859331, 5.86661485182454179 50.92482881125099681, 5.85685616562945022 50.92666658589300255, 5.84972232552935179 50.92402296925595095, 5.8472359853671021 50.9257744992242749, 5.85076433605426427 50.92849460280141471, 5.85554018903629192 50.93600665404125749, 5.85648803172723298 50.94331706784177527, 5.85648803172723298 50.94331706784177527)))</t>
  </si>
  <si>
    <t>MultiPolygon (((5.87671882343095398 50.94573171184264027, 5.85606934374414401 50.95828819050397129, 5.8611577123458396 50.9623161391925521, 5.87511185142152303 50.95726679536127079, 5.88017120227105927 50.95336832596872512, 5.88295544567637751 50.95012042167629573, 5.88066337971980424 50.94869367121435744, 5.87671882343095398 50.94573171184264027, 5.87671882343095398 50.94573171184264027)))</t>
  </si>
  <si>
    <t>MultiPolygon (((5.89051975337660316 50.95398532797823066, 5.89563476386531971 50.95129410530454095, 5.90459331471918336 50.94434472639363065, 5.89986160616227462 50.94249242785139842, 5.88939585365096363 50.93544884709794474, 5.8859439329145804 50.9383958493411626, 5.88084399645972589 50.94069022577896533, 5.86917556488145031 50.94240768888121806, 5.8704305836308146 50.94554043276665567, 5.87671882343095398 50.94573171184264027, 5.88066337971980424 50.94869367121435744, 5.88295544567637751 50.95012042167629573, 5.89051975337660316 50.95398532797823066, 5.89051975337660316 50.95398532797823066)))</t>
  </si>
  <si>
    <t>MultiPolygon (((5.80171463728159686 50.91413002124920695, 5.82661760851191612 50.91659133459329922, 5.82505441594569984 50.913926392913055, 5.82098685466797594 50.91231107382036214, 5.81758276138691244 50.91366060309900377, 5.8142821502614277 50.9122354537797932, 5.81555223082105677 50.90997819833178539, 5.81516177709091586 50.9089557530962864, 5.81462511674310978 50.90811980451602636, 5.81245145588291656 50.90783118162959653, 5.80329626447673697 50.90740519722557877, 5.7985008642284237 50.90814357672862656, 5.80100296076369659 50.90875488870847221, 5.80045400210723994 50.91024109521273289, 5.80085484584943334 50.91241550267272942, 5.80229936116634981 50.91362266868651432, 5.80171463728159686 50.91413002124920695, 5.80171463728159686 50.91413002124920695)))</t>
  </si>
  <si>
    <t>MultiPolygon (((5.7985008642284237 50.90814357672862656, 5.80329626447673697 50.90740519722557877, 5.81245145588291656 50.90783118162959653, 5.81489655265004135 50.90319289034049177, 5.81977477512728214 50.90115337398249551, 5.82341771470338188 50.89838628393795972, 5.83941466348810501 50.89420344122421369, 5.83322862587835367 50.89218873976705737, 5.82776542329343261 50.88954445731850029, 5.82422672511525352 50.88699735245381817, 5.82023195711857078 50.88543783118554131, 5.81913933782304493 50.88386711805157603, 5.8172744927082336 50.88477615498057816, 5.81498976898004383 50.88623892436289253, 5.81408145866328852 50.88607340641559773, 5.80986588876596333 50.88784736694535837, 5.80236711144303907 50.88707880622121849, 5.79984206483522691 50.88567287683200391, 5.7967730954299368 50.891747422134884, 5.79762664045858944 50.89517397977071766, 5.79656343603459057 50.89769675217727496, 5.80051999350927616 50.89818054006651238, 5.80148826242062299 50.89630652600673244, 5.8034811245366793 50.89803727237449493, 5.80171309164110749 50.9008035229189062, 5.79881726320125601 50.9010150797535772, 5.8022568890203905 50.90241206601108814, 5.79655697108537904 50.90747872527924756, 5.7985008642284237 50.90814357672862656, 5.7985008642284237 50.90814357672862656)))</t>
  </si>
  <si>
    <t>MultiPolygon (((5.83395866876110514 50.92002338879182588, 5.84158877028648149 50.91984355298088616, 5.84406461289866641 50.91975944245139374, 5.84164369662578764 50.91536890800382764, 5.83602527059026333 50.91225820698183213, 5.84473637295248594 50.90977292342491722, 5.84273739750851728 50.90773752141919317, 5.84317749809573161 50.90724589333302674, 5.83796417075750629 50.90652305297513891, 5.83912809513417574 50.90283306362215399, 5.84139389239313989 50.9013823124519007, 5.84130842563957842 50.89860423528138256, 5.837832447326603 50.89738101204249432, 5.83941466348810501 50.89420344122421369, 5.82341771470338188 50.89838628393795972, 5.81977477512728214 50.90115337398249551, 5.81489655265004135 50.90319289034049177, 5.81245145588291656 50.90783118162959653, 5.81462511674310978 50.90811980451602636, 5.81516177709091586 50.9089557530962864, 5.81555223082105677 50.90997819833178539, 5.8142821502614277 50.9122354537797932, 5.81758276138691244 50.91366060309900377, 5.82098685466797594 50.91231107382036214, 5.82505441594569984 50.913926392913055, 5.82661760851191612 50.91659133459329922, 5.83155712383594427 50.91718023831590045, 5.83131504877202289 50.91918497036720481, 5.83395866876110514 50.92002338879182588, 5.83395866876110514 50.92002338879182588)))</t>
  </si>
  <si>
    <t>MultiPolygon (((5.83941466348810501 50.89420344122421369, 5.8502387275983514 50.89471708685340445, 5.84981994382559112 50.89011797526929115, 5.84673269660909067 50.88906965487360878, 5.84999465727972723 50.88667300891115275, 5.85012939969222856 50.88366686182698828, 5.84199212206265717 50.88242845380653989, 5.83582982368969816 50.88151413126825418, 5.83468733013681984 50.88064824404116848, 5.83493717637017895 50.88232552154899224, 5.83359627251291268 50.88240295434778915, 5.83271679555080791 50.88577384967093309, 5.83664771325776677 50.89159989491042069, 5.83322862587835367 50.89218873976705737, 5.83941466348810501 50.89420344122421369, 5.83941466348810501 50.89420344122421369)))</t>
  </si>
  <si>
    <t>MultiPolygon (((5.84317749809573161 50.90724589333302674, 5.84965383044902598 50.90629797946471058, 5.85553757586491663 50.90386809152780501, 5.85798399000211134 50.90078563972417669, 5.85575296184632155 50.89579152891477776, 5.8502387275983514 50.89471708685340445, 5.83941466348810501 50.89420344122421369, 5.837832447326603 50.89738101204249432, 5.84130842563957842 50.89860423528138256, 5.84139389239313989 50.9013823124519007, 5.83912809513417574 50.90283306362215399, 5.83796417075750629 50.90652305297513891, 5.84317749809573161 50.90724589333302674, 5.84317749809573161 50.90724589333302674)))</t>
  </si>
  <si>
    <t>MultiPolygon (((5.8502387275983514 50.89471708685340445, 5.85575296184632155 50.89579152891477776, 5.85798399000211134 50.90078563972417669, 5.86167972584411956 50.89758762399095104, 5.86592260211324135 50.89565634624928947, 5.86849868185223134 50.89626589038496718, 5.87085421094307414 50.89289505485115939, 5.87215106108003493 50.8929545132056802, 5.87538584779097306 50.89458391105684143, 5.87735633937087343 50.89233930278280127, 5.88722543734499482 50.88775035064224994, 5.8903900555033557 50.88841307320370788, 5.89400729718114391 50.88560206019688792, 5.89046165259722621 50.8850769758490884, 5.88960524086729986 50.88563649347317153, 5.88859811430085944 50.88434545392473751, 5.88709860781109562 50.88371833202465666, 5.88585981515522239 50.88430506548048271, 5.88078644512431925 50.88253015955595515, 5.87145602078456985 50.88345921056821197, 5.86161843437493957 50.88241751284662229, 5.85697773157922175 50.8819153790734191, 5.85166515102081863 50.88219973599098012, 5.85012939969222856 50.88366686182698828, 5.84999465727972723 50.88667300891115275, 5.84673269660909067 50.88906965487360878, 5.84981994382559112 50.89011797526929115, 5.8502387275983514 50.89471708685340445, 5.8502387275983514 50.89471708685340445)))</t>
  </si>
  <si>
    <t>MultiPolygon (((5.89903832184613286 50.91478963722153139, 5.90438562652955046 50.91364975960065919, 5.91636675938768164 50.90991812165750474, 5.92351661260120466 50.90557017814111873, 5.92340497708512803 50.90440574582955691, 5.9205434049220802 50.90306370083373366, 5.91724213200787741 50.90426455995316246, 5.91339270175608345 50.90272496890410991, 5.91470710716030723 50.90172167775030232, 5.90157234538131803 50.89579345722454207, 5.90366611275780073 50.89423845354868092, 5.8903900555033557 50.88841307320370788, 5.88722543734499482 50.88775035064224994, 5.87735633937087343 50.89233930278280127, 5.88053262905802132 50.89432218377287143, 5.88728654865057699 50.90129471148762974, 5.88828362748110568 50.90595153695779373, 5.89017944456935094 50.90882571375247778, 5.89648521163367345 50.90955754558341795, 5.89903832184613286 50.91478963722153139, 5.89903832184613286 50.91478963722153139)))</t>
  </si>
  <si>
    <t>MultiPolygon (((5.8763121572600312 50.90716813749180147, 5.87923817418675387 50.90812822019448447, 5.89017944456935094 50.90882571375247778, 5.88828362748110568 50.90595153695779373, 5.88728654865057699 50.90129471148762974, 5.88053262905802132 50.89432218377287143, 5.87735633937087343 50.89233930278280127, 5.87538584779097306 50.89458391105684143, 5.87215106108003493 50.8929545132056802, 5.87085421094307414 50.89289505485115939, 5.86849868185223134 50.89626589038496718, 5.86592260211324135 50.89565634624928947, 5.86167972584411956 50.89758762399095104, 5.85798399000211134 50.90078563972417669, 5.85553757586491663 50.90386809152780501, 5.86744764505404071 50.90496169850107577, 5.8763121572600312 50.90716813749180147, 5.8763121572600312 50.90716813749180147)))</t>
  </si>
  <si>
    <t>MultiPolygon (((5.90747208359004183 50.93330365787750935, 5.91140654034863022 50.9345655782731157, 5.91735085792741256 50.9344980978340871, 5.91895040410388429 50.93322606876568415, 5.9202103882831949 50.93171191815437737, 5.91769721076563737 50.93055254107407848, 5.91315482422198535 50.92805604810336462, 5.91115511927823967 50.93039217773226568, 5.90798495268344315 50.93207140674750377, 5.90747208359004183 50.93330365787750935, 5.90747208359004183 50.93330365787750935)))</t>
  </si>
  <si>
    <t>MultiPolygon (((5.88249844534140731 50.93255604364366462, 5.88851683432085249 50.93433867288695893, 5.89010845557429885 50.93469911959519436, 5.89194789915038264 50.93073029141486785, 5.90017612504028044 50.93280486892989956, 5.90747208359004183 50.93330365787750935, 5.90798495268344315 50.93207140674750377, 5.91115511927823967 50.93039217773226568, 5.91315482422198535 50.92805604810336462, 5.91021875013771414 50.92698599958343664, 5.90551454204727833 50.92755527369511981, 5.90297816823999355 50.92542381312970434, 5.90114098784884522 50.92508664069023894, 5.90074475467421422 50.92298337382757722, 5.89822458939812577 50.92330894175804445, 5.89550591608480712 50.92013503033237498, 5.89575774708315148 50.91896820287769287, 5.89958630098732062 50.91682429716252756, 5.90410401471236668 50.91728350295932159, 5.90823476307919826 50.915468692049906, 5.90615401646449989 50.91448545632937339, 5.90488004242146403 50.91446479683389725, 5.90438562652955046 50.91364975960065919, 5.89903832184613286 50.91478963722153139, 5.89254618506974559 50.9183345314463125, 5.88867411521084083 50.92328966884107899, 5.88249844534140731 50.93255604364366462, 5.88249844534140731 50.93255604364366462)))</t>
  </si>
  <si>
    <t>MultiPolygon (((5.86661485182454179 50.92482881125099681, 5.86949777544447304 50.92825005296859331, 5.88249844534140731 50.93255604364366462, 5.88867411521084083 50.92328966884107899, 5.88176554954709818 50.92165476577356031, 5.87704669823433434 50.92074744214408355, 5.87439488472543037 50.92121662569957863, 5.87118416211832361 50.92212114296907544, 5.86661485182454179 50.92482881125099681, 5.86661485182454179 50.92482881125099681)))</t>
  </si>
  <si>
    <t>MultiPolygon (((5.8472359853671021 50.9257744992242749, 5.84972232552935179 50.92402296925595095, 5.85685616562945022 50.92666658589300255, 5.86661485182454179 50.92482881125099681, 5.87118416211832361 50.92212114296907544, 5.87439488472543037 50.92121662569957863, 5.87704669823433434 50.92074744214408355, 5.88176554954709818 50.92165476577356031, 5.88315595218929221 50.91987715404478365, 5.87478392461671017 50.91708925873390967, 5.87768212042702753 50.91668101357500831, 5.87765372467340352 50.91617225749760678, 5.87407981009488367 50.91309142197645343, 5.86972008641450405 50.91184477503172445, 5.8763121572600312 50.90716813749180147, 5.86744764505404071 50.90496169850107577, 5.85553757586491663 50.90386809152780501, 5.84965383044902598 50.90629797946471058, 5.84317749809573161 50.90724589333302674, 5.84273739750851728 50.90773752141919317, 5.84473637295248594 50.90977292342491722, 5.83602527059026333 50.91225820698183213, 5.84164369662578764 50.91536890800382764, 5.84406461289866641 50.91975944245139374, 5.84158877028648149 50.91984355298088616, 5.8472359853671021 50.9257744992242749, 5.8472359853671021 50.9257744992242749)))</t>
  </si>
  <si>
    <t>MultiPolygon (((5.88176554954709818 50.92165476577356031, 5.88867411521084083 50.92328966884107899, 5.89254618506974559 50.9183345314463125, 5.89903832184613286 50.91478963722153139, 5.89648521163367345 50.90955754558341795, 5.89017944456935094 50.90882571375247778, 5.87923817418675387 50.90812822019448447, 5.8763121572600312 50.90716813749180147, 5.86972008641450405 50.91184477503172445, 5.87407981009488367 50.91309142197645343, 5.87765372467340352 50.91617225749760678, 5.87768212042702753 50.91668101357500831, 5.87478392461671017 50.91708925873390967, 5.88315595218929221 50.91987715404478365, 5.88176554954709818 50.92165476577356031, 5.88176554954709818 50.92165476577356031)))</t>
  </si>
  <si>
    <t>MultiPolygon (((5.95255592910508735 50.96515995385207987, 5.9539100413737911 50.96635785653495532, 5.95199598181818512 50.96664137263571348, 5.95217897040729671 50.96705397281370153, 5.95523393533043155 50.96959554821437877, 5.9590468861520689 50.96780679666704827, 5.96255172967450342 50.96905435386074856, 5.96199160366612446 50.96957035050574092, 5.96696823073569149 50.97645722834933224, 5.96942808586037366 50.97597746105366667, 5.97131847027757701 50.97999665931649105, 5.98135714816893582 50.98321726590101832, 5.98422216160146014 50.98211458670245122, 6.01736344301760973 50.98340172374175694, 6.01870049552391695 50.98381854395663026, 6.02651175909899717 50.98327203009817055, 6.026802266195733 50.98130938908004595, 6.0211631177485927 50.97100292528340049, 6.01520697683769434 50.96236439093845405, 6.01300039435416522 50.96039776501963559, 6.009080732685538 50.95948473563959169, 6.00605352046131813 50.95753539965458145, 5.99924958164060307 50.95782918158873542, 5.99226632674998427 50.95892219049198246, 5.9926311006878672 50.96351378205455518, 5.99383876233341972 50.96583027640635066, 5.9858023757656067 50.97336161812135913, 5.98448934915283992 50.97961490708217269, 5.97689544295157926 50.97927543957290197, 5.96655803874155755 50.96862622330105097, 5.97173226579996275 50.96296131704385601, 5.97329379451887288 50.96217222411099357, 5.97368987102708004 50.95935848648380073, 5.97230054273287525 50.95927460890398208, 5.96908379789826782 50.96103558125921751, 5.97068013238575368 50.96214244311519792, 5.96999017161362122 50.96250233109533667, 5.96582795443850333 50.96229778556397605, 5.96212376553910328 50.96178439373975522, 5.95832873044922273 50.96452233967333001, 5.95629651771175794 50.96340422945996806, 5.95576137105200143 50.96363692041181537, 5.95255592910508735 50.96515995385207987, 5.95255592910508735 50.96515995385207987)))</t>
  </si>
  <si>
    <t>MultiPolygon (((5.95576137105200143 50.96363692041181537, 5.95629651771175794 50.96340422945996806, 5.95832873044922273 50.96452233967333001, 5.96212376553910328 50.96178439373975522, 5.96582795443850333 50.96229778556397605, 5.96535688030648004 50.96092481796985396, 5.96275516415358187 50.95873956024019691, 5.95838776335336018 50.95667407286092754, 5.95265395212949855 50.95250507246130667, 5.94380000321982216 50.94915464674160432, 5.94263248713251357 50.94949124586796785, 5.94229217737848092 50.94901408978370938, 5.93783785736180292 50.95003578691323298, 5.92749535041119646 50.952407095020817, 5.91869113006430947 50.95633150540187017, 5.9178481418754485 50.95698683023861264, 5.91871341241456239 50.95999845715186183, 5.92258317367935572 50.96299078411135497, 5.92722683932900463 50.96508674360974567, 5.93109665663288599 50.96321325419240367, 5.9345738316539256 50.96006253002160946, 5.93808743305944109 50.96216810438811251, 5.94096806246015063 50.96000150602693424, 5.94436300250188676 50.96026668652333314, 5.94961927911005262 50.96411552144728319, 5.95576137105200143 50.96363692041181537, 5.95576137105200143 50.96363692041181537)))</t>
  </si>
  <si>
    <t>MultiPolygon (((5.91965571832861137 50.97819317333973288, 5.92772329086761118 50.98232075988452294, 5.93082718774853301 50.98094075142289228, 5.93120956074141858 50.97738382155417725, 5.93469184951682749 50.97650728073984538, 5.93638392950944471 50.97739985044986355, 5.93872132827268828 50.9772171097331821, 5.95255592910508735 50.96515995385207987, 5.95576137105200143 50.96363692041181537, 5.94961927911005262 50.96411552144728319, 5.94436300250188676 50.96026668652333314, 5.94096806246015063 50.96000150602693424, 5.93808743305944109 50.96216810438811251, 5.9345738316539256 50.96006253002160946, 5.93109665663288599 50.96321325419240367, 5.92722683932900463 50.96508674360974567, 5.92258317367935572 50.96299078411135497, 5.92170446064312017 50.96346962950821791, 5.91674281196095642 50.96750091053193188, 5.91279764939280472 50.96798893465896896, 5.91836385399875109 50.97293540764877662, 5.92422191186110414 50.97569494974951709, 5.91965571832861137 50.97819317333973288, 5.91965571832861137 50.97819317333973288)))</t>
  </si>
  <si>
    <t>MultiPolygon (((5.92772329086761118 50.98232075988452294, 5.93388636253317614 50.98535320232181078, 5.95013440050462616 50.98720719702780002, 5.95518499776315213 50.98841699817622697, 5.95739222715523731 50.98500526388673393, 5.96632582956968793 50.9797694440763749, 5.9680461686621058 50.9793797862462128, 5.97131847027757701 50.97999665931649105, 5.96942808586037366 50.97597746105366667, 5.96696823073569149 50.97645722834933224, 5.96199160366612446 50.96957035050574092, 5.96255172967450342 50.96905435386074856, 5.9590468861520689 50.96780679666704827, 5.95523393533043155 50.96959554821437877, 5.95217897040729671 50.96705397281370153, 5.95199598181818512 50.96664137263571348, 5.9539100413737911 50.96635785653495532, 5.95255592910508735 50.96515995385207987, 5.93872132827268828 50.9772171097331821, 5.93638392950944471 50.97739985044986355, 5.93469184951682749 50.97650728073984538, 5.93120956074141858 50.97738382155417725, 5.93082718774853301 50.98094075142289228, 5.92772329086761118 50.98232075988452294, 5.92772329086761118 50.98232075988452294)))</t>
  </si>
  <si>
    <t>MultiPolygon (((5.97820018605451509 50.95994343515824454, 5.97404214950029289 50.95833959124914259, 5.97400701295786529 50.95858546534527989, 5.97368987102708004 50.95935848648380073, 5.97329379451887288 50.96217222411099357, 5.97173226579996275 50.96296131704385601, 5.96655803874155755 50.96862622330105097, 5.97689544295157926 50.97927543957290197, 5.98448934915283992 50.97961490708217269, 5.9858023757656067 50.97336161812135913, 5.99383876233341972 50.96583027640635066, 5.9926311006878672 50.96351378205455518, 5.99226632674998427 50.95892219049198246, 5.98881956833221629 50.95941623605727955, 5.98012345439174897 50.96067965029160973, 5.97820018605451509 50.95994343515824454, 5.97820018605451509 50.95994343515824454)))</t>
  </si>
  <si>
    <t>MultiPolygon (((6.90373092595428162 53.16650601164884193, 6.92927552023800164 53.16905065449668655, 6.92983352807241726 53.1653346959673172, 6.9422991425699081 53.16641923735380715, 6.9437834900919988 53.15901344280215568, 6.95038114794728745 53.15889510298822529, 6.95444777412494464 53.14379582614143516, 6.95492866079177219 53.13674331806748796, 6.95631640688303499 53.13504556294368797, 6.95653723529124246 53.13438881851625695, 6.95987210451829252 53.1244994043494998, 6.96584676350286625 53.11207788560297871, 6.96529491040712401 53.11083106030953616, 6.96173525910875313 53.11002129733444832, 6.95933912392234699 53.12017590041461546, 6.9498357245834752 53.12116882045753385, 6.93480153165326918 53.12414247697126513, 6.89962730480781961 53.12807347112160983, 6.8989433614861353 53.1281632973642175, 6.89498659419226279 53.1613011612019406, 6.89431718209912781 53.16397874611636354, 6.89982551432626146 53.16455643788445684, 6.90373092595428162 53.16650601164884193, 6.90373092595428162 53.16650601164884193),(6.93229495873124613 53.14303021053583365, 6.92526142553616975 53.14260947327985463, 6.90253007687929099 53.13786691320417077, 6.90319704211395369 53.13178172018541545, 6.92543035691692044 53.13028462389861062, 6.93245036410045845 53.12871503111938409, 6.93257597827075323 53.13604079227842902, 6.94062769651690736 53.135941304070748, 6.94074082570215456 53.13973562673216833, 6.93321367513017162 53.13980362073067454, 6.93229495873124613 53.14303021053583365, 6.93229495873124613 53.14303021053583365)))</t>
  </si>
  <si>
    <t>MultiPolygon (((6.93229495873124613 53.14303021053583365, 6.93321367513017162 53.13980362073067454, 6.94074082570215456 53.13973562673216833, 6.94062769651690736 53.135941304070748, 6.93257597827075323 53.13604079227842902, 6.93245036410045845 53.12871503111938409, 6.92543035691692044 53.13028462389861062, 6.90319704211395369 53.13178172018541545, 6.90253007687929099 53.13786691320417077, 6.92526142553616975 53.14260947327985463, 6.93229495873124613 53.14303021053583365, 6.93229495873124613 53.14303021053583365)))</t>
  </si>
  <si>
    <t>MultiPolygon (((6.8800576924537733 53.16350065895223764, 6.89234738517812584 53.16435604207006094, 6.89315948546267254 53.1611269643825608, 6.88563501197990391 53.16069945860211021, 6.88544716069570395 53.16135595836915684, 6.87299506463694421 53.16022132638013176, 6.87007286624249591 53.16164183908048102, 6.87027381136253013 53.16240747901868247, 6.88013837253741034 53.16305586212437362, 6.8800576924537733 53.16350065895223764, 6.8800576924537733 53.16350065895223764)))</t>
  </si>
  <si>
    <t>MultiPolygon (((6.87909131518777528 53.18301501298343936, 6.87918862362013694 53.1830138022947807, 6.88378788900806171 53.18296547621370252, 6.88393280469095359 53.18585748515334899, 6.88737248507450506 53.18581450462700388, 6.88795977974865981 53.18290434911167353, 6.91386007460238616 53.18302684698154792, 6.91158012010210676 53.18128367771835485, 6.91149806269116596 53.17870354300954006, 6.91308461192970203 53.1769293540989807, 6.91253418185867918 53.17562343406721936, 6.90820304886799352 53.17428689597696234, 6.90763617076806113 53.17287799087895905, 6.90828407817843448 53.17223420558200075, 6.91220834035878084 53.17196631762275416, 6.90740472483371626 53.16969928832318715, 6.90373092595428162 53.16650601164884193, 6.89982551432626146 53.16455643788445684, 6.89431718209912781 53.16397874611636354, 6.89498659419226279 53.1613011612019406, 6.89315948546267254 53.1611269643825608, 6.89234738517812584 53.16435604207006094, 6.8800576924537733 53.16350065895223764, 6.87993582923301972 53.16416892671633576, 6.87925070466690958 53.16905695545057142, 6.87516389334108968 53.16891729608068573, 6.87508312119622378 53.16954843646194462, 6.87968694377889367 53.16975218701670514, 6.88211313802701063 53.17042689281317536, 6.8822617697854449 53.17157780789704447, 6.88101212930561967 53.1714994700296657, 6.87972529543019728 53.17231597239213414, 6.87909131518777528 53.18301501298343936, 6.87909131518777528 53.18301501298343936)))</t>
  </si>
  <si>
    <t>MultiPolygon (((6.82236872948670481 53.17585316516964866, 6.82461438670929876 53.17561913360881931, 6.82591836346346437 53.17839842852722398, 6.82530928505363388 53.18167697345724321, 6.84171133397731168 53.18229695260441048, 6.84212957590367843 53.18539237207986048, 6.87268335594107782 53.18502676863320033, 6.87250192816204297 53.17584420116246235, 6.86706301003262976 53.17362174442875045, 6.8596076218711044 53.17306143747595826, 6.85915853031236811 53.1718495727770204, 6.85081188899576521 53.17183429710057396, 6.85082926568164652 53.16875639976378665, 6.85500620327944343 53.16897225209897471, 6.85583348890347466 53.16442960595085054, 6.85004820908351597 53.16400075492595079, 6.85035288962726074 53.16133445426419968, 6.84508482944543672 53.16159320942090716, 6.81762751564339631 53.16701564314033845, 6.82236872948670481 53.17585316516964866, 6.82236872948670481 53.17585316516964866)))</t>
  </si>
  <si>
    <t>MultiPolygon (((6.87516389334108968 53.16891729608068573, 6.87925070466690958 53.16905695545057142, 6.87993582923301972 53.16416892671633576, 6.86355450074362405 53.16298374503315927, 6.86313857861335919 53.16526303510825358, 6.86416030445085212 53.16822925501108443, 6.87516389334108968 53.16891729608068573, 6.87516389334108968 53.16891729608068573)))</t>
  </si>
  <si>
    <t>MultiPolygon (((6.87268335594107782 53.18502676863320033, 6.87909131518777528 53.18301501298343936, 6.87972529543019728 53.17231597239213414, 6.88101212930561967 53.1714994700296657, 6.8822617697854449 53.17157780789704447, 6.88211313802701063 53.17042689281317536, 6.87968694377889367 53.16975218701670514, 6.87508312119622378 53.16954843646194462, 6.87516389334108968 53.16891729608068573, 6.86416030445085212 53.16822925501108443, 6.86313857861335919 53.16526303510825358, 6.86355450074362405 53.16298374503315927, 6.87993582923301972 53.16416892671633576, 6.8800576924537733 53.16350065895223764, 6.88013837253741034 53.16305586212437362, 6.87027381136253013 53.16240747901868247, 6.87007286624249591 53.16164183908048102, 6.87299506463694421 53.16022132638013176, 6.88544716069570395 53.16135595836915684, 6.88563501197990391 53.16069945860211021, 6.88073836573124797 53.15962819809074347, 6.88340796107553654 53.15813001068048749, 6.88449323246444589 53.15622018274565619, 6.86671015010783048 53.15473346726296455, 6.86444763710878103 53.15415025396706739, 6.86481336176489254 53.15259997057198404, 6.86262422474132983 53.15241124985539045, 6.86229315911757798 53.15366452648090245, 6.85665463990520685 53.15315861732929648, 6.85589882476715751 53.15511807067300509, 6.84097058572853545 53.15356557062403198, 6.83787622298558606 53.15357610221721529, 6.83686885551353729 53.15742574354460004, 6.81604423824558836 53.1580920879317631, 6.81670399960307272 53.16386895550102309, 6.81585763248493848 53.16394378724064751, 6.81762751564339631 53.16701564314033845, 6.84508482944543672 53.16159320942090716, 6.85035288962726074 53.16133445426419968, 6.85004820908351597 53.16400075492595079, 6.85583348890347466 53.16442960595085054, 6.85500620327944343 53.16897225209897471, 6.85082926568164652 53.16875639976378665, 6.85081188899576521 53.17183429710057396, 6.85915853031236811 53.1718495727770204, 6.8596076218711044 53.17306143747595826, 6.86706301003262976 53.17362174442875045, 6.87250192816204297 53.17584420116246235, 6.87268335594107782 53.18502676863320033, 6.87268335594107782 53.18502676863320033)))</t>
  </si>
  <si>
    <t>MultiPolygon (((6.8536307615746459 53.21532925009282877, 6.85594103954335043 53.21683388087684818, 6.87889436054165948 53.22229020664948962, 6.88460168220197133 53.22591138670197353, 6.8865792532454071 53.22577623469513952, 6.89274356953920453 53.22335115148467821, 6.90088365403794679 53.22259949250050681, 6.9038148853110437 53.22281787958011989, 6.91271631837679124 53.22512461606160628, 6.92004138260784618 53.22734250830832536, 6.92553229677169391 53.22155763544989782, 6.92281564788047543 53.2206298652562424, 6.92694247043313815 53.2145974009021856, 6.92900479222004684 53.21308412291669043, 6.92059631174288192 53.20744892207499532, 6.92468787414660447 53.20507124988768766, 6.91839752452479484 53.1987333548022292, 6.91682000981676914 53.19556991528623513, 6.92271816750181657 53.19464785686434993, 6.92510874723095249 53.19424874226869804, 6.92290282132197632 53.19070441878148614, 6.91868954365491273 53.19139242314241045, 6.91579568472590545 53.18827857087637767, 6.91386007460238616 53.18302684698154792, 6.88795977974865981 53.18290434911167353, 6.88737248507450506 53.18581450462700388, 6.88393280469095359 53.18585748515334899, 6.88378788900806171 53.18296547621370252, 6.87918862362013694 53.1830138022947807, 6.87822201541033973 53.20088040923216255, 6.87367754969958433 53.20880671506542825, 6.8711616969415692 53.20887382789898368, 6.86496526608346258 53.20675941632956807, 6.8672316407341274 53.19881285161062578, 6.86223074540405964 53.19769654611010878, 6.85656028902347181 53.19361554148107274, 6.85325609537932046 53.19370095604716653, 6.85321067183879862 53.19309493847276116, 6.86858661046496533 53.19220437572940341, 6.87280103473805593 53.18797860483641671, 6.87268335594107782 53.18502676863320033, 6.84212957590367843 53.18539237207986048, 6.84171133397731168 53.18229695260441048, 6.82530928505363388 53.18167697345724321, 6.82591836346346437 53.17839842852722398, 6.82461438670929876 53.17561913360881931, 6.82236872948670481 53.17585316516964866, 6.82125833248953217 53.18165215503924514, 6.82699902504268419 53.18478008879229435, 6.81324766287515704 53.18490962649279652, 6.81167173053265884 53.18575146503857098, 6.81295663383153727 53.18822527271876766, 6.8153796912654796 53.18818315862832691, 6.81997955237216935 53.19118759614504199, 6.81421154163255149 53.1936386925661111, 6.81794659796701907 53.1966867990665051, 6.81746917330812874 53.1984657072494187, 6.82635279728136801 53.20249911001838683, 6.83801947189504755 53.20397687309345258, 6.84196824733134434 53.20566450511802969, 6.84113470870327944 53.20856361012711488, 6.84775188735710927 53.20941916811079864, 6.84754303156258004 53.21016733343230243, 6.85454769794387975 53.21166403957787594, 6.8536307615746459 53.21532925009282877, 6.8536307615746459 53.21532925009282877)))</t>
  </si>
  <si>
    <t>MultiPolygon (((6.87268335594107782 53.18502676863320033, 6.87280103473805593 53.18797860483641671, 6.86858661046496533 53.19220437572940341, 6.85321067183879862 53.19309493847276116, 6.85325609537932046 53.19370095604716653, 6.85656028902347181 53.19361554148107274, 6.86223074540405964 53.19769654611010878, 6.8672316407341274 53.19881285161062578, 6.86496526608346258 53.20675941632956807, 6.8711616969415692 53.20887382789898368, 6.87367754969958433 53.20880671506542825, 6.87822201541033973 53.20088040923216255, 6.87918862362013694 53.1830138022947807, 6.87909131518777528 53.18301501298343936, 6.87268335594107782 53.18502676863320033, 6.87268335594107782 53.18502676863320033)))</t>
  </si>
  <si>
    <t>MultiPolygon (((6.80214792333521334 53.14015036433023909, 6.81110931395901975 53.1425400215917918, 6.82116903519561291 53.12883168773741005, 6.81580593804219159 53.12742235898350884, 6.80323953597209208 53.12408968370961304, 6.79403289779256614 53.13651049671221926, 6.8030489517969075 53.13889886561782561, 6.80214792333521334 53.14015036433023909, 6.80214792333521334 53.14015036433023909)))</t>
  </si>
  <si>
    <t>MultiPolygon (((6.81604423824558836 53.1580920879317631, 6.83686885551353729 53.15742574354460004, 6.83787622298558606 53.15357610221721529, 6.84097058572853545 53.15356557062403198, 6.84146091889454766 53.15213967228243774, 6.83357049139899697 53.15133645135801999, 6.8350668501461298 53.14511733556823714, 6.8330597668618589 53.13827546825263681, 6.84463560548703409 53.13719158734287618, 6.84598121559632666 53.13410163089898219, 6.84549363380023301 53.13027007867184182, 6.85181745452088808 53.12992332607823442, 6.85154218341813337 53.12502114722700952, 6.82310112523710099 53.12621902331301271, 6.82116903519561291 53.12883168773741005, 6.81110931395901975 53.1425400215917918, 6.80790637074825433 53.1469296323796172, 6.81903942542902985 53.14633175258871489, 6.81653350547328341 53.15127503400031372, 6.81604423824558836 53.1580920879317631, 6.81604423824558836 53.1580920879317631)))</t>
  </si>
  <si>
    <t>MultiPolygon (((6.84097058572853545 53.15356557062403198, 6.85589882476715751 53.15511807067300509, 6.85665463990520685 53.15315861732929648, 6.86229315911757798 53.15366452648090245, 6.86262422474132983 53.15241124985539045, 6.8646349943358187 53.14419695882526185, 6.86445418629625959 53.13970454291479939, 6.85998430610394827 53.13699621174740173, 6.84847880028380285 53.13766188758987852, 6.84827558178815643 53.13687699855677238, 6.85322336202936988 53.13390150138175727, 6.85576741885925323 53.12984946844702705, 6.86191613193390726 53.12960558223858953, 6.86508404332138333 53.12817332832895545, 6.86527586944515544 53.12587800978604236, 6.86610941601248825 53.12587353738036455, 6.86592893920276737 53.124387295044734, 6.86515901620403834 53.12442116935556413, 6.85154218341813337 53.12502114722700952, 6.85181745452088808 53.12992332607823442, 6.84549363380023301 53.13027007867184182, 6.84598121559632666 53.13410163089898219, 6.84463560548703409 53.13719158734287618, 6.8330597668618589 53.13827546825263681, 6.8350668501461298 53.14511733556823714, 6.83357049139899697 53.15133645135801999, 6.84146091889454766 53.15213967228243774, 6.84097058572853545 53.15356557062403198, 6.84097058572853545 53.15356557062403198)))</t>
  </si>
  <si>
    <t>MultiPolygon (((6.89315948546267254 53.1611269643825608, 6.89498659419226279 53.1613011612019406, 6.8989433614861353 53.1281632973642175, 6.89703982280829742 53.12849418954445468, 6.89709975695904554 53.12757809729307468, 6.89471773018648282 53.12785377137518594, 6.88625355447806076 53.12859950389230335, 6.88504747934189343 53.12742564859276939, 6.88426875580202857 53.12561636863542702, 6.88302693512997443 53.12581725010375067, 6.88281499865624902 53.12519543118828125, 6.88001735029620409 53.12564761884934228, 6.88169092809791572 53.12993980259872728, 6.88175045309044009 53.13299968165928533, 6.8794830902203854 53.13499910300780726, 6.87067172631717682 53.13853327062194154, 6.86989978674603918 53.14092215958791598, 6.86755575843239807 53.14108054641442891, 6.86481336176489254 53.15259997057198404, 6.86444763710878103 53.15415025396706739, 6.86671015010783048 53.15473346726296455, 6.88449323246444589 53.15622018274565619, 6.88340796107553654 53.15813001068048749, 6.88073836573124797 53.15962819809074347, 6.88563501197990391 53.16069945860211021, 6.89315948546267254 53.1611269643825608)))</t>
  </si>
  <si>
    <t>MultiPolygon (((6.86610941601248825 53.12587353738036455, 6.86899958680927814 53.13352255450984529, 6.86755575843239807 53.14108054641442891, 6.86989978674603918 53.14092215958791598, 6.87067172631717682 53.13853327062194154, 6.8794830902203854 53.13499910300780726, 6.88175045309044009 53.13299968165928533, 6.88169092809791572 53.12993980259872728, 6.88001735029620409 53.12564761884934228, 6.87893953776526779 53.12582177923070503, 6.87861923572265699 53.12514871880841127, 6.87429285654150668 53.12536844052712581, 6.87412387413484627 53.12354730313366247, 6.86595802092228169 53.12392810612368521, 6.86592893920276737 53.124387295044734, 6.86610941601248825 53.12587353738036455, 6.86610941601248825 53.12587353738036455)))</t>
  </si>
  <si>
    <t>MultiPolygon (((6.86262422474132983 53.15241124985539045, 6.86481336176489254 53.15259997057198404, 6.86755575843239807 53.14108054641442891, 6.86899958680927814 53.13352255450984529, 6.86610941601248825 53.12587353738036455, 6.86527586944515544 53.12587800978604236, 6.86508404332138333 53.12817332832895545, 6.86191613193390726 53.12960558223858953, 6.85576741885925323 53.12984946844702705, 6.85322336202936988 53.13390150138175727, 6.84827558178815643 53.13687699855677238, 6.84847880028380285 53.13766188758987852, 6.85998430610394827 53.13699621174740173, 6.86445418629625959 53.13970454291479939, 6.8646349943358187 53.14419695882526185, 6.86262422474132983 53.15241124985539045, 6.86262422474132983 53.15241124985539045)))</t>
  </si>
  <si>
    <t>MultiPolygon (((6.88737704672119744 53.29788200261688758, 6.88972643213192093 53.2927379956757008, 6.87868091250053038 53.29205886032176664, 6.87801807810742005 53.28504396015479472, 6.8601553148418466 53.28516703078893357, 6.84243518923419636 53.28447716154618519, 6.84242726655265088 53.27855557653838048, 6.84879551107214546 53.27702741362301708, 6.85103060289883015 53.27556229335425542, 6.85162297975706025 53.27300267620157115, 6.85523877407820947 53.26616743716862601, 6.85326325274565029 53.26345069488995421, 6.84796618399228674 53.26109281988799182, 6.84905449553138901 53.25993556467047085, 6.84615297970445802 53.25918869659282251, 6.83561186754951411 53.25646420834829087, 6.83223415053863192 53.26127003464725362, 6.82208865717616231 53.25803358010485766, 6.8146351216283243 53.26793237560664807, 6.80467501818284681 53.26467907660737211, 6.80384076207172939 53.26683605202629224, 6.81107150526718641 53.27083693366774497, 6.8148710566314481 53.27215841189171641, 6.82906671762520467 53.27100653768676608, 6.83439974303680309 53.27225043379587532, 6.83591186858043631 53.27411897919662209, 6.83534438099339425 53.27987712704368306, 6.83694528697725445 53.28556932508021049, 6.83847854599739602 53.28775268670956677, 6.83827838802486276 53.29034817495319487, 6.84580557331834338 53.29012599149054807, 6.85095084125221732 53.29664943880511174, 6.8514956674696057 53.29678546230979919, 6.86025443192634032 53.29632572899181042, 6.86072318189314601 53.29498697446645394, 6.87322232286216916 53.29649375559379365, 6.87456666617605805 53.29561145267007305, 6.8775681096930974 53.29648904556550804, 6.87960893177362642 53.29784965391200302, 6.88663114297365464 53.29827483852196934, 6.88737704672119744 53.29788200261688758)))</t>
  </si>
  <si>
    <t>MultiPolygon (((6.88923907754198162 53.28981993022949837, 6.89127064241992837 53.28692055866748234, 6.89311206103855323 53.28779193656008317, 6.8955964527282072 53.28591758730706829, 6.88747189588826281 53.28169186817670067, 6.88733278294190399 53.27917884773044932, 6.89908980563203844 53.27946643106910329, 6.90790426286344594 53.27930271468386536, 6.90825819432455024 53.27870079194243402, 6.90908246956914684 53.27900012450636069, 6.90814246257345399 53.27001975868049755, 6.91020226709791441 53.26844549519029925, 6.90933663114553465 53.2635589239916456, 6.88801292978961399 53.26404316805570005, 6.88749519916598008 53.26812124155512862, 6.88160357339280626 53.26789954369573366, 6.88147945919447235 53.26908207423765873, 6.88699918677536971 53.26933026268037707, 6.88587515359261193 53.27730612790762166, 6.87745559002850015 53.27698305388486943, 6.87792013410844127 53.26775282091993802, 6.87520290941614576 53.26764341671066916, 6.87350626888138549 53.27237391185087034, 6.86656715238565241 53.27219346776762876, 6.8665353576167858 53.27310886029609804, 6.86524948439073146 53.2732735128678101, 6.85162297975706025 53.27300267620157115, 6.85103060289883015 53.27556229335425542, 6.84879551107214546 53.27702741362301708, 6.84242726655265088 53.27855557653838048, 6.84243518923419636 53.28447716154618519, 6.8601553148418466 53.28516703078893357, 6.87801807810742005 53.28504396015479472, 6.87868091250053038 53.29205886032176664, 6.88972643213192093 53.2927379956757008, 6.89076745263333468 53.29053389228970872, 6.88923907754198162 53.28981993022949837)))</t>
  </si>
  <si>
    <t>MultiPolygon (((6.6983303536346428 53.25614494983417302, 6.70751583080264968 53.25943048778714939, 6.71108907453434078 53.25853339329928815, 6.71275814655851288 53.25405215465934106, 6.71708296135883831 53.25262203842461872, 6.71566632540007991 53.2510723601887932, 6.71623101415460866 53.25015017647355364, 6.71940786674836055 53.24866971438935082, 6.72118634859571262 53.24896214828770979, 6.72458494606428658 53.24879151362761576, 6.72553370319861266 53.2471986696052042, 6.72499779173328349 53.2467873345808087, 6.7225144153115739 53.24780996559498902, 6.72205206514986653 53.24746669025351054, 6.72138742263054656 53.24599554942832924, 6.72320229187555096 53.24364453993629098, 6.73830374771479867 53.23739868884993598, 6.74010130418050046 53.23478126569415991, 6.73526944481408307 53.23540408224025811, 6.72885228895140397 53.23520166295620726, 6.72309043321994348 53.23523654734420063, 6.71892282073850389 53.23178463793997395, 6.71390221464740033 53.2342734978423664, 6.70884700221283392 53.23532688912165156, 6.71768570422151434 53.24187250043654274, 6.71272070952726718 53.24461985276400355, 6.71433590904664435 53.24566969709319153, 6.70353743886964892 53.25194207207510289, 6.70385203036806576 53.25357272746035875, 6.6983303536346428 53.25614494983417302, 6.6983303536346428 53.25614494983417302)))</t>
  </si>
  <si>
    <t>MultiPolygon (((6.72118634859571262 53.24896214828770979, 6.72335029998777767 53.25047605738232903, 6.72324366271067309 53.25247090703339126, 6.73465352872061196 53.26120991253861803, 6.73692770264989704 53.25994117367520886, 6.74120333587839404 53.26279980136805392, 6.74341789676236125 53.26210237357805255, 6.75079139849648779 53.2565578327688911, 6.75209384827587833 53.25436097711254746, 6.74917104994615169 53.25241316937335512, 6.75569509532621915 53.24867544268139596, 6.75329954748458228 53.24444630498102526, 6.75621874370948561 53.24258504462714825, 6.7536699962866944 53.24011762245585544, 6.74729077867785065 53.2430094256715094, 6.74909437550286828 53.24381159175221256, 6.74774851785951402 53.2445744756916497, 6.74499986130188312 53.24278229885216263, 6.74527790772756486 53.24064341581012627, 6.73830374771479867 53.23739868884993598, 6.72320229187555096 53.24364453993629098, 6.72138742263054656 53.24599554942832924, 6.72205206514986653 53.24746669025351054, 6.7225144153115739 53.24780996559498902, 6.72499779173328349 53.2467873345808087, 6.72553370319861266 53.2471986696052042, 6.72458494606428658 53.24879151362761576, 6.72118634859571262 53.24896214828770979, 6.72118634859571262 53.24896214828770979)))</t>
  </si>
  <si>
    <t>MultiPolygon (((6.81434453551111474 53.2975916588262919, 6.81435496275897634 53.29757984885441147, 6.81455125056678579 53.29735753436548862, 6.81664928026366645 53.29518207576483491, 6.82516161865736937 53.29762229144932206, 6.82807244162423466 53.29109182404530998, 6.83827838802486276 53.29034817495319487, 6.83847854599739602 53.28775268670956677, 6.83694528697725445 53.28556932508021049, 6.83534438099339425 53.27987712704368306, 6.83591186858043631 53.27411897919662209, 6.83439974303680309 53.27225043379587532, 6.82906671762520467 53.27100653768676608, 6.8148710566314481 53.27215841189171641, 6.81107150526718641 53.27083693366774497, 6.80384076207172939 53.26683605202629224, 6.79783179557871264 53.264796175102056, 6.79471957980184804 53.26279958977499973, 6.79272834730741071 53.26004353176043082, 6.79074981469504557 53.25924220711122814, 6.78124413723179575 53.25863903389670639, 6.77076223909102559 53.25502471827638118, 6.75672145697234594 53.24306367971281873, 6.75621874370948561 53.24258504462714825, 6.75329954748458228 53.24444630498102526, 6.75569509532621915 53.24867544268139596, 6.74917104994615169 53.25241316937335512, 6.75209384827587833 53.25436097711254746, 6.75079139849648779 53.2565578327688911, 6.74341789676236125 53.26210237357805255, 6.74120333587839404 53.26279980136805392, 6.73692770264989704 53.25994117367520886, 6.73465352872061196 53.26120991253861803, 6.72324366271067309 53.25247090703339126, 6.72335029998777767 53.25047605738232903, 6.72118634859571262 53.24896214828770979, 6.71940786674836055 53.24866971438935082, 6.71623101415460866 53.25015017647355364, 6.71566632540007991 53.2510723601887932, 6.71708296135883831 53.25262203842461872, 6.71275814655851288 53.25405215465934106, 6.71108907453434078 53.25853339329928815, 6.70751583080264968 53.25943048778714939, 6.71765761033670561 53.26316771517655013, 6.73229176729390488 53.26920862072218199, 6.75113649418212169 53.27539960913799177, 6.77252679202859653 53.28308659506245704, 6.81434453551111474 53.2975916588262919),(6.78665757122745816 53.28611203470016733, 6.78350109636800447 53.28538429151792144, 6.77882081964358907 53.2813838628544616, 6.78661460184070453 53.27935116434025531, 6.78951539763460676 53.28248134601615504, 6.78665757122745816 53.28611203470016733)))</t>
  </si>
  <si>
    <t>MultiPolygon (((6.78665757122745816 53.28611203470016733, 6.78951539763460676 53.28248134601615504, 6.78661460184070453 53.27935116434025531, 6.77882081964358907 53.2813838628544616, 6.78350109636800447 53.28538429151792144, 6.78665757122745816 53.28611203470016733, 6.78665757122745816 53.28611203470016733)))</t>
  </si>
  <si>
    <t>MultiPolygon (((6.87664457667718487 53.24781164084566853, 6.87719307620681963 53.24895436055913933, 6.87986763798564294 53.248571214895982, 6.88634348539944874 53.24759386623141921, 6.88643021930291166 53.24586046298556852, 6.8830570334919603 53.24559944594584238, 6.87664457667718487 53.24781164084566853, 6.87664457667718487 53.24781164084566853)))</t>
  </si>
  <si>
    <t>MultiPolygon (((6.85162297975706025 53.27300267620157115, 6.86524948439073146 53.2732735128678101, 6.8665353576167858 53.27310886029609804, 6.86656715238565241 53.27219346776762876, 6.87350626888138549 53.27237391185087034, 6.87520290941614576 53.26764341671066916, 6.87792013410844127 53.26775282091993802, 6.87745559002850015 53.27698305388486943, 6.88587515359261193 53.27730612790762166, 6.88699918677536971 53.26933026268037707, 6.88147945919447235 53.26908207423765873, 6.88160357339280626 53.26789954369573366, 6.88749519916598008 53.26812124155512862, 6.88801292978961399 53.26404316805570005, 6.90933663114553465 53.2635589239916456, 6.91214978769798538 53.26348521560132809, 6.91134359529643305 53.25198626576896999, 6.90925581303281966 53.24351827123043535, 6.91134419147853496 53.24301546694540832, 6.908591239232722 53.23395393283502841, 6.91271631837679124 53.22512461606160628, 6.9038148853110437 53.22281787958011989, 6.90088365403794679 53.22259949250050681, 6.89274356953920453 53.22335115148467821, 6.8865792532454071 53.22577623469513952, 6.88460168220197133 53.22591138670197353, 6.87889436054165948 53.22229020664948962, 6.85594103954335043 53.21683388087684818, 6.8536307615746459 53.21532925009282877, 6.83883272619788318 53.23433783329030433, 6.84862555536333506 53.23680977361416211, 6.84970611192525158 53.2353298762016891, 6.8560237298504072 53.23693538023304228, 6.85616735866646998 53.23959461498004941, 6.85531897377368882 53.24067625708863005, 6.86676728453019791 53.24384981268717354, 6.87680825360790227 53.24497567645941842, 6.87664457667718487 53.24781164084566853, 6.8830570334919603 53.24559944594584238, 6.88643021930291166 53.24586046298556852, 6.88634348539944874 53.24759386623141921, 6.87986763798564294 53.248571214895982, 6.87945452388591328 53.25461500858138209, 6.87772431051251854 53.2571497566106018, 6.87331019739219595 53.25705790479769064, 6.87336333957319923 53.25618993732275896, 6.86393935763345109 53.2558785860886843, 6.85961301436537418 53.2542156193176055, 6.85962762361206213 53.25299657428026023, 6.85857627485477028 53.25231007987200371, 6.85273041418806805 53.25175324667099375, 6.84615297970445802 53.25918869659282251, 6.84905449553138901 53.25993556467047085, 6.84796618399228674 53.26109281988799182, 6.85326325274565029 53.26345069488995421, 6.85523877407820947 53.26616743716862601, 6.85162297975706025 53.27300267620157115, 6.85162297975706025 53.27300267620157115)))</t>
  </si>
  <si>
    <t>MultiPolygon (((6.84693293111017098 53.25033118002629351, 6.85273041418806805 53.25175324667099375, 6.85857627485477028 53.25231007987200371, 6.85962762361206213 53.25299657428026023, 6.85961301436537418 53.2542156193176055, 6.86393935763345109 53.2558785860886843, 6.87336333957319923 53.25618993732275896, 6.87331019739219595 53.25705790479769064, 6.87772431051251854 53.2571497566106018, 6.87945452388591328 53.25461500858138209, 6.87986763798564294 53.248571214895982, 6.87719307620681963 53.24895436055913933, 6.87664457667718487 53.24781164084566853, 6.87680825360790227 53.24497567645941842, 6.86676728453019791 53.24384981268717354, 6.85531897377368882 53.24067625708863005, 6.85205817160632691 53.23982816571446364, 6.84935932340641251 53.24410105378936464, 6.84953279639346224 53.24527634262293674, 6.85072246347469083 53.24550934876519648, 6.84693293111017098 53.25033118002629351, 6.84693293111017098 53.25033118002629351)))</t>
  </si>
  <si>
    <t>MultiPolygon (((6.80467501818284681 53.26467907660737211, 6.8146351216283243 53.26793237560664807, 6.82208865717616231 53.25803358010485766, 6.83223415053863192 53.26127003464725362, 6.83561186754951411 53.25646420834829087, 6.84615297970445802 53.25918869659282251, 6.85273041418806805 53.25175324667099375, 6.84693293111017098 53.25033118002629351, 6.82283459735967401 53.24305799343783718, 6.80467501818284681 53.26467907660737211, 6.80467501818284681 53.26467907660737211)))</t>
  </si>
  <si>
    <t>MultiPolygon (((6.82283459735967401 53.24305799343783718, 6.84693293111017098 53.25033118002629351, 6.85072246347469083 53.24550934876519648, 6.84953279639346224 53.24527634262293674, 6.84935932340641251 53.24410105378936464, 6.85205817160632691 53.23982816571446364, 6.85531897377368882 53.24067625708863005, 6.85616735866646998 53.23959461498004941, 6.8560237298504072 53.23693538023304228, 6.84970611192525158 53.2353298762016891, 6.84862555536333506 53.23680977361416211, 6.83883272619788318 53.23433783329030433, 6.83743166721042073 53.23615059020882256, 6.82780635526539559 53.23384845783409958, 6.82566099935162818 53.23658848768658203, 6.82567460391137537 53.23738530583097628, 6.82679331491271046 53.23770892317046588, 6.82527196976141148 53.23878097387800068, 6.82283459735967401 53.24305799343783718, 6.82283459735967401 53.24305799343783718)))</t>
  </si>
  <si>
    <t>MultiPolygon (((6.82780635526539559 53.23384845783409958, 6.83743166721042073 53.23615059020882256, 6.83883272619788318 53.23433783329030433, 6.8536307615746459 53.21532925009282877, 6.85454769794387975 53.21166403957787594, 6.84754303156258004 53.21016733343230243, 6.84775188735710927 53.20941916811079864, 6.84113470870327944 53.20856361012711488, 6.82654860199910907 53.21578769830742317, 6.82468964704691938 53.21392015631003147, 6.81784251627789128 53.21671660034392914, 6.81833203471872018 53.21722595495013763, 6.81438172796116426 53.21895130888660219, 6.81027982179187141 53.2199522622923169, 6.82144224245810094 53.23149805753536157, 6.82780635526539559 53.23384845783409958, 6.82780635526539559 53.23384845783409958)))</t>
  </si>
  <si>
    <t>MultiPolygon (((6.80384076207172939 53.26683605202629224, 6.80467501818284681 53.26467907660737211, 6.82283459735967401 53.24305799343783718, 6.82527196976141148 53.23878097387800068, 6.82508881622389563 53.23808757591393004, 6.8219271159356305 53.23719752073225919, 6.81853110217161262 53.2384573433080206, 6.81137977636242642 53.24267072002108847, 6.80644405448590462 53.24085869577105967, 6.79834968647206406 53.24647262896849043, 6.79637024553686064 53.24671220000402627, 6.79428887164003203 53.24565905920334785, 6.79896965912983475 53.24267439668553692, 6.79592234242423832 53.24097444695196657, 6.79840456641122248 53.24028101073584907, 6.80103600069748637 53.24138167588141357, 6.80790069135014608 53.23665002318315942, 6.80173981274297379 53.23290009839843862, 6.80120327018730908 53.23193521148448326, 6.80248271083391653 53.23123568212130863, 6.79815036750455093 53.22788099574231069, 6.79614934389368397 53.22875815509600272, 6.79367860613713237 53.22672029608293798, 6.75672145697234594 53.24306367971281873, 6.77076223909102559 53.25502471827638118, 6.78124413723179575 53.25863903389670639, 6.79074981469504557 53.25924220711122814, 6.79272834730741071 53.26004353176043082, 6.79471957980184804 53.26279958977499973, 6.79783179557871264 53.264796175102056, 6.80384076207172939 53.26683605202629224, 6.80384076207172939 53.26683605202629224)))</t>
  </si>
  <si>
    <t>MultiPolygon (((6.82527196976141148 53.23878097387800068, 6.82679331491271046 53.23770892317046588, 6.82567460391137537 53.23738530583097628, 6.82566099935162818 53.23658848768658203, 6.82780635526539559 53.23384845783409958, 6.82144224245810094 53.23149805753536157, 6.81027982179187141 53.2199522622923169, 6.79957339396573612 53.22548277072130674, 6.7966121698296238 53.22462840330580036, 6.79367860613713237 53.22672029608293798, 6.79614934389368397 53.22875815509600272, 6.79815036750455093 53.22788099574231069, 6.80248271083391653 53.23123568212130863, 6.80120327018730908 53.23193521148448326, 6.80173981274297379 53.23290009839843862, 6.80790069135014608 53.23665002318315942, 6.80103600069748637 53.24138167588141357, 6.79840456641122248 53.24028101073584907, 6.79592234242423832 53.24097444695196657, 6.79896965912983475 53.24267439668553692, 6.79428887164003203 53.24565905920334785, 6.79637024553686064 53.24671220000402627, 6.79834968647206406 53.24647262896849043, 6.80644405448590462 53.24085869577105967, 6.81137977636242642 53.24267072002108847, 6.81853110217161262 53.2384573433080206, 6.8219271159356305 53.23719752073225919, 6.82508881622389563 53.23808757591393004, 6.82527196976141148 53.23878097387800068, 6.82527196976141148 53.23878097387800068)))</t>
  </si>
  <si>
    <t>MultiPolygon (((6.81438172796116426 53.21895130888660219, 6.81833203471872018 53.21722595495013763, 6.81784251627789128 53.21671660034392914, 6.82468964704691938 53.21392015631003147, 6.82654860199910907 53.21578769830742317, 6.84113470870327944 53.20856361012711488, 6.84196824733134434 53.20566450511802969, 6.83801947189504755 53.20397687309345258, 6.82635279728136801 53.20249911001838683, 6.81746917330812874 53.1984657072494187, 6.81794659796701907 53.1966867990665051, 6.81421154163255149 53.1936386925661111, 6.81997955237216935 53.19118759614504199, 6.8153796912654796 53.18818315862832691, 6.81295663383153727 53.18822527271876766, 6.81167173053265884 53.18575146503857098, 6.8101442311841458 53.18470540067590235, 6.7971532214221293 53.18235702251599406, 6.79689419067920575 53.18391620561511957, 6.79447055983125558 53.18503351026897263, 6.79707371534281091 53.187232122105641, 6.79553601346390668 53.19153253592368458, 6.79861247678615399 53.19404695984715659, 6.79109054643219778 53.19733971881655776, 6.79966864466367316 53.20460256565367274, 6.80392324811368088 53.20921991456646793, 6.81275955310216386 53.21614807657908841, 6.81438172796116426 53.21895130888660219, 6.81438172796116426 53.21895130888660219)))</t>
  </si>
  <si>
    <t>MultiPolygon (((6.75621874370948561 53.24258504462714825, 6.75672145697234594 53.24306367971281873, 6.79367860613713237 53.22672029608293798, 6.7966121698296238 53.22462840330580036, 6.79466278117771516 53.22384935208425105, 6.7962482647974003 53.22193550495551051, 6.8014801655391226 53.21979281228866654, 6.79418000900579155 53.21397602466468868, 6.79875545179348961 53.2121306385731998, 6.78148702682695426 53.20092180077827493, 6.77115570204500017 53.20547281651692373, 6.76396699249225364 53.20942547419073776, 6.76606132131247229 53.21716112998827697, 6.76774927127251225 53.22389614265541269, 6.760060607724661 53.22454657731892524, 6.76059115957573553 53.22635277707014723, 6.75505923735296321 53.22693742957629581, 6.75627833255930632 53.23117664256037074, 6.74099646850267931 53.23461528996789838, 6.74010130418050046 53.23478126569415991, 6.73830374771479867 53.23739868884993598, 6.74527790772756486 53.24064341581012627, 6.74499986130188312 53.24278229885216263, 6.74774851785951402 53.2445744756916497, 6.74909437550286828 53.24381159175221256, 6.74729077867785065 53.2430094256715094, 6.7536699962866944 53.24011762245585544, 6.75621874370948561 53.24258504462714825, 6.75621874370948561 53.24258504462714825)))</t>
  </si>
  <si>
    <t>MultiPolygon (((6.7966121698296238 53.22462840330580036, 6.79957339396573612 53.22548277072130674, 6.81027982179187141 53.2199522622923169, 6.81438172796116426 53.21895130888660219, 6.81275955310216386 53.21614807657908841, 6.80392324811368088 53.20921991456646793, 6.79966864466367316 53.20460256565367274, 6.79109054643219778 53.19733971881655776, 6.78975296110683146 53.19792693970422448, 6.78229423166112255 53.20126813192285908, 6.78148702682695426 53.20092180077827493, 6.79875545179348961 53.2121306385731998, 6.79418000900579155 53.21397602466468868, 6.8014801655391226 53.21979281228866654, 6.7962482647974003 53.22193550495551051, 6.79466278117771516 53.22384935208425105, 6.7966121698296238 53.22462840330580036, 6.7966121698296238 53.22462840330580036)))</t>
  </si>
  <si>
    <t>MultiPolygon (((6.74911272999958012 53.20131741444113516, 6.74929308382729776 53.20947386530090029, 6.74829067472505439 53.20949670921041985, 6.74748618342481254 53.21634469528996192, 6.76606132131247229 53.21716112998827697, 6.76396699249225364 53.20942547419073776, 6.77115570204500017 53.20547281651692373, 6.78148702682695426 53.20092180077827493, 6.77415228558238613 53.19630625756767728, 6.76595558460079172 53.19357845687462572, 6.75882943386492574 53.1915632987740068, 6.75920447530998736 53.20123702741911131, 6.74911272999958012 53.20131741444113516, 6.74911272999958012 53.20131741444113516)))</t>
  </si>
  <si>
    <t>MultiPolygon (((6.78975296110683146 53.19792693970422448, 6.79109054643219778 53.19733971881655776, 6.79861247678615399 53.19404695984715659, 6.79553601346390668 53.19153253592368458, 6.79707371534281091 53.187232122105641, 6.79447055983125558 53.18503351026897263, 6.79689419067920575 53.18391620561511957, 6.7971532214221293 53.18235702251599406, 6.78774896288392782 53.18083687033220741, 6.76513613028609662 53.17921695209589217, 6.76521440402555907 53.18395028616970421, 6.76583011135203183 53.18611602908847402, 6.77130757730925747 53.18618435139723033, 6.77954640101959249 53.18784578149105613, 6.77914456683126421 53.18943302400369788, 6.78563445469050119 53.19043858426483951, 6.78386024532206289 53.19325610784346026, 6.78975296110683146 53.19792693970422448, 6.78975296110683146 53.19792693970422448)))</t>
  </si>
  <si>
    <t>MultiPolygon (((6.78148702682695426 53.20092180077827493, 6.78229423166112255 53.20126813192285908, 6.78975296110683146 53.19792693970422448, 6.78386024532206289 53.19325610784346026, 6.78563445469050119 53.19043858426483951, 6.77914456683126421 53.18943302400369788, 6.77954640101959249 53.18784578149105613, 6.77130757730925747 53.18618435139723033, 6.76583011135203183 53.18611602908847402, 6.76595558460079172 53.19357845687462572, 6.77415228558238613 53.19630625756767728, 6.78148702682695426 53.20092180077827493, 6.78148702682695426 53.20092180077827493)))</t>
  </si>
  <si>
    <t>MultiPolygon (((6.74189608139977192 53.20748036456392072, 6.74562803784293941 53.20543996976822854, 6.74651046917802866 53.20148040243363852, 6.74911272999958012 53.20131741444113516, 6.75920447530998736 53.20123702741911131, 6.75882943386492574 53.1915632987740068, 6.73864711290468588 53.18527001772519469, 6.72788001544941672 53.18469575001574157, 6.72573982153557193 53.18211808503512117, 6.73216440240858649 53.17934100680611209, 6.72752377750274366 53.17161159433231177, 6.71779366134151257 53.17340221979802095, 6.71598964425228129 53.17468795666428605, 6.73021725672914251 53.1979133048853825, 6.72915319239441967 53.19814002347691684, 6.74189608139977192 53.20748036456392072, 6.74189608139977192 53.20748036456392072)))</t>
  </si>
  <si>
    <t>MultiPolygon (((6.76521440402555907 53.18395028616970421, 6.76513613028609662 53.17921695209589217, 6.76522579023193771 53.17005750515986051, 6.77444402928273615 53.16994787003545753, 6.77451344184190241 53.16855343650799171, 6.7745185854391794 53.16845689581784029, 6.75571088278998211 53.16830191079593249, 6.75686104127446097 53.18206553485276089, 6.76521440402555907 53.18395028616970421, 6.76521440402555907 53.18395028616970421)))</t>
  </si>
  <si>
    <t>MultiPolygon (((6.72855349989166918 53.17142266226315428, 6.73280695193260659 53.17698049283000472, 6.75220882181921489 53.16972943300935128, 6.75276051425922308 53.16827717290200894, 6.75128495072894363 53.16826485834197058, 6.74471960668132819 53.16849229239768704, 6.72855349989166918 53.17142266226315428, 6.72855349989166918 53.17142266226315428)))</t>
  </si>
  <si>
    <t>MultiPolygon (((6.75882943386492574 53.1915632987740068, 6.76595558460079172 53.19357845687462572, 6.76583011135203183 53.18611602908847402, 6.76521440402555907 53.18395028616970421, 6.75686104127446097 53.18206553485276089, 6.75571088278998211 53.16830191079593249, 6.75567192614991896 53.16830158171595144, 6.75276051425922308 53.16827717290200894, 6.75220882181921489 53.16972943300935128, 6.73280695193260659 53.17698049283000472, 6.72855349989166918 53.17142266226315428, 6.72752377750274366 53.17161159433231177, 6.73216440240858649 53.17934100680611209, 6.72573982153557193 53.18211808503512117, 6.72788001544941672 53.18469575001574157, 6.73864711290468588 53.18527001772519469, 6.75882943386492574 53.1915632987740068, 6.75882943386492574 53.1915632987740068)))</t>
  </si>
  <si>
    <t>MultiPolygon (((6.72684867372715622 53.23369431903070392, 6.72899231247415219 53.23018896252747112, 6.74099646850267931 53.23461528996789838, 6.75627833255930632 53.23117664256037074, 6.75505923735296321 53.22693742957629581, 6.76059115957573553 53.22635277707014723, 6.760060607724661 53.22454657731892524, 6.76774927127251225 53.22389614265541269, 6.76606132131247229 53.21716112998827697, 6.74748618342481254 53.21634469528996192, 6.74829067472505439 53.20949670921041985, 6.74929308382729776 53.20947386530090029, 6.74911272999958012 53.20131741444113516, 6.74651046917802866 53.20148040243363852, 6.74562803784293941 53.20543996976822854, 6.74189608139977192 53.20748036456392072, 6.74184718630038571 53.21355951171263143, 6.73870333569924096 53.21628953006784002, 6.73406451020962482 53.21553055701519952, 6.72442998191620323 53.21248193434175278, 6.72120904878874192 53.21571211120083689, 6.71597163340146075 53.21976272467341573, 6.72570436592601872 53.22451593670376013, 6.71939890973922527 53.22801064664539439, 6.72684867372715622 53.23369431903070392, 6.72684867372715622 53.23369431903070392)))</t>
  </si>
  <si>
    <t>MultiPolygon (((6.72885228895140397 53.23520166295620726, 6.73526944481408307 53.23540408224025811, 6.74010130418050046 53.23478126569415991, 6.74099646850267931 53.23461528996789838, 6.72899231247415219 53.23018896252747112, 6.72684867372715622 53.23369431903070392, 6.72885228895140397 53.23520166295620726, 6.72885228895140397 53.23520166295620726)))</t>
  </si>
  <si>
    <t>MultiPolygon (((6.70963127569815754 53.21080103222796254, 6.72120904878874192 53.21571211120083689, 6.72442998191620323 53.21248193434175278, 6.73406451020962482 53.21553055701519952, 6.73870333569924096 53.21628953006784002, 6.74184718630038571 53.21355951171263143, 6.74189608139977192 53.20748036456392072, 6.72915319239441967 53.19814002347691684, 6.73021725672914251 53.1979133048853825, 6.71598964425228129 53.17468795666428605, 6.68327582942672738 53.20003088507468902, 6.68991018128148252 53.19886902895693481, 6.69448621300938118 53.19967356739044106, 6.70213940262739172 53.20259776722932088, 6.70634343175752701 53.20141740306493716, 6.70907392054462992 53.19773031094612037, 6.7079373691631119 53.19563941068467017, 6.70923983727072315 53.19381667200578789, 6.7138971758169399 53.18947052833153322, 6.7168481865283578 53.18834442783052907, 6.71882172179327242 53.19062384925062048, 6.71691035022175154 53.19226003574563322, 6.71618957482531531 53.19187440379003817, 6.71506256736080687 53.19262483928887519, 6.70859704327523243 53.2029794777053624, 6.70876348323858007 53.20948864822526048, 6.70963127569815754 53.21080103222796254, 6.70963127569815754 53.21080103222796254)))</t>
  </si>
  <si>
    <t>MultiPolygon (((6.70778459705777053 53.21208230180749155, 6.70963127569815754 53.21080103222796254, 6.70876348323858007 53.20948864822526048, 6.70859704327523243 53.2029794777053624, 6.71506256736080687 53.19262483928887519, 6.71618957482531531 53.19187440379003817, 6.71691035022175154 53.19226003574563322, 6.71882172179327242 53.19062384925062048, 6.7168481865283578 53.18834442783052907, 6.7138971758169399 53.18947052833153322, 6.70923983727072315 53.19381667200578789, 6.7079373691631119 53.19563941068467017, 6.70907392054462992 53.19773031094612037, 6.70634343175752701 53.20141740306493716, 6.70213940262739172 53.20259776722932088, 6.70462208777424884 53.2048376704479864, 6.70522188979212608 53.20800630843997681, 6.70778459705777053 53.21208230180749155, 6.70778459705777053 53.21208230180749155)))</t>
  </si>
  <si>
    <t>MultiPolygon (((6.68248429265435462 53.20848728748446632, 6.69104557683884504 53.21027796933831411, 6.69232764377285516 53.20754606453025559, 6.69597535087785722 53.20471485472198481, 6.69797215291239656 53.20502810138840033, 6.69861449697200761 53.20621329230726104, 6.70259054170666424 53.20593881343003773, 6.70462208777424884 53.2048376704479864, 6.70213940262739172 53.20259776722932088, 6.69448621300938118 53.19967356739044106, 6.68991018128148252 53.19886902895693481, 6.68327582942672738 53.20003088507468902, 6.67359694342552867 53.2006506369634522, 6.683189401654686 53.20110221526778105, 6.68401310447942354 53.20214695813290717, 6.68248429265435462 53.20848728748446632, 6.68248429265435462 53.20848728748446632)))</t>
  </si>
  <si>
    <t>MultiPolygon (((6.72885228895140397 53.23520166295620726, 6.72684867372715622 53.23369431903070392, 6.71939890973922527 53.22801064664539439, 6.72570436592601872 53.22451593670376013, 6.71597163340146075 53.21976272467341573, 6.72120904878874192 53.21571211120083689, 6.70963127569815754 53.21080103222796254, 6.70778459705777053 53.21208230180749155, 6.70386992808979532 53.21461234652795724, 6.70792510099961614 53.22126100287576378, 6.71101633824580723 53.22436984045176445, 6.71390221464740033 53.2342734978423664, 6.71892282073850389 53.23178463793997395, 6.72309043321994348 53.23523654734420063, 6.72885228895140397 53.23520166295620726, 6.72885228895140397 53.23520166295620726)))</t>
  </si>
  <si>
    <t>MultiPolygon (((6.70885176453882881 53.23529665442038095, 6.70884700221283392 53.23532688912165156, 6.71390221464740033 53.2342734978423664, 6.71101633824580723 53.22436984045176445, 6.70792510099961614 53.22126100287576378, 6.70386992808979532 53.21461234652795724, 6.70778459705777053 53.21208230180749155, 6.70522188979212608 53.20800630843997681, 6.70462208777424884 53.2048376704479864, 6.70259054170666424 53.20593881343003773, 6.69861449697200761 53.20621329230726104, 6.69797215291239656 53.20502810138840033, 6.69597535087785722 53.20471485472198481, 6.69232764377285516 53.20754606453025559, 6.69104557683884504 53.21027796933831411, 6.68248429265435462 53.20848728748446632, 6.67976209336474369 53.20832227699576578, 6.68008124585959973 53.21002997461952333, 6.68069367510059475 53.21008106703664708, 6.68047300031253588 53.21169168552506079, 6.68265810344165789 53.21205929722045624, 6.68290559611071178 53.21105799900491462, 6.68475529259814483 53.21113743570723642, 6.68485115929755569 53.21159281883453218, 6.68819010410713144 53.21217995925262301, 6.68823229963816868 53.21263397171326659, 6.68991104152968852 53.21232000662668327, 6.69076801126592979 53.21245655094313776, 6.69077083750623025 53.21316097956103874, 6.69336127395766134 53.2129954908077778, 6.69330866389094403 53.21425203055911624, 6.69824526298275025 53.21466745102254947, 6.69751554032055818 53.21696558544696387, 6.69878980656566814 53.21730699284991317, 6.69854834706672175 53.21780623132406873, 6.69951493166952705 53.21840243839840667, 6.7014586511611105 53.21887551669312444, 6.70099211866206446 53.21972218441847247, 6.70554137156033114 53.22333396563909957, 6.70512358713458578 53.22370641188208396, 6.70636729225463668 53.22453039490184779, 6.70575999269164491 53.22501157018130868, 6.70704942128523385 53.22559920880427597, 6.70835843827917966 53.22478329047832091, 6.70879637538076157 53.22582405780359949, 6.70567223500979726 53.2282563124438326, 6.70682497792746801 53.23133106012344484, 6.70805585291616424 53.23223265779322588, 6.70945303810684646 53.23152924275473197, 6.70982451729775331 53.2327091211132668, 6.70654438113375662 53.23491098572150548, 6.70922883003773673 53.23495756264329515, 6.70887056819111649 53.23517723524638967, 6.70885176453882881 53.23529665442038095)))</t>
  </si>
  <si>
    <t>MultiPolygon (((6.69635100497577884 53.16838816809199386, 6.67986391279360436 53.16342815229475605, 6.67825022863117734 53.16484980663955184, 6.67288169071049531 53.16670357835406691, 6.66967647759849314 53.16902916395011403, 6.66517118578018675 53.16967102340915829, 6.6626637515281022 53.17118825516013914, 6.66151893657004024 53.17271441275195798, 6.66048332909386431 53.17657269414412724, 6.65763575040754141 53.18035332249211677, 6.65724117121275061 53.1807690687516299, 6.69597232467460302 53.16959500508431091, 6.69635100497577884 53.16838816809199386)))</t>
  </si>
  <si>
    <t>MultiPolygon (((6.65724092321493721 53.18076933468675094, 6.6549672851147692 53.18377308984929641, 6.70219050404329852 53.17396055151808554, 6.70265317899289403 53.17276611300240319, 6.70149398249780504 53.17154620190420644, 6.69597232467460302 53.16959500508431091, 6.65724117121275061 53.1807690687516299, 6.65724092321493721 53.18076933468675094, 6.65724092321493721 53.18076933468675094)))</t>
  </si>
  <si>
    <t>MultiPolygon (((6.66687269657425485 53.20202034168583083, 6.67359694342552867 53.2006506369634522, 6.68327582942672738 53.20003088507468902, 6.71598964425228129 53.17468795666428605, 6.71779366134151257 53.17340221979802095, 6.71026667450109748 53.17463329396675675, 6.70626412777436709 53.17375494209935027, 6.70219050404329852 53.17396055151808554, 6.6549672851147692 53.18377308984929641, 6.65197529011137334 53.18738549196545051, 6.64969003929253866 53.18876870516696442, 6.64426929304472758 53.18908167492347161, 6.64019777022403623 53.19051757961650395, 6.64261143427354916 53.19188234734790655, 6.64997443717897241 53.19319667714031397, 6.66215587898317008 53.19981522208142621, 6.66687269657425485 53.20202034168583083, 6.66687269657425485 53.20202034168583083),(6.68163146969779209 53.18924769509101225, 6.68135211385808958 53.18861706114735455, 6.68441946099931439 53.18460085313800079, 6.68238291145079266 53.18426251055473131, 6.6826109668207252 53.18376225953976899, 6.68758511484177642 53.18032296705600714, 6.69160778919975296 53.18100827585645618, 6.69473933922527742 53.18255142456530393, 6.6914896946626099 53.18516536278355034, 6.68859425018151832 53.18464045436386556, 6.68589481768822314 53.18558876117183587, 6.68163146969779209 53.18924769509101225, 6.68163146969779209 53.18924769509101225)))</t>
  </si>
  <si>
    <t>MultiPolygon (((6.68163146969779209 53.18924769509101225, 6.68589481768822314 53.18558876117183587, 6.68859425018151832 53.18464045436386556, 6.6914896946626099 53.18516536278355034, 6.69473933922527742 53.18255142456530393, 6.69160778919975296 53.18100827585645618, 6.68758511484177642 53.18032296705600714, 6.6826109668207252 53.18376225953976899, 6.68238291145079266 53.18426251055473131, 6.68441946099931439 53.18460085313800079, 6.68135211385808958 53.18861706114735455, 6.68163146969779209 53.18924769509101225, 6.68163146969779209 53.18924769509101225)))</t>
  </si>
  <si>
    <t>MultiPolygon (((6.64399299746266792 53.18736571543557545, 6.64682128604510503 53.18793735107024645, 6.64019777022403623 53.19051757961650395, 6.64426929304472758 53.18908167492347161, 6.64969003929253866 53.18876870516696442, 6.65197529011137334 53.18738549196545051, 6.6549672851147692 53.18377308984929641, 6.65724092321493721 53.18076933468675094, 6.6472512026286168 53.18378196602029107, 6.63946806939416501 53.18598074638704531, 6.64399299746266792 53.18736571543557545)))</t>
  </si>
  <si>
    <t>MultiPolygon (((6.70219050404329852 53.17396055151808554, 6.70626412777436709 53.17375494209935027, 6.71026667450109748 53.17463329396675675, 6.71779366134151257 53.17340221979802095, 6.72752377750274366 53.17161159433231177, 6.72855349989166918 53.17142266226315428, 6.72762782805770421 53.16901038581060135, 6.72062735261313549 53.17045740858235092, 6.71585762417933196 53.16920124652112634, 6.71503059636761979 53.16775042477345181, 6.71752444231406187 53.16848440622666772, 6.71986806506157741 53.16680292449326117, 6.72030867462863934 53.1652897294858704, 6.72259831982893008 53.16503357507258443, 6.72360532347035722 53.16232196430226509, 6.72262889973230138 53.1616361804515023, 6.69753630219429308 53.16894422312341817, 6.69635100497577884 53.16838816809199386, 6.69597232467460302 53.16959500508431091, 6.70149398249780504 53.17154620190420644, 6.70265317899289403 53.17276611300240319, 6.70219050404329852 53.17396055151808554, 6.70219050404329852 53.17396055151808554)))</t>
  </si>
  <si>
    <t>MultiPolygon (((6.72762782805770421 53.16901038581060135, 6.72781965309066798 53.16761313587748816, 6.72259831982893008 53.16503357507258443, 6.72030867462863934 53.1652897294858704, 6.71986806506157741 53.16680292449326117, 6.71752444231406187 53.16848440622666772, 6.71503059636761979 53.16775042477345181, 6.71585762417933196 53.16920124652112634, 6.72062735261313549 53.17045740858235092, 6.72762782805770421 53.16901038581060135, 6.72762782805770421 53.16901038581060135)))</t>
  </si>
  <si>
    <t>MultiPolygon (((6.72442174334743292 53.15198268806079795, 6.73175811703699978 53.15155986327113169, 6.73282714547296468 53.1431995817394025, 6.74218400964594622 53.1428479573789545, 6.74559368163667727 53.14272009876572866, 6.7435675021685979 53.12569463158019545, 6.74617455852282344 53.12511976822884918, 6.74690048466072234 53.11768198343389003, 6.74325377010258542 53.11656829974175054, 6.74239657192890984 53.11637068980398624, 6.73745095633863489 53.11946172896921325, 6.72325650172566114 53.12005241176109394, 6.7213808034658129 53.12013033921159888, 6.72405116840374539 53.12263049088497979, 6.72409506488339392 53.12394786001046754, 6.72242586878472181 53.12482608199844947, 6.7238702726811832 53.12939826618040229, 6.72268904442546855 53.13168261793894231, 6.72410159250292505 53.13877338816693907, 6.72638061780796903 53.14094877434361308, 6.72475379795757533 53.14446167151515965, 6.72442174334743292 53.15198268806079795, 6.72442174334743292 53.15198268806079795)))</t>
  </si>
  <si>
    <t>MultiPolygon (((6.67825022863117734 53.16484980663955184, 6.67986391279360436 53.16342815229475605, 6.69635100497577884 53.16838816809199386, 6.69753630219429308 53.16894422312341817, 6.72262889973230138 53.1616361804515023, 6.72428627227227693 53.16031106937835915, 6.72375953165433415 53.15765444157215569, 6.72380393876591143 53.15651784448659356, 6.72352762001401238 53.15221559849286592, 6.72312686104048574 53.15221871000040466, 6.71222684884825593 53.15244482051745933, 6.70554472496804532 53.14884504783847774, 6.70758408896936231 53.14736001985339442, 6.70733323879949506 53.14411620404667502, 6.71093572058213361 53.14382773230327928, 6.71632525811416059 53.13787568207843037, 6.72180712985593587 53.13728334434566136, 6.72266831446755742 53.13722352629103085, 6.71937284547175384 53.12537572945317521, 6.71983176066178522 53.12021853616124645, 6.71872470100848673 53.12024789576108219, 6.69536692827613589 53.12117601511283738, 6.68905276004546678 53.1446644272865143, 6.68627813587700448 53.14814156930261646, 6.69021555013817526 53.15039321278826634, 6.690269590896329 53.15115500034493579, 6.68871424653214053 53.15461112692570822, 6.68449123462950823 53.15963704073194407, 6.67970326894702282 53.16326572488149793, 6.67939062216899782 53.16364440156133497, 6.67833036036459227 53.16463745834286669, 6.67234825825739453 53.16666764183333527, 6.66959012850612432 53.16893932114232513, 6.66500461957957402 53.1696002753912822, 6.6627257031953393 53.17098836961860542, 6.66133532176376519 53.17271505121002662, 6.6602648990504596 53.17662241719361305, 6.65763575040754141 53.18035332249211677, 6.66048332909386431 53.17657269414412724, 6.66151893657004024 53.17271441275195798, 6.6626637515281022 53.17118825516013914, 6.66517118578018675 53.16967102340915829, 6.66967647759849314 53.16902916395011403, 6.67288169071049531 53.16670357835406691, 6.67825022863117734 53.16484980663955184)))</t>
  </si>
  <si>
    <t>MultiPolygon (((6.72180712985593587 53.13728334434566136, 6.71632525811416059 53.13787568207843037, 6.71093572058213361 53.14382773230327928, 6.70733323879949506 53.14411620404667502, 6.70758408896936231 53.14736001985339442, 6.70554472496804532 53.14884504783847774, 6.71222684884825593 53.15244482051745933, 6.72312686104048574 53.15221871000040466, 6.72075953834205908 53.15076423282315687, 6.72233957398369775 53.14934726396184317, 6.72361878749102804 53.14468734320135468, 6.72369480654670859 53.14250800220903415, 6.72180712985593587 53.13728334434566136, 6.72180712985593587 53.13728334434566136)))</t>
  </si>
  <si>
    <t>MultiPolygon (((6.72312686104048574 53.15221871000040466, 6.72352762001401238 53.15221559849286592, 6.72442174334743292 53.15198268806079795, 6.72475379795757533 53.14446167151515965, 6.72638061780796903 53.14094877434361308, 6.72410159250292505 53.13877338816693907, 6.72268904442546855 53.13168261793894231, 6.7238702726811832 53.12939826618040229, 6.72242586878472181 53.12482608199844947, 6.72409506488339392 53.12394786001046754, 6.72405116840374539 53.12263049088497979, 6.7213808034658129 53.12013033921159888, 6.71983176066178522 53.12021853616124645, 6.71937284547175384 53.12537572945317521, 6.72266831446755742 53.13722352629103085, 6.72180712985593587 53.13728334434566136, 6.72369480654670859 53.14250800220903415, 6.72361878749102804 53.14468734320135468, 6.72233957398369775 53.14934726396184317, 6.72075953834205908 53.15076423282315687, 6.72312686104048574 53.15221871000040466, 6.72312686104048574 53.15221871000040466)))</t>
  </si>
  <si>
    <t>MultiPolygon (((6.74559368163667727 53.14272009876572866, 6.74841090939037702 53.14261437732761095, 6.7571863352233521 53.1422846710851644, 6.75789965211652355 53.14181228352791209, 6.76428016826533707 53.13183262151816422, 6.76610364429300404 53.13032016800749346, 6.77110593181715537 53.12122002825434208, 6.79491558462087308 53.08984915544056804, 6.79866808611284679 53.08664377324672046, 6.79976684177743795 53.08695424892600556, 6.79948799925604597 53.08749036419321499, 6.79246846595395493 53.09676650996591007, 6.79145417134425688 53.09649530664079009, 6.7908210077295843 53.09732027711279301, 6.78085604346364956 53.11236651178913348, 6.78234437340477303 53.11276229184831266, 6.78065268604425597 53.11527370115136648, 6.779128718290516 53.11487085471465264, 6.75842882293162983 53.14121038817551579, 6.7669237461467473 53.14346728399139153, 6.8054913805126791 53.09155137417397441, 6.80845053735278682 53.09227957956606048, 6.8139447460743412 53.07097158312734564, 6.7898268514412532 53.0863077263293448, 6.77650937569126999 53.09476066349912315, 6.7447299444156803 53.11524799408682895, 6.74325377010258542 53.11656829974175054, 6.74690048466072234 53.11768198343389003, 6.74617455852282344 53.12511976822884918, 6.7435675021685979 53.12569463158019545, 6.74559368163667727 53.14272009876572866, 6.74559368163667727 53.14272009876572866)))</t>
  </si>
  <si>
    <t>MultiPolygon (((6.75789965211652355 53.14181228352791209, 6.75823560113761257 53.14137609795480444, 6.75842882293162983 53.14121038817551579, 6.779128718290516 53.11487085471465264, 6.78065268604425597 53.11527370115136648, 6.78234437340477303 53.11276229184831266, 6.78085604346364956 53.11236651178913348, 6.7908210077295843 53.09732027711279301, 6.79145417134425688 53.09649530664079009, 6.79246846595395493 53.09676650996591007, 6.79948799925604597 53.08749036419321499, 6.79976684177743795 53.08695424892600556, 6.79866808611284679 53.08664377324672046, 6.79491558462087308 53.08984915544056804, 6.77110593181715537 53.12122002825434208, 6.76610364429300404 53.13032016800749346, 6.76428016826533707 53.13183262151816422, 6.75789965211652355 53.14181228352791209, 6.75789965211652355 53.14181228352791209)))</t>
  </si>
  <si>
    <t>MultiPolygon (((6.7971532214221293 53.18235702251599406, 6.8101442311841458 53.18470540067590235, 6.81167173053265884 53.18575146503857098, 6.81324766287515704 53.18490962649279652, 6.82699902504268419 53.18478008879229435, 6.82125833248953217 53.18165215503924514, 6.82236872948670481 53.17585316516964866, 6.81762751564339631 53.16701564314033845, 6.78941623780846282 53.16828800195889215, 6.77451344184190241 53.16855343650799171, 6.77444402928273615 53.16994787003545753, 6.76522579023193771 53.17005750515986051, 6.76513613028609662 53.17921695209589217, 6.78774896288392782 53.18083687033220741, 6.7971532214221293 53.18235702251599406, 6.7971532214221293 53.18235702251599406)))</t>
  </si>
  <si>
    <t>MultiPolygon (((6.79585735527594714 53.16434756040794696, 6.80693748128441545 53.16452969216248903, 6.81585763248493848 53.16394378724064751, 6.81670399960307272 53.16386895550102309, 6.81604423824558836 53.1580920879317631, 6.81653350547328341 53.15127503400031372, 6.81903942542902985 53.14633175258871489, 6.80790637074825433 53.1469296323796172, 6.81110931395901975 53.1425400215917918, 6.80214792333521334 53.14015036433023909, 6.79707262390067335 53.1470547608076842, 6.79621545664931048 53.15890233240561713, 6.79585735527594714 53.16434756040794696, 6.79585735527594714 53.16434756040794696)))</t>
  </si>
  <si>
    <t>MultiPolygon (((6.78659897847167937 53.15923516671765725, 6.79621545664931048 53.15890233240561713, 6.79707262390067335 53.1470547608076842, 6.80214792333521334 53.14015036433023909, 6.8030489517969075 53.13889886561782561, 6.79403289779256614 53.13651049671221926, 6.78503000028063852 53.1490369468724424, 6.77953995069315063 53.14765614195828647, 6.77588500222617363 53.14863335072627137, 6.7753993743242491 53.15392326433180159, 6.77207876337406489 53.15302027298268683, 6.77131466649295533 53.15378598245536779, 6.77546623268768311 53.15449183740429362, 6.78684003151752258 53.15468148779637403, 6.78659897847167937 53.15923516671765725, 6.78659897847167937 53.15923516671765725)))</t>
  </si>
  <si>
    <t>MultiPolygon (((6.77439507154438836 53.15963033788047909, 6.78208158200058175 53.15938779928274016, 6.78659897847167937 53.15923516671765725, 6.78684003151752258 53.15468148779637403, 6.77546623268768311 53.15449183740429362, 6.77843183536946547 53.15508292239388766, 6.77897666426421264 53.15664597184711226, 6.7771386244827081 53.15862812452785846, 6.77439507154438836 53.15963033788047909, 6.77439507154438836 53.15963033788047909)))</t>
  </si>
  <si>
    <t>MultiPolygon (((6.78985108220008993 53.16424105767984543, 6.79585735527594714 53.16434756040794696, 6.79621545664931048 53.15890233240561713, 6.78659897847167937 53.15923516671765725, 6.78561396629680758 53.16033351632084702, 6.78608894592196865 53.16416650438078761, 6.78985108220008993 53.16424105767984543, 6.78985108220008993 53.16424105767984543)))</t>
  </si>
  <si>
    <t>MultiPolygon (((6.78052324018087216 53.16404765264909571, 6.78608894592196865 53.16416650438078761, 6.78561396629680758 53.16033351632084702, 6.78659897847167937 53.15923516671765725, 6.78208158200058175 53.15938779928274016, 6.78052324018087216 53.16404765264909571, 6.78052324018087216 53.16404765264909571)))</t>
  </si>
  <si>
    <t>MultiPolygon (((6.77484019567940177 53.16391287276020705, 6.78052324018087216 53.16404765264909571, 6.78208158200058175 53.15938779928274016, 6.77439507154438836 53.15963033788047909, 6.7735860271969992 53.16293397450724001, 6.77476583596492521 53.16390556441692894, 6.77484019567940177 53.16391287276020705, 6.77484019567940177 53.16391287276020705)))</t>
  </si>
  <si>
    <t>MultiPolygon (((6.78941623780846282 53.16828800195889215, 6.81762751564339631 53.16701564314033845, 6.81585763248493848 53.16394378724064751, 6.80693748128441545 53.16452969216248903, 6.79585735527594714 53.16434756040794696, 6.78985108220008993 53.16424105767984543, 6.78941623780846282 53.16828800195889215, 6.78941623780846282 53.16828800195889215)))</t>
  </si>
  <si>
    <t>MultiPolygon (((6.77451344184190241 53.16855343650799171, 6.78941623780846282 53.16828800195889215, 6.78985108220008993 53.16424105767984543, 6.78608894592196865 53.16416650438078761, 6.78052324018087216 53.16404765264909571, 6.77484019567940177 53.16391287276020705, 6.77568658215754827 53.16406696612404659, 6.77576487892170221 53.16742824631133857, 6.7745185854391794 53.16845689581784029, 6.77451344184190241 53.16855343650799171, 6.77451344184190241 53.16855343650799171)))</t>
  </si>
  <si>
    <t>MultiPolygon (((6.76998210417761115 53.15243957771313177, 6.77207876337406489 53.15302027298268683, 6.7753993743242491 53.15392326433180159, 6.77588500222617363 53.14863335072627137, 6.77953995069315063 53.14765614195828647, 6.78503000028063852 53.1490369468724424, 6.79403289779256614 53.13651049671221926, 6.80323953597209208 53.12408968370961304, 6.80598809828510021 53.12032594739789459, 6.80167395281819953 53.11917167734163314, 6.80695969150296776 53.09825521052989217, 6.80845053735278682 53.09227957956606048, 6.8054913805126791 53.09155137417397441, 6.7669237461467473 53.14346728399139153, 6.76372755807810044 53.14817146466819509, 6.76511533465161907 53.14854867692454121, 6.7644853785822896 53.14941480439549792, 6.76954709384996001 53.15083030166140077, 6.76860411508391291 53.15206118383834166, 6.76998210417761115 53.15243957771313177, 6.76998210417761115 53.15243957771313177)))</t>
  </si>
  <si>
    <t>MultiPolygon (((6.75883038398051728 53.15475770731378446, 6.76510815819584277 53.15648857439749975, 6.76854399252241556 53.15652946844749493, 6.77019347668504956 53.15429686357365568, 6.76998210417761115 53.15243957771313177, 6.76860411508391291 53.15206118383834166, 6.76954709384996001 53.15083030166140077, 6.7644853785822896 53.14941480439549792, 6.76511533465161907 53.14854867692454121, 6.76372755807810044 53.14817146466819509, 6.76019372526393791 53.15221678403883487, 6.75883038398051728 53.15475770731378446, 6.75883038398051728 53.15475770731378446)))</t>
  </si>
  <si>
    <t>MultiPolygon (((6.76670431048907517 53.15991062694290292, 6.76713992591369973 53.15989269338636802, 6.77439507154438836 53.15963033788047909, 6.7771386244827081 53.15862812452785846, 6.77897666426421264 53.15664597184711226, 6.77843183536946547 53.15508292239388766, 6.77546623268768311 53.15449183740429362, 6.77131466649295533 53.15378598245536779, 6.76670431048907517 53.15991062694290292, 6.76670431048907517 53.15991062694290292)))</t>
  </si>
  <si>
    <t>MultiPolygon (((6.75580651730590809 53.15162664639316148, 6.76019372526393791 53.15221678403883487, 6.76372755807810044 53.14817146466819509, 6.7669237461467473 53.14346728399139153, 6.75842882293162983 53.14121038817551579, 6.75823560113761257 53.14137609795480444, 6.75789965211652355 53.14181228352791209, 6.7571863352233521 53.1422846710851644, 6.75580651730590809 53.15162664639316148, 6.75580651730590809 53.15162664639316148)))</t>
  </si>
  <si>
    <t>MultiPolygon (((6.75612085703121057 53.16027138047744671, 6.75619716923956393 53.16026867474917594, 6.76607029011796968 53.15993420962930571, 6.76670431048907517 53.15991062694290292, 6.77131466649295533 53.15378598245536779, 6.77207876337406489 53.15302027298268683, 6.76998210417761115 53.15243957771313177, 6.77019347668504956 53.15429686357365568, 6.76854399252241556 53.15652946844749493, 6.76510815819584277 53.15648857439749975, 6.75883038398051728 53.15475770731378446, 6.75650313558786664 53.15814540630658769, 6.75612085703121057 53.16027138047744671, 6.75612085703121057 53.16027138047744671)))</t>
  </si>
  <si>
    <t>MultiPolygon (((6.75438529381532771 53.16033316565754063, 6.75612085703121057 53.16027138047744671, 6.75650313558786664 53.15814540630658769, 6.75883038398051728 53.15475770731378446, 6.76019372526393791 53.15221678403883487, 6.75580651730590809 53.15162664639316148, 6.75521883768345965 53.15557634640521911, 6.75483204849804686 53.15737588655737511, 6.75477305369570846 53.15777141898546887, 6.75438529381532771 53.16033316565754063, 6.75438529381532771 53.16033316565754063)))</t>
  </si>
  <si>
    <t>MultiPolygon (((6.72380393876591143 53.15651784448659356, 6.73725048481079103 53.15671133960665884, 6.73604909104412997 53.15169560495521495, 6.73175811703699978 53.15155986327113169, 6.72442174334743292 53.15198268806079795, 6.72352762001401238 53.15221559849286592, 6.72380393876591143 53.15651784448659356, 6.72380393876591143 53.15651784448659356)))</t>
  </si>
  <si>
    <t>MultiPolygon (((6.72262889973230138 53.1616361804515023, 6.73954539205503345 53.16083794877775404, 6.73994425633368888 53.15794530352386715, 6.72375953165433415 53.15765444157215569, 6.72428627227227693 53.16031106937835915, 6.72262889973230138 53.1616361804515023, 6.72262889973230138 53.1616361804515023)))</t>
  </si>
  <si>
    <t>MultiPolygon (((6.74830072356724653 53.15149194196445137, 6.75580651730590809 53.15162664639316148, 6.7571863352233521 53.1422846710851644, 6.74841090939037702 53.14261437732761095, 6.74830072356724653 53.15149194196445137, 6.74830072356724653 53.15149194196445137)))</t>
  </si>
  <si>
    <t>MultiPolygon (((6.74148173633404291 53.15176858311809127, 6.74830072356724653 53.15149194196445137, 6.74841090939037702 53.14261437732761095, 6.74559368163667727 53.14272009876572866, 6.74218400964594622 53.1428479573789545, 6.74148173633404291 53.15176858311809127, 6.74148173633404291 53.15176858311809127)))</t>
  </si>
  <si>
    <t>MultiPolygon (((6.73604909104412997 53.15169560495521495, 6.74148173633404291 53.15176858311809127, 6.74218400964594622 53.1428479573789545, 6.73282714547296468 53.1431995817394025, 6.73175811703699978 53.15155986327113169, 6.73604909104412997 53.15169560495521495, 6.73604909104412997 53.15169560495521495)))</t>
  </si>
  <si>
    <t>MultiPolygon (((6.74135494426681792 53.15536363253956154, 6.75521883768345965 53.15557634640521911, 6.75580651730590809 53.15162664639316148, 6.74830072356724653 53.15149194196445137, 6.74148173633404291 53.15176858311809127, 6.74135494426681792 53.15536363253956154, 6.74135494426681792 53.15536363253956154)))</t>
  </si>
  <si>
    <t>MultiPolygon (((6.73725048481079103 53.15671133960665884, 6.74142171800591772 53.15627391944944691, 6.74135494426681792 53.15536363253956154, 6.74148173633404291 53.15176858311809127, 6.73604909104412997 53.15169560495521495, 6.73725048481079103 53.15671133960665884, 6.73725048481079103 53.15671133960665884)))</t>
  </si>
  <si>
    <t>MultiPolygon (((6.74142171800591772 53.15627391944944691, 6.74187008100009777 53.15706025676133351, 6.75292483493215823 53.15692469795124708, 6.75483204849804686 53.15737588655737511, 6.75521883768345965 53.15557634640521911, 6.74135494426681792 53.15536363253956154, 6.74142171800591772 53.15627391944944691, 6.74142171800591772 53.15627391944944691)))</t>
  </si>
  <si>
    <t>MultiPolygon (((6.73994425633368888 53.15794530352386715, 6.75477305369570846 53.15777141898546887, 6.75483204849804686 53.15737588655737511, 6.75292483493215823 53.15692469795124708, 6.74187008100009777 53.15706025676133351, 6.74142171800591772 53.15627391944944691, 6.73725048481079103 53.15671133960665884, 6.72380393876591143 53.15651784448659356, 6.72375953165433415 53.15765444157215569, 6.73994425633368888 53.15794530352386715, 6.73994425633368888 53.15794530352386715)))</t>
  </si>
  <si>
    <t>MultiPolygon (((6.73954539205503345 53.16083794877775404, 6.75438529381532771 53.16033316565754063, 6.75477305369570846 53.15777141898546887, 6.73994425633368888 53.15794530352386715, 6.73954539205503345 53.16083794877775404, 6.73954539205503345 53.16083794877775404)))</t>
  </si>
  <si>
    <t>MultiPolygon (((6.72762782805770421 53.16901038581060135, 6.72855349989166918 53.17142266226315428, 6.74471960668132819 53.16849229239768704, 6.75128495072894363 53.16826485834197058, 6.75159706839832818 53.16483480521986849, 6.7406389172328014 53.16491986327423547, 6.73928632197074151 53.16309094613824016, 6.72360532347035722 53.16232196430226509, 6.72259831982893008 53.16503357507258443, 6.72781965309066798 53.16761313587748816, 6.72762782805770421 53.16901038581060135, 6.72762782805770421 53.16901038581060135)))</t>
  </si>
  <si>
    <t>MultiPolygon (((6.75276051425922308 53.16827717290200894, 6.75567192614991896 53.16830158171595144, 6.75610433191975535 53.16376899095081399, 6.75619716923956393 53.16026867474917594, 6.75612085703121057 53.16027138047744671, 6.75438529381532771 53.16033316565754063, 6.7519765486239729 53.1619192706374335, 6.75159706839832818 53.16483480521986849, 6.75128495072894363 53.16826485834197058, 6.75276051425922308 53.16827717290200894, 6.75276051425922308 53.16827717290200894)))</t>
  </si>
  <si>
    <t>MultiPolygon (((6.72360532347035722 53.16232196430226509, 6.73928632197074151 53.16309094613824016, 6.7406389172328014 53.16491986327423547, 6.75159706839832818 53.16483480521986849, 6.7519765486239729 53.1619192706374335, 6.75438529381532771 53.16033316565754063, 6.73954539205503345 53.16083794877775404, 6.72262889973230138 53.1616361804515023, 6.72360532347035722 53.16232196430226509, 6.72360532347035722 53.16232196430226509)))</t>
  </si>
  <si>
    <t>MultiPolygon (((6.76616960519643218 53.1638451632416178, 6.77476583596492521 53.16390556441692894, 6.7735860271969992 53.16293397450724001, 6.77439507154438836 53.15963033788047909, 6.76713992591369973 53.15989269338636802, 6.76805114636085303 53.16086177028272175, 6.76616960519643218 53.1638451632416178, 6.76616960519643218 53.1638451632416178)))</t>
  </si>
  <si>
    <t>MultiPolygon (((6.76340333460084508 53.16384268980770855, 6.76616960519643218 53.1638451632416178, 6.76805114636085303 53.16086177028272175, 6.76713992591369973 53.15989269338636802, 6.76670431048907517 53.15991062694290292, 6.76607029011796968 53.15993420962930571, 6.76340333460084508 53.16384268980770855, 6.76340333460084508 53.16384268980770855)))</t>
  </si>
  <si>
    <t>MultiPolygon (((6.75610433191975535 53.16376899095081399, 6.76340333460084508 53.16384268980770855, 6.76607029011796968 53.15993420962930571, 6.75619716923956393 53.16026867474917594, 6.75610433191975535 53.16376899095081399, 6.75610433191975535 53.16376899095081399)))</t>
  </si>
  <si>
    <t>MultiPolygon (((6.75571088278998211 53.16830191079593249, 6.7745185854391794 53.16845689581784029, 6.77576487892170221 53.16742824631133857, 6.77568658215754827 53.16406696612404659, 6.77484019567940177 53.16391287276020705, 6.77476583596492521 53.16390556441692894, 6.76616960519643218 53.1638451632416178, 6.76340333460084508 53.16384268980770855, 6.75610433191975535 53.16376899095081399, 6.75567192614991896 53.16830158171595144, 6.75571088278998211 53.16830191079593249, 6.75571088278998211 53.16830191079593249)))</t>
  </si>
  <si>
    <t>MultiPolygon (((7.04028619396424915 52.87281821518225655, 7.0459139817442713 52.8727550347955102, 7.05759189927314612 52.87268852344195835, 7.05960405491288245 52.86908606979988434, 7.06505930852915665 52.87228300489766042, 7.06875029436665958 52.8692848446047563, 7.06997578693976347 52.86899866554274752, 7.07304528395450749 52.86964573276004131, 7.07473361611318996 52.86875217913561897, 7.07602912645647031 52.8638060466855535, 7.0760839986136288 52.85888645410940256, 7.07606417226776152 52.85729300454208612, 7.07406028962122857 52.85535462193067957, 7.07595036735454386 52.85065613944184548, 7.07623688257889594 52.85003012391165811, 7.07006809840146122 52.84779338520557701, 7.0691381552924657 52.84786367073495938, 7.06591730468527501 52.85164196687829019, 7.06427014541027454 52.85104324557856614, 7.0637496716721806 52.85178953230462184, 7.06272651598199985 52.85146844391665866, 7.05230094126603468 52.86149563532504914, 7.05146135351241465 52.86118207053492313, 7.04788492213649409 52.86450627100451527, 7.04643301799982513 52.86585560178845355, 7.04348622370053246 52.86521857809088232, 7.04028619396424915 52.87281821518225655, 7.04028619396424915 52.87281821518225655),(7.06246506119909156 52.8674437413277758, 7.06076510718269468 52.86742603234854698, 7.05990095630085346 52.86649551600476116, 7.05785227993859365 52.86302613229928227, 7.05737084002070691 52.85961061523995852, 7.05972014153212246 52.85852382586621445, 7.06336505190232256 52.85257637649176843, 7.0644470655028071 52.85221286933671792, 7.06716600719030819 52.8530801650511961, 7.06146471211413029 52.86036889902072033, 7.06307634106474236 52.86607625071317784, 7.06246506119909156 52.8674437413277758, 7.06246506119909156 52.8674437413277758)))</t>
  </si>
  <si>
    <t>MultiPolygon (((7.06246506119909156 52.8674437413277758, 7.06307634106474236 52.86607625071317784, 7.06146471211413029 52.86036889902072033, 7.06716600719030819 52.8530801650511961, 7.0644470655028071 52.85221286933671792, 7.06336505190232256 52.85257637649176843, 7.05972014153212246 52.85852382586621445, 7.05737084002070691 52.85961061523995852, 7.05785227993859365 52.86302613229928227, 7.05990095630085346 52.86649551600476116, 7.06076510718269468 52.86742603234854698, 7.06246506119909156 52.8674437413277758, 7.06246506119909156 52.8674437413277758)))</t>
  </si>
  <si>
    <t>MultiPolygon (((7.1099307793722879 52.93403998996044635, 7.11217862146987301 52.93464401387828389, 7.11430529522309829 52.93647101091669782, 7.11497976486545181 52.93618711627318874, 7.11903379794967428 52.92888899335019914, 7.11793240235403513 52.92762976776369044, 7.1212219314558034 52.9269899438481275, 7.12155457390553526 52.92349208086778134, 7.12359331628879833 52.92211084970629287, 7.12436033784443179 52.92168398787340777, 7.12796956154864603 52.92265157815270271, 7.12841748211070136 52.92124064063753508, 7.11438075954818228 52.91513033210274841, 7.10196870052053075 52.90241572171404982, 7.09956656506672523 52.88395864463656437, 7.09196057694263526 52.88823528215750969, 7.0901983948368219 52.89170292651259331, 7.07261731984597652 52.89320300887179371, 7.06509744251126559 52.89301461583887232, 7.06472215229726164 52.90713967520412808, 7.06759694129184624 52.90612571325523561, 7.07421825750737288 52.91293350481542035, 7.06337780545263438 52.91286319437183749, 7.06397050754885125 52.92209349369608162, 7.06599790769296288 52.92083139006595616, 7.08436955876696839 52.92891878319078103, 7.08821778567435956 52.9216875797822226, 7.10155462657249004 52.93197979157982758, 7.1099307793722879 52.93403998996044635, 7.1099307793722879 52.93403998996044635)))</t>
  </si>
  <si>
    <t>MultiPolygon (((7.12841748211070136 52.92124064063753508, 7.12924265672950241 52.92086345631821587, 7.12588364747553804 52.91505997468828326, 7.12549209338888723 52.91258043473886374, 7.15026058170465362 52.91012678363722443, 7.10437069370847407 52.86393118806329028, 7.09709664171671495 52.86262448206309017, 7.09770277599934296 52.86995022490891927, 7.0991244359302863 52.87272967638391208, 7.09956656506672523 52.88395864463656437, 7.10196870052053075 52.90241572171404982, 7.11438075954818228 52.91513033210274841, 7.12841748211070136 52.92124064063753508, 7.12841748211070136 52.92124064063753508)))</t>
  </si>
  <si>
    <t>MultiPolygon (((7.04332754432553099 52.87458297995753753, 7.04135899913969521 52.87528833490147662, 7.01656205901284658 52.8754461637715778, 7.03953987478865884 52.90750369192413416, 7.03958057253995673 52.90756042830067685, 7.0426656543004853 52.90551799049575266, 7.04310530069148921 52.8892900789977034, 7.04332754432553099 52.87458297995753753)),((7.06295141730301523 52.92359532545463452, 7.06397050754885125 52.92209349369608162, 7.06337780545263438 52.91286319437183749, 7.07421825750737288 52.91293350481542035, 7.06759694129184624 52.90612571325523561, 7.06472215229726164 52.90713967520412808, 7.06509744251126559 52.89301461583887232, 7.07261731984597652 52.89320300887179371, 7.0901983948368219 52.89170292651259331, 7.09196057694263526 52.88823528215750969, 7.09956656506672523 52.88395864463656437, 7.0991244359302863 52.87272967638391208, 7.09770277599934296 52.86995022490891927, 7.08640099104064447 52.86958593416326124, 7.08689163852284931 52.87658808422339263, 7.08439622490577392 52.88011103913025579, 7.07908311394342427 52.88122014377413649, 7.07056201986897648 52.8809142941906245, 7.0725961729264375 52.88968444173600858, 7.05557864775359089 52.88967640892687427, 7.05392167212595211 52.88966890112285313, 7.0507044055027297 52.92098029547810967, 7.05033585823820186 52.9214915682674345, 7.04537503553652389 52.92170381746265662, 7.02783157629525501 52.92164628598909815, 7.0318872678896911 52.92530575126447445, 7.03629977826932951 52.92926598064794774, 7.06342597184532561 52.93097048762075474, 7.06295141730301523 52.92359532545463452)))</t>
  </si>
  <si>
    <t>MultiPolygon (((7.05557864775359089 52.88967640892687427, 7.0725961729264375 52.88968444173600858, 7.07056201986897648 52.8809142941906245, 7.07055329166285951 52.88033861170413275, 7.0556030606643132 52.88004751775577716, 7.05557864775359089 52.88967640892687427, 7.05557864775359089 52.88967640892687427)))</t>
  </si>
  <si>
    <t>MultiPolygon (((7.07055329166285951 52.88033861170413275, 7.07056201986897648 52.8809142941906245, 7.07908311394342427 52.88122014377413649, 7.08439622490577392 52.88011103913025579, 7.08689163852284931 52.87658808422339263, 7.08640099104064447 52.86958593416326124, 7.09770277599934296 52.86995022490891927, 7.09709664171671495 52.86262448206309017, 7.08231345513679944 52.86302004527643561, 7.08094550397608824 52.86366647966377741, 7.07602912645647031 52.8638060466855535, 7.07473361611318996 52.86875217913561897, 7.07304528395450749 52.86964573276004131, 7.07112905076991805 52.87192371324574935, 7.07474541430201409 52.87536509239338756, 7.07061612860118949 52.87757273325863849, 7.07055329166285951 52.88033861170413275, 7.07055329166285951 52.88033861170413275)))</t>
  </si>
  <si>
    <t>MultiPolygon (((7.07602912645647031 52.8638060466855535, 7.08094550397608824 52.86366647966377741, 7.08132542089467432 52.85874920052997794, 7.0760839986136288 52.85888645410940256, 7.07602912645647031 52.8638060466855535, 7.07602912645647031 52.8638060466855535)))</t>
  </si>
  <si>
    <t>MultiPolygon (((7.07623688257889594 52.85003012391165811, 7.07595036735454386 52.85065613944184548, 7.08171899820866635 52.849867749378447, 7.08179208809316751 52.85132219942886422, 7.08262796752684398 52.85126081118409047, 7.08782093604071584 52.84868721353385723, 7.09273966552922008 52.83819613569309581, 7.07237865493253715 52.83851389972462442, 7.07164094331949755 52.83927817927734338, 7.07219295714664486 52.84521093466172204, 7.07631706194371457 52.84874676518924019, 7.07623688257889594 52.85003012391165811, 7.07623688257889594 52.85003012391165811)))</t>
  </si>
  <si>
    <t>MultiPolygon (((7.02783157629525501 52.92164628598909815, 7.04537503553652389 52.92170381746265662, 7.05033585823820186 52.9214915682674345, 7.0507044055027297 52.92098029547810967, 7.04553112117778912 52.91591549572297026, 7.02685437541606284 52.91903701141880134, 7.02783157629525501 52.92164628598909815)))</t>
  </si>
  <si>
    <t>MultiPolygon (((7.01656205901284658 52.8754461637715778, 7.04135899913969521 52.87528833490147662, 7.04332754432553099 52.87458297995753753, 7.04592725177270029 52.87443675745851124, 7.0459139817442713 52.8727550347955102, 7.04028619396424915 52.87281821518225655, 7.01857691450694077 52.87297499472047235, 7.01479927486675603 52.87298657872815966, 7.01656205901284658 52.8754461637715778, 7.01656205901284658 52.8754461637715778)))</t>
  </si>
  <si>
    <t>MultiPolygon (((7.04553112117778912 52.91591549572297026, 7.0507044055027297 52.92098029547810967, 7.05392167212595211 52.88966890112285313, 7.04310530069148921 52.8892900789977034, 7.0426656543004853 52.90551799049575266, 7.03958057253995673 52.90756042830067685, 7.04553112117778912 52.91591549572297026, 7.04553112117778912 52.91591549572297026)))</t>
  </si>
  <si>
    <t>MultiPolygon (((7.08094550397608824 52.86366647966377741, 7.08231345513679944 52.86302004527643561, 7.09709664171671495 52.86262448206309017, 7.10437069370847407 52.86393118806329028, 7.08725791478462241 52.84988714088401451, 7.08782093604071584 52.84868721353385723, 7.08262796752684398 52.85126081118409047, 7.08179208809316751 52.85132219942886422, 7.08171899820866635 52.849867749378447, 7.07595036735454386 52.85065613944184548, 7.07406028962122857 52.85535462193067957, 7.07606417226776152 52.85729300454208612, 7.0760839986136288 52.85888645410940256, 7.08132542089467432 52.85874920052997794, 7.08094550397608824 52.86366647966377741, 7.08094550397608824 52.86366647966377741)))</t>
  </si>
  <si>
    <t>MultiPolygon (((7.05392167212595211 52.88966890112285313, 7.05557864775359089 52.88967640892687427, 7.0556030606643132 52.88004751775577716, 7.07055329166285951 52.88033861170413275, 7.07061612860118949 52.87757273325863849, 7.07474541430201409 52.87536509239338756, 7.07112905076991805 52.87192371324574935, 7.07304528395450749 52.86964573276004131, 7.06997578693976347 52.86899866554274752, 7.06875029436665958 52.8692848446047563, 7.06505930852915665 52.87228300489766042, 7.05960405491288245 52.86908606979988434, 7.05759189927314612 52.87268852344195835, 7.0459139817442713 52.8727550347955102, 7.04592725177270029 52.87443675745851124, 7.04332754432553099 52.87458297995753753, 7.04310530069148921 52.8892900789977034, 7.05392167212595211 52.88966890112285313, 7.05392167212595211 52.88966890112285313)))</t>
  </si>
  <si>
    <t>MultiPolygon (((7.09220059650144208 53.01294154989416541, 7.09423050952641976 53.01159653260440763, 7.09328406715545068 53.01112975088169321, 7.09584084756118649 53.0092956598031293, 7.10409766753558714 53.00903525774241132, 7.10659900243905174 53.01014808299183301, 7.11087278180421833 53.00807324782937968, 7.11589362535301184 53.00273212808864542, 7.12157603801902184 53.00066909750970723, 7.12442884017233791 52.99670890870685014, 7.12456529628912527 52.99412175006865766, 7.12768654445050487 52.99320169578093953, 7.13020719476346265 52.99387445916180894, 7.13166837962411648 52.99360597268294981, 7.13566698190189275 52.9893624920793016, 7.13409640671252809 52.98882651320303694, 7.14040002252985762 52.98220326253401424, 7.12925928318924118 52.97882319850845079, 7.13161523055639535 52.97388415306643594, 7.13550797292181294 52.97412892412101115, 7.13637711476592962 52.97093104874127789, 7.13608212433148825 52.96948266562036167, 7.13310176242460781 52.96588607256778403, 7.13593753489137139 52.96583561205487456, 7.13462682437244755 52.96207360470339864, 7.12898530910755834 52.96085439654389404, 7.13070796193967293 52.95706999064106668, 7.1412010967901649 52.95854997633866645, 7.13904356329570344 52.95671659661844899, 7.13762940541806579 52.9514096066467701, 7.13080136737654513 52.95073424369000747, 7.12646418949576699 52.94836618676297491, 7.12117724126825991 52.94803690474405755, 7.11992779730446212 52.94415587609606177, 7.1110992626035916 52.94072377649538907, 7.10214833010474678 52.94411813268160927, 7.0699360940621947 52.95318908226969512, 7.07111831567556415 52.98309281950438532, 7.0720581829081377 53.00378668357065948, 7.09220059650144208 53.01294154989416541, 7.09220059650144208 53.01294154989416541),(7.08425246693620725 53.00614136297984658, 7.08160278793028652 53.00605255115318215, 7.07913671179525394 53.0048297333729721, 7.07791962225323434 53.00111697722581283, 7.07826839975850142 52.99165508116704615, 7.08233395860241455 52.98868034691228956, 7.09975594916367836 52.9948583851246795, 7.10012718996061398 52.99543166552654583, 7.09859423546351298 52.99830841876961074, 7.09481365214917226 53.00181272608548966, 7.08868518786101198 53.00488746344156965, 7.08425246693620725 53.00614136297984658, 7.08425246693620725 53.00614136297984658),(7.10776666845686389 52.96872025954734653, 7.10564639668685682 52.96860977293331274, 7.09514122670366554 52.96521462621220167, 7.09466516621016652 52.96313396183161615, 7.10270393764856944 52.96261434155733383, 7.10663873830590642 52.96342456181812963, 7.10971216715488818 52.96577616839166325, 7.11027664702161211 52.96710949476182151, 7.10913183455930309 52.96846521887454884, 7.10776666845686389 52.96872025954734653, 7.10776666845686389 52.96872025954734653)))</t>
  </si>
  <si>
    <t>MultiPolygon (((7.10776666845686389 52.96872025954734653, 7.10913183455930309 52.96846521887454884, 7.11027664702161211 52.96710949476182151, 7.10971216715488818 52.96577616839166325, 7.10663873830590642 52.96342456181812963, 7.10270393764856944 52.96261434155733383, 7.09466516621016652 52.96313396183161615, 7.09514122670366554 52.96521462621220167, 7.10564639668685682 52.96860977293331274, 7.10776666845686389 52.96872025954734653, 7.10776666845686389 52.96872025954734653)))</t>
  </si>
  <si>
    <t>MultiPolygon (((7.06734198244811651 52.95211145932456986, 7.0699360940621947 52.95318908226969512, 7.10214833010474678 52.94411813268160927, 7.1110992626035916 52.94072377649538907, 7.10703511965939505 52.9396021201764313, 7.1099307793722879 52.93403998996044635, 7.10155462657249004 52.93197979157982758, 7.08821778567435956 52.9216875797822226, 7.08436955876696839 52.92891878319078103, 7.06599790769296288 52.92083139006595616, 7.06397050754885125 52.92209349369608162, 7.06295141730301523 52.92359532545463452, 7.06342597184532561 52.93097048762075474, 7.06465375911536775 52.95077390696916098, 7.06467547502224846 52.95118460422997231, 7.06734198244811651 52.95211145932456986, 7.06734198244811651 52.95211145932456986)))</t>
  </si>
  <si>
    <t>MultiPolygon (((7.08425246693620725 53.00614136297984658, 7.08868518786101198 53.00488746344156965, 7.09481365214917226 53.00181272608548966, 7.09859423546351298 52.99830841876961074, 7.10012718996061398 52.99543166552654583, 7.09975594916367836 52.9948583851246795, 7.08233395860241455 52.98868034691228956, 7.07826839975850142 52.99165508116704615, 7.07791962225323434 53.00111697722581283, 7.07913671179525394 53.0048297333729721, 7.08160278793028652 53.00605255115318215, 7.08425246693620725 53.00614136297984658, 7.08425246693620725 53.00614136297984658)))</t>
  </si>
  <si>
    <t>MultiPolygon (((7.12898180681154869 53.02440819917259773, 7.13011876829709834 53.02450903975109497, 7.13282061257246891 53.02333658983044273, 7.13912983078654673 53.02291008997414679, 7.13977805692514522 53.01969244715589014, 7.15907148864589526 53.00680803074709502, 7.17682494889185296 53.00893052536290639, 7.17824226160185397 53.00592073586661002, 7.18069477481509733 53.00338977106078886, 7.18408388600140047 53.00255241925533767, 7.18916916018138785 53.00276293451781129, 7.2030837055323671 53.00526463790784248, 7.20361771383220084 53.00599746038287918, 7.20242432927233089 53.00694918187274851, 7.19795363466008009 53.00805903851331635, 7.19207720702218367 53.01359974612646653, 7.1940536376280706 53.01403390718004971, 7.19909145757055047 53.01373128530455858, 7.21293205244500069 53.01106083462140361, 7.21744535672304544 53.00703714058411009, 7.21610266436016623 53.00592203167275329, 7.21648773140633715 53.00564991052301878, 7.20956233425455295 53.00050667303919738, 7.20050913702801498 52.98148373555054746, 7.17292146377832207 52.98687756500983426, 7.17237879480834906 52.98631099400829925, 7.16327821396974951 52.98696283350837888, 7.15905473301267747 52.98730415327451482, 7.15684173337387186 52.99185345606881725, 7.15631534463519969 52.99326395082215413, 7.15684954079064273 52.9955940671714032, 7.15745418245553289 52.99750294462287314, 7.15393766882489412 52.99987164170416776, 7.15043066299246011 52.99961220904317827, 7.1486563835736181 53.00384476863549565, 7.1459376285649796 53.00467405763739492, 7.144523532468118 53.00665704955996205, 7.14219706971421076 53.00632046697813848, 7.13779345325101833 53.00930556641207403, 7.13427839151132392 53.01506434950746893, 7.13079152309621911 53.01577586027030975, 7.12616344939242907 53.01949236323409309, 7.12461878688894679 53.01971086594856786, 7.12634796906206613 53.02186980069448907, 7.12898180681154869 53.02440819917259773, 7.12898180681154869 53.02440819917259773),(7.20321007212328013 53.00399756218442349, 7.20098529682830524 53.00396392445757954, 7.19807203955210362 52.99972860546031939, 7.19069338469828878 52.99629994745455264, 7.1918477788119306 52.99463488522089705, 7.19717398259931684 52.99464872950576932, 7.1979228640821491 52.99420876331850394, 7.19859282799283129 52.99073254754428319, 7.20004485883111389 52.98989878875983806, 7.20239054195870576 52.99011429546985852, 7.2033650057066323 52.99093370881215748, 7.20569726636539709 52.99755456112988838, 7.20504618846696321 53.00355859960083649, 7.20321007212328013 53.00399756218442349, 7.20321007212328013 53.00399756218442349)))</t>
  </si>
  <si>
    <t>MultiPolygon (((7.08009541662674202 53.06144222995062165, 7.08588345705603118 53.06031533819343338, 7.08646555662553901 53.05948422579952251, 7.08581073509238291 53.05750881996296187, 7.08647199520201099 53.05677107198029319, 7.08883794418431012 53.05646423844610382, 7.10255700459671768 53.06095082281009923, 7.11097006117401076 53.05367968311368543, 7.11748197775666647 53.0523493787610505, 7.13037418964528769 53.03896949133891781, 7.13598123562578035 53.04053545634653943, 7.13870369447237607 53.0261385156798184, 7.13400976666518361 53.02591955166638371, 7.13011876829709834 53.02450903975109497, 7.12898180681154869 53.02440819917259773, 7.12457293860807361 53.02463692123532013, 7.13074284444682682 53.02720025716029539, 7.11706601659254368 53.03071539567188353, 7.10259039788434077 53.03833043699140148, 7.10184548473013333 53.0389140919791231, 7.10375154648847307 53.03972037840470932, 7.09941347689997215 53.04391695055296196, 7.09787300386776554 53.04717909669526676, 7.09673673720795328 53.04778404085825372, 7.09295692039700842 53.04822671335685413, 7.08067370720102929 53.04561050276836198, 7.07664014626935511 53.05118405876866916, 7.08016291036211776 53.05917303885186698, 7.08009541662674202 53.06144222995062165, 7.08009541662674202 53.06144222995062165)))</t>
  </si>
  <si>
    <t>MultiPolygon (((7.14558935763036729 53.04318405328596953, 7.18663987456306508 53.05440407531099822, 7.20424323847839876 53.0555740920714598, 7.21293205244500069 53.01106083462140361, 7.19909145757055047 53.01373128530455858, 7.1940536376280706 53.01403390718004971, 7.19207720702218367 53.01359974612646653, 7.18619387979950019 53.01472265111809179, 7.18341991098663435 53.01430097330580082, 7.18002543988018793 53.01787905608811968, 7.1784460367658065 53.02357868300325805, 7.17487100702792358 53.02374340414446863, 7.15971838616616729 53.02751583951057057, 7.13620587910888471 53.04058755920377877, 7.14558935763036729 53.04318405328596953, 7.14558935763036729 53.04318405328596953)))</t>
  </si>
  <si>
    <t>MultiPolygon (((7.13598123562578035 53.04053545634653943, 7.13620587910888471 53.04058755920377877, 7.15971838616616729 53.02751583951057057, 7.17487100702792358 53.02374340414446863, 7.1784460367658065 53.02357868300325805, 7.18002543988018793 53.01787905608811968, 7.18341991098663435 53.01430097330580082, 7.18145715093378634 53.01396016459248983, 7.17778886899074209 53.01202720276997837, 7.17682494889185296 53.00893052536290639, 7.15907148864589526 53.00680803074709502, 7.13977805692514522 53.01969244715589014, 7.13912983078654673 53.02291008997414679, 7.14583844819263447 53.02296329584389412, 7.14573124623754374 53.02595618288626156, 7.13870369447237607 53.0261385156798184, 7.13598123562578035 53.04053545634653943, 7.13598123562578035 53.04053545634653943)))</t>
  </si>
  <si>
    <t>MultiPolygon (((7.13011876829709834 53.02450903975109497, 7.13400976666518361 53.02591955166638371, 7.13870369447237607 53.0261385156798184, 7.14573124623754374 53.02595618288626156, 7.14583844819263447 53.02296329584389412, 7.13912983078654673 53.02291008997414679, 7.13282061257246891 53.02333658983044273, 7.13011876829709834 53.02450903975109497, 7.13011876829709834 53.02450903975109497)))</t>
  </si>
  <si>
    <t>MultiPolygon (((7.20321007212328013 53.00399756218442349, 7.20504618846696321 53.00355859960083649, 7.20569726636539709 52.99755456112988838, 7.2033650057066323 52.99093370881215748, 7.20239054195870576 52.99011429546985852, 7.20004485883111389 52.98989878875983806, 7.19859282799283129 52.99073254754428319, 7.1979228640821491 52.99420876331850394, 7.19717398259931684 52.99464872950576932, 7.1918477788119306 52.99463488522089705, 7.19069338469828878 52.99629994745455264, 7.19807203955210362 52.99972860546031939, 7.20098529682830524 53.00396392445757954, 7.20321007212328013 53.00399756218442349, 7.20321007212328013 53.00399756218442349)))</t>
  </si>
  <si>
    <t>MultiPolygon (((7.18341991098663435 53.01430097330580082, 7.18619387979950019 53.01472265111809179, 7.19207720702218367 53.01359974612646653, 7.19795363466008009 53.00805903851331635, 7.20242432927233089 53.00694918187274851, 7.20361771383220084 53.00599746038287918, 7.2030837055323671 53.00526463790784248, 7.18916916018138785 53.00276293451781129, 7.18408388600140047 53.00255241925533767, 7.18069477481509733 53.00338977106078886, 7.17824226160185397 53.00592073586661002, 7.17682494889185296 53.00893052536290639, 7.17778886899074209 53.01202720276997837, 7.18145715093378634 53.01396016459248983, 7.18341991098663435 53.01430097330580082, 7.18341991098663435 53.01430097330580082)))</t>
  </si>
  <si>
    <t>MultiPolygon (((7.08667641808053439 53.04048887734741413, 7.09775417378542794 53.03661953681095298, 7.10000355601885058 53.03444824189907081, 7.10480399167523391 53.02446858776505678, 7.11577469413011876 53.02359114284660535, 7.11867885781003729 53.02243104232886139, 7.11969163546340678 53.02103054933667181, 7.12634796906206613 53.02186980069448907, 7.12461878688894679 53.01971086594856786, 7.12285843099105609 53.01806186226962581, 7.12344715524789773 53.01675512009116176, 7.12949333339841029 53.0120170280320977, 7.13625069408075241 53.00518355314856223, 7.13975956716778803 53.0032845687141716, 7.14412949005008802 53.00365690881788083, 7.1459376285649796 53.00467405763739492, 7.1486563835736181 53.00384476863549565, 7.15043066299246011 52.99961220904317827, 7.15393766882489412 52.99987164170416776, 7.15745418245553289 52.99750294462287314, 7.15684954079064273 52.9955940671714032, 7.15034240773815633 52.99713561656562888, 7.14728339504602772 52.99613695813701497, 7.14572056288241697 52.99424718949308044, 7.14626964864416792 52.99243363492325898, 7.14865371006217831 52.99068011939990441, 7.15374728965222939 52.99041226362756873, 7.15684173337387186 52.99185345606881725, 7.15905473301267747 52.98730415327451482, 7.15746960666082632 52.98392115115638745, 7.15067543783207604 52.98466424394706564, 7.14948539268199568 52.98249207399661032, 7.14866081365233974 52.98250591654766595, 7.14702702301345028 52.98253391823372738, 7.14427010114954264 52.98278907364250756, 7.14040002252985762 52.98220326253401424, 7.13409640671252809 52.98882651320303694, 7.13566698190189275 52.9893624920793016, 7.13166837962411648 52.99360597268294981, 7.13020719476346265 52.99387445916180894, 7.12768654445050487 52.99320169578093953, 7.12456529628912527 52.99412175006865766, 7.12442884017233791 52.99670890870685014, 7.12157603801902184 53.00066909750970723, 7.11589362535301184 53.00273212808864542, 7.11087278180421833 53.00807324782937968, 7.10659900243905174 53.01014808299183301, 7.10409766753558714 53.00903525774241132, 7.09584084756118649 53.0092956598031293, 7.09328406715545068 53.01112975088169321, 7.09423050952641976 53.01159653260440763, 7.09220059650144208 53.01294154989416541, 7.09567285497521461 53.01450031605399715, 7.10001347235818248 53.01644444417268431, 7.09795871734914563 53.02122247493380769, 7.09578626570704962 53.02119890492119936, 7.09195947325693865 53.02284614167970744, 7.08844763830293001 53.02634165398639965, 7.08274930820088322 53.02549768197256697, 7.08037782784095704 53.02974951957934735, 7.08263785126307166 53.03351535399181671, 7.0842634299107603 53.03950391727443048, 7.08667641808053439 53.04048887734741413, 7.08667641808053439 53.04048887734741413),(7.11112432530756688 53.02292610140689533, 7.1075882945469715 53.02296787396593203, 7.10686528564629683 53.02250095066567326, 7.10481121226626655 53.02012339795861351, 7.10477141229139875 53.01813708135966863, 7.1062474090641814 53.01338822898555492, 7.10823131296457777 53.01084475662345596, 7.11092126485869702 53.00903819193798938, 7.11370207620850081 53.008857632310459, 7.11648547537525911 53.00952745546788947, 7.11803913364908247 53.01100596267524168, 7.11886389695721356 53.01528745111895802, 7.11809114740362414 53.01819893438005238, 7.11603803649212718 53.02105758333295427, 7.11393749524850527 53.02251757308421531, 7.11112432530756688 53.02292610140689533, 7.11112432530756688 53.02292610140689533)))</t>
  </si>
  <si>
    <t>MultiPolygon (((7.11112432530756688 53.02292610140689533, 7.11393749524850527 53.02251757308421531, 7.11603803649212718 53.02105758333295427, 7.11809114740362414 53.01819893438005238, 7.11886389695721356 53.01528745111895802, 7.11803913364908247 53.01100596267524168, 7.11648547537525911 53.00952745546788947, 7.11370207620850081 53.008857632310459, 7.11092126485869702 53.00903819193798938, 7.10823131296457777 53.01084475662345596, 7.1062474090641814 53.01338822898555492, 7.10477141229139875 53.01813708135966863, 7.10481121226626655 53.02012339795861351, 7.10686528564629683 53.02250095066567326, 7.1075882945469715 53.02296787396593203, 7.11112432530756688 53.02292610140689533, 7.11112432530756688 53.02292610140689533)))</t>
  </si>
  <si>
    <t>MultiPolygon (((7.06832849260754603 53.05078423796081211, 7.07199616974268341 53.05073470613407238, 7.07454110310127415 53.04994689098595018, 7.07664014626935511 53.05118405876866916, 7.08067370720102929 53.04561050276836198, 7.09295692039700842 53.04822671335685413, 7.09673673720795328 53.04778404085825372, 7.09787300386776554 53.04717909669526676, 7.09941347689997215 53.04391695055296196, 7.10375154648847307 53.03972037840470932, 7.10184548473013333 53.0389140919791231, 7.10259039788434077 53.03833043699140148, 7.09775417378542794 53.03661953681095298, 7.08667641808053439 53.04048887734741413, 7.08611936616283788 53.0423469123401361, 7.08165511166361128 53.04446450438256733, 7.07172520925531511 53.04360317522601065, 7.07010834569354163 53.04277098780950439, 7.0680480172007778 53.04350837823459131, 7.06705549141268374 53.04769077656477094, 7.06832849260754603 53.05078423796081211, 7.06832849260754603 53.05078423796081211)))</t>
  </si>
  <si>
    <t>MultiPolygon (((7.12461878688894679 53.01971086594856786, 7.12616344939242907 53.01949236323409309, 7.13079152309621911 53.01577586027030975, 7.13427839151132392 53.01506434950746893, 7.13779345325101833 53.00930556641207403, 7.14219706971421076 53.00632046697813848, 7.144523532468118 53.00665704955996205, 7.1459376285649796 53.00467405763739492, 7.14412949005008802 53.00365690881788083, 7.13975956716778803 53.0032845687141716, 7.13625069408075241 53.00518355314856223, 7.12949333339841029 53.0120170280320977, 7.12344715524789773 53.01675512009116176, 7.12285843099105609 53.01806186226962581, 7.12461878688894679 53.01971086594856786, 7.12461878688894679 53.01971086594856786)))</t>
  </si>
  <si>
    <t>MultiPolygon (((7.15684954079064273 52.9955940671714032, 7.15631534463519969 52.99326395082215413, 7.15684173337387186 52.99185345606881725, 7.15374728965222939 52.99041226362756873, 7.14865371006217831 52.99068011939990441, 7.14626964864416792 52.99243363492325898, 7.14572056288241697 52.99424718949308044, 7.14728339504602772 52.99613695813701497, 7.15034240773815633 52.99713561656562888, 7.15684954079064273 52.9955940671714032, 7.15684954079064273 52.9955940671714032)))</t>
  </si>
  <si>
    <t>MultiPolygon (((7.09775417378542794 53.03661953681095298, 7.10259039788434077 53.03833043699140148, 7.11706601659254368 53.03071539567188353, 7.13074284444682682 53.02720025716029539, 7.12457293860807361 53.02463692123532013, 7.12898180681154869 53.02440819917259773, 7.12634796906206613 53.02186980069448907, 7.11969163546340678 53.02103054933667181, 7.11867885781003729 53.02243104232886139, 7.11577469413011876 53.02359114284660535, 7.10480399167523391 53.02446858776505678, 7.10000355601885058 53.03444824189907081, 7.09775417378542794 53.03661953681095298, 7.09775417378542794 53.03661953681095298)))</t>
  </si>
  <si>
    <t>MultiPolygon (((7.15905473301267747 52.98730415327451482, 7.16327821396974951 52.98696283350837888, 7.16760201261910268 52.96573646744484876, 7.16358338617611334 52.94403811108200131, 7.1582301822361929 52.93255313645439486, 7.12841748211070136 52.92124064063753508, 7.12796956154864603 52.92265157815270271, 7.13031481565098613 52.92428242627839552, 7.1322778536824849 52.92811137416207146, 7.13027521187111901 52.93110504280241457, 7.12586253799689029 52.93097837583633947, 7.12319479003743083 52.92938976927452899, 7.1212219314558034 52.9269899438481275, 7.11793240235403513 52.92762976776369044, 7.11903379794967428 52.92888899335019914, 7.11497976486545181 52.93618711627318874, 7.11430529522309829 52.93647101091669782, 7.11217862146987301 52.93464401387828389, 7.1099307793722879 52.93403998996044635, 7.10703511965939505 52.9396021201764313, 7.1110992626035916 52.94072377649538907, 7.11992779730446212 52.94415587609606177, 7.12117724126825991 52.94803690474405755, 7.12646418949576699 52.94836618676297491, 7.13080136737654513 52.95073424369000747, 7.13762940541806579 52.9514096066467701, 7.13904356329570344 52.95671659661844899, 7.1412010967901649 52.95854997633866645, 7.13070796193967293 52.95706999064106668, 7.12898530910755834 52.96085439654389404, 7.13462682437244755 52.96207360470339864, 7.13593753489137139 52.96583561205487456, 7.13310176242460781 52.96588607256778403, 7.13608212433148825 52.96948266562036167, 7.13637711476592962 52.97093104874127789, 7.13550797292181294 52.97412892412101115, 7.13161523055639535 52.97388415306643594, 7.12925928318924118 52.97882319850845079, 7.14040002252985762 52.98220326253401424, 7.14427010114954264 52.98278907364250756, 7.14451777761588769 52.97874472488963704, 7.14607874371003593 52.97697526031436865, 7.14908264878230781 52.97632431132154096, 7.15333877938630192 52.97777598015090206, 7.15588866020778447 52.97983306027481376, 7.15674023630404044 52.98209893953593053, 7.15606973621914477 52.98305261782469699, 7.15406957321044423 52.98326196655450815, 7.14954939567225534 52.98057835184214071, 7.14866081365233974 52.98250591654766595, 7.14948539268199568 52.98249207399661032, 7.15067543783207604 52.98466424394706564, 7.15746960666082632 52.98392115115638745, 7.15905473301267747 52.98730415327451482, 7.15905473301267747 52.98730415327451482),(7.15925609652978601 52.97018497012563643, 7.16064190282649538 52.97172216782080767, 7.15434600359396811 52.9709598877410599, 7.14700180869726598 52.96720844082836521, 7.14876983139419231 52.96638412814245811, 7.1494173396934988 52.96447358846746312, 7.14641425290232934 52.96136975135605951, 7.14926836864339954 52.96064178110385257, 7.15196636846404932 52.96081598694107839, 7.15418338248415697 52.9567121386406825, 7.15127954930733889 52.95535402534697056, 7.14767334939529775 52.9556122682378998, 7.14711174495451917 52.95420209953812218, 7.15032462832882576 52.9524677545246405, 7.15478657326249401 52.95166646560885937, 7.15791840261409273 52.95168018859148162, 7.158437164350274 52.95393920629641826, 7.16161336362299306 52.95704804567993307, 7.16129212199352061 52.95921054231850889, 7.15885525825798652 52.96151003993647066, 7.1569232075274769 52.96213470331202444, 7.15622574020896085 52.96457015028816784, 7.15595221950080429 52.9666324865736371, 7.15925609652978601 52.97018497012563643, 7.15925609652978601 52.97018497012563643),(7.15339794606645984 52.95110558324739713, 7.15056197231626278 52.95082840219464515, 7.14874870716614463 52.94929795572356568, 7.14277060755920168 52.94708050546611844, 7.13794996645896695 52.94645917528154655, 7.13882054513015873 52.94454091986757049, 7.14903628003094571 52.94412663250551532, 7.15164679582991436 52.94053438460241523, 7.15573601053015818 52.94114239766863506, 7.1562834732587044 52.94150280613585835, 7.15515664676819085 52.94452173786743288, 7.15786627591604141 52.94775602642321388, 7.15779456284122428 52.94897703714465109, 7.15339794606645984 52.95110558324739713, 7.15339794606645984 52.95110558324739713)))</t>
  </si>
  <si>
    <t>MultiPolygon (((7.16327821396974951 52.98696283350837888, 7.17237879480834906 52.98631099400829925, 7.17292146377832207 52.98687756500983426, 7.20050913702801498 52.98148373555054746, 7.18151549151523483 52.94158424057185641, 7.15026058170465362 52.91012678363722443, 7.12549209338888723 52.91258043473886374, 7.12588364747553804 52.91505997468828326, 7.12924265672950241 52.92086345631821587, 7.12841748211070136 52.92124064063753508, 7.1582301822361929 52.93255313645439486, 7.16358338617611334 52.94403811108200131, 7.16760201261910268 52.96573646744484876, 7.16327821396974951 52.98696283350837888, 7.16327821396974951 52.98696283350837888)))</t>
  </si>
  <si>
    <t>MultiPolygon (((7.15925609652978601 52.97018497012563643, 7.15595221950080429 52.9666324865736371, 7.15622574020896085 52.96457015028816784, 7.1569232075274769 52.96213470331202444, 7.15885525825798652 52.96151003993647066, 7.16129212199352061 52.95921054231850889, 7.16161336362299306 52.95704804567993307, 7.158437164350274 52.95393920629641826, 7.15791840261409273 52.95168018859148162, 7.15478657326249401 52.95166646560885937, 7.15032462832882576 52.9524677545246405, 7.14711174495451917 52.95420209953812218, 7.14767334939529775 52.9556122682378998, 7.15127954930733889 52.95535402534697056, 7.15418338248415697 52.9567121386406825, 7.15196636846404932 52.96081598694107839, 7.14926836864339954 52.96064178110385257, 7.14641425290232934 52.96136975135605951, 7.1494173396934988 52.96447358846746312, 7.14876983139419231 52.96638412814245811, 7.14700180869726598 52.96720844082836521, 7.15434600359396811 52.9709598877410599, 7.16064190282649538 52.97172216782080767, 7.15925609652978601 52.97018497012563643, 7.15925609652978601 52.97018497012563643)))</t>
  </si>
  <si>
    <t>MultiPolygon (((7.14427010114954264 52.98278907364250756, 7.14702702301345028 52.98253391823372738, 7.14866081365233974 52.98250591654766595, 7.14954939567225534 52.98057835184214071, 7.15406957321044423 52.98326196655450815, 7.15606973621914477 52.98305261782469699, 7.15674023630404044 52.98209893953593053, 7.15588866020778447 52.97983306027481376, 7.15333877938630192 52.97777598015090206, 7.14908264878230781 52.97632431132154096, 7.14607874371003593 52.97697526031436865, 7.14451777761588769 52.97874472488963704, 7.14427010114954264 52.98278907364250756, 7.14427010114954264 52.98278907364250756)))</t>
  </si>
  <si>
    <t>MultiPolygon (((7.1212219314558034 52.9269899438481275, 7.12319479003743083 52.92938976927452899, 7.12586253799689029 52.93097837583633947, 7.13027521187111901 52.93110504280241457, 7.1322778536824849 52.92811137416207146, 7.13031481565098613 52.92428242627839552, 7.12796956154864603 52.92265157815270271, 7.12436033784443179 52.92168398787340777, 7.12359331628879833 52.92211084970629287, 7.12155457390553526 52.92349208086778134, 7.1212219314558034 52.9269899438481275, 7.1212219314558034 52.9269899438481275)))</t>
  </si>
  <si>
    <t>MultiPolygon (((7.15339794606645984 52.95110558324739713, 7.15779456284122428 52.94897703714465109, 7.15786627591604141 52.94775602642321388, 7.15515664676819085 52.94452173786743288, 7.1562834732587044 52.94150280613585835, 7.15573601053015818 52.94114239766863506, 7.15164679582991436 52.94053438460241523, 7.14903628003094571 52.94412663250551532, 7.13882054513015873 52.94454091986757049, 7.13794996645896695 52.94645917528154655, 7.14277060755920168 52.94708050546611844, 7.14874870716614463 52.94929795572356568, 7.15056197231626278 52.95082840219464515, 7.15339794606645984 52.95110558324739713, 7.15339794606645984 52.95110558324739713)))</t>
  </si>
  <si>
    <t>MultiPolygon (((7.07298623541262117 53.09181868944754257, 7.075268601546707 53.08988732926949439, 7.07746848082093827 53.08934062472582838, 7.09372979094251122 53.09041821011783213, 7.10295945000852402 53.06879043929436079, 7.08432456998334548 53.06764057085581499, 7.07923791002032754 53.0725389952465747, 7.0779368698757823 53.07300789034833599, 7.07114166732995564 53.07091686733210878, 7.06773681176737689 53.06868353583428188, 7.06535597261385551 53.06901241333703467, 7.06328647866859249 53.07071536966063974, 7.06230003492145375 53.07396249470300376, 7.06382119342595871 53.07567413119000577, 7.06682868532733544 53.07722390752000052, 7.06749609771953757 53.08217572925172334, 7.07110044047457809 53.08419730087694433, 7.07298623541262117 53.09181868944754257, 7.07298623541262117 53.09181868944754257)))</t>
  </si>
  <si>
    <t>MultiPolygon (((7.03753290535871123 53.09630940926802367, 7.03822975505965509 53.09707469983521122, 7.04389448517422334 53.09503844159837627, 7.04658769686349373 53.09713850472863328, 7.04863517125549333 53.09780833482004425, 7.05534411979837284 53.09567038014954932, 7.05862768588484712 53.09723617857451217, 7.06060598082483715 53.09943410022705734, 7.06961880592303071 53.09407308095634193, 7.06416344748183889 53.0848474157500192, 7.06487082907458941 53.08268047048559879, 7.06749609771953757 53.08217572925172334, 7.06682868532733544 53.07722390752000052, 7.06382119342595871 53.07567413119000577, 7.06230003492145375 53.07396249470300376, 7.06328647866859249 53.07071536966063974, 7.06535597261385551 53.06901241333703467, 7.06465336770601926 53.06695011545060936, 7.06016347968507141 53.06580826269814821, 7.03719861470438968 53.06483134565775117, 7.03364804059986781 53.06474787596830822, 7.03237894358506122 53.06677559200377203, 7.02953283456739708 53.06664899744051667, 7.01910074297630882 53.07146698155295894, 7.01544586960088878 53.0717741355537882, 7.03753290535871123 53.09630940926802367, 7.03753290535871123 53.09630940926802367)))</t>
  </si>
  <si>
    <t>MultiPolygon (((7.02595945045551051 53.1124317120519791, 7.03504435994266508 53.11254525928138293, 7.05038776059415362 53.11427392004397063, 7.05447605274426692 53.11745708639339369, 7.05770914230363555 53.11855514279737633, 7.0629615213323973 53.11634330039477447, 7.06450699593422105 53.11501173260310082, 7.06361479159698291 53.11365586684437545, 7.0634858251488577 53.10974021648326726, 7.06456258127660774 53.1083758818108862, 7.06727883857729466 53.10705932336075819, 7.06060598082483715 53.09943410022705734, 7.05862768588484712 53.09723617857451217, 7.05534411979837284 53.09567038014954932, 7.04863517125549333 53.09780833482004425, 7.04658769686349373 53.09713850472863328, 7.04389448517422334 53.09503844159837627, 7.03822975505965509 53.09707469983521122, 7.04260885191197605 53.10188799927162506, 7.02988564990129561 53.10831562591798161, 7.02817701503299297 53.11108949444987104, 7.02595945045551051 53.1124317120519791, 7.02595945045551051 53.1124317120519791)))</t>
  </si>
  <si>
    <t>MultiPolygon (((7.08030572132460012 53.14357221493663275, 7.08620738954144791 53.14502310217073244, 7.08951512135205686 53.14518898842346317, 7.09840010680193245 53.14336091050501665, 7.10213926414707331 53.14323230214422722, 7.10719675246807903 53.1444162232395314, 7.11611142441600641 53.14801589272655491, 7.11478375038789146 53.1197155357744677, 7.11376989945057669 53.11664851331707382, 7.12073359196396005 53.11394037913665045, 7.11956982320973086 53.11121709930147716, 7.11524122529792447 53.11030896377235422, 7.11190338708750414 53.1067518957435567, 7.11538233060731695 53.10444470840688069, 7.11550633184946335 53.10271952882302315, 7.10613566203450464 53.10016933559425212, 7.1021011796345066 53.1015781431208751, 7.09886476914643971 53.10065321828022888, 7.09523718915334012 53.09616624421251174, 7.09733829365008617 53.09295798381423026, 7.09679971780084529 53.09186468342686283, 7.09372979094251122 53.09041821011783213, 7.07746848082093827 53.08934062472582838, 7.075268601546707 53.08988732926949439, 7.07298623541262117 53.09181868944754257, 7.07334526033658317 53.09249725618533944, 7.08087038382740275 53.09690565184573785, 7.07878538320489614 53.10274057322149588, 7.08975622047684695 53.10481571559382985, 7.09587300273880395 53.10681204628532015, 7.09814575065700915 53.10839288065227493, 7.09793704707387274 53.11075736452939111, 7.09458594910955487 53.11277909428160626, 7.09029494272570204 53.11412541759422368, 7.0799133275053121 53.11492531241417225, 7.06656360317853771 53.11423694656738093, 7.06450699593422105 53.11501173260310082, 7.0629615213323973 53.11634330039477447, 7.05770914230363555 53.11855514279737633, 7.05447605274426692 53.11745708639339369, 7.05038776059415362 53.11427392004397063, 7.03504435994266508 53.11254525928138293, 7.02595945045551051 53.1124317120519791, 7.02975434943717037 53.11509708269460361, 7.03365949807214275 53.11604699987071854, 7.03559657157192131 53.11957935019265165, 7.04990334113511441 53.12883090028436328, 7.05118002390212073 53.13021802298085561, 7.06885010991600105 53.13748632586251119, 7.08030572132460012 53.14357221493663275, 7.08030572132460012 53.14357221493663275)))</t>
  </si>
  <si>
    <t>MultiPolygon (((7.06961880592303071 53.09407308095634193, 7.07334526033658317 53.09249725618533944, 7.07298623541262117 53.09181868944754257, 7.07110044047457809 53.08419730087694433, 7.06749609771953757 53.08217572925172334, 7.06487082907458941 53.08268047048559879, 7.06416344748183889 53.0848474157500192, 7.06961880592303071 53.09407308095634193, 7.06961880592303071 53.09407308095634193)))</t>
  </si>
  <si>
    <t>MultiPolygon (((7.10295945000852402 53.06879043929436079, 7.10356324797246952 53.06767965566629641, 7.10468862488718678 53.06560980517556914, 7.10255700459671768 53.06095082281009923, 7.08883794418431012 53.05646423844610382, 7.08647199520201099 53.05677107198029319, 7.08581073509238291 53.05750881996296187, 7.08646555662553901 53.05948422579952251, 7.08588345705603118 53.06031533819343338, 7.08009541662674202 53.06144222995062165, 7.07688043656424703 53.06369064289551574, 7.07968887013582471 53.0634353627785984, 7.08478041063676489 53.06627583478051946, 7.08432456998334548 53.06764057085581499, 7.10295945000852402 53.06879043929436079, 7.10295945000852402 53.06879043929436079)))</t>
  </si>
  <si>
    <t>MultiPolygon (((7.06535597261385551 53.06901241333703467, 7.06773681176737689 53.06868353583428188, 7.07114166732995564 53.07091686733210878, 7.0779368698757823 53.07300789034833599, 7.07923791002032754 53.0725389952465747, 7.08432456998334548 53.06764057085581499, 7.08478041063676489 53.06627583478051946, 7.07968887013582471 53.0634353627785984, 7.07688043656424703 53.06369064289551574, 7.07046597729641668 53.06619287915822269, 7.065946720670504 53.06727899527309944, 7.06465336770601926 53.06695011545060936, 7.06535597261385551 53.06901241333703467, 7.06535597261385551 53.06901241333703467)))</t>
  </si>
  <si>
    <t>MultiPolygon (((7.06727883857729466 53.10705932336075819, 7.07556874957593429 53.10239669212307945, 7.07878538320489614 53.10274057322149588, 7.08087038382740275 53.09690565184573785, 7.07334526033658317 53.09249725618533944, 7.06961880592303071 53.09407308095634193, 7.06060598082483715 53.09943410022705734, 7.06727883857729466 53.10705932336075819, 7.06727883857729466 53.10705932336075819)))</t>
  </si>
  <si>
    <t>MultiPolygon (((7.06727883857729466 53.10705932336075819, 7.06456258127660774 53.1083758818108862, 7.0634858251488577 53.10974021648326726, 7.06361479159698291 53.11365586684437545, 7.06450699593422105 53.11501173260310082, 7.06656360317853771 53.11423694656738093, 7.0799133275053121 53.11492531241417225, 7.09029494272570204 53.11412541759422368, 7.09458594910955487 53.11277909428160626, 7.09793704707387274 53.11075736452939111, 7.09814575065700915 53.10839288065227493, 7.09587300273880395 53.10681204628532015, 7.08975622047684695 53.10481571559382985, 7.07878538320489614 53.10274057322149588, 7.07556874957593429 53.10239669212307945, 7.06727883857729466 53.10705932336075819, 7.06727883857729466 53.10705932336075819)))</t>
  </si>
  <si>
    <t>MultiPolygon (((7.1612137087509371 53.08420578980963001, 7.16211382985704503 53.08474857055430363, 7.18324558581505102 53.07162112133937626, 7.18322285171267083 53.07356285582868338, 7.19486729398562019 53.07437061234229247, 7.20051360234375526 53.07467871176011442, 7.20424323847839876 53.0555740920714598, 7.18663987456306508 53.05440407531099822, 7.14558935763036729 53.04318405328596953, 7.13994337342408247 53.05078378434388497, 7.14072972990534094 53.05192720534635242, 7.15002986024903286 53.05490878541429822, 7.15113958989853682 53.05670574027752906, 7.14669108616452231 53.05743858697145043, 7.1385778883612625 53.05650153589994034, 7.13483866472284944 53.05662979566200477, 7.12993352811695313 53.05776976796612843, 7.12707678998422889 53.06127842591751431, 7.1612137087509371 53.08420578980963001, 7.1612137087509371 53.08420578980963001)))</t>
  </si>
  <si>
    <t>MultiPolygon (((7.18457942250272108 53.11320485691928184, 7.18204185697774022 53.12151449872477826, 7.18310107251399632 53.12167998210282605, 7.20279350512283489 53.11341057346942307, 7.19921932327471659 53.08138618439249967, 7.20051360234375526 53.07467871176011442, 7.19486729398562019 53.07437061234229247, 7.19504114703857844 53.07699976935626296, 7.17160854163645212 53.09009788011704245, 7.18510189243662012 53.09737841195694585, 7.18764306779092532 53.09999614244136268, 7.18457942250272108 53.11320485691928184, 7.18457942250272108 53.11320485691928184)))</t>
  </si>
  <si>
    <t>MultiPolygon (((7.17105246804642604 53.08979271546377277, 7.17160854163645212 53.09009788011704245, 7.19504114703857844 53.07699976935626296, 7.19486729398562019 53.07437061234229247, 7.18322285171267083 53.07356285582868338, 7.18324558581505102 53.07162112133937626, 7.16211382985704503 53.08474857055430363, 7.17105246804642604 53.08979271546377277, 7.17105246804642604 53.08979271546377277)))</t>
  </si>
  <si>
    <t>MultiPolygon (((7.10468862488718678 53.06560980517556914, 7.11846099588802339 53.06561920426558743, 7.12439820750418296 53.05917518869553362, 7.12707678998422889 53.06127842591751431, 7.12993352811695313 53.05776976796612843, 7.13483866472284944 53.05662979566200477, 7.1385778883612625 53.05650153589994034, 7.14669108616452231 53.05743858697145043, 7.15113958989853682 53.05670574027752906, 7.15002986024903286 53.05490878541429822, 7.14072972990534094 53.05192720534635242, 7.13994337342408247 53.05078378434388497, 7.14558935763036729 53.04318405328596953, 7.13620587910888471 53.04058755920377877, 7.13598123562578035 53.04053545634653943, 7.13037418964528769 53.03896949133891781, 7.11748197775666647 53.0523493787610505, 7.11097006117401076 53.05367968311368543, 7.10255700459671768 53.06095082281009923, 7.10468862488718678 53.06560980517556914, 7.10468862488718678 53.06560980517556914)))</t>
  </si>
  <si>
    <t>MultiPolygon (((7.14011028279270921 53.15460650001343623, 7.14645477109208649 53.15208543835284871, 7.14681464685519074 53.1580344301154355, 7.14806960519580858 53.15954441961719823, 7.17395930263565429 53.14793125199741297, 7.1769953371524613 53.15258247796713675, 7.18317271174058458 53.15475425658882358, 7.18924422316437628 53.15488296003680091, 7.18960126009654221 53.14796157359158713, 7.18586520250954841 53.14466808817036991, 7.18312340281143147 53.14014913130804985, 7.18026366129439175 53.13803248506653887, 7.17896156479002201 53.13854548946841305, 7.18007662783044687 53.13131979349883238, 7.17484380712764391 53.1330382756093158, 7.17084869835030769 53.13280403323100387, 7.16904885068710129 53.13087317537475229, 7.16502540973637991 53.12990834773989235, 7.1621199204996584 53.13094681858540724, 7.15762081713679077 53.12576456260936197, 7.16399264828422577 53.12272561356795819, 7.16065196136657889 53.1183767404210414, 7.15046927127078646 53.10933766720648208, 7.14149413194791283 53.10401953066030956, 7.1327395302670249 53.09982435949135748, 7.14114457243156497 53.09433640423983292, 7.12413292989409097 53.0825700138578469, 7.11714556909016061 53.07866714573988531, 7.1152688449106769 53.07601827616992551, 7.11283326095155211 53.07294656841662572, 7.10907212147193857 53.07136022342690751, 7.10356324797246952 53.06767965566629641, 7.10295945000852402 53.06879043929436079, 7.09372979094251122 53.09041821011783213, 7.09679971780084529 53.09186468342686283, 7.09733829365008617 53.09295798381423026, 7.09523718915334012 53.09616624421251174, 7.09886476914643971 53.10065321828022888, 7.1021011796345066 53.1015781431208751, 7.10613566203450464 53.10016933559425212, 7.11550633184946335 53.10271952882302315, 7.11538233060731695 53.10444470840688069, 7.11190338708750414 53.1067518957435567, 7.11524122529792447 53.11030896377235422, 7.11956982320973086 53.11121709930147716, 7.12073359196396005 53.11394037913665045, 7.11376989945057669 53.11664851331707382, 7.11478375038789146 53.1197155357744677, 7.11611142441600641 53.14801589272655491, 7.12627884088870811 53.15144890318199344, 7.13362597649960684 53.15239832227945982, 7.14011028279270921 53.15460650001343623, 7.14011028279270921 53.15460650001343623),(7.14071905979505317 53.14124500859504963, 7.13578422876636953 53.14115309809860577, 7.13375195021006903 53.14016938200622775, 7.13296606677091916 53.13862147996707108, 7.13422296283461588 53.13523953553468715, 7.13539213109958315 53.13488544494188659, 7.14033199141532737 53.13526938890881013, 7.14570721249660501 53.13680390368087103, 7.14255725274222986 53.14101868082965296, 7.14071905979505317 53.14124500859504963, 7.14071905979505317 53.14124500859504963)))</t>
  </si>
  <si>
    <t>MultiPolygon (((7.147083243032335 53.09336789593420747, 7.1612137087509371 53.08420578980963001, 7.12707678998422889 53.06127842591751431, 7.12439820750418296 53.05917518869553362, 7.11846099588802339 53.06561920426558743, 7.11854838305950377 53.06972873587471895, 7.12184291280425352 53.07460634394928434, 7.14398247851148049 53.08990257773961474, 7.147083243032335 53.09336789593420747, 7.147083243032335 53.09336789593420747)))</t>
  </si>
  <si>
    <t>MultiPolygon (((7.14992466707826413 53.1010991194906623, 7.15032270382875179 53.10255444089376198, 7.15652508790684738 53.10610856658247769, 7.1574582481585507 53.10568970826970769, 7.15855604264314938 53.10621521637182951, 7.16968468597280673 53.11381393311248189, 7.17334850154450976 53.11749377578711773, 7.18254251402510402 53.11318709837883745, 7.18457942250272108 53.11320485691928184, 7.18764306779092532 53.09999614244136268, 7.18510189243662012 53.09737841195694585, 7.17160854163645212 53.09009788011704245, 7.17105246804642604 53.08979271546377277, 7.15329110546535585 53.09988981898406735, 7.15164488211638982 53.09983544580369852, 7.14992466707826413 53.1010991194906623, 7.14992466707826413 53.1010991194906623)))</t>
  </si>
  <si>
    <t>MultiPolygon (((7.14011028279270921 53.15460650001343623, 7.14321600403867318 53.15716281296596435, 7.14530806901823112 53.16077367014771937, 7.14806960519580858 53.15954441961719823, 7.14681464685519074 53.1580344301154355, 7.14645477109208649 53.15208543835284871, 7.14011028279270921 53.15460650001343623, 7.14011028279270921 53.15460650001343623)))</t>
  </si>
  <si>
    <t>MultiPolygon (((7.14071905979505317 53.14124500859504963, 7.14255725274222986 53.14101868082965296, 7.14570721249660501 53.13680390368087103, 7.14033199141532737 53.13526938890881013, 7.13539213109958315 53.13488544494188659, 7.13422296283461588 53.13523953553468715, 7.13296606677091916 53.13862147996707108, 7.13375195021006903 53.14016938200622775, 7.13578422876636953 53.14115309809860577, 7.14071905979505317 53.14124500859504963, 7.14071905979505317 53.14124500859504963)))</t>
  </si>
  <si>
    <t>MultiPolygon (((7.1152688449106769 53.07601827616992551, 7.11647012105776611 53.07633388365825766, 7.11900001611928879 53.07425168339290167, 7.12184291280425352 53.07460634394928434, 7.11854838305950377 53.06972873587471895, 7.11846099588802339 53.06561920426558743, 7.10468862488718678 53.06560980517556914, 7.10356324797246952 53.06767965566629641, 7.10907212147193857 53.07136022342690751, 7.11283326095155211 53.07294656841662572, 7.1152688449106769 53.07601827616992551, 7.1152688449106769 53.07601827616992551)))</t>
  </si>
  <si>
    <t>MultiPolygon (((7.14392925313808735 53.0954443298781058, 7.14844108280691337 53.09819740339906247, 7.14645899289194997 53.0998353534409091, 7.14676733724834357 53.1007413965717916, 7.14810363891155642 53.10128798178379839, 7.14992466707826413 53.1010991194906623, 7.15164488211638982 53.09983544580369852, 7.15329110546535585 53.09988981898406735, 7.17105246804642604 53.08979271546377277, 7.16211382985704503 53.08474857055430363, 7.1612137087509371 53.08420578980963001, 7.147083243032335 53.09336789593420747, 7.14392925313808735 53.0954443298781058, 7.14392925313808735 53.0954443298781058)))</t>
  </si>
  <si>
    <t>MultiPolygon (((7.14114457243156497 53.09433640423983292, 7.14392925313808735 53.0954443298781058, 7.147083243032335 53.09336789593420747, 7.14398247851148049 53.08990257773961474, 7.12184291280425352 53.07460634394928434, 7.11900001611928879 53.07425168339290167, 7.11647012105776611 53.07633388365825766, 7.1152688449106769 53.07601827616992551, 7.11714556909016061 53.07866714573988531, 7.12413292989409097 53.0825700138578469, 7.14114457243156497 53.09433640423983292, 7.14114457243156497 53.09433640423983292)))</t>
  </si>
  <si>
    <t>MultiPolygon (((7.18007662783044687 53.13131979349883238, 7.18101853657143874 53.12767864133209628, 7.18364119386793742 53.12486788704277529, 7.18587281478452589 53.12422574662299013, 7.18310107251399632 53.12167998210282605, 7.18204185697774022 53.12151449872477826, 7.18457942250272108 53.11320485691928184, 7.18254251402510402 53.11318709837883745, 7.17334850154450976 53.11749377578711773, 7.16968468597280673 53.11381393311248189, 7.15855604264314938 53.10621521637182951, 7.1574582481585507 53.10568970826970769, 7.15652508790684738 53.10610856658247769, 7.15032270382875179 53.10255444089376198, 7.14992466707826413 53.1010991194906623, 7.14810363891155642 53.10128798178379839, 7.14676733724834357 53.1007413965717916, 7.14645899289194997 53.0998353534409091, 7.14844108280691337 53.09819740339906247, 7.14392925313808735 53.0954443298781058, 7.14114457243156497 53.09433640423983292, 7.1327395302670249 53.09982435949135748, 7.14149413194791283 53.10401953066030956, 7.15046927127078646 53.10933766720648208, 7.16065196136657889 53.1183767404210414, 7.16399264828422577 53.12272561356795819, 7.15762081713679077 53.12576456260936197, 7.1621199204996584 53.13094681858540724, 7.16502540973637991 53.12990834773989235, 7.16904885068710129 53.13087317537475229, 7.17084869835030769 53.13280403323100387, 7.17484380712764391 53.1330382756093158, 7.18007662783044687 53.13131979349883238, 7.18007662783044687 53.13131979349883238)))</t>
  </si>
  <si>
    <t>MultiPolygon (((5.53975464168205711 51.59709502583655194, 5.54275405086594475 51.59393980497256393, 5.54701641759466213 51.5931634568854065, 5.54900453525562476 51.59184187634239294, 5.54330714400269908 51.59035539128420567, 5.53722171410354846 51.58987281087929233, 5.53381769468507922 51.59235316867724208, 5.53871081601097437 51.59532187046728069, 5.53975464168205711 51.59709502583655194, 5.53975464168205711 51.59709502583655194)))</t>
  </si>
  <si>
    <t>MultiPolygon (((5.5343591773694083 51.62271973363144895, 5.53919538409099488 51.6241634427523195, 5.5413828212911227 51.62268072347304582, 5.54038390700564864 51.62191054950874758, 5.53994237853002414 51.61968852655532913, 5.53741811189255184 51.6180710927326345, 5.53595163699043979 51.6195570305721958, 5.5343591773694083 51.62271973363144895, 5.5343591773694083 51.62271973363144895)))</t>
  </si>
  <si>
    <t>MultiPolygon (((5.55574515009353842 51.61294798397396733, 5.55940570317408511 51.61034564574737971, 5.54744279025276832 51.6065746470429616, 5.54788279976144683 51.60601422147043138, 5.54578922536572971 51.6053710350180026, 5.5453186384398041 51.60551134456594013, 5.5451515297988907 51.60903821296331984, 5.55135520625141332 51.61088263194802295, 5.55109969955437599 51.61151655126868576, 5.55574515009353842 51.61294798397396733, 5.55574515009353842 51.61294798397396733)))</t>
  </si>
  <si>
    <t>MultiPolygon (((5.54441108353654677 51.61311866981806418, 5.54901487478567912 51.61385265618373097, 5.55372990796555666 51.61549421267131521, 5.55574515009353842 51.61294798397396733, 5.55109969955437599 51.61151655126868576, 5.55135520625141332 51.61088263194802295, 5.5451515297988907 51.60903821296331984, 5.54610489882758628 51.61036878722108412, 5.54441108353654677 51.61311866981806418, 5.54441108353654677 51.61311866981806418)))</t>
  </si>
  <si>
    <t>MultiPolygon (((5.5413828212911227 51.62268072347304582, 5.54496580933153282 51.6219142935007369, 5.54557585648114681 51.61892701420142515, 5.54824376850922185 51.6193446119277084, 5.54932137230066669 51.62106360579760178, 5.55372990796555666 51.61549421267131521, 5.54901487478567912 51.61385265618373097, 5.54441108353654677 51.61311866981806418, 5.54153290823117217 51.61603885768779776, 5.53741811189255184 51.6180710927326345, 5.53994237853002414 51.61968852655532913, 5.54038390700564864 51.62191054950874758, 5.5413828212911227 51.62268072347304582, 5.5413828212911227 51.62268072347304582)))</t>
  </si>
  <si>
    <t>MultiPolygon (((5.55372990796555666 51.61549421267131521, 5.56302579286341103 51.61923290302872402, 5.56686950717792328 51.61596748495190212, 5.56506665223131769 51.61409143899509644, 5.56830272370978552 51.61135150175324782, 5.56787842204099359 51.6077834027162794, 5.56072871179019135 51.60976746405934534, 5.55940570317408511 51.61034564574737971, 5.55574515009353842 51.61294798397396733, 5.55372990796555666 51.61549421267131521, 5.55372990796555666 51.61549421267131521)))</t>
  </si>
  <si>
    <t>MultiPolygon (((5.53595163699043979 51.6195570305721958, 5.53741811189255184 51.6180710927326345, 5.54153290823117217 51.61603885768779776, 5.53669062063649076 51.61510799753191492, 5.53261486191750862 51.61480444655606448, 5.53215115998933538 51.61628739142470579, 5.52895812866662517 51.6165772398017495, 5.5283329045564269 51.61785367565202876, 5.53229522847041544 51.61897362026327585, 5.53365152340316602 51.6179656950582455, 5.53595163699043979 51.6195570305721958, 5.53595163699043979 51.6195570305721958)))</t>
  </si>
  <si>
    <t>MultiPolygon (((5.58317656004202156 51.63774298160135601, 5.58372769381695644 51.63517359465437551, 5.58750616266487299 51.6332936514775227, 5.58050204767336933 51.62832644811484073, 5.5751366850384434 51.62992573929125939, 5.57822103743735109 51.63467285181999955, 5.57408118130631891 51.6358676598240578, 5.58293620124537249 51.64006988150440236, 5.58317656004202156 51.63774298160135601, 5.58317656004202156 51.63774298160135601)))</t>
  </si>
  <si>
    <t>MultiPolygon (((5.53899790029968742 51.61081166472191484, 5.54441108353654677 51.61311866981806418, 5.54610489882758628 51.61036878722108412, 5.5451515297988907 51.60903821296331984, 5.54247297743971234 51.60837609945234306, 5.53899790029968742 51.61081166472191484, 5.53899790029968742 51.61081166472191484)))</t>
  </si>
  <si>
    <t>MultiPolygon (((5.53899790029968742 51.61081166472191484, 5.54247297743971234 51.60837609945234306, 5.5451515297988907 51.60903821296331984, 5.5453186384398041 51.60551134456594013, 5.54303977563557382 51.60252610456555544, 5.53839078881423319 51.6050211960564269, 5.53252925484920421 51.60814018575851492, 5.53899790029968742 51.61081166472191484, 5.53899790029968742 51.61081166472191484)))</t>
  </si>
  <si>
    <t>MultiPolygon (((5.54932137230066669 51.62106360579760178, 5.55735491828506589 51.62316084425588514, 5.56041908655699402 51.62315118187355267, 5.56614897769499084 51.62097039776697471, 5.56302579286341103 51.61923290302872402, 5.55372990796555666 51.61549421267131521, 5.54932137230066669 51.62106360579760178, 5.54932137230066669 51.62106360579760178)))</t>
  </si>
  <si>
    <t>MultiPolygon (((5.54695028248764732 51.62647200602904718, 5.54707864710970533 51.62578123292562537, 5.54932137230066669 51.62106360579760178, 5.54824376850922185 51.6193446119277084, 5.54557585648114681 51.61892701420142515, 5.54496580933153282 51.6219142935007369, 5.5413828212911227 51.62268072347304582, 5.53919538409099488 51.6241634427523195, 5.54695028248764732 51.62647200602904718, 5.54695028248764732 51.62647200602904718)))</t>
  </si>
  <si>
    <t>MultiPolygon (((5.53669062063649076 51.61510799753191492, 5.54153290823117217 51.61603885768779776, 5.54441108353654677 51.61311866981806418, 5.53899790029968742 51.61081166472191484, 5.53669062063649076 51.61510799753191492, 5.53669062063649076 51.61510799753191492)))</t>
  </si>
  <si>
    <t>MultiPolygon (((5.54695028248764732 51.62647200602904718, 5.55808207197612703 51.62978923814187482, 5.5574280514989951 51.62561718978280112, 5.55355126289537271 51.62615553753165187, 5.55146987957275861 51.62566559352156759, 5.54707864710970533 51.62578123292562537, 5.54695028248764732 51.62647200602904718, 5.54695028248764732 51.62647200602904718)))</t>
  </si>
  <si>
    <t>MultiPolygon (((5.56072871179019135 51.60976746405934534, 5.56787842204099359 51.6077834027162794, 5.57438590749840301 51.60655516007752652, 5.57703940714213608 51.60247818785666141, 5.57644355707836592 51.60068942485001742, 5.57213157264530068 51.59763828596507551, 5.56829800124642471 51.59862442824987028, 5.56240256244561149 51.6026678949930826, 5.56023436505870539 51.60243924756475309, 5.55638661071867457 51.6034086987126841, 5.55889206039157102 51.60514870040947244, 5.55833028660000394 51.60718721248727547, 5.55902579884836889 51.60896676381420889, 5.56072871179019135 51.60976746405934534, 5.56072871179019135 51.60976746405934534)))</t>
  </si>
  <si>
    <t>MultiPolygon (((5.48919428619870509 51.60733165371409115, 5.50066789291017155 51.60657980084666718, 5.5045214487725147 51.60551411139411471, 5.50630165027415863 51.60425641986440581, 5.50609486586542918 51.60329878563283756, 5.50237853368276664 51.60108329994001508, 5.49727987904686266 51.60072851260900961, 5.49529004722402092 51.6026814664065796, 5.48890444736662797 51.60524061417274311, 5.48828554432232263 51.60740701847772982, 5.48919428619870509 51.60733165371409115, 5.48919428619870509 51.60733165371409115)))</t>
  </si>
  <si>
    <t>MultiPolygon (((5.50322844658974564 51.62339366637522886, 5.52254845811386641 51.61337728117848656, 5.53252925484920421 51.60814018575851492, 5.51803885809862571 51.59932558012064163, 5.5114806317499605 51.60238483927972908, 5.50955356814488351 51.60641196367640759, 5.50432424955651634 51.61165530213058616, 5.50215982591240493 51.61538467630422389, 5.50173861102481077 51.61919054732555168, 5.50322844658974564 51.62339366637522886, 5.50322844658974564 51.62339366637522886)))</t>
  </si>
  <si>
    <t>MultiPolygon (((5.53252925484920421 51.60814018575851492, 5.53839078881423319 51.6050211960564269, 5.53795320986234785 51.60352920533260601, 5.53376133041034812 51.59922572060508372, 5.52861812984669942 51.59489367873021592, 5.525283626281702 51.59344670687339374, 5.52342368714886423 51.59076267555284545, 5.5219704916324357 51.58997954375153938, 5.51188419835971732 51.58820945038522154, 5.50400727659775679 51.58956700614525204, 5.51065511560310561 51.59650192011762471, 5.5114806317499605 51.60238483927972908, 5.51803885809862571 51.59932558012064163, 5.53252925484920421 51.60814018575851492, 5.53252925484920421 51.60814018575851492)))</t>
  </si>
  <si>
    <t>MultiPolygon (((5.55940570317408511 51.61034564574737971, 5.56072871179019135 51.60976746405934534, 5.55902579884836889 51.60896676381420889, 5.55833028660000394 51.60718721248727547, 5.55889206039157102 51.60514870040947244, 5.55638661071867457 51.6034086987126841, 5.5535820086612846 51.60464072559378224, 5.5485714088786553 51.60280670329311192, 5.54578922536572971 51.6053710350180026, 5.54788279976144683 51.60601422147043138, 5.54744279025276832 51.6065746470429616, 5.55940570317408511 51.61034564574737971, 5.55940570317408511 51.61034564574737971)))</t>
  </si>
  <si>
    <t>MultiPolygon (((5.54707864710970533 51.62578123292562537, 5.55146987957275861 51.62566559352156759, 5.55355126289537271 51.62615553753165187, 5.5574280514989951 51.62561718978280112, 5.55735491828506589 51.62316084425588514, 5.54932137230066669 51.62106360579760178, 5.54707864710970533 51.62578123292562537, 5.54707864710970533 51.62578123292562537)))</t>
  </si>
  <si>
    <t>MultiPolygon (((5.5574280514989951 51.62561718978280112, 5.56886903488423979 51.62500803324332566, 5.56935212903782961 51.62300085031673547, 5.56614897769499084 51.62097039776697471, 5.56041908655699402 51.62315118187355267, 5.55735491828506589 51.62316084425588514, 5.5574280514989951 51.62561718978280112, 5.5574280514989951 51.62561718978280112)))</t>
  </si>
  <si>
    <t>MultiPolygon (((5.55808207197612703 51.62978923814187482, 5.56797789395910847 51.63304541733132424, 5.56886903488423979 51.62500803324332566, 5.5574280514989951 51.62561718978280112, 5.55808207197612703 51.62978923814187482, 5.55808207197612703 51.62978923814187482)))</t>
  </si>
  <si>
    <t>MultiPolygon (((5.53839078881423319 51.6050211960564269, 5.54303977563557382 51.60252610456555544, 5.56388599271713602 51.59137262231239163, 5.56380639576670877 51.5863767410339733, 5.5616763825065112 51.58216481140829757, 5.56011459930652041 51.58093640573156335, 5.55825304607007364 51.57566657641201857, 5.55725358246318279 51.57558143885131585, 5.55620809409432237 51.57771338308342735, 5.55220957871639076 51.57901048418369072, 5.54343754265672839 51.57730160744639392, 5.53795535384209447 51.57768554426824181, 5.53372419665517512 51.57571453917247339, 5.53334867619447746 51.57688068188468122, 5.53200463127555064 51.57687579551795665, 5.52709878841780178 51.58237045534137621, 5.52410727876002738 51.58398109739260917, 5.50145220006061919 51.58746426197308921, 5.50400727659775679 51.58956700614525204, 5.51188419835971732 51.58820945038522154, 5.5219704916324357 51.58997954375153938, 5.52342368714886423 51.59076267555284545, 5.525283626281702 51.59344670687339374, 5.52861812984669942 51.59489367873021592, 5.53376133041034812 51.59922572060508372, 5.53795320986234785 51.60352920533260601, 5.53839078881423319 51.6050211960564269, 5.53839078881423319 51.6050211960564269),(5.53975464168205711 51.59709502583655194, 5.53871081601097437 51.59532187046728069, 5.53381769468507922 51.59235316867724208, 5.53722171410354846 51.58987281087929233, 5.54330714400269908 51.59035539128420567, 5.54900453525562476 51.59184187634239294, 5.54701641759466213 51.5931634568854065, 5.54275405086594475 51.59393980497256393, 5.53975464168205711 51.59709502583655194, 5.53975464168205711 51.59709502583655194)))</t>
  </si>
  <si>
    <t>MultiPolygon (((5.53109429962172339 51.63295297880000589, 5.5361116666086323 51.63299149726999815, 5.54753207950459437 51.63461924760103017, 5.54695028248764732 51.62647200602904718, 5.53919538409099488 51.6241634427523195, 5.5343591773694083 51.62271973363144895, 5.52417301025702034 51.61968318726522398, 5.51004163575457717 51.62923487630814634, 5.50559876406268156 51.62621152889381193, 5.50322844658974564 51.62339366637522886, 5.50210932686557097 51.62320485957264538, 5.49720249709314057 51.62668597816520588, 5.50462311705198282 51.63300568087250753, 5.50485890178941695 51.63607848479289686, 5.51688029755592524 51.63182173715184575, 5.52439681887915413 51.63043869642272199, 5.52621557131894736 51.63225619910409137, 5.53109429962172339 51.63295297880000589, 5.53109429962172339 51.63295297880000589)))</t>
  </si>
  <si>
    <t>MultiPolygon (((5.585765815117119 51.64387020590780963, 5.58677699001550199 51.6434228569034417, 5.58835642953927536 51.64265349924235693, 5.58662680759032781 51.64023725439711399, 5.58682632547915414 51.63803947153700591, 5.58943618356267269 51.63543304901257613, 5.59303600502029497 51.63378747708758709, 5.5950693227602768 51.63414861766376163, 5.60227359834732574 51.62941366629568307, 5.59342161143344097 51.62259099379404859, 5.58754542184210301 51.61652790931384516, 5.57992315660163918 51.61768330483024414, 5.57306031065151952 51.62480705979854179, 5.56935212903782961 51.62300085031673547, 5.56886903488423979 51.62500803324332566, 5.56797789395910847 51.63304541733132424, 5.5679174935891611 51.63779434732497009, 5.57487066975616319 51.63931965932849977, 5.585765815117119 51.64387020590780963, 5.585765815117119 51.64387020590780963),(5.58317656004202156 51.63774298160135601, 5.58293620124537249 51.64006988150440236, 5.57408118130631891 51.6358676598240578, 5.57822103743735109 51.63467285181999955, 5.5751366850384434 51.62992573929125939, 5.58050204767336933 51.62832644811484073, 5.58750616266487299 51.6332936514775227, 5.58372769381695644 51.63517359465437551, 5.58317656004202156 51.63774298160135601, 5.58317656004202156 51.63774298160135601)))</t>
  </si>
  <si>
    <t>MultiPolygon (((5.53372419665517512 51.57571453917247339, 5.53795535384209447 51.57768554426824181, 5.54343754265672839 51.57730160744639392, 5.55220957871639076 51.57901048418369072, 5.55620809409432237 51.57771338308342735, 5.55725358246318279 51.57558143885131585, 5.55825304607007364 51.57566657641201857, 5.55959779196104975 51.57548299248076518, 5.55923439181096324 51.57408209781251429, 5.56011126006711898 51.57272900633589074, 5.57127888658543657 51.56847211852291935, 5.57066881174283957 51.56783835664987947, 5.58434098561170167 51.56273139131789662, 5.55533722444392453 51.55852463133835784, 5.54523965181366219 51.55809640725418319, 5.54478278312306738 51.55920548274264803, 5.54599092478008782 51.56405815494189682, 5.5490368225122122 51.56583850877336772, 5.5506445868359453 51.56904362080481974, 5.53925996868618498 51.57091239749096445, 5.54046848639469225 51.57330797919514254, 5.53372419665517512 51.57571453917247339, 5.53372419665517512 51.57571453917247339)))</t>
  </si>
  <si>
    <t>MultiPolygon (((5.56614897769499084 51.62097039776697471, 5.56935212903782961 51.62300085031673547, 5.57306031065151952 51.62480705979854179, 5.57992315660163918 51.61768330483024414, 5.58754542184210301 51.61652790931384516, 5.58505785530883525 51.61396278920428671, 5.58146324215806722 51.60502213174980568, 5.58204514167007027 51.60476967126927406, 5.57857245677279234 51.59832647497015046, 5.57899863046231204 51.5935724282153032, 5.57480670127898037 51.59305434566180537, 5.57268668785750787 51.59011681423116613, 5.57003060615312506 51.59002652296193503, 5.56429866197697098 51.59239457129146444, 5.56388599271713602 51.59137262231239163, 5.54303977563557382 51.60252610456555544, 5.5453186384398041 51.60551134456594013, 5.54578922536572971 51.6053710350180026, 5.5485714088786553 51.60280670329311192, 5.5535820086612846 51.60464072559378224, 5.55638661071867457 51.6034086987126841, 5.56023436505870539 51.60243924756475309, 5.56240256244561149 51.6026678949930826, 5.56829800124642471 51.59862442824987028, 5.57213157264530068 51.59763828596507551, 5.57644355707836592 51.60068942485001742, 5.57703940714213608 51.60247818785666141, 5.57438590749840301 51.60655516007752652, 5.56787842204099359 51.6077834027162794, 5.56830272370978552 51.61135150175324782, 5.56506665223131769 51.61409143899509644, 5.56686950717792328 51.61596748495190212, 5.56302579286341103 51.61923290302872402, 5.56614897769499084 51.62097039776697471, 5.56614897769499084 51.62097039776697471)))</t>
  </si>
  <si>
    <t>MultiPolygon (((5.50210932686557097 51.62320485957264538, 5.50322844658974564 51.62339366637522886, 5.50173861102481077 51.61919054732555168, 5.50215982591240493 51.61538467630422389, 5.50432424955651634 51.61165530213058616, 5.50955356814488351 51.60641196367640759, 5.5114806317499605 51.60238483927972908, 5.51065511560310561 51.59650192011762471, 5.50400727659775679 51.58956700614525204, 5.50145220006061919 51.58746426197308921, 5.49250746532666589 51.58701161308454886, 5.48579451000706531 51.60909840768476897, 5.49517633313503673 51.61000554967305476, 5.49966201606952065 51.61544972675118714, 5.50210932686557097 51.62320485957264538, 5.50210932686557097 51.62320485957264538),(5.48919428619870509 51.60733165371409115, 5.48828554432232263 51.60740701847772982, 5.48890444736662797 51.60524061417274311, 5.49529004722402092 51.6026814664065796, 5.49727987904686266 51.60072851260900961, 5.50237853368276664 51.60108329994001508, 5.50609486586542918 51.60329878563283756, 5.50630165027415863 51.60425641986440581, 5.5045214487725147 51.60551411139411471, 5.50066789291017155 51.60657980084666718, 5.48919428619870509 51.60733165371409115, 5.48919428619870509 51.60733165371409115)))</t>
  </si>
  <si>
    <t>MultiPolygon (((5.57030030001868592 51.6514342508042219, 5.57276716552919282 51.65061252112303691, 5.57819657541835756 51.64697300687737425, 5.585765815117119 51.64387020590780963, 5.57487066975616319 51.63931965932849977, 5.5679174935891611 51.63779434732497009, 5.55759665596630814 51.63616124074874847, 5.54753207950459437 51.63461924760103017, 5.5361116666086323 51.63299149726999815, 5.53109429962172339 51.63295297880000589, 5.53247489111676582 51.63447176207975531, 5.53366266084855418 51.63551279814699058, 5.5422367144770206 51.63453714204700873, 5.54314589320482387 51.63909996042559669, 5.5424122229301247 51.63915633334222832, 5.54201180302746277 51.64031069762864945, 5.56535933641198799 51.64836950811312022, 5.57030030001868592 51.6514342508042219, 5.57030030001868592 51.6514342508042219)))</t>
  </si>
  <si>
    <t>MultiPolygon (((5.53261486191750862 51.61480444655606448, 5.53669062063649076 51.61510799753191492, 5.53899790029968742 51.61081166472191484, 5.53252925484920421 51.60814018575851492, 5.52254845811386641 51.61337728117848656, 5.53261486191750862 51.61480444655606448, 5.53261486191750862 51.61480444655606448)))</t>
  </si>
  <si>
    <t>MultiPolygon (((5.50322844658974564 51.62339366637522886, 5.50559876406268156 51.62621152889381193, 5.51004163575457717 51.62923487630814634, 5.52417301025702034 51.61968318726522398, 5.5343591773694083 51.62271973363144895, 5.53595163699043979 51.6195570305721958, 5.53365152340316602 51.6179656950582455, 5.53229522847041544 51.61897362026327585, 5.5283329045564269 51.61785367565202876, 5.52895812866662517 51.6165772398017495, 5.53215115998933538 51.61628739142470579, 5.53261486191750862 51.61480444655606448, 5.52254845811386641 51.61337728117848656, 5.50322844658974564 51.62339366637522886, 5.50322844658974564 51.62339366637522886)))</t>
  </si>
  <si>
    <t>MultiPolygon (((5.54753207950459437 51.63461924760103017, 5.55759665596630814 51.63616124074874847, 5.55722447168599576 51.63264301836756687, 5.55808207197612703 51.62978923814187482, 5.54695028248764732 51.62647200602904718, 5.54753207950459437 51.63461924760103017, 5.54753207950459437 51.63461924760103017)))</t>
  </si>
  <si>
    <t>MultiPolygon (((5.55759665596630814 51.63616124074874847, 5.5679174935891611 51.63779434732497009, 5.56797789395910847 51.63304541733132424, 5.55808207197612703 51.62978923814187482, 5.55722447168599576 51.63264301836756687, 5.55759665596630814 51.63616124074874847, 5.55759665596630814 51.63616124074874847)))</t>
  </si>
  <si>
    <t>MultiPolygon (((5.46554747797314722 51.56415367932517313, 5.47424389990831628 51.56512399000952485, 5.47397668226214762 51.56217759728480132, 5.47544522846253212 51.55823843942084039, 5.47785529051716047 51.5534867151251035, 5.47208846013277395 51.55718263102721011, 5.46861653636532008 51.55821250630447139, 5.45445485722738521 51.55585623013861607, 5.44995694214910742 51.55621647306305277, 5.4477882551101775 51.5569877937254617, 5.44539943550524441 51.55885047059728521, 5.44545001410296958 51.55977373916925188, 5.44728528239121612 51.56085233035710047, 5.45016837081720329 51.56030045096772341, 5.45352613177298995 51.56260936489009339, 5.45111995089907708 51.56338575536319979, 5.45454916549160984 51.56377858798657599, 5.45737887612983119 51.56167406872651782, 5.46253496586145015 51.56111298241440721, 5.46462987567493563 51.56251261959687326, 5.46554747797314722 51.56415367932517313, 5.46554747797314722 51.56415367932517313)))</t>
  </si>
  <si>
    <t>MultiPolygon (((5.4558012366822366 51.56880532415387819, 5.4653286597842401 51.56713235722446598, 5.46554747797314722 51.56415367932517313, 5.46462987567493563 51.56251261959687326, 5.46253496586145015 51.56111298241440721, 5.45737887612983119 51.56167406872651782, 5.45454916549160984 51.56377858798657599, 5.45047044430807937 51.56502552388557348, 5.45347043579335811 51.56732848856432128, 5.45576280613387699 51.56789404609844496, 5.4558012366822366 51.56880532415387819, 5.4558012366822366 51.56880532415387819)))</t>
  </si>
  <si>
    <t>MultiPolygon (((5.40969291132388541 51.58289527047428891, 5.41090062973577091 51.58075714070240991, 5.41005343237809289 51.57875676715265456, 5.4021238841725614 51.58064211694817658, 5.40101265322531887 51.58370843041832643, 5.40563831898429026 51.58516839533716336, 5.40969291132388541 51.58289527047428891)))</t>
  </si>
  <si>
    <t>MultiPolygon (((5.47785529051716047 51.5534867151251035, 5.47544522846253212 51.55823843942084039, 5.47913162236211537 51.55892227175289122, 5.48273272535025313 51.55798741667639717, 5.48764751746152424 51.55140083303905385, 5.48837758258785868 51.54912493648059524, 5.48201349614483568 51.54542274995366569, 5.47785529051716047 51.5534867151251035, 5.47785529051716047 51.5534867151251035)))</t>
  </si>
  <si>
    <t>MultiPolygon (((5.45894837869844896 51.57698345748506341, 5.46189506762884491 51.57726918510099523, 5.46350762324782213 51.57085661480429906, 5.45564356602628653 51.57011242047683197, 5.45141393342894265 51.56930422419787874, 5.44983368204660756 51.57204012758409561, 5.45139956241632184 51.57294464644563448, 5.45232011657236804 51.57586310349337566, 5.45859359652238041 51.57614393867408609, 5.45894837869844896 51.57698345748506341, 5.45894837869844896 51.57698345748506341)))</t>
  </si>
  <si>
    <t>MultiPolygon (((5.44779068583244985 51.57559208888562097, 5.44690303116473995 51.57748154996863121, 5.45728604883046131 51.57916468715610847, 5.45797656210254711 51.57911022631495257, 5.45894837869844896 51.57698345748506341, 5.45859359652238041 51.57614393867408609, 5.45232011657236804 51.57586310349337566, 5.45139956241632184 51.57294464644563448, 5.44983368204660756 51.57204012758409561, 5.44779068583244985 51.57559208888562097, 5.44779068583244985 51.57559208888562097)))</t>
  </si>
  <si>
    <t>MultiPolygon (((5.46189506762884491 51.57726918510099523, 5.46410026196664145 51.57731445696583705, 5.47419110477046633 51.57518465811909891, 5.47697154658468932 51.57194700992748437, 5.47513032322791027 51.57152165957112544, 5.47140633489780459 51.57242014885152059, 5.46350762324782213 51.57085661480429906, 5.46189506762884491 51.57726918510099523, 5.46189506762884491 51.57726918510099523)))</t>
  </si>
  <si>
    <t>MultiPolygon (((5.46350762324782213 51.57085661480429906, 5.47140633489780459 51.57242014885152059, 5.47513032322791027 51.57152165957112544, 5.47697154658468932 51.57194700992748437, 5.47893576837499818 51.57083695203429841, 5.47572315083674521 51.56793471107007321, 5.47424389990831628 51.56512399000952485, 5.46554747797314722 51.56415367932517313, 5.4653286597842401 51.56713235722446598, 5.46350762324782213 51.57085661480429906, 5.46350762324782213 51.57085661480429906)))</t>
  </si>
  <si>
    <t>MultiPolygon (((5.44779068583244985 51.57559208888562097, 5.44983368204660756 51.57204012758409561, 5.45141393342894265 51.56930422419787874, 5.45564356602628653 51.57011242047683197, 5.4558012366822366 51.56880532415387819, 5.45576280613387699 51.56789404609844496, 5.45347043579335811 51.56732848856432128, 5.45047044430807937 51.56502552388557348, 5.44841100180021609 51.5665720094758484, 5.4433254721732558 51.56755609137641727, 5.44532626559030675 51.57258576669862293, 5.44779068583244985 51.57559208888562097, 5.44779068583244985 51.57559208888562097)))</t>
  </si>
  <si>
    <t>MultiPolygon (((5.48157951634535845 51.56664257346201907, 5.4868464246690678 51.56641999195592518, 5.49278550566578172 51.56700457286427053, 5.50224008221188576 51.56585994770186687, 5.50533124308411281 51.56265178647728931, 5.5120922828040575 51.55934304114941824, 5.5379472527830691 51.5513187391640173, 5.54520734474052635 51.54168695904746045, 5.54304278415521967 51.54000069052650446, 5.54743734407268185 51.53773203260991664, 5.53086359173425723 51.52504867531974497, 5.52504782607128675 51.52186900429215655, 5.52261357341828951 51.52343081708908556, 5.52160331318383157 51.52244858365246216, 5.52106477535238582 51.5229024412837191, 5.51978176185965363 51.52246471358604651, 5.51455134809839631 51.52324910368741939, 5.51303045482649257 51.5242963748322822, 5.50893140775743273 51.52268703086425461, 5.50834108168010239 51.52382771868556688, 5.50656494194393442 51.52303670730879048, 5.50545334138831777 51.5216672796591979, 5.50010886196563753 51.52137710300154794, 5.49992388231773965 51.52520354298651739, 5.50334282560133126 51.52578917792870783, 5.50372514686528813 51.52649645354545527, 5.50257155912082396 51.52729317482702243, 5.50185841868469439 51.52672686621970399, 5.50189824189110865 51.52743713554791327, 5.49827152874140346 51.52852964457801477, 5.4964525204200454 51.52704871518564289, 5.49425369243778672 51.52720637415347937, 5.4934490722406899 51.52668555369669434, 5.48881541374192228 51.53328521295677689, 5.48794459395826539 51.54136262168496785, 5.48714571779098481 51.54184837065476188, 5.48274951675766875 51.54157113599880091, 5.48201349614483568 51.54542274995366569, 5.48837758258785868 51.54912493648059524, 5.48764751746152424 51.55140083303905385, 5.48273272535025313 51.55798741667639717, 5.47913162236211537 51.55892227175289122, 5.47544522846253212 51.55823843942084039, 5.47397668226214762 51.56217759728480132, 5.47424389990831628 51.56512399000952485, 5.47572315083674521 51.56793471107007321, 5.47750660073871209 51.56795145005475689, 5.48157951634535845 51.56664257346201907, 5.48157951634535845 51.56664257346201907)))</t>
  </si>
  <si>
    <t>MultiPolygon (((5.4524520063690094 51.59807863624107682, 5.46866038335717075 51.60223012313182522, 5.49250746532666589 51.58701161308454886, 5.50145220006061919 51.58746426197308921, 5.47893576837499818 51.57083695203429841, 5.47697154658468932 51.57194700992748437, 5.47419110477046633 51.57518465811909891, 5.46410026196664145 51.57731445696583705, 5.46189506762884491 51.57726918510099523, 5.4524520063690094 51.59807863624107682, 5.4524520063690094 51.59807863624107682)))</t>
  </si>
  <si>
    <t>MultiPolygon (((5.42989481404837804 51.59228443581425694, 5.4524520063690094 51.59807863624107682, 5.46189506762884491 51.57726918510099523, 5.45894837869844896 51.57698345748506341, 5.45797656210254711 51.57911022631495257, 5.45728604883046131 51.57916468715610847, 5.44690303116473995 51.57748154996863121, 5.44779068583244985 51.57559208888562097, 5.44532626559030675 51.57258576669862293, 5.4433254721732558 51.56755609137641727, 5.44841100180021609 51.5665720094758484, 5.45047044430807937 51.56502552388557348, 5.45454916549160984 51.56377858798657599, 5.45111995089907708 51.56338575536319979, 5.45352613177298995 51.56260936489009339, 5.45016837081720329 51.56030045096772341, 5.44728528239121612 51.56085233035710047, 5.44650194000169474 51.56184199795741563, 5.43952742051916172 51.56278931736508042, 5.44009107507116774 51.56441111556507906, 5.4394768719519293 51.56536566082998263, 5.4323806652213058 51.56512372490877993, 5.4312458184875263 51.56355920540427462, 5.42821182934475477 51.56306326213054803, 5.42582076887195619 51.56430207136312305, 5.43060355927226368 51.56678231308845994, 5.43056385949265152 51.57145819136081144, 5.4365498825948686 51.57652713384184295, 5.42989481404837804 51.59228443581425694, 5.42989481404837804 51.59228443581425694)))</t>
  </si>
  <si>
    <t>MultiPolygon (((5.39503143913117 51.59900991881411869, 5.40486522666273306 51.59775500852710195, 5.40948011964704012 51.5980032962148627, 5.41636180672854994 51.5888066062999755, 5.42989481404837804 51.59228443581425694, 5.4365498825948686 51.57652713384184295, 5.43056385949265152 51.57145819136081144, 5.43060355927226368 51.56678231308845994, 5.42582076887195619 51.56430207136312305, 5.4243532086289985 51.56589401775732995, 5.41301825997581787 51.56985202210474029, 5.4124288773849516 51.57212252500705318, 5.40821163880367983 51.57249924533480367, 5.40742584285814587 51.57134637631072138, 5.40476790193415013 51.57064526993635667, 5.40249905035874178 51.57171382853336894, 5.40201503576519571 51.57384190326285278, 5.40381572875231164 51.57590791034560596, 5.39595179109642675 51.57660571356262125, 5.39296725850734404 51.5754300969907078, 5.39145045362458841 51.57616415413585287, 5.39368211447983903 51.57994546560057358, 5.38894869847416036 51.58082731099410978, 5.38782562119215935 51.58245380800414637, 5.38966660923782026 51.58348409728350248, 5.38402727171032236 51.58684545748880623, 5.38144279565956651 51.58760153553897254, 5.38526025377332651 51.58958697198023202, 5.3867015750882512 51.58908123373910826, 5.38905642063634627 51.58911794412085072, 5.38959136854172005 51.58967142325776933, 5.38760845343811923 51.59043091254351765, 5.38144327891556884 51.59620372761484219, 5.38621214376323554 51.60086894421949921, 5.38052876178398609 51.60290189900474189, 5.39042360170277934 51.60542363831455503, 5.39114606539548102 51.60083510581792865, 5.39503143913117 51.59900991881411869),(5.40101265322531887 51.58370843041832643, 5.4021238841725614 51.58064211694817658, 5.41005343237809289 51.57875676715265456, 5.41090062973577091 51.58075714070240991, 5.40969291132388541 51.58289527047428891, 5.40563831898429026 51.58516839533716336, 5.40101265322531887 51.58370843041832643)))</t>
  </si>
  <si>
    <t>MultiPolygon (((5.45700987467474263 51.53801174046753886, 5.45093106404947836 51.54307767381902039, 5.4590918652430318 51.547424543614774, 5.45659960682437095 51.54928286605358068, 5.45606471570842988 51.55459118778887984, 5.45445485722738521 51.55585623013861607, 5.46861653636532008 51.55821250630447139, 5.47208846013277395 51.55718263102721011, 5.47785529051716047 51.5534867151251035, 5.48201349614483568 51.54542274995366569, 5.48274951675766875 51.54157113599880091, 5.46828384722283101 51.54064679511813551, 5.45700987467474263 51.53801174046753886)))</t>
  </si>
  <si>
    <t>MultiPolygon (((5.50145220006061919 51.58746426197308921, 5.52410727876002738 51.58398109739260917, 5.52709878841780178 51.58237045534137621, 5.53200463127555064 51.57687579551795665, 5.53334867619447746 51.57688068188468122, 5.53372419665517512 51.57571453917247339, 5.54046848639469225 51.57330797919514254, 5.53925996868618498 51.57091239749096445, 5.5506445868359453 51.56904362080481974, 5.5490368225122122 51.56583850877336772, 5.54599092478008782 51.56405815494189682, 5.54478278312306738 51.55920548274264803, 5.54523965181366219 51.55809640725418319, 5.5330830503272459 51.55780364187039311, 5.5379472527830691 51.5513187391640173, 5.5120922828040575 51.55934304114941824, 5.50533124308411281 51.56265178647728931, 5.50224008221188576 51.56585994770186687, 5.49278550566578172 51.56700457286427053, 5.4868464246690678 51.56641999195592518, 5.48157951634535845 51.56664257346201907, 5.47750660073871209 51.56795145005475689, 5.47572315083674521 51.56793471107007321, 5.47893576837499818 51.57083695203429841, 5.50145220006061919 51.58746426197308921, 5.50145220006061919 51.58746426197308921)))</t>
  </si>
  <si>
    <t>MultiPolygon (((5.4124288773849516 51.57212252500705318, 5.41301825997581787 51.56985202210474029, 5.4243532086289985 51.56589401775732995, 5.42582076887195619 51.56430207136312305, 5.42821182934475477 51.56306326213054803, 5.4312458184875263 51.56355920540427462, 5.4323806652213058 51.56512372490877993, 5.4394768719519293 51.56536566082998263, 5.44009107507116774 51.56441111556507906, 5.43952742051916172 51.56278931736508042, 5.44650194000169474 51.56184199795741563, 5.44728528239121612 51.56085233035710047, 5.44545001410296958 51.55977373916925188, 5.44539943550524441 51.55885047059728521, 5.4477882551101775 51.5569877937254617, 5.44995694214910742 51.55621647306305277, 5.45445485722738521 51.55585623013861607, 5.45606471570842988 51.55459118778887984, 5.45659960682437095 51.54928286605358068, 5.4590918652430318 51.547424543614774, 5.45093106404947836 51.54307767381902039, 5.45700987467474263 51.53801174046753886, 5.43741230097391881 51.53397280601986807, 5.43442436168237375 51.53432805493475399, 5.43157264886481972 51.5333468916065911, 5.42983478378100948 51.53497013954500261, 5.42384280751135961 51.53405509919580396, 5.42297794282113177 51.53394066470731616, 5.42215815579731597 51.53691074406015105, 5.42030350688721185 51.53856517407979254, 5.41204508830630093 51.54269993712874509, 5.41093574450110726 51.5422690844684297, 5.40536028903065624 51.54835326808998275, 5.40423333534288552 51.54829166965383536, 5.40424663275724537 51.55443135241409891, 5.4028693052625405 51.55788292117808425, 5.40520130311349956 51.56202764476665124, 5.40160553214951999 51.56191485598277069, 5.40008386856858014 51.56240310758541057, 5.39800942833238384 51.56578144178566703, 5.399475792170362 51.56609814289808469, 5.39934364629423769 51.57219455265819619, 5.40249905035874178 51.57171382853336894, 5.40476790193415013 51.57064526993635667, 5.40742584285814587 51.57134637631072138, 5.40821163880367983 51.57249924533480367, 5.4124288773849516 51.57212252500705318),(5.41343360609651381 51.54857263360344888, 5.41902889358665973 51.5479378939277737, 5.42702427190034076 51.55146118921838649, 5.42082195272346112 51.55295355022801829, 5.41625559418194058 51.55258292706415091, 5.41501036415583403 51.55339420252013838, 5.41256962045414358 51.5497053433077852, 5.41343360609651381 51.54857263360344888)))</t>
  </si>
  <si>
    <t>MultiPolygon (((5.41625559418194058 51.55258292706415091, 5.42082195272346112 51.55295355022801829, 5.42702427190034076 51.55146118921838649, 5.41902889358665973 51.5479378939277737, 5.41343360609651381 51.54857263360344888, 5.41256962045414358 51.5497053433077852, 5.41501036415583403 51.55339420252013838, 5.41625559418194058 51.55258292706415091, 5.41625559418194058 51.55258292706415091)))</t>
  </si>
  <si>
    <t>MultiPolygon (((5.45564356602628653 51.57011242047683197, 5.46350762324782213 51.57085661480429906, 5.4653286597842401 51.56713235722446598, 5.4558012366822366 51.56880532415387819, 5.45564356602628653 51.57011242047683197, 5.45564356602628653 51.57011242047683197)))</t>
  </si>
  <si>
    <t>MultiPolygon (((5.46557038921873239 51.62037848275896579, 5.47600765549791113 51.61704024070553487, 5.46942164461238711 51.61454283811587374, 5.46250451056438457 51.61538399876738481, 5.45961454546081359 51.61741227118014308, 5.4596986338984399 51.61867103948697633, 5.46258341730951535 51.61883248918900335, 5.46557038921873239 51.62037848275896579, 5.46557038921873239 51.62037848275896579)))</t>
  </si>
  <si>
    <t>MultiPolygon (((5.42646249536596326 51.62235572132628647, 5.42782570423167599 51.62304306693173572, 5.43257365036335038 51.61976364747297197, 5.42739435368897372 51.61855772179169577, 5.42646249536596326 51.62235572132628647, 5.42646249536596326 51.62235572132628647)))</t>
  </si>
  <si>
    <t>MultiPolygon (((5.42781652481100352 51.62304848123972789, 5.43629323523962515 51.62489210592335809, 5.43827150372139734 51.62372911757391591, 5.43581186723814547 51.62167634767622104, 5.43257365036335038 51.61976364747297197, 5.42782570423167599 51.62304306693173572, 5.42781652481100352 51.62304848123972789, 5.42781652481100352 51.62304848123972789)))</t>
  </si>
  <si>
    <t>MultiPolygon (((5.42739435368897372 51.61855772179169577, 5.43257365036335038 51.61976364747297197, 5.43862631454079359 51.61665958062189929, 5.43817840004025221 51.6162263310989502, 5.43449438386130534 51.61592874453234714, 5.42920408998544257 51.61716581684309091, 5.42739435368897372 51.61855772179169577, 5.42739435368897372 51.61855772179169577)))</t>
  </si>
  <si>
    <t>MultiPolygon (((5.43257365036335038 51.61976364747297197, 5.43581186723814547 51.62167634767622104, 5.43848231839112195 51.61938180933066889, 5.44154083551573553 51.61828218551166003, 5.43967885489098535 51.61631489489447944, 5.43862631454079359 51.61665958062189929, 5.43257365036335038 51.61976364747297197, 5.43257365036335038 51.61976364747297197)))</t>
  </si>
  <si>
    <t>MultiPolygon (((5.44342922455932143 51.60806808391425449, 5.44675286832118388 51.60903188689147214, 5.44755208899443133 51.60746414824336625, 5.44836681409490442 51.60592729126893374, 5.43915488597534491 51.60329611351971835, 5.43803184834973763 51.60481426520809833, 5.44382196430813714 51.60654396362974694, 5.44342922455932143 51.60806808391425449, 5.44342922455932143 51.60806808391425449)))</t>
  </si>
  <si>
    <t>MultiPolygon (((5.43449438386130534 51.61592874453234714, 5.43817840004025221 51.6162263310989502, 5.43942214412665948 51.61573240688945674, 5.43961643934056216 51.61483549620878364, 5.43749812220792528 51.61195315995841071, 5.43258979437482292 51.61407527006442564, 5.43449438386130534 51.61592874453234714, 5.43449438386130534 51.61592874453234714)))</t>
  </si>
  <si>
    <t>MultiPolygon (((5.44563951100205834 51.61136267106984121, 5.44564671988019278 51.61134406203390768, 5.44675286832118388 51.60903188689147214, 5.44342922455932143 51.60806808391425449, 5.4394813049724231 51.61123248271091768, 5.44563951100205834 51.61136267106984121, 5.44563951100205834 51.61136267106984121)))</t>
  </si>
  <si>
    <t>MultiPolygon (((5.43862631454079359 51.61665958062189929, 5.43967885489098535 51.61631489489447944, 5.44366589901144415 51.61455172648068412, 5.44563951100205834 51.61136267106984121, 5.4394813049724231 51.61123248271091768, 5.43749812220792528 51.61195315995841071, 5.43961643934056216 51.61483549620878364, 5.43942214412665948 51.61573240688945674, 5.43817840004025221 51.6162263310989502, 5.43862631454079359 51.61665958062189929, 5.43862631454079359 51.61665958062189929)))</t>
  </si>
  <si>
    <t>MultiPolygon (((5.4122116492365695 51.63308704531559101, 5.41769079176194346 51.63458745479567824, 5.42220863016307675 51.63324067026236719, 5.41785110402017978 51.63084032191862605, 5.41772499854864531 51.62947247018052366, 5.41558602475781292 51.63096296185646139, 5.4122116492365695 51.63308704531559101, 5.4122116492365695 51.63308704531559101)))</t>
  </si>
  <si>
    <t>MultiPolygon (((5.44564671988019278 51.61134406203390768, 5.4579391183152719 51.61307794561825801, 5.45827392739782802 51.60836564972868246, 5.44755208899443133 51.60746414824336625, 5.44675286832118388 51.60903188689147214, 5.44564671988019278 51.61134406203390768, 5.44564671988019278 51.61134406203390768)))</t>
  </si>
  <si>
    <t>MultiPolygon (((5.43179034633773394 51.62840159819260322, 5.43461648658431606 51.62746768660182539, 5.43928393949706912 51.62468955309905994, 5.43947262618491933 51.62454883291907493, 5.43827150372139734 51.62372911757391591, 5.43629323523962515 51.62489210592335809, 5.42781652481100352 51.62304848123972789, 5.42410814390144136 51.62514218670266075, 5.42400886516747427 51.62520234252563966, 5.43179034633773394 51.62840159819260322, 5.43179034633773394 51.62840159819260322)))</t>
  </si>
  <si>
    <t>MultiPolygon (((5.44806320981381642 51.61541662511389461, 5.45202636710315325 51.61722762279499932, 5.45477294754910602 51.61749154977049159, 5.45787261176058269 51.61361019771546665, 5.4579391183152719 51.61307794561825801, 5.44564671988019278 51.61134406203390768, 5.44563951100205834 51.61136267106984121, 5.44366589901144415 51.61455172648068412, 5.44806320981381642 51.61541662511389461, 5.44806320981381642 51.61541662511389461)))</t>
  </si>
  <si>
    <t>MultiPolygon (((5.41558602475781292 51.63096296185646139, 5.41772499854864531 51.62947247018052366, 5.41520842237232447 51.62631637856024724, 5.4164213902946452 51.62378492272048192, 5.41289516324856024 51.62336596388578869, 5.4120573461131487 51.62495355901580751, 5.41173775359024845 51.62873419297091715, 5.4137461816956769 51.63058485275168863, 5.41558602475781292 51.63096296185646139, 5.41558602475781292 51.63096296185646139)))</t>
  </si>
  <si>
    <t>MultiPolygon (((5.4763004171055325 51.60885963243563879, 5.47692883980737388 51.60885916193342382, 5.47675501793565278 51.60713218716906425, 5.4685902182928432 51.60226169499895121, 5.46049730972478109 51.60736752338409872, 5.45815874707376913 51.60714460162257922, 5.45827480160260503 51.60835239106278749, 5.4763004171055325 51.60885963243563879, 5.4763004171055325 51.60885963243563879)))</t>
  </si>
  <si>
    <t>MultiPolygon (((5.4579391183152719 51.61307794561825801, 5.45787261176058269 51.61361019771546665, 5.46569352740883119 51.61374483105623767, 5.47680316917588517 51.61197916156429955, 5.47752903682811532 51.61031917029017535, 5.47650060726669086 51.61014107010638696, 5.4763004171055325 51.60885963243563879, 5.45827480160260503 51.60835239106278749, 5.45827392739782802 51.60836564972868246, 5.4579391183152719 51.61307794561825801, 5.4579391183152719 51.61307794561825801)))</t>
  </si>
  <si>
    <t>MultiPolygon (((5.42410814390144136 51.62514218670266075, 5.42781652481100352 51.62304848123972789, 5.42782570423167599 51.62304306693173572, 5.42646249536596326 51.62235572132628647, 5.42340657869526943 51.62240291332670239, 5.421302729351825 51.62234692867441765, 5.42410814390144136 51.62514218670266075, 5.42410814390144136 51.62514218670266075)))</t>
  </si>
  <si>
    <t>MultiPolygon (((5.42340657869526943 51.62240291332670239, 5.42646249536596326 51.62235572132628647, 5.42739435368897372 51.61855772179169577, 5.42920408998544257 51.61716581684309091, 5.43449438386130534 51.61592874453234714, 5.43258979437482292 51.61407527006442564, 5.42986612036431016 51.6119490755404513, 5.4273444469126515 51.61316264524669606, 5.42051271781703647 51.62001835827617668, 5.42340657869526943 51.62240291332670239, 5.42340657869526943 51.62240291332670239)))</t>
  </si>
  <si>
    <t>MultiPolygon (((5.43967885489098535 51.61631489489447944, 5.44154083551573553 51.61828218551166003, 5.44806320981381642 51.61541662511389461, 5.44366589901144415 51.61455172648068412, 5.43967885489098535 51.61631489489447944, 5.43967885489098535 51.61631489489447944)))</t>
  </si>
  <si>
    <t>MultiPolygon (((5.43827150372139734 51.62372911757391591, 5.43947262618491933 51.62454883291907493, 5.45259487188023328 51.61953545814886724, 5.45477294754910602 51.61749154977049159, 5.45202636710315325 51.61722762279499932, 5.44806320981381642 51.61541662511389461, 5.44154083551573553 51.61828218551166003, 5.43848231839112195 51.61938180933066889, 5.43581186723814547 51.62167634767622104, 5.43827150372139734 51.62372911757391591, 5.43827150372139734 51.62372911757391591)))</t>
  </si>
  <si>
    <t>MultiPolygon (((5.47692883980737388 51.60885916193342382, 5.48579451000706531 51.60909840768476897, 5.49250746532666589 51.58701161308454886, 5.46866038335717075 51.60223012313182522, 5.4524520063690094 51.59807863624107682, 5.44836681409490442 51.60592729126893374, 5.44755208899443133 51.60746414824336625, 5.45827392739782802 51.60836564972868246, 5.45827480160260503 51.60835239106278749, 5.45815874707376913 51.60714460162257922, 5.46049730972478109 51.60736752338409872, 5.4685902182928432 51.60226169499895121, 5.47675501793565278 51.60713218716906425, 5.47692883980737388 51.60885916193342382, 5.47692883980737388 51.60885916193342382)))</t>
  </si>
  <si>
    <t>MultiPolygon (((5.43849972084558164 51.64991808399680906, 5.46592805214433231 51.64290123249195119, 5.46138894684208598 51.64062770618068043, 5.45655497763346986 51.63378357531617979, 5.45129619877136307 51.62931144525914107, 5.44771284089032903 51.62785074193031676, 5.44459324686964052 51.62830792073547315, 5.44035136567755639 51.62730759063308739, 5.43928393949706912 51.62468955309905994, 5.43461648658431606 51.62746768660182539, 5.43613093013056847 51.62908029845382174, 5.43656607044414386 51.63485199204880161, 5.44014783345655406 51.64184739681510905, 5.43804141961197018 51.64886816274631087, 5.43849972084558164 51.64991808399680906, 5.43849972084558164 51.64991808399680906)))</t>
  </si>
  <si>
    <t>MultiPolygon (((5.43258979437482292 51.61407527006442564, 5.43749812220792528 51.61195315995841071, 5.4394813049724231 51.61123248271091768, 5.44342922455932143 51.60806808391425449, 5.44382196430813714 51.60654396362974694, 5.43803184834973763 51.60481426520809833, 5.43915488597534491 51.60329611351971835, 5.44836681409490442 51.60592729126893374, 5.4524520063690094 51.59807863624107682, 5.42989481404837804 51.59228443581425694, 5.41636180672854994 51.5888066062999755, 5.40948011964704012 51.5980032962148627, 5.40486522666273306 51.59775500852710195, 5.39503143913117 51.59900991881411869, 5.39114606539548102 51.60083510581792865, 5.39042360170277934 51.60542363831455503, 5.39485626512705352 51.60584201533559678, 5.40056472232962914 51.60606557841561681, 5.41323463119717108 51.60439217479022744, 5.42194791524114983 51.60648540266736717, 5.42419510826919282 51.61014928451025696, 5.42986612036431016 51.6119490755404513, 5.43258979437482292 51.61407527006442564, 5.43258979437482292 51.61407527006442564)))</t>
  </si>
  <si>
    <t>MultiPolygon (((5.38318635984811689 51.63845110332125188, 5.39971183100398555 51.63437586662318068, 5.4122116492365695 51.63308704531559101, 5.41558602475781292 51.63096296185646139, 5.4137461816956769 51.63058485275168863, 5.41173775359024845 51.62873419297091715, 5.4120573461131487 51.62495355901580751, 5.41289516324856024 51.62336596388578869, 5.4164213902946452 51.62378492272048192, 5.41635647411405152 51.62093661358414209, 5.41772732306498739 51.62070591863697899, 5.421302729351825 51.62234692867441765, 5.42340657869526943 51.62240291332670239, 5.42051271781703647 51.62001835827617668, 5.41088418623635903 51.61863390030818977, 5.39962116257832037 51.61798635688419523, 5.39937317853527965 51.61865585980537929, 5.39416048225010236 51.62102102882082733, 5.38895732963801777 51.62128980874159367, 5.38591721672155721 51.62090596121802122, 5.38450855613384061 51.62335994851554233, 5.38588799766648751 51.62345431402629714, 5.38385269018273149 51.62408583879007296, 5.38445481731051423 51.62546737562689714, 5.38724488473148266 51.62592658393958089, 5.38357916328456998 51.6277080253183982, 5.38407826716887161 51.62838770074304762, 5.3832110064893417 51.62848576759300556, 5.38328492466511754 51.63160385117726037, 5.37499776518285977 51.6336934156637426, 5.37117520138241478 51.63300367892484388, 5.37136104886987109 51.63722591271660889, 5.37319066749370489 51.63703586515532606, 5.37868727293683957 51.638670664558731, 5.38318635984811689 51.63845110332125188, 5.38318635984811689 51.63845110332125188)))</t>
  </si>
  <si>
    <t>MultiPolygon (((5.4146442783999964 51.65570260778962819, 5.42223027450495465 51.65359395014304056, 5.42248594461104982 51.65399787125549125, 5.42338980054096087 51.6537831457781067, 5.43849972084558164 51.64991808399680906, 5.43804141961197018 51.64886816274631087, 5.44014783345655406 51.64184739681510905, 5.43656607044414386 51.63485199204880161, 5.43613093013056847 51.62908029845382174, 5.43461648658431606 51.62746768660182539, 5.43179034633773394 51.62840159819260322, 5.42816141483010117 51.6308180615432164, 5.42220863016307675 51.63324067026236719, 5.41769079176194346 51.63458745479567824, 5.4122116492365695 51.63308704531559101, 5.39971183100398555 51.63437586662318068, 5.38318635984811689 51.63845110332125188, 5.38008901775560666 51.63918822628781413, 5.37939989704449761 51.6399335577501617, 5.37789164023804656 51.63949458428106709, 5.37529615208928124 51.63998953111686774, 5.37186816223255903 51.64193102019701342, 5.37603447625346931 51.64332890657219366, 5.37543929777305785 51.64445032142012337, 5.3762415553512275 51.6446300429962335, 5.37716948723353472 51.64353919565810003, 5.37959213136420011 51.6441515748838782, 5.37907000044497341 51.64555079432124529, 5.37989863440031613 51.64570585503414435, 5.37809846316798623 51.64663865103162266, 5.37911152673345239 51.64734966286629003, 5.38009628359067182 51.64635627705433052, 5.3841919553366564 51.64590569145209287, 5.38516044110859848 51.64641909095693961, 5.38982378223462888 51.64563103033155755, 5.39537085383327408 51.64617497744922758, 5.39615477937323007 51.64532075682006251, 5.40004211840015547 51.64656699087073832, 5.40194873802702169 51.64794316815286379, 5.40595979323233067 51.64831180121895926, 5.40605800601985909 51.65021491751856075, 5.41229688973526013 51.65030327203652405, 5.41256383669182561 51.65098530855285475, 5.41097886104036885 51.65155129781935983, 5.41108083894034042 51.6526915101556412, 5.41262133344558283 51.65277887562064052, 5.41347484968301185 51.65374641757559715, 5.41126489572599123 51.65397047646094819, 5.41142550196245331 51.65445827731042527, 5.41509566493174077 51.65407919094414524, 5.4146442783999964 51.65570260778962819, 5.4146442783999964 51.65570260778962819)))</t>
  </si>
  <si>
    <t>MultiPolygon (((5.46592805214433231 51.64290123249195119, 5.46891250404912288 51.64169751466535985, 5.49720249709314057 51.62668597816520588, 5.50210932686557097 51.62320485957264538, 5.49966201606952065 51.61544972675118714, 5.49517633313503673 51.61000554967305476, 5.48579451000706531 51.60909840768476897, 5.47692883980737388 51.60885916193342382, 5.4763004171055325 51.60885963243563879, 5.47650060726669086 51.61014107010638696, 5.47752903682811532 51.61031917029017535, 5.47680316917588517 51.61197916156429955, 5.46569352740883119 51.61374483105623767, 5.45787261176058269 51.61361019771546665, 5.45477294754910602 51.61749154977049159, 5.45259487188023328 51.61953545814886724, 5.43947262618491933 51.62454883291907493, 5.43928393949706912 51.62468955309905994, 5.44035136567755639 51.62730759063308739, 5.44459324686964052 51.62830792073547315, 5.44771284089032903 51.62785074193031676, 5.45129619877136307 51.62931144525914107, 5.45655497763346986 51.63378357531617979, 5.46138894684208598 51.64062770618068043, 5.46592805214433231 51.64290123249195119, 5.46592805214433231 51.64290123249195119),(5.46557038921873239 51.62037848275896579, 5.46258341730951535 51.61883248918900335, 5.4596986338984399 51.61867103948697633, 5.45961454546081359 51.61741227118014308, 5.46250451056438457 51.61538399876738481, 5.46942164461238711 51.61454283811587374, 5.47600765549791113 51.61704024070553487, 5.46557038921873239 51.62037848275896579, 5.46557038921873239 51.62037848275896579)))</t>
  </si>
  <si>
    <t>MultiPolygon (((5.39937317853527965 51.61865585980537929, 5.39962116257832037 51.61798635688419523, 5.41088418623635903 51.61863390030818977, 5.42051271781703647 51.62001835827617668, 5.4273444469126515 51.61316264524669606, 5.42986612036431016 51.6119490755404513, 5.42419510826919282 51.61014928451025696, 5.42194791524114983 51.60648540266736717, 5.41323463119717108 51.60439217479022744, 5.40056472232962914 51.60606557841561681, 5.39485626512705352 51.60584201533559678, 5.39071600943552731 51.61178033147442079, 5.39241466337276876 51.61236067496405155, 5.39052269018053654 51.61432929479956044, 5.39101521839549136 51.61654837390936734, 5.38861526862546736 51.61772611138429312, 5.38895732963801777 51.62128980874159367, 5.39416048225010236 51.62102102882082733, 5.39937317853527965 51.61865585980537929, 5.39937317853527965 51.61865585980537929)))</t>
  </si>
  <si>
    <t>MultiPolygon (((5.41772499854864531 51.62947247018052366, 5.42400886516747427 51.62520234252563966, 5.42410814390144136 51.62514218670266075, 5.421302729351825 51.62234692867441765, 5.41772732306498739 51.62070591863697899, 5.41635647411405152 51.62093661358414209, 5.4164213902946452 51.62378492272048192, 5.41520842237232447 51.62631637856024724, 5.41772499854864531 51.62947247018052366, 5.41772499854864531 51.62947247018052366)))</t>
  </si>
  <si>
    <t>MultiPolygon (((5.41772499854864531 51.62947247018052366, 5.41785110402017978 51.63084032191862605, 5.42220863016307675 51.63324067026236719, 5.42816141483010117 51.6308180615432164, 5.43179034633773394 51.62840159819260322, 5.42400886516747427 51.62520234252563966, 5.41772499854864531 51.62947247018052366, 5.41772499854864531 51.62947247018052366)))</t>
  </si>
  <si>
    <t>MultiPolygon (((5.60124354303862848 51.60247408337367148, 5.60423076564352218 51.60189465832752376, 5.60493516224274479 51.60120139247542426, 5.60021295959689969 51.59862780697248752, 5.59866084328186364 51.59971860743415562, 5.59043363594579734 51.59934273251021608, 5.59156460831132396 51.60167596942894619, 5.59317963959047137 51.60258828931039687, 5.59752042345297163 51.60272680096081643, 5.60001410172645731 51.60202451172033022, 5.60124354303862848 51.60247408337367148, 5.60124354303862848 51.60247408337367148)))</t>
  </si>
  <si>
    <t>MultiPolygon (((5.59201875447557573 51.5905467365824606, 5.59493959047783562 51.58907889690762261, 5.5931332566321883 51.58855888169177462, 5.59269606791146945 51.58514441626768843, 5.58843527738814938 51.58365266262834581, 5.57662154695114598 51.58519341316392115, 5.5735973803930019 51.58663079450477795, 5.57841788049492138 51.5893904638535119, 5.58812449093515351 51.58953096801216986, 5.58891173744192304 51.59032757087658894, 5.59201875447557573 51.5905467365824606, 5.59201875447557573 51.5905467365824606)))</t>
  </si>
  <si>
    <t>MultiPolygon (((5.61672678057875352 51.5987422484874827, 5.61855818630127324 51.59879844271483051, 5.61869298090098823 51.59606691441607751, 5.62475226107038306 51.59054088175679453, 5.62041424863991956 51.58773583169595156, 5.61660519880617048 51.58924162066737296, 5.61458843071480196 51.58939903619392453, 5.61119602459240507 51.59345129164690746, 5.61316865208907423 51.59469606894647598, 5.61293483015195172 51.5956656531047031, 5.61197556082659954 51.59586084439033726, 5.6122168712260958 51.59653151837732565, 5.61305570081663241 51.59848231582968481, 5.61672678057875352 51.5987422484874827, 5.61672678057875352 51.5987422484874827)))</t>
  </si>
  <si>
    <t>MultiPolygon (((5.60423076564352218 51.60189465832752376, 5.60942165004900772 51.6036919223788928, 5.61216836448363576 51.60348175962266737, 5.61672678057875352 51.5987422484874827, 5.61305570081663241 51.59848231582968481, 5.6122168712260958 51.59653151837732565, 5.61046694963656112 51.59659852143970937, 5.60493516224274479 51.60120139247542426, 5.60423076564352218 51.60189465832752376, 5.60423076564352218 51.60189465832752376)))</t>
  </si>
  <si>
    <t>MultiPolygon (((5.60021295959689969 51.59862780697248752, 5.60493516224274479 51.60120139247542426, 5.61046694963656112 51.59659852143970937, 5.6122168712260958 51.59653151837732565, 5.61197556082659954 51.59586084439033726, 5.61069532565307938 51.59518597652502336, 5.60248854956799569 51.59745860836342501, 5.60021295959689969 51.59862780697248752, 5.60021295959689969 51.59862780697248752)))</t>
  </si>
  <si>
    <t>MultiPolygon (((5.60562873385064453 51.63209290585141531, 5.60747098972176694 51.63377758583002475, 5.62339234126956189 51.62665999409645678, 5.62656849842794671 51.62340098885782425, 5.64292834413364019 51.60620926789363239, 5.6453032560402745 51.600824068241117, 5.64852167249253156 51.59363843464269195, 5.64950178650960222 51.58921680616390404, 5.64735909691179305 51.59147143420600656, 5.64221014236700746 51.59170776538640268, 5.63878944041136965 51.59287421676983598, 5.63344862813594016 51.5993942825716374, 5.6321993407880413 51.60000098020341142, 5.6253362920241301 51.60023111126363204, 5.61855818630127324 51.59879844271483051, 5.61672678057875352 51.5987422484874827, 5.61216836448363576 51.60348175962266737, 5.6105655451871721 51.6052841304597365, 5.61121544331847399 51.61208027771787954, 5.6103973871271009 51.61575688223723546, 5.6086205799405171 51.61880649438239033, 5.60874907785799337 51.62786286170469197, 5.60562873385064453 51.63209290585141531, 5.60562873385064453 51.63209290585141531)))</t>
  </si>
  <si>
    <t>MultiPolygon (((5.61069532565307938 51.59518597652502336, 5.61197556082659954 51.59586084439033726, 5.61293483015195172 51.5956656531047031, 5.61316865208907423 51.59469606894647598, 5.61119602459240507 51.59345129164690746, 5.61458843071480196 51.58939903619392453, 5.61660519880617048 51.58924162066737296, 5.6150538993950212 51.58515593385513398, 5.61860006852416483 51.58401912183182247, 5.61975918414441455 51.57905376672566433, 5.62473031810962532 51.57831076054371522, 5.62527530437618939 51.57484433244095356, 5.62288830056554989 51.57478881410346361, 5.60302827981547935 51.57373843148271675, 5.60089793318421414 51.56944422530608563, 5.59689289761900088 51.56851314171487388, 5.58018684612291427 51.58248444768645413, 5.56388599271713602 51.59137262231239163, 5.56429866197697098 51.59239457129146444, 5.57003060615312506 51.59002652296193503, 5.57268668785750787 51.59011681423116613, 5.57480670127898037 51.59305434566180537, 5.57899863046231204 51.5935724282153032, 5.58737211712062987 51.59193231350505471, 5.60490102096038001 51.59360766335375104, 5.61069532565307938 51.59518597652502336, 5.61069532565307938 51.59518597652502336),(5.59201875447557573 51.5905467365824606, 5.58891173744192304 51.59032757087658894, 5.58812449093515351 51.58953096801216986, 5.57841788049492138 51.5893904638535119, 5.5735973803930019 51.58663079450477795, 5.57662154695114598 51.58519341316392115, 5.58843527738814938 51.58365266262834581, 5.59269606791146945 51.58514441626768843, 5.5931332566321883 51.58855888169177462, 5.59493959047783562 51.58907889690762261, 5.59201875447557573 51.5905467365824606, 5.59201875447557573 51.5905467365824606)))</t>
  </si>
  <si>
    <t>MultiPolygon (((5.61855818630127324 51.59879844271483051, 5.6253362920241301 51.60023111126363204, 5.6321993407880413 51.60000098020341142, 5.63344862813594016 51.5993942825716374, 5.63878944041136965 51.59287421676983598, 5.64221014236700746 51.59170776538640268, 5.64735909691179305 51.59147143420600656, 5.64950178650960222 51.58921680616390404, 5.65068372295287169 51.58717622053394791, 5.65036887110475128 51.58474415104580402, 5.65135725139027745 51.58236019653720916, 5.65267304979680318 51.57831718693297773, 5.6565174963089353 51.57479484107185641, 5.65609447020615352 51.57367801992260326, 5.65280257487177273 51.57491828515559007, 5.64901844610005099 51.57799000799512612, 5.64385716783617575 51.57499334223854959, 5.64685098104866334 51.57353812039748675, 5.64280696935737236 51.56982857776974782, 5.64136967980162929 51.5706915032105897, 5.63495669763933282 51.56830491239708181, 5.63240457909729209 51.56958173891326425, 5.62392901432258796 51.5691075001102277, 5.62288830056554989 51.57478881410346361, 5.62527530437618939 51.57484433244095356, 5.62473031810962532 51.57831076054371522, 5.61975918414441455 51.57905376672566433, 5.61860006852416483 51.58401912183182247, 5.6150538993950212 51.58515593385513398, 5.61660519880617048 51.58924162066737296, 5.62041424863991956 51.58773583169595156, 5.62475226107038306 51.59054088175679453, 5.61869298090098823 51.59606691441607751, 5.61855818630127324 51.59879844271483051, 5.61855818630127324 51.59879844271483051)))</t>
  </si>
  <si>
    <t>MultiPolygon (((5.55825304607007364 51.57566657641201857, 5.56011459930652041 51.58093640573156335, 5.5616763825065112 51.58216481140829757, 5.56380639576670877 51.5863767410339733, 5.56388599271713602 51.59137262231239163, 5.58018684612291427 51.58248444768645413, 5.59689289761900088 51.56851314171487388, 5.60741613883789913 51.55969302312963265, 5.58434098561170167 51.56273139131789662, 5.57066881174283957 51.56783835664987947, 5.57127888658543657 51.56847211852291935, 5.56011126006711898 51.57272900633589074, 5.55923439181096324 51.57408209781251429, 5.55959779196104975 51.57548299248076518, 5.55825304607007364 51.57566657641201857, 5.55825304607007364 51.57566657641201857)))</t>
  </si>
  <si>
    <t>MultiPolygon (((5.60227359834732574 51.62941366629568307, 5.60562873385064453 51.63209290585141531, 5.60874907785799337 51.62786286170469197, 5.6086205799405171 51.61880649438239033, 5.6103973871271009 51.61575688223723546, 5.61121544331847399 51.61208027771787954, 5.6105655451871721 51.6052841304597365, 5.60667450508281906 51.60766609784027281, 5.60191963051276076 51.60806923550597247, 5.60063522286738547 51.60488522371788633, 5.60124354303862848 51.60247408337367148, 5.60001410172645731 51.60202451172033022, 5.59752042345297163 51.60272680096081643, 5.59317963959047137 51.60258828931039687, 5.59156460831132396 51.60167596942894619, 5.59043363594579734 51.59934273251021608, 5.59866084328186364 51.59971860743415562, 5.60021295959689969 51.59862780697248752, 5.60248854956799569 51.59745860836342501, 5.61069532565307938 51.59518597652502336, 5.60490102096038001 51.59360766335375104, 5.58737211712062987 51.59193231350505471, 5.57899863046231204 51.5935724282153032, 5.57857245677279234 51.59832647497015046, 5.58204514167007027 51.60476967126927406, 5.58146324215806722 51.60502213174980568, 5.58505785530883525 51.61396278920428671, 5.58754542184210301 51.61652790931384516, 5.59342161143344097 51.62259099379404859, 5.60227359834732574 51.62941366629568307, 5.60227359834732574 51.62941366629568307)))</t>
  </si>
  <si>
    <t>MultiPolygon (((5.65609447020615352 51.57367801992260326, 5.65248578916152056 51.56967852338114966, 5.64033514388095636 51.56441825515312871, 5.62567001431176905 51.5550993209181101, 5.62179535271950392 51.55326854323246266, 5.6192340088272843 51.55399607711903087, 5.6181924155112668 51.55584153103545475, 5.61422513245431709 51.55460472135138872, 5.60741613883789913 51.55969302312963265, 5.59689289761900088 51.56851314171487388, 5.60089793318421414 51.56944422530608563, 5.60302827981547935 51.57373843148271675, 5.62288830056554989 51.57478881410346361, 5.62392901432258796 51.5691075001102277, 5.63240457909729209 51.56958173891326425, 5.63495669763933282 51.56830491239708181, 5.64136967980162929 51.5706915032105897, 5.64280696935737236 51.56982857776974782, 5.64685098104866334 51.57353812039748675, 5.64385716783617575 51.57499334223854959, 5.64901844610005099 51.57799000799512612, 5.65280257487177273 51.57491828515559007, 5.65609447020615352 51.57367801992260326, 5.65609447020615352 51.57367801992260326),(5.62793490485586467 51.56100321350074012, 5.62770459073368912 51.56171765679800245, 5.61844540418097083 51.56062160790279592, 5.61816304726136728 51.55604121677129115, 5.62062976804587677 51.55581359556309451, 5.62753220447568125 51.55738047580059202, 5.63283676646443965 51.5607912924169085, 5.63173510436070224 51.56169095642916034, 5.62793490485586467 51.56100321350074012, 5.62793490485586467 51.56100321350074012)))</t>
  </si>
  <si>
    <t>MultiPolygon (((5.6105655451871721 51.6052841304597365, 5.61216836448363576 51.60348175962266737, 5.60942165004900772 51.6036919223788928, 5.60423076564352218 51.60189465832752376, 5.60124354303862848 51.60247408337367148, 5.60063522286738547 51.60488522371788633, 5.60191963051276076 51.60806923550597247, 5.60667450508281906 51.60766609784027281, 5.6105655451871721 51.6052841304597365, 5.6105655451871721 51.6052841304597365)))</t>
  </si>
  <si>
    <t>MultiPolygon (((5.62793490485586467 51.56100321350074012, 5.63173510436070224 51.56169095642916034, 5.63283676646443965 51.5607912924169085, 5.62753220447568125 51.55738047580059202, 5.62062976804587677 51.55581359556309451, 5.61816304726136728 51.55604121677129115, 5.61844540418097083 51.56062160790279592, 5.62770459073368912 51.56171765679800245, 5.62793490485586467 51.56100321350074012, 5.62793490485586467 51.56100321350074012)))</t>
  </si>
  <si>
    <t>MultiPolygon (((5.89453037788054246 51.8405567571474819, 5.90006942121586775 51.83900868806375684, 5.91233449964697488 51.83637894489030629, 5.91119957271492336 51.83487921467520465, 5.90900789833979267 51.83231047514871648, 5.90802409270479334 51.83052171469569203, 5.90824944409841013 51.82935302883197437, 5.90544679767323721 51.83097046718180678, 5.89789380578653777 51.83206917565897243, 5.89588904135754088 51.83258482658539634, 5.89570447188263369 51.83327886497269077, 5.89808784058857682 51.8364047344444856, 5.89216949440545612 51.84001315079273553, 5.89453037788054246 51.8405567571474819, 5.89453037788054246 51.8405567571474819)))</t>
  </si>
  <si>
    <t>MultiPolygon (((5.93890755716582941 51.85059760221059122, 5.94028498131740434 51.85088787557891266, 5.94144843027252634 51.84952911148936749, 5.94085442533986896 51.84701978724670823, 5.94282083350173806 51.84402618053555045, 5.9450416231806873 51.8447116438829454, 5.94600945466988495 51.84593417818232552, 5.95156076645645538 51.84283695629186184, 5.94951714670915965 51.84079929356951055, 5.94445178496928417 51.83838642628180082, 5.9509669534930838 51.83936851886650743, 5.95191491904249759 51.84172462726837693, 5.95574166158891938 51.83957898588753466, 5.95899248769334289 51.83941359393067927, 5.9629782059745029 51.8369139593865853, 5.96290306578759033 51.83685996537524687, 5.96042052302591685 51.83739509959928426, 5.95005947812867397 51.83306887495486848, 5.94614397663755945 51.83278317754267306, 5.9351678255644762 51.83574272351206247, 5.92114024955125284 51.83767762708556148, 5.91612397577183735 51.84010285883506697, 5.90893376708363327 51.84086773775732837, 5.91317834096608319 51.84592207900413285, 5.92223521746948656 51.84830166825999953, 5.92430645478430851 51.85276741113907661, 5.92798812242319961 51.85238381788231266, 5.93549150424695693 51.84857686874503457, 5.93890755716582941 51.85059760221059122, 5.93890755716582941 51.85059760221059122)))</t>
  </si>
  <si>
    <t>MultiPolygon (((5.91084889466582908 51.87384494600047447, 5.92103589589945045 51.87465047062761414, 5.92541338676830076 51.87439990605503937, 5.93218562317015952 51.87355424224672618, 5.93731541257462148 51.87141112062489157, 5.95528813523312461 51.85692801725855361, 5.95244133580811585 51.85632959042904844, 5.95086995248316875 51.85760849317723142, 5.94910835464074772 51.85801206465053781, 5.94566565100811761 51.85739327568752799, 5.94982856839861984 51.855136369108493, 5.94774102427649698 51.85457885784116883, 5.94571655595979287 51.85614978256499086, 5.9365769498337464 51.86048826766690212, 5.9353705421591787 51.8603782969163305, 5.9328386927116803 51.85773933626698096, 5.93120466294977788 51.85744403380030576, 5.92558352106900799 51.86005923671463336, 5.92440257773423884 51.85970363370365277, 5.92097992750329016 51.85656188361063812, 5.92162786604759006 51.85625334974905343, 5.92509880479146567 51.85847525259629975, 5.93504445209607212 51.85536571942848383, 5.93738957419348878 51.85429629039563082, 5.93890755716582941 51.85059760221059122, 5.93549150424695693 51.84857686874503457, 5.92798812242319961 51.85238381788231266, 5.92430645478430851 51.85276741113907661, 5.92223521746948656 51.84830166825999953, 5.91317834096608319 51.84592207900413285, 5.90893376708363327 51.84086773775732837, 5.90380656733975773 51.84052634343210286, 5.90006942121586775 51.83900868806375684, 5.89453037788054246 51.8405567571474819, 5.88038929558375667 51.84505497384061812, 5.88549098234323242 51.84765958651755113, 5.88718967209591959 51.84961913091971297, 5.88462219482803039 51.85016805570215581, 5.88578563885905481 51.85079910740125797, 5.88570459643256072 51.85239034011299708, 5.88740820705958168 51.85454321092868923, 5.88731953307066203 51.85900904358213381, 5.88607211532368346 51.85868489774276213, 5.88158442442539453 51.85910034747060848, 5.88676570909621244 51.8652030075613979, 5.89596777416602436 51.87053361607940616, 5.91084889466582908 51.87384494600047447, 5.91084889466582908 51.87384494600047447)))</t>
  </si>
  <si>
    <t>MultiPolygon (((5.94982856839861984 51.855136369108493, 5.94566565100811761 51.85739327568752799, 5.94910835464074772 51.85801206465053781, 5.95086995248316875 51.85760849317723142, 5.95244133580811585 51.85632959042904844, 5.95212350480481067 51.85623413454543851, 5.94982856839861984 51.855136369108493, 5.94982856839861984 51.855136369108493)))</t>
  </si>
  <si>
    <t>MultiPolygon (((5.94028498131740434 51.85088787557891266, 5.93890755716582941 51.85059760221059122, 5.93738957419348878 51.85429629039563082, 5.93504445209607212 51.85536571942848383, 5.92509880479146567 51.85847525259629975, 5.92162786604759006 51.85625334974905343, 5.92097992750329016 51.85656188361063812, 5.92440257773423884 51.85970363370365277, 5.92558352106900799 51.86005923671463336, 5.93120466294977788 51.85744403380030576, 5.9328386927116803 51.85773933626698096, 5.9353705421591787 51.8603782969163305, 5.9365769498337464 51.86048826766690212, 5.94571655595979287 51.85614978256499086, 5.94774102427649698 51.85457885784116883, 5.94028498131740434 51.85088787557891266, 5.94028498131740434 51.85088787557891266)))</t>
  </si>
  <si>
    <t>MultiPolygon (((6.0076037168172336 51.88145959240869587, 6.01219049360087876 51.88167199639243421, 6.01691567867856225 51.88098596820076835, 6.02193213741114963 51.87929450624902472, 6.03545587304816689 51.87304884834149021, 6.03335626034124317 51.87034002410931777, 6.03052986639550515 51.87019996942105848, 6.02629940875978853 51.86784558071326501, 6.02243897831625663 51.8664489272106124, 6.01488525487186099 51.87003540244846533, 6.0108597425275212 51.87073832197022938, 5.98575283842246986 51.86775767850550523, 5.98874760285017693 51.87147020837244327, 5.99361439869049573 51.87566966759744247, 5.99971502803257906 51.87933664183319138, 6.0076037168172336 51.88145959240869587, 6.0076037168172336 51.88145959240869587)))</t>
  </si>
  <si>
    <t>MultiPolygon (((6.0259239010994694 51.86484853393146466, 6.02806520963178194 51.8649729773362651, 6.03129195460230516 51.86644059603236201, 6.03735162133049741 51.86397094064654567, 6.03364541026653978 51.86036177665901903, 6.03807106724103448 51.85765290707190189, 6.04410397279255651 51.85730329058070254, 6.0464518339486828 51.85906582298028411, 6.0514235815919335 51.85666122598863836, 6.05530460292186401 51.85235412300573188, 6.04168352890807459 51.84701193789786089, 6.03692729490750057 51.84408166040091714, 6.0356705063640721 51.84263804262706543, 6.03341631315070437 51.84335310616732784, 6.03268224641066553 51.84235152112999145, 6.02915309997671045 51.84512321069416174, 6.02018405409044277 51.84163897942461574, 6.01783896208621627 51.84155973325855626, 6.01604333357982757 51.8382424186239632, 6.01471330840986695 51.8374963858308746, 6.01121736334146206 51.8371958817863856, 6.00994360516641812 51.83772272763571465, 6.01411498794960586 51.84187727260191991, 6.00751057576333913 51.84467752216566083, 6.00853332559307152 51.84650182472912405, 6.0114229418776306 51.84908656657380277, 6.02041782829245342 51.85057845457094317, 6.02798981727577754 51.85722386363674019, 6.0238225453922265 51.86257840146480902, 6.0259239010994694 51.86484853393146466, 6.0259239010994694 51.86484853393146466)))</t>
  </si>
  <si>
    <t>MultiPolygon (((6.02629940875978853 51.86784558071326501, 6.03052986639550515 51.87019996942105848, 6.03335626034124317 51.87034002410931777, 6.03418877174400059 51.86757039621503651, 6.02958238890389531 51.86723624975739, 6.02629940875978853 51.86784558071326501, 6.02629940875978853 51.86784558071326501)))</t>
  </si>
  <si>
    <t>MultiPolygon (((6.03545587304816689 51.87304884834149021, 6.04409120521654764 51.87120709485530767, 6.04310015373383802 51.86857378683230024, 6.04637999294268269 51.86537595764020381, 6.04896622888789626 51.86139159204467575, 6.0464518339486828 51.85906582298028411, 6.04410397279255651 51.85730329058070254, 6.03807106724103448 51.85765290707190189, 6.03364541026653978 51.86036177665901903, 6.03735162133049741 51.86397094064654567, 6.03129195460230516 51.86644059603236201, 6.02806520963178194 51.8649729773362651, 6.0259239010994694 51.86484853393146466, 6.02243897831625663 51.8664489272106124, 6.02629940875978853 51.86784558071326501, 6.02958238890389531 51.86723624975739, 6.03418877174400059 51.86757039621503651, 6.03335626034124317 51.87034002410931777, 6.03545587304816689 51.87304884834149021, 6.03545587304816689 51.87304884834149021)))</t>
  </si>
  <si>
    <t>MultiPolygon (((6.04409120521654764 51.87120709485530767, 6.04628469344197139 51.8709132077393491, 6.05441406641908397 51.86910701854409211, 6.06348555320025984 51.86545122420106679, 6.06164072603392867 51.86118032258952582, 6.06043445479170639 51.86129194607241288, 6.05960236100648064 51.85765473725908237, 6.05435515895274179 51.85740523215036291, 6.0514235815919335 51.85666122598863836, 6.0464518339486828 51.85906582298028411, 6.04896622888789626 51.86139159204467575, 6.04637999294268269 51.86537595764020381, 6.04310015373383802 51.86857378683230024, 6.04409120521654764 51.87120709485530767, 6.04409120521654764 51.87120709485530767)))</t>
  </si>
  <si>
    <t>MultiPolygon (((5.97435337595701288 51.85586326831797521, 5.9777495839953998 51.85722976506621507, 5.981180058406526 51.85994744124951694, 5.99690430540234498 51.85886259150512956, 5.99308853602257763 51.85570582659436667, 5.99798280341123036 51.8518810459671684, 5.99734934651735596 51.85126714203671128, 6.00056173664168391 51.84825521477854693, 6.00271438172822869 51.84920402047588084, 6.00853332559307152 51.84650182472912405, 6.00751057576333913 51.84467752216566083, 6.01411498794960586 51.84187727260191991, 6.00994360516641812 51.83772272763571465, 6.01121736334146206 51.8371958817863856, 6.01471330840986695 51.8374963858308746, 6.01014223534164493 51.83512709308287469, 6.00225677835387028 51.8324905378970584, 5.99442621907893169 51.83091512600152839, 5.98673735948248353 51.83066988261798258, 5.97646517490063456 51.83294642022591603, 5.97211094743399507 51.83342977042116217, 5.96979556726903393 51.83403801281870216, 5.96980226653012558 51.83664531468417636, 5.97440993211104132 51.83752078786536543, 5.97639475191895997 51.83985958215074419, 5.97390540429634775 51.84252689353494503, 5.9702412036403576 51.8434291700707135, 5.96957267970636529 51.84559986883543559, 5.9750043508754791 51.8484012469710791, 5.97166748140598713 51.84963094309208742, 5.97435337595701288 51.85586326831797521, 5.97435337595701288 51.85586326831797521),(5.99754474905377943 51.84135749106387436, 5.99627982204032861 51.84203172457961983, 5.99287763440557519 51.84053296765854668, 5.99100343528325574 51.84080287111452634, 5.98690062760512287 51.8440644766796197, 5.9861707778896891 51.84359500370633356, 5.98514888918743182 51.83734466919732142, 5.99209519031579596 51.83587336891800845, 6.00201670092620088 51.83650928596922824, 5.99825019704138729 51.84018363212807401, 6.0015757510212584 51.84135406541876989, 5.99754474905377943 51.84135749106387436, 5.99754474905377943 51.84135749106387436)))</t>
  </si>
  <si>
    <t>MultiPolygon (((5.99754474905377943 51.84135749106387436, 6.0015757510212584 51.84135406541876989, 5.99825019704138729 51.84018363212807401, 5.99813824947586038 51.84047851853469524, 5.99754474905377943 51.84135749106387436, 5.99754474905377943 51.84135749106387436)))</t>
  </si>
  <si>
    <t>MultiPolygon (((5.99825019704138729 51.84018363212807401, 6.00201670092620088 51.83650928596922824, 5.99209519031579596 51.83587336891800845, 5.98514888918743182 51.83734466919732142, 5.9861707778896891 51.84359500370633356, 5.98690062760512287 51.8440644766796197, 5.99100343528325574 51.84080287111452634, 5.99287763440557519 51.84053296765854668, 5.99627982204032861 51.84203172457961983, 5.99754474905377943 51.84135749106387436, 5.99813824947586038 51.84047851853469524, 5.99825019704138729 51.84018363212807401, 5.99825019704138729 51.84018363212807401)))</t>
  </si>
  <si>
    <t>MultiPolygon (((5.98575283842246986 51.86775767850550523, 6.0108597425275212 51.87073832197022938, 6.01488525487186099 51.87003540244846533, 6.02243897831625663 51.8664489272106124, 6.0259239010994694 51.86484853393146466, 6.0238225453922265 51.86257840146480902, 6.02798981727577754 51.85722386363674019, 6.02041782829245342 51.85057845457094317, 6.0114229418776306 51.84908656657380277, 6.00853332559307152 51.84650182472912405, 6.00271438172822869 51.84920402047588084, 6.00056173664168391 51.84825521477854693, 5.99734934651735596 51.85126714203671128, 5.99798280341123036 51.8518810459671684, 5.99308853602257763 51.85570582659436667, 5.99690430540234498 51.85886259150512956, 5.981180058406526 51.85994744124951694, 5.98575283842246986 51.86775767850550523, 5.98575283842246986 51.86775767850550523),(6.01129824825674053 51.86577669453162542, 6.0051312260713221 51.86509483294191369, 6.0026489472393747 51.86302001422364327, 6.00480429185604514 51.86180810441604194, 6.00706409504936545 51.86149660484259982, 6.01289371144069573 51.86301901425466809, 6.01507658271379242 51.86260946729296961, 6.01708406677181085 51.86170357320091284, 6.01648161077861765 51.86143278028860237, 6.01779997567307223 51.86043886007762893, 6.02299198868395536 51.85878581582594649, 6.02131886669891259 51.86087767347620314, 6.01784836987643512 51.86307175272386871, 6.01129824825674053 51.86577669453162542, 6.01129824825674053 51.86577669453162542)))</t>
  </si>
  <si>
    <t>MultiPolygon (((6.01129824825674053 51.86577669453162542, 6.01784836987643512 51.86307175272386871, 6.02131886669891259 51.86087767347620314, 6.02299198868395536 51.85878581582594649, 6.01779997567307223 51.86043886007762893, 6.01648161077861765 51.86143278028860237, 6.01708406677181085 51.86170357320091284, 6.01507658271379242 51.86260946729296961, 6.01289371144069573 51.86301901425466809, 6.00706409504936545 51.86149660484259982, 6.00480429185604514 51.86180810441604194, 6.0026489472393747 51.86302001422364327, 6.0051312260713221 51.86509483294191369, 6.01129824825674053 51.86577669453162542, 6.01129824825674053 51.86577669453162542)))</t>
  </si>
  <si>
    <t>MultiPolygon (((5.88806339346432051 51.82300330984393355, 5.89233919225260827 51.82389395975146584, 5.89359458568729444 51.82133701407556003, 5.89861377327932157 51.82055338172696679, 5.89899023694990809 51.81830039432455237, 5.89745851967462009 51.81490235909035391, 5.89778724649305452 51.81267315863525624, 5.89891781423428707 51.8114334686001925, 5.90202061706455261 51.80966865482255201, 5.91116306256484236 51.80976921611630814, 5.91193697304243937 51.8086551054178841, 5.90821325905296302 51.80668338801800132, 5.90880066055057362 51.80554345709454367, 5.91071120373818104 51.80460782650802543, 5.90005550729779937 51.8019619562744893, 5.88957481316451048 51.81036218660313608, 5.87939749975968962 51.80827779438781278, 5.87911010828253389 51.80952987481597916, 5.8824484510539703 51.80950397875628965, 5.88554696594854221 51.81020332005323326, 5.88595820912894219 51.81250126693979752, 5.89165417745325026 51.81577474702759645, 5.88871294406817469 51.81922933631355477, 5.88806339346432051 51.82300330984393355, 5.88806339346432051 51.82300330984393355)))</t>
  </si>
  <si>
    <t>MultiPolygon (((5.88193157772701358 51.82104534475191571, 5.88806339346432051 51.82300330984393355, 5.88871294406817469 51.81922933631355477, 5.89165417745325026 51.81577474702759645, 5.88595820912894219 51.81250126693979752, 5.88419147551468491 51.81371451317475163, 5.88151581901484466 51.8174016816141787, 5.88049250099668441 51.82032616752016452, 5.88193157772701358 51.82104534475191571, 5.88193157772701358 51.82104534475191571)))</t>
  </si>
  <si>
    <t>MultiPolygon (((5.8872089050285723 51.7853455635202522, 5.91526696803369934 51.78751558866470361, 5.92177595557096659 51.78017443146458731, 5.91876011155667126 51.78016049954680255, 5.92041649047949026 51.77830756459024286, 5.90563706898033391 51.77508566735811968, 5.90034693059542104 51.7756507025610091, 5.89308702199475576 51.77814904008921104, 5.88798359129860938 51.7829808193430452, 5.8872089050285723 51.7853455635202522, 5.8872089050285723 51.7853455635202522)))</t>
  </si>
  <si>
    <t>MultiPolygon (((5.90005550729779937 51.8019619562744893, 5.91071120373818104 51.80460782650802543, 5.91484473680448364 51.80541891227970552, 5.92061113954088558 51.80236052184721274, 5.9216616956558461 51.80010117595664809, 5.92065088331323608 51.79987354209514905, 5.92414067806225475 51.7997507951942282, 5.92866841677477741 51.80057482009318903, 5.92984238480760961 51.80182330653417466, 5.92926929590327489 51.8036253759884957, 5.93838471409161528 51.80333813917717123, 5.93862899012804579 51.80462427860790342, 5.94245067001999949 51.80551064938188688, 5.94554308417496724 51.80520587904289442, 5.94863627215309609 51.80930111605506028, 5.95044768515955802 51.80945723639740663, 5.95114454975340124 51.81056023244956776, 5.95637951720108738 51.81009147000180093, 5.96307917848718372 51.80705919009943017, 5.97523864988679598 51.79926948887516147, 5.97906533577412969 51.79765066370784865, 5.97439191067672315 51.79562307809401744, 5.97678209792430426 51.7942761706018473, 5.97495322344648372 51.79226131675039113, 5.97305397765186363 51.79284634766712259, 5.96767540185166556 51.79300419395710264, 5.96669140548332155 51.78784580963492346, 5.95627207431014405 51.78810561766110254, 5.95648440501397136 51.78085476629574657, 5.9554464493091146 51.7806384667169155, 5.94729123569868179 51.78061133028631247, 5.94638256532189935 51.77877093401273356, 5.9438225100303832 51.77824096504423323, 5.94385635272197188 51.78118961177244728, 5.93548133894335006 51.78314326189947536, 5.93023186826194859 51.78610057379301423, 5.92890229372212296 51.78639703011099726, 5.92827732694319387 51.785769101525716, 5.92596700299792722 51.78795839423305836, 5.92368280793248037 51.78852288844803553, 5.9174918715842848 51.78784849641658639, 5.90005550729779937 51.8019619562744893, 5.90005550729779937 51.8019619562744893)))</t>
  </si>
  <si>
    <t>MultiPolygon (((5.92041649047949026 51.77830756459024286, 5.92698566954721162 51.77825592720066084, 5.92630969789176376 51.77694532891607793, 5.92717567371484488 51.77614133157725718, 5.9288453073749805 51.77615951598818356, 5.92872435962435329 51.77447918797696502, 5.92685670672448328 51.76978320555306112, 5.93240882918516821 51.76408356483415929, 5.93382419598282862 51.76140887808882241, 5.93038047820420378 51.76045146701790856, 5.93195032021433644 51.75543440589190425, 5.92248574984590181 51.75061551858366471, 5.91513355361478954 51.75253658992009775, 5.91332939053030415 51.7555150188966806, 5.91339327588994568 51.75900102056662888, 5.91111459385339622 51.76240566183091829, 5.90537579898828202 51.76568381911454964, 5.90109405676585208 51.77047888460442948, 5.89340925836933671 51.77785292497380709, 5.89308702199475576 51.77814904008921104, 5.90034693059542104 51.7756507025610091, 5.90563706898033391 51.77508566735811968, 5.92041649047949026 51.77830756459024286, 5.92041649047949026 51.77830756459024286)))</t>
  </si>
  <si>
    <t>MultiPolygon (((5.87939749975968962 51.80827779438781278, 5.88957481316451048 51.81036218660313608, 5.90005550729779937 51.8019619562744893, 5.9174918715842848 51.78784849641658639, 5.91526696803369934 51.78751558866470361, 5.8872089050285723 51.7853455635202522, 5.88744278293617995 51.79537367508370949, 5.88102478440938103 51.80144942418197473, 5.87939749975968962 51.80827779438781278, 5.87939749975968962 51.80827779438781278)))</t>
  </si>
  <si>
    <t>MultiPolygon (((5.9438225100303832 51.77824096504423323, 5.94638256532189935 51.77877093401273356, 5.94729123569868179 51.78061133028631247, 5.9554464493091146 51.7806384667169155, 5.95691743335898583 51.78042068066590531, 5.95471061057604523 51.77671911852156938, 5.95133961136656175 51.77719583651293078, 5.94589387832330019 51.77578581694413629, 5.94322389675697949 51.77811703431171253, 5.9438225100303832 51.77824096504423323, 5.9438225100303832 51.77824096504423323)))</t>
  </si>
  <si>
    <t>MultiPolygon (((5.94589387832330019 51.77578581694413629, 5.95133961136656175 51.77719583651293078, 5.95471061057604523 51.77671911852156938, 5.95296820724088693 51.77431466166367358, 5.94589387832330019 51.77578581694413629, 5.94589387832330019 51.77578581694413629)))</t>
  </si>
  <si>
    <t>MultiPolygon (((5.91526696803369934 51.78751558866470361, 5.9174918715842848 51.78784849641658639, 5.92368280793248037 51.78852288844803553, 5.92596700299792722 51.78795839423305836, 5.92827732694319387 51.785769101525716, 5.92703386076056837 51.78421254131855278, 5.92830009673725922 51.7817081783752613, 5.92971023062244296 51.78129663520343939, 5.93067258940094355 51.77801329010029008, 5.92698566954721162 51.77825592720066084, 5.92041649047949026 51.77830756459024286, 5.91876011155667126 51.78016049954680255, 5.92177595557096659 51.78017443146458731, 5.91526696803369934 51.78751558866470361, 5.91526696803369934 51.78751558866470361)))</t>
  </si>
  <si>
    <t>MultiPolygon (((5.92872435962435329 51.77447918797696502, 5.93570352391193534 51.77396106590352787, 5.93643833491904704 51.77018429783716158, 5.93370525454895326 51.7698869902558485, 5.93738950529110099 51.76620019604724376, 5.93240882918516821 51.76408356483415929, 5.92685670672448328 51.76978320555306112, 5.92872435962435329 51.77447918797696502, 5.92872435962435329 51.77447918797696502)))</t>
  </si>
  <si>
    <t>MultiPolygon (((5.93570352391193534 51.77396106590352787, 5.9450131983477652 51.77499220573809424, 5.94756786360822787 51.77417567422304501, 5.9470514678116162 51.77340579729788317, 5.94269205618022411 51.77078691865276028, 5.94016516951423768 51.77007732567908249, 5.93643833491904704 51.77018429783716158, 5.93570352391193534 51.77396106590352787, 5.93570352391193534 51.77396106590352787)))</t>
  </si>
  <si>
    <t>MultiPolygon (((5.9470514678116162 51.77340579729788317, 5.9518289291510218 51.77274460310594151, 5.94811465896100167 51.76758909751028881, 5.94490238683741445 51.76882566310253964, 5.94030010276550158 51.76600022823898684, 5.93802686932807244 51.76547565520302641, 5.93738950529110099 51.76620019604724376, 5.93370525454895326 51.7698869902558485, 5.93643833491904704 51.77018429783716158, 5.94016516951423768 51.77007732567908249, 5.94269205618022411 51.77078691865276028, 5.9470514678116162 51.77340579729788317, 5.9470514678116162 51.77340579729788317)))</t>
  </si>
  <si>
    <t>MultiPolygon (((5.92827732694319387 51.785769101525716, 5.92890229372212296 51.78639703011099726, 5.93023186826194859 51.78610057379301423, 5.93548133894335006 51.78314326189947536, 5.94385635272197188 51.78118961177244728, 5.9438225100303832 51.77824096504423323, 5.94322389675697949 51.77811703431171253, 5.93833681028620486 51.77752617436231475, 5.93067258940094355 51.77801329010029008, 5.92971023062244296 51.78129663520343939, 5.92830009673725922 51.7817081783752613, 5.92703386076056837 51.78421254131855278, 5.92827732694319387 51.785769101525716, 5.92827732694319387 51.785769101525716)))</t>
  </si>
  <si>
    <t>MultiPolygon (((5.92698566954721162 51.77825592720066084, 5.93067258940094355 51.77801329010029008, 5.93833681028620486 51.77752617436231475, 5.94322389675697949 51.77811703431171253, 5.94589387832330019 51.77578581694413629, 5.95296820724088693 51.77431466166367358, 5.9518289291510218 51.77274460310594151, 5.9470514678116162 51.77340579729788317, 5.94756786360822787 51.77417567422304501, 5.9450131983477652 51.77499220573809424, 5.93570352391193534 51.77396106590352787, 5.92872435962435329 51.77447918797696502, 5.9288453073749805 51.77615951598818356, 5.92717567371484488 51.77614133157725718, 5.92630969789176376 51.77694532891607793, 5.92698566954721162 51.77825592720066084, 5.92698566954721162 51.77825592720066084)))</t>
  </si>
  <si>
    <t>MultiPolygon (((5.95244133580811585 51.85632959042904844, 5.95528813523312461 51.85692801725855361, 5.95917320898201996 51.85537365877026872, 5.96624729830110834 51.85444929714551421, 5.97033358912803713 51.85475418128259406, 5.97435337595701288 51.85586326831797521, 5.97166748140598713 51.84963094309208742, 5.9750043508754791 51.8484012469710791, 5.96957267970636529 51.84559986883543559, 5.9702412036403576 51.8434291700707135, 5.97390540429634775 51.84252689353494503, 5.97639475191895997 51.83985958215074419, 5.97440993211104132 51.83752078786536543, 5.96980226653012558 51.83664531468417636, 5.96979556726903393 51.83403801281870216, 5.97211094743399507 51.83342977042116217, 5.96896169584706815 51.8340748407426446, 5.9629782059745029 51.8369139593865853, 5.95899248769334289 51.83941359393067927, 5.95574166158891938 51.83957898588753466, 5.95191491904249759 51.84172462726837693, 5.9509669534930838 51.83936851886650743, 5.94445178496928417 51.83838642628180082, 5.94951714670915965 51.84079929356951055, 5.95156076645645538 51.84283695629186184, 5.94600945466988495 51.84593417818232552, 5.9450416231806873 51.8447116438829454, 5.94282083350173806 51.84402618053555045, 5.94085442533986896 51.84701978724670823, 5.94144843027252634 51.84952911148936749, 5.94028498131740434 51.85088787557891266, 5.94774102427649698 51.85457885784116883, 5.94982856839861984 51.855136369108493, 5.95212350480481067 51.85623413454543851, 5.95244133580811585 51.85632959042904844, 5.95244133580811585 51.85632959042904844)))</t>
  </si>
  <si>
    <t>MultiPolygon (((5.9554464493091146 51.7806384667169155, 5.95648440501397136 51.78085476629574657, 5.95627207431014405 51.78810561766110254, 5.96669140548332155 51.78784580963492346, 5.96767540185166556 51.79300419395710264, 5.97305397765186363 51.79284634766712259, 5.97495322344648372 51.79226131675039113, 5.97263248245357836 51.78956529226073968, 5.97500953238200072 51.78880780428839614, 5.973988942498484 51.7884220919721372, 5.97454840187385194 51.78506197568302838, 5.97953883900406247 51.78597707768646785, 5.98085935196493779 51.78552982225421886, 5.98176561186140354 51.78413670550094139, 5.9846786844454245 51.78505713458647364, 5.98479324985460615 51.78442816582154506, 5.987887788434473 51.78288872780435526, 5.98974768339600683 51.78372373629946424, 5.99042703669839938 51.78319749188834464, 5.98343193388369343 51.77872503435656171, 5.98454407401716448 51.77779357214270561, 5.98402242856025257 51.77535119853990864, 5.98235984237229612 51.77369700809500586, 5.98680159615521301 51.77222690731888832, 5.99075000885694031 51.76968223235735422, 5.99206697193654758 51.77024590746711397, 5.99050109963617672 51.76627730716521114, 5.97829004478511017 51.75971001353936174, 5.97354751759289648 51.7589866746586722, 5.97037953128068022 51.76073721472094746, 5.95949548061509304 51.7637619392983197, 5.95628957068238396 51.76374135952691802, 5.94678062015246045 51.76559692156415338, 5.94811465896100167 51.76758909751028881, 5.9518289291510218 51.77274460310594151, 5.95296820724088693 51.77431466166367358, 5.95471061057604523 51.77671911852156938, 5.95691743335898583 51.78042068066590531, 5.9554464493091146 51.7806384667169155, 5.9554464493091146 51.7806384667169155),(5.96766390510776024 51.7788102346252046, 5.96668564572907911 51.77895715897126649, 5.9659098721066055 51.77755307162441056, 5.96561707427083476 51.77355490782230163, 5.96656798821201662 51.77246120291879095, 5.96922796096088781 51.77216997916385566, 5.97022727548444365 51.77237714257941548, 5.97154862472946579 51.77596323194951822, 5.97000783784587252 51.77845788689558049, 5.96766390510776024 51.7788102346252046, 5.96766390510776024 51.7788102346252046)))</t>
  </si>
  <si>
    <t>MultiPolygon (((5.96766390510776024 51.7788102346252046, 5.97000783784587252 51.77845788689558049, 5.97154862472946579 51.77596323194951822, 5.97022727548444365 51.77237714257941548, 5.96922796096088781 51.77216997916385566, 5.96656798821201662 51.77246120291879095, 5.96561707427083476 51.77355490782230163, 5.9659098721066055 51.77755307162441056, 5.96668564572907911 51.77895715897126649, 5.96766390510776024 51.7788102346252046, 5.96766390510776024 51.7788102346252046)))</t>
  </si>
  <si>
    <t>MultiPolygon (((5.93738950529110099 51.76620019604724376, 5.93802686932807244 51.76547565520302641, 5.94030010276550158 51.76600022823898684, 5.94490238683741445 51.76882566310253964, 5.94811465896100167 51.76758909751028881, 5.94678062015246045 51.76559692156415338, 5.95628957068238396 51.76374135952691802, 5.95949548061509304 51.7637619392983197, 5.97037953128068022 51.76073721472094746, 5.97354751759289648 51.7589866746586722, 5.95833607818227584 51.75146073333529984, 5.95682476277910045 51.75193850034435883, 5.95198819098537957 51.74894941861764863, 5.9532878958041584 51.74802415871541683, 5.95195250542537124 51.74437064887433024, 5.94396207184508985 51.74181681311433323, 5.93829860579492586 51.74159314788784059, 5.93589064083807205 51.74102861130233322, 5.93276687966346117 51.74193844732492664, 5.92994827166782557 51.74442846827343345, 5.930738179786748 51.7465351895585286, 5.93332324554746648 51.74809858598837309, 5.92248574984590181 51.75061551858366471, 5.93195032021433644 51.75543440589190425, 5.93038047820420378 51.76045146701790856, 5.93382419598282862 51.76140887808882241, 5.93240882918516821 51.76408356483415929, 5.93738950529110099 51.76620019604724376, 5.93738950529110099 51.76620019604724376),(5.94217770949687019 51.76331464201440014, 5.93429847667470423 51.75965487812440102, 5.93559472451688741 51.75466796408989012, 5.93655242259251636 51.75391401447255646, 5.94165028002252171 51.75738991485924601, 5.94343387447404847 51.75777599552944963, 5.94508931001283258 51.75630172793353267, 5.94431925789051974 51.75582208340500756, 5.94493604159363365 51.7554130215341246, 5.94683380651372229 51.75674291016883188, 5.94685236289912833 51.76042179865125803, 5.94217770949687019 51.76331464201440014, 5.94217770949687019 51.76331464201440014)))</t>
  </si>
  <si>
    <t>MultiPolygon (((5.94217770949687019 51.76331464201440014, 5.94685236289912833 51.76042179865125803, 5.94683380651372229 51.75674291016883188, 5.94493604159363365 51.7554130215341246, 5.94431925789051974 51.75582208340500756, 5.94508931001283258 51.75630172793353267, 5.94343387447404847 51.75777599552944963, 5.94165028002252171 51.75738991485924601, 5.93655242259251636 51.75391401447255646, 5.93559472451688741 51.75466796408989012, 5.93429847667470423 51.75965487812440102, 5.94217770949687019 51.76331464201440014, 5.94217770949687019 51.76331464201440014)))</t>
  </si>
  <si>
    <t>MultiPolygon (((5.90802409270479334 51.83052171469569203, 5.90900789833979267 51.83231047514871648, 5.91382372015193702 51.83138784054194304, 5.91548561366850212 51.8302333445218153, 5.91568566397430384 51.82877753490602402, 5.91732453533224589 51.82712850431714457, 5.91920577419356331 51.82738889004534855, 5.92030766098542394 51.82666138062974426, 5.91975864545483255 51.82503940490591532, 5.92164720470974615 51.82228688004936856, 5.92590966942045494 51.8234150032285541, 5.9288214062120721 51.82158482346790151, 5.93234585021846961 51.82160838005638936, 5.93492237938471323 51.81848681131553036, 5.93866141312362572 51.81895947441826422, 5.94203274052740227 51.82275233814895188, 5.94337540102028594 51.82301026141320932, 5.95714039034070986 51.81633890752583227, 5.95567624370021953 51.81546943010586403, 5.95478878749379081 51.81590716503067995, 5.95284687642254262 51.81478960500065511, 5.95067220439054978 51.81623748586645206, 5.94962785227259872 51.81544504230535608, 5.94807794792093159 51.81644618427586124, 5.94592667741130487 51.81511113424355131, 5.94702760327789992 51.81438605455268487, 5.94656988780862061 51.81347991772297235, 5.94942188958960294 51.81244306949197664, 5.94797786418512153 51.81137137321896802, 5.95114454975340124 51.81056023244956776, 5.95044768515955802 51.80945723639740663, 5.94863627215309609 51.80930111605506028, 5.94554308417496724 51.80520587904289442, 5.94245067001999949 51.80551064938188688, 5.93862899012804579 51.80462427860790342, 5.93838471409161528 51.80333813917717123, 5.92926929590327489 51.8036253759884957, 5.92984238480760961 51.80182330653417466, 5.92866841677477741 51.80057482009318903, 5.92414067806225475 51.7997507951942282, 5.92065088331323608 51.79987354209514905, 5.9216616956558461 51.80010117595664809, 5.92061113954088558 51.80236052184721274, 5.91484473680448364 51.80541891227970552, 5.91071120373818104 51.80460782650802543, 5.90880066055057362 51.80554345709454367, 5.90821325905296302 51.80668338801800132, 5.91193697304243937 51.8086551054178841, 5.91116306256484236 51.80976921611630814, 5.90202061706455261 51.80966865482255201, 5.89891781423428707 51.8114334686001925, 5.89778724649305452 51.81267315863525624, 5.89745851967462009 51.81490235909035391, 5.89899023694990809 51.81830039432455237, 5.89861377327932157 51.82055338172696679, 5.89359458568729444 51.82133701407556003, 5.89233919225260827 51.82389395975146584, 5.89909530775547175 51.82461580757384922, 5.9003334170180386 51.82572439542104803, 5.90489243015972853 51.82577262807829044, 5.91050596385853577 51.82315847516066754, 5.91437581675200263 51.82377049705223016, 5.91482291473836863 51.82471116479176487, 5.91316408506866686 51.8271142659149362, 5.90802409270479334 51.83052171469569203, 5.90802409270479334 51.83052171469569203),(5.92106164780966715 51.82107513198223359, 5.91846889516123298 51.82114392163894934, 5.91551667451111651 51.81950168009421276, 5.91820329194211769 51.81486337738521541, 5.92156511745852665 51.81399068343191061, 5.9254455069731744 51.81511357798979844, 5.92697510883617529 51.81998544262385309, 5.92106164780966715 51.82107513198223359, 5.92106164780966715 51.82107513198223359)))</t>
  </si>
  <si>
    <t>MultiPolygon (((5.92106164780966715 51.82107513198223359, 5.92697510883617529 51.81998544262385309, 5.9254455069731744 51.81511357798979844, 5.92156511745852665 51.81399068343191061, 5.91820329194211769 51.81486337738521541, 5.91551667451111651 51.81950168009421276, 5.91846889516123298 51.82114392163894934, 5.92106164780966715 51.82107513198223359, 5.92106164780966715 51.82107513198223359)))</t>
  </si>
  <si>
    <t>MultiPolygon (((5.90824944409841013 51.82935302883197437, 5.90802409270479334 51.83052171469569203, 5.91316408506866686 51.8271142659149362, 5.91482291473836863 51.82471116479176487, 5.91437581675200263 51.82377049705223016, 5.91050596385853577 51.82315847516066754, 5.90489243015972853 51.82577262807829044, 5.9003334170180386 51.82572439542104803, 5.9014318242017767 51.82738811819546498, 5.90530362063577918 51.82745051474815767, 5.90824944409841013 51.82935302883197437, 5.90824944409841013 51.82935302883197437)))</t>
  </si>
  <si>
    <t>MultiPolygon (((5.90006942121586775 51.83900868806375684, 5.90380656733975773 51.84052634343210286, 5.90893376708363327 51.84086773775732837, 5.91612397577183735 51.84010285883506697, 5.92114024955125284 51.83767762708556148, 5.9351678255644762 51.83574272351206247, 5.94614397663755945 51.83278317754267306, 5.95005947812867397 51.83306887495486848, 5.96042052302591685 51.83739509959928426, 5.96290306578759033 51.83685996537524687, 5.94504470900639603 51.82354402009364236, 5.94402727192755709 51.82290862677000121, 5.94179454920334482 51.82422996374325663, 5.93665397342088852 51.82865787383634171, 5.93294247317362533 51.83085057244918659, 5.92556536134076239 51.83320690760572802, 5.91351191009068256 51.83398215550760568, 5.91119957271492336 51.83487921467520465, 5.91233449964697488 51.83637894489030629, 5.90006942121586775 51.83900868806375684, 5.90006942121586775 51.83900868806375684)))</t>
  </si>
  <si>
    <t>MultiPolygon (((5.91119957271492336 51.83487921467520465, 5.91351191009068256 51.83398215550760568, 5.92556536134076239 51.83320690760572802, 5.92337208823918537 51.83035737330993697, 5.91920577419356331 51.82738889004534855, 5.91732453533224589 51.82712850431714457, 5.91568566397430384 51.82877753490602402, 5.91548561366850212 51.8302333445218153, 5.91382372015193702 51.83138784054194304, 5.90900789833979267 51.83231047514871648, 5.91119957271492336 51.83487921467520465, 5.91119957271492336 51.83487921467520465)))</t>
  </si>
  <si>
    <t>MultiPolygon (((5.92590966942045494 51.8234150032285541, 5.92798187730615478 51.82685065636420063, 5.93294247317362533 51.83085057244918659, 5.93665397342088852 51.82865787383634171, 5.94179454920334482 51.82422996374325663, 5.94402727192755709 51.82290862677000121, 5.94504470900639603 51.82354402009364236, 5.95815080191607915 51.81693129259990371, 5.95714039034070986 51.81633890752583227, 5.94337540102028594 51.82301026141320932, 5.94203274052740227 51.82275233814895188, 5.93866141312362572 51.81895947441826422, 5.93492237938471323 51.81848681131553036, 5.93234585021846961 51.82160838005638936, 5.9288214062120721 51.82158482346790151, 5.92590966942045494 51.8234150032285541, 5.92590966942045494 51.8234150032285541)))</t>
  </si>
  <si>
    <t>MultiPolygon (((5.92556536134076239 51.83320690760572802, 5.93294247317362533 51.83085057244918659, 5.92798187730615478 51.82685065636420063, 5.92590966942045494 51.8234150032285541, 5.92164720470974615 51.82228688004936856, 5.91975864545483255 51.82503940490591532, 5.92030766098542394 51.82666138062974426, 5.91920577419356331 51.82738889004534855, 5.92337208823918537 51.83035737330993697, 5.92556536134076239 51.83320690760572802, 5.92556536134076239 51.83320690760572802)))</t>
  </si>
  <si>
    <t>MultiPolygon (((5.14393411661384992 52.2895643707116804, 5.14983002500419751 52.28817126770919543, 5.15004949004558643 52.28809381111315702, 5.1491183041021733 52.28763272335582712, 5.14778159511070221 52.28355211396525704, 5.14408786960178155 52.28581960454767597, 5.14279559798859776 52.28549787532883641, 5.14393411661384992 52.2895643707116804, 5.14393411661384992 52.2895643707116804)))</t>
  </si>
  <si>
    <t>MultiPolygon (((5.14746165981577075 52.2923569302566591, 5.15139260506345309 52.28966298268035473, 5.14983002500419751 52.28817126770919543, 5.14393411661384992 52.2895643707116804, 5.14746165981577075 52.2923569302566591, 5.14746165981577075 52.2923569302566591)))</t>
  </si>
  <si>
    <t>MultiPolygon (((5.14746165981577075 52.2923569302566591, 5.1541398898602484 52.29344234363601629, 5.15345164054386817 52.29191868691066958, 5.15682957623469829 52.29089059988712052, 5.15187438555894861 52.29026631044244766, 5.15141157478831602 52.28965590759408144, 5.15139260506345309 52.28966298268035473, 5.14746165981577075 52.2923569302566591, 5.14746165981577075 52.2923569302566591)))</t>
  </si>
  <si>
    <t>MultiPolygon (((5.14245368264225888 52.31009995978340754, 5.14455657374182618 52.30602049773164453, 5.13733820049621848 52.30581223857961959, 5.1335340185984597 52.3072242042711153, 5.14134960792554985 52.30926293733885046, 5.14245368264225888 52.31009995978340754, 5.14245368264225888 52.31009995978340754)))</t>
  </si>
  <si>
    <t>MultiPolygon (((5.18998731022849658 52.27909864351611446, 5.18470282454235942 52.27800968371148116, 5.18466683063234957 52.27805644648518779, 5.18318888089691843 52.28008347858982319, 5.17815099055773143 52.28372110096216119, 5.17765620919759684 52.28423479192795043, 5.18588836165175859 52.2842264080442547, 5.19213739595335433 52.2841156999712382, 5.19466217218914483 52.28347855983339798, 5.19434740477166734 52.28242847106545099, 5.19501975006848316 52.28092317961856139, 5.18998731022849658 52.27909864351611446, 5.18998731022849658 52.27909864351611446)))</t>
  </si>
  <si>
    <t>MultiPolygon (((5.10056691691623598 52.31029639946642362, 5.10793896306002626 52.30347676105032662, 5.12067506655601434 52.30988186272578844, 5.13134930727434124 52.30646453100113291, 5.13505358614117835 52.30582424478901515, 5.13696694288518341 52.30481634532941371, 5.14194521421807416 52.29964450356929717, 5.14746165981577075 52.2923569302566591, 5.14393411661384992 52.2895643707116804, 5.14279559798859776 52.28549787532883641, 5.14263395340546126 52.28487581970981068, 5.14163615669665841 52.28236311090254418, 5.13690689425810287 52.27857850792442918, 5.13440535469362125 52.27781641735652585, 5.13309972697487193 52.27865937722457801, 5.13098229056826494 52.27836744294801008, 5.12539597076808118 52.27878518318300394, 5.12180017300800827 52.28172180366897237, 5.11184557459194444 52.28341675193553328, 5.10781599682825771 52.28533167193759823, 5.10464601530970441 52.28538466483074387, 5.09871499744180312 52.29057370352468581, 5.09847354166337041 52.29163615027363932, 5.09935398160205633 52.29280350460432203, 5.10291868034794938 52.29446770528972621, 5.10606506037980346 52.29466848868185025, 5.10767436076006209 52.29729161009608873, 5.10626632691548021 52.29833605660144968, 5.10197181968458668 52.29780419410383274, 5.09894353111108334 52.29869662561364407, 5.09679369269149518 52.30043666122140422, 5.09577100236725222 52.30376174861906691, 5.09648274749694341 52.30729259588536451, 5.10056691691623598 52.31029639946642362, 5.10056691691623598 52.31029639946642362)))</t>
  </si>
  <si>
    <t>MultiPolygon (((5.23008052060349904 52.30292443448094986, 5.22913441216350439 52.3028030631022105, 5.22956071193401684 52.30172389400907207, 5.22717364908088111 52.30116685832304313, 5.21948022973496251 52.29915711556059676, 5.21412656137656061 52.29849803337030778, 5.2117595270256869 52.3000952753719659, 5.21048943057172931 52.30186068369696528, 5.20901001220648929 52.3020203249794946, 5.20872169950820574 52.30025737387646956, 5.20224628769860331 52.29971821947409438, 5.19779807060435139 52.3003345495184675, 5.19585519927617501 52.29925024678033907, 5.19499164937055191 52.29710737090048411, 5.19591712865504451 52.29507667519681036, 5.188208670592517 52.29254760559685167, 5.18766253928440602 52.29295557348611112, 5.18716388625510394 52.29263749161769681, 5.19237947461422333 52.29032929306784894, 5.19323218047006741 52.28822297288824217, 5.19034176989250451 52.28715042417300651, 5.1863476848633292 52.28443390688762094, 5.18336058537511413 52.28502985273753723, 5.18262190001080114 52.28870737156523774, 5.17577761462349883 52.29664330060943911, 5.17075266360408392 52.29656568311268927, 5.16885007070135227 52.29920205053768001, 5.16552910187413694 52.3010922842355015, 5.16254648076293332 52.30093190092826205, 5.15881545980679146 52.29922074227153672, 5.15707863776026088 52.30140335909180038, 5.15098618430908761 52.30515889211076086, 5.15084219271026988 52.3060430523698372, 5.15904043243558252 52.3056429002998442, 5.16386414596097509 52.30448004882383373, 5.16558047475559157 52.30495774894102112, 5.17380304661032042 52.30399599905195629, 5.18118011746237173 52.30506268144347359, 5.18353119889754499 52.30590163650199287, 5.18469688418457597 52.30729106719901012, 5.19649092725256789 52.30899419645826498, 5.22848845093318637 52.31125397490764328, 5.23035243522094273 52.30544693672770507, 5.23008052060349904 52.30292443448094986)),((5.13343524612602842 52.32764530462343799, 5.13701713588054965 52.32543909666969739, 5.13832433834136193 52.32590170210215774, 5.13882256417417782 52.32551852253057945, 5.13770923573572791 52.32494749233362796, 5.14457786124231653 52.31739325171140109, 5.15130396611106089 52.31245163507233542, 5.14919556660935474 52.31209662498726942, 5.14607537535171922 52.31284190501246201, 5.14201237371017861 52.31060348047117259, 5.14245368264225888 52.31009995978340754, 5.14134960792554985 52.30926293733885046, 5.1335340185984597 52.3072242042711153, 5.13733820049621848 52.30581223857961959, 5.13505358614117835 52.30582424478901515, 5.13134930727434124 52.30646453100113291, 5.12067506655601434 52.30988186272578844, 5.12275244308409583 52.31104919719582824, 5.11256134406313922 52.31480103719852082, 5.11449799308144382 52.31600345300102362, 5.12350990558673658 52.32171837458027142, 5.12379007381485341 52.32186262367419971, 5.12795204426635376 52.32450340385059917, 5.12937162280445147 52.32540196084783446, 5.13343524612602842 52.32764530462343799, 5.13343524612602842 52.32764530462343799)))</t>
  </si>
  <si>
    <t>MultiPolygon (((5.19568315616099508 52.28476537417373038, 5.19380286342577424 52.2855278908992176, 5.19213739595335433 52.2841156999712382, 5.18588836165175859 52.2842264080442547, 5.1863476848633292 52.28443390688762094, 5.19034176989250451 52.28715042417300651, 5.19323218047006741 52.28822297288824217, 5.19538335700325948 52.28858077757143263, 5.19568315616099508 52.28476537417373038)))</t>
  </si>
  <si>
    <t>MultiPolygon (((5.16052123853245259 52.28723073389858911, 5.16150943187143341 52.28717420308315411, 5.1674639395363906 52.28753509360978313, 5.17127847804679064 52.28898661462120145, 5.17765620919759684 52.28423479192795043, 5.17815099055773143 52.28372110096216119, 5.17529155424587817 52.2827693948000416, 5.16711079469301282 52.28116955438974855, 5.16492645988848853 52.28502185720699202, 5.16212773102730793 52.28497162541574284, 5.1621248017772432 52.28283514731041492, 5.16052123853245259 52.28723073389858911, 5.16052123853245259 52.28723073389858911)))</t>
  </si>
  <si>
    <t>MultiPolygon (((5.16072082146041922 52.29093968281347315, 5.1673402447934027 52.29208265920166809, 5.17028456896456046 52.29382553530992084, 5.17075266360408392 52.29656568311268927, 5.17577761462349883 52.29664330060943911, 5.18262190001080114 52.28870737156523774, 5.18336058537511413 52.28502985273753723, 5.1863476848633292 52.28443390688762094, 5.18588836165175859 52.2842264080442547, 5.17765620919759684 52.28423479192795043, 5.17127847804679064 52.28898661462120145, 5.1674639395363906 52.28753509360978313, 5.16150943187143341 52.28717420308315411, 5.16068852054604132 52.28837811506366506, 5.16176199167837346 52.28939381392094532, 5.16072082146041922 52.29093968281347315, 5.16072082146041922 52.29093968281347315)))</t>
  </si>
  <si>
    <t>MultiPolygon (((5.15491410235258307 52.28522569871969239, 5.15650716938599718 52.28221997881816208, 5.15036413493377676 52.28060731159487062, 5.14753804529715264 52.27881826464467707, 5.14418089914922305 52.27954039534357378, 5.14689687400530183 52.282002326324438, 5.1467142817516125 52.28292403608131167, 5.14263395340546126 52.28487581970981068, 5.14279559798859776 52.28549787532883641, 5.14408786960178155 52.28581960454767597, 5.14778159511070221 52.28355211396525704, 5.1491183041021733 52.28763272335582712, 5.15004949004558643 52.28809381111315702, 5.15491410235258307 52.28522569871969239, 5.15491410235258307 52.28522569871969239)))</t>
  </si>
  <si>
    <t>MultiPolygon (((5.15139260506345309 52.28966298268035473, 5.15141157478831602 52.28965590759408144, 5.15661423755623627 52.28776609795009023, 5.16052123853245259 52.28723073389858911, 5.1621248017772432 52.28283514731041492, 5.15650716938599718 52.28221997881816208, 5.15491410235258307 52.28522569871969239, 5.15004949004558643 52.28809381111315702, 5.14983002500419751 52.28817126770919543, 5.15139260506345309 52.28966298268035473, 5.15139260506345309 52.28966298268035473)))</t>
  </si>
  <si>
    <t>MultiPolygon (((5.1541398898602484 52.29344234363601629, 5.15563992908721858 52.29359807988819142, 5.15535975710769545 52.29251198255558108, 5.15885670804060137 52.29029516029009983, 5.16072082146041922 52.29093968281347315, 5.16176199167837346 52.28939381392094532, 5.16068852054604132 52.28837811506366506, 5.16150943187143341 52.28717420308315411, 5.16052123853245259 52.28723073389858911, 5.15661423755623627 52.28776609795009023, 5.15141157478831602 52.28965590759408144, 5.15187438555894861 52.29026631044244766, 5.15682957623469829 52.29089059988712052, 5.15345164054386817 52.29191868691066958, 5.1541398898602484 52.29344234363601629, 5.1541398898602484 52.29344234363601629)))</t>
  </si>
  <si>
    <t>MultiPolygon (((5.14455657374182618 52.30602049773164453, 5.15084219271026988 52.3060430523698372, 5.15098618430908761 52.30515889211076086, 5.15707863776026088 52.30140335909180038, 5.15881545980679146 52.29922074227153672, 5.15785358394103799 52.29838498879495035, 5.13733820049621848 52.30581223857961959, 5.14455657374182618 52.30602049773164453, 5.14455657374182618 52.30602049773164453)))</t>
  </si>
  <si>
    <t>MultiPolygon (((5.14245368264225888 52.31009995978340754, 5.14201237371017861 52.31060348047117259, 5.14607537535171922 52.31284190501246201, 5.14919556660935474 52.31209662498726942, 5.15130396611106089 52.31245163507233542, 5.1494966989083828 52.31195961233515845, 5.14611060114592789 52.31276426010760616, 5.14361915810105685 52.31088189113510367, 5.14656050344701566 52.30932270879958423, 5.14990117302045913 52.31008794430757547, 5.15017575249586468 52.31143308608167786, 5.15261355373272512 52.31182999837769643, 5.15961322121637256 52.30827622697122337, 5.16150474117506963 52.3064179514716443, 5.16558047475559157 52.30495774894102112, 5.16386414596097509 52.30448004882383373, 5.15904043243558252 52.3056429002998442, 5.15084219271026988 52.3060430523698372, 5.14455657374182618 52.30602049773164453, 5.14245368264225888 52.31009995978340754, 5.14245368264225888 52.31009995978340754)))</t>
  </si>
  <si>
    <t>MultiPolygon (((5.13505358614117835 52.30582424478901515, 5.13733820049621848 52.30581223857961959, 5.15785358394103799 52.29838498879495035, 5.15510740776518972 52.29592766870641185, 5.15483787359667023 52.29451522263913432, 5.15563992908721858 52.29359807988819142, 5.1541398898602484 52.29344234363601629, 5.14746165981577075 52.2923569302566591, 5.14194521421807416 52.29964450356929717, 5.13696694288518341 52.30481634532941371, 5.13505358614117835 52.30582424478901515, 5.13505358614117835 52.30582424478901515)))</t>
  </si>
  <si>
    <t>MultiPolygon (((5.15785358394103799 52.29838498879495035, 5.15881545980679146 52.29922074227153672, 5.16254648076293332 52.30093190092826205, 5.16552910187413694 52.3010922842355015, 5.16885007070135227 52.29920205053768001, 5.17075266360408392 52.29656568311268927, 5.17028456896456046 52.29382553530992084, 5.1673402447934027 52.29208265920166809, 5.16072082146041922 52.29093968281347315, 5.15885670804060137 52.29029516029009983, 5.15535975710769545 52.29251198255558108, 5.15563992908721858 52.29359807988819142, 5.15483787359667023 52.29451522263913432, 5.15510740776518972 52.29592766870641185, 5.15785358394103799 52.29838498879495035, 5.15785358394103799 52.29838498879495035)))</t>
  </si>
  <si>
    <t>MultiPolygon (((5.09363908938108079 52.33876086401581773, 5.09948112865701475 52.33609931397176496, 5.107571808027358 52.33118613235908612, 5.10900410263564009 52.33203770843952185, 5.10991739083394059 52.33112940199879404, 5.1078929120013612 52.33016683418023973, 5.10286118360751662 52.32398283438926256, 5.11449799308144382 52.31600345300102362, 5.11256134406313922 52.31480103719852082, 5.12275244308409583 52.31104919719582824, 5.12067506655601434 52.30988186272578844, 5.10793896306002626 52.30347676105032662, 5.10056691691623598 52.31029639946642362, 5.09210689914804426 52.31302333748342903, 5.09307665840599988 52.31415028661428579, 5.09165314990879025 52.31464394911094473, 5.07751446775009629 52.31817710871825255, 5.06950842873614604 52.32179335719237656, 5.06468690437674152 52.32200593294538749, 5.06372747874916573 52.3239425401831042, 5.06529685801406426 52.32632743844288115, 5.06847066838079829 52.32552113890623957, 5.07434685707533628 52.32389403488235757, 5.07570019813609719 52.32513916956303035, 5.07442729953173632 52.32626503459721334, 5.07595917789969864 52.32825871063022305, 5.07190112287404027 52.32909523286731002, 5.07440020494597199 52.33441596390964179, 5.07019194898068637 52.3354923856401868, 5.06982046371659312 52.33747806637145317, 5.07096849101392344 52.33733228960966954, 5.07759490961206073 52.3398012251624678, 5.09363908938108079 52.33876086401581773, 5.09363908938108079 52.33876086401581773)))</t>
  </si>
  <si>
    <t>MultiPolygon (((5.07963602872623721 52.3444645721161308, 5.08077259044348484 52.34567205688175306, 5.08283456356730934 52.34601196743079754, 5.07963602872623721 52.3444645721161308, 5.07963602872623721 52.3444645721161308)),((5.10578429812329837 52.34596692791101447, 5.10979851315310185 52.34368298878808901, 5.10747790139457081 52.34395342963827602, 5.10032867733968409 52.3472026480338144, 5.10578429812329837 52.34596692791101447, 5.10578429812329837 52.34596692791101447)),((5.06927313281961478 52.36415709486517756, 5.06769875737449915 52.36457810654395217, 5.06809681824530145 52.36539299073100295, 5.07013702818393597 52.36511046951270032, 5.06927313281961478 52.36415709486517756, 5.06927313281961478 52.36415709486517756)))</t>
  </si>
  <si>
    <t>MultiPolygon (((5.0399816857207842 52.33495137954673737, 5.03762133263526746 52.33459633025491087, 5.03698159581929961 52.33767198254501807, 5.03908111611569787 52.33762675692526756, 5.0417714457613716 52.33630281615547375, 5.0399816857207842 52.33495137954673737, 5.0399816857207842 52.33495137954673737)),((5.03214944375198403 52.33353629229104342, 5.03638698139658914 52.33347853757536683, 5.0430832664306573 52.33562383394271222, 5.04458121621154465 52.33532181069583089, 5.04440088381500473 52.3321786357564136, 5.05311569134331062 52.33019031204485572, 5.06433384799945863 52.32656429514785401, 5.06529685801406426 52.32632743844288115, 5.06372747874916573 52.3239425401831042, 5.06468690437674152 52.32200593294538749, 5.06572087746510569 52.32048161667150765, 5.06525945598070848 52.31918151992251609, 5.0625361729999927 52.31764202290396071, 5.0583400307026487 52.31631729280044141, 5.05803485505640182 52.31668325942550979, 5.05909286284178439 52.31705231310331783, 5.05674179105006338 52.31959943448244843, 5.06146842472768288 52.3217470968480427, 5.06151356602789981 52.32367471757081034, 5.04906640351230163 52.32699160252472836, 5.04559479451679316 52.32676778726175115, 5.04439502876447587 52.32714885717125952, 5.04480136077654517 52.32747323175060217, 5.04395229058988903 52.32796018897007428, 5.03969813813557543 52.32904645821781742, 5.02861883495364648 52.33079092396224041, 5.02158736357608326 52.33086233328529602, 5.01727329057551685 52.3301867111144432, 5.01842400479279327 52.32433890966877499, 5.01793284589400734 52.32319233820786764, 5.01665325360782255 52.3229868959073201, 5.01613367957845213 52.32451212164971821, 5.01279385343383055 52.33020742406342407, 5.01445011703915533 52.33143131839825202, 5.0149923143089028 52.33177646009949768, 5.01846255102659455 52.33407442859564895, 5.02534357355577921 52.33704901073985383, 5.02754103735203639 52.33773620929905235, 5.03011688199665929 52.33651791086515459, 5.02941786070366081 52.33516901009604538, 5.03214944375198403 52.33353629229104342, 5.03214944375198403 52.33353629229104342)))</t>
  </si>
  <si>
    <t>MultiPolygon (((5.12795204426635376 52.32450340385059917, 5.12379007381485341 52.32186262367419971, 5.12350990558673658 52.32171837458027142, 5.11984976868166353 52.32472909029963404, 5.12398236139110885 52.32759278652161328, 5.12795204426635376 52.32450340385059917, 5.12795204426635376 52.32450340385059917)))</t>
  </si>
  <si>
    <t>MultiPolygon (((5.06847066838079829 52.32552113890623957, 5.07181917278770733 52.32869743368290472, 5.07190112287404027 52.32909523286731002, 5.07595917789969864 52.32825871063022305, 5.07442729953173632 52.32626503459721334, 5.07570019813609719 52.32513916956303035, 5.07434685707533628 52.32389403488235757, 5.06847066838079829 52.32552113890623957, 5.06847066838079829 52.32552113890623957)))</t>
  </si>
  <si>
    <t>MultiPolygon (((5.10991739083394059 52.33112940199879404, 5.11108263233026694 52.32996403998709667, 5.12346638374450514 52.32932641988445965, 5.12937162280445147 52.32540196084783446, 5.12795204426635376 52.32450340385059917, 5.12398236139110885 52.32759278652161328, 5.11984976868166353 52.32472909029963404, 5.12350990558673658 52.32171837458027142, 5.11449799308144382 52.31600345300102362, 5.10286118360751662 52.32398283438926256, 5.1078929120013612 52.33016683418023973, 5.10991739083394059 52.33112940199879404, 5.10991739083394059 52.33112940199879404)))</t>
  </si>
  <si>
    <t>MultiPolygon (((5.04458121621154465 52.33532181069583089, 5.05550344112808681 52.3377794953825628, 5.06047974244690568 52.33775272389100053, 5.06709448166993948 52.33668385062414785, 5.0676569703651575 52.33282426082467254, 5.06527436775359785 52.32715190050880238, 5.06433384799945863 52.32656429514785401, 5.05311569134331062 52.33019031204485572, 5.04440088381500473 52.3321786357564136, 5.04458121621154465 52.33532181069583089, 5.04458121621154465 52.33532181069583089)))</t>
  </si>
  <si>
    <t>MultiPolygon (((5.06709448166993948 52.33668385062414785, 5.06846275646252664 52.33719464475294814, 5.06855205431355049 52.33408453510627822, 5.06982509493369893 52.33328597305142438, 5.07077508440494817 52.3336387671060379, 5.0698548974853459 52.33459860838170385, 5.07019194898068637 52.3354923856401868, 5.07440020494597199 52.33441596390964179, 5.07190112287404027 52.32909523286731002, 5.07181917278770733 52.32869743368290472, 5.06847066838079829 52.32552113890623957, 5.06529685801406426 52.32632743844288115, 5.06433384799945863 52.32656429514785401, 5.06527436775359785 52.32715190050880238, 5.0676569703651575 52.33282426082467254, 5.06709448166993948 52.33668385062414785, 5.06709448166993948 52.33668385062414785)))</t>
  </si>
  <si>
    <t>MultiPolygon (((5.14395737434919997 52.27053536631996167, 5.14793904579958284 52.26870829390747986, 5.14905385909703384 52.26874284274845905, 5.15130375840149313 52.26740564588741478, 5.15214018722970923 52.26601223977666422, 5.15641229221148567 52.26537802844835312, 5.15718100690365944 52.26460404957634154, 5.16126521770561197 52.26397098247075945, 5.16316173379994758 52.26524186813590234, 5.16594705194184112 52.25770620147967804, 5.16212883770806918 52.25579579964329469, 5.14138986875657 52.25922061820077857, 5.14134891888398382 52.25967369775906946, 5.13760932865830089 52.25960390067429984, 5.13772369688320651 52.26306357110861711, 5.14033857120737192 52.26483520496457658, 5.14395737434919997 52.27053536631996167, 5.14395737434919997 52.27053536631996167)))</t>
  </si>
  <si>
    <t>MultiPolygon (((5.15869953338481491 52.27095854383922813, 5.16074867378872248 52.27107230428140383, 5.16130651468481982 52.26999568061721391, 5.16269566148081793 52.26643383065517412, 5.16316173379994758 52.26524186813590234, 5.16126521770561197 52.26397098247075945, 5.15718100690365944 52.26460404957634154, 5.15641229221148567 52.26537802844835312, 5.15717998630886143 52.26774868154757314, 5.15851475489390143 52.26860646809925726, 5.15869953338481491 52.27095854383922813, 5.15869953338481491 52.27095854383922813)))</t>
  </si>
  <si>
    <t>MultiPolygon (((5.15434108419043024 52.27181034005740656, 5.15537104172145888 52.27096751298207522, 5.15869953338481491 52.27095854383922813, 5.15851475489390143 52.26860646809925726, 5.15717998630886143 52.26774868154757314, 5.15641229221148567 52.26537802844835312, 5.15214018722970923 52.26601223977666422, 5.15130375840149313 52.26740564588741478, 5.14905385909703384 52.26874284274845905, 5.14793904579958284 52.26870829390747986, 5.15434108419043024 52.27181034005740656, 5.15434108419043024 52.27181034005740656)))</t>
  </si>
  <si>
    <t>MultiPolygon (((5.15434108419043024 52.27181034005740656, 5.14793904579958284 52.26870829390747986, 5.14395737434919997 52.27053536631996167, 5.14389522981230307 52.27290918223676641, 5.15386314675117152 52.27354740818236678, 5.15434108419043024 52.27181034005740656, 5.15434108419043024 52.27181034005740656)))</t>
  </si>
  <si>
    <t>MultiPolygon (((5.15386314675117152 52.27354740818236678, 5.14389522981230307 52.27290918223676641, 5.143945676425143 52.27430124833072256, 5.14166626301171004 52.2751924387556528, 5.14327895124560985 52.27667694222201078, 5.14129679773251524 52.27744597413192906, 5.1436603113571433 52.27971048745014571, 5.14418089914922305 52.27954039534357378, 5.14753804529715264 52.27881826464467707, 5.15453685784812432 52.27692476431210622, 5.15468932652165801 52.27412256735495077, 5.15386314675117152 52.27354740818236678, 5.15386314675117152 52.27354740818236678)))</t>
  </si>
  <si>
    <t>MultiPolygon (((5.15453685784812432 52.27692476431210622, 5.15806021538240866 52.27846405719726874, 5.15933334211495698 52.27539719610970792, 5.15929299084169912 52.27469326399139504, 5.15468932652165801 52.27412256735495077, 5.15453685784812432 52.27692476431210622, 5.15453685784812432 52.27692476431210622)))</t>
  </si>
  <si>
    <t>MultiPolygon (((5.15650716938599718 52.28221997881816208, 5.15779172779909967 52.27911514838631746, 5.15806021538240866 52.27846405719726874, 5.15453685784812432 52.27692476431210622, 5.14753804529715264 52.27881826464467707, 5.15036413493377676 52.28060731159487062, 5.15650716938599718 52.28221997881816208, 5.15650716938599718 52.28221997881816208)))</t>
  </si>
  <si>
    <t>MultiPolygon (((5.16269566148081793 52.26643383065517412, 5.16866023130512797 52.26716486909306525, 5.17388413918288759 52.26167779891076037, 5.16594705194184112 52.25770620147967804, 5.16316173379994758 52.26524186813590234, 5.16269566148081793 52.26643383065517412, 5.16269566148081793 52.26643383065517412)))</t>
  </si>
  <si>
    <t>MultiPolygon (((5.16866023130512797 52.26716486909306525, 5.17387114840030637 52.26772179520712314, 5.17400581426545347 52.26555598324482332, 5.17693905463927884 52.26288645397563215, 5.17388413918288759 52.26167779891076037, 5.16866023130512797 52.26716486909306525, 5.16866023130512797 52.26716486909306525)))</t>
  </si>
  <si>
    <t>MultiPolygon (((5.18313135924171497 52.26460315721115535, 5.17693905463927884 52.26288645397563215, 5.17400581426545347 52.26555598324482332, 5.17387114840030637 52.26772179520712314, 5.17665334804549992 52.26831885077689321, 5.1812658995124572 52.26907576626327767, 5.18152490754982598 52.26850633574080263, 5.18313135924171497 52.26460315721115535, 5.18313135924171497 52.26460315721115535)))</t>
  </si>
  <si>
    <t>MultiPolygon (((5.18152490754982598 52.26850633574080263, 5.18796244673889717 52.26864150042004553, 5.19622284171823612 52.27089293616232624, 5.20111709526025301 52.26813994518961692, 5.19351306330899654 52.26637124810836355, 5.18313925876523385 52.26396920269581869, 5.18313135924171497 52.26460315721115535, 5.18152490754982598 52.26850633574080263, 5.18152490754982598 52.26850633574080263)))</t>
  </si>
  <si>
    <t>MultiPolygon (((5.19117987482140464 52.27374243548941735, 5.19622284171823612 52.27089293616232624, 5.18796244673889717 52.26864150042004553, 5.18152490754982598 52.26850633574080263, 5.1812658995124572 52.26907576626327767, 5.18438590095240581 52.27007964318671895, 5.19117987482140464 52.27374243548941735, 5.19117987482140464 52.27374243548941735)))</t>
  </si>
  <si>
    <t>MultiPolygon (((5.18438590095240581 52.27007964318671895, 5.1812658995124572 52.26907576626327767, 5.17877251104218228 52.27096248141589996, 5.18222078707207601 52.27262927807648651, 5.18445627314087165 52.27397876816679201, 5.18759827230353032 52.27524438029276865, 5.19117987482140464 52.27374243548941735, 5.18438590095240581 52.27007964318671895, 5.18438590095240581 52.27007964318671895)))</t>
  </si>
  <si>
    <t>MultiPolygon (((5.18466683063234957 52.27805644648518779, 5.18470282454235942 52.27800968371148116, 5.18759827230353032 52.27524438029276865, 5.18445627314087165 52.27397876816679201, 5.1807970974822064 52.27697435062891884, 5.18466683063234957 52.27805644648518779, 5.18466683063234957 52.27805644648518779)))</t>
  </si>
  <si>
    <t>MultiPolygon (((5.17804268680686786 52.27662151681789027, 5.1807970974822064 52.27697435062891884, 5.18445627314087165 52.27397876816679201, 5.18222078707207601 52.27262927807648651, 5.17804268680686786 52.27662151681789027, 5.17804268680686786 52.27662151681789027)))</t>
  </si>
  <si>
    <t>MultiPolygon (((5.17443143444163134 52.27558794375926965, 5.17804268680686786 52.27662151681789027, 5.18222078707207601 52.27262927807648651, 5.17877251104218228 52.27096248141589996, 5.17591884150038872 52.27337316032289039, 5.17443143444163134 52.27558794375926965, 5.17443143444163134 52.27558794375926965)))</t>
  </si>
  <si>
    <t>MultiPolygon (((5.17249987429968439 52.27202698394343372, 5.17591884150038872 52.27337316032289039, 5.17877251104218228 52.27096248141589996, 5.1812658995124572 52.26907576626327767, 5.17665334804549992 52.26831885077689321, 5.17538008612326017 52.26959115540230272, 5.17249987429968439 52.27202698394343372, 5.17249987429968439 52.27202698394343372)))</t>
  </si>
  <si>
    <t>MultiPolygon (((5.17529155424587817 52.2827693948000416, 5.17815099055773143 52.28372110096216119, 5.18318888089691843 52.28008347858982319, 5.18466683063234957 52.27805644648518779, 5.1807970974822064 52.27697435062891884, 5.17804268680686786 52.27662151681789027, 5.17443143444163134 52.27558794375926965, 5.17369402700639025 52.27534759620110805, 5.17338234673120478 52.27617727751270849, 5.17249277104694549 52.27772268393839283, 5.17685289134191517 52.27903627105802542, 5.17516941489032867 52.28085160000293996, 5.17529155424587817 52.2827693948000416, 5.17529155424587817 52.2827693948000416)))</t>
  </si>
  <si>
    <t>MultiPolygon (((5.16711079469301282 52.28116955438974855, 5.17529155424587817 52.2827693948000416, 5.17516941489032867 52.28085160000293996, 5.17685289134191517 52.27903627105802542, 5.17249277104694549 52.27772268393839283, 5.16886316351420838 52.28071794985871179, 5.16728354995193584 52.28089786855724697, 5.16711079469301282 52.28116955438974855, 5.16711079469301282 52.28116955438974855)))</t>
  </si>
  <si>
    <t>MultiPolygon (((5.16466833607487974 52.28033714038954116, 5.16728354995193584 52.28089786855724697, 5.16886316351420838 52.28071794985871179, 5.17249277104694549 52.27772268393839283, 5.17338234673120478 52.27617727751270849, 5.17177788915444392 52.27698929432703778, 5.16871662820725053 52.27624065285576194, 5.16620390748557146 52.27680670729495915, 5.16466833607487974 52.28033714038954116, 5.16466833607487974 52.28033714038954116)))</t>
  </si>
  <si>
    <t>MultiPolygon (((5.1621248017772432 52.28283514731041492, 5.16212773102730793 52.28497162541574284, 5.16492645988848853 52.28502185720699202, 5.16711079469301282 52.28116955438974855, 5.16728354995193584 52.28089786855724697, 5.16466833607487974 52.28033714038954116, 5.16311780183731805 52.28006177170749424, 5.1621248017772432 52.28283514731041492, 5.1621248017772432 52.28283514731041492)))</t>
  </si>
  <si>
    <t>MultiPolygon (((5.15650716938599718 52.28221997881816208, 5.1621248017772432 52.28283514731041492, 5.16311780183731805 52.28006177170749424, 5.15779172779909967 52.27911514838631746, 5.15650716938599718 52.28221997881816208, 5.15650716938599718 52.28221997881816208)))</t>
  </si>
  <si>
    <t>MultiPolygon (((5.15468932652165801 52.27412256735495077, 5.15929299084169912 52.27469326399139504, 5.16074867378872248 52.27107230428140383, 5.15869953338481491 52.27095854383922813, 5.15537104172145888 52.27096751298207522, 5.15434108419043024 52.27181034005740656, 5.15386314675117152 52.27354740818236678, 5.15468932652165801 52.27412256735495077, 5.15468932652165801 52.27412256735495077)))</t>
  </si>
  <si>
    <t>MultiPolygon (((5.165143323132936 52.27205581063274309, 5.16647528874943429 52.27023851343547278, 5.16781112496893336 52.2685375834249939, 5.16866023130512797 52.26716486909306525, 5.16269566148081793 52.26643383065517412, 5.16130651468481982 52.26999568061721391, 5.165143323132936 52.27205581063274309, 5.165143323132936 52.27205581063274309)))</t>
  </si>
  <si>
    <t>MultiPolygon (((5.16781112496893336 52.2685375834249939, 5.1707264418821195 52.2693858408208385, 5.1735413065211846 52.26900897861455775, 5.17538008612326017 52.26959115540230272, 5.17665334804549992 52.26831885077689321, 5.17387114840030637 52.26772179520712314, 5.16866023130512797 52.26716486909306525, 5.16781112496893336 52.2685375834249939, 5.16781112496893336 52.2685375834249939)))</t>
  </si>
  <si>
    <t>MultiPolygon (((5.17069436179588493 52.27151054574865441, 5.17249987429968439 52.27202698394343372, 5.17538008612326017 52.26959115540230272, 5.1735413065211846 52.26900897861455775, 5.1707264418821195 52.2693858408208385, 5.16781112496893336 52.2685375834249939, 5.16647528874943429 52.27023851343547278, 5.17069436179588493 52.27151054574865441, 5.17069436179588493 52.27151054574865441)))</t>
  </si>
  <si>
    <t>MultiPolygon (((5.16648497292613662 52.27391513903494058, 5.16915526872525355 52.2740476061321715, 5.17069436179588493 52.27151054574865441, 5.16647528874943429 52.27023851343547278, 5.165143323132936 52.27205581063274309, 5.16648497292613662 52.27391513903494058, 5.16648497292613662 52.27391513903494058)))</t>
  </si>
  <si>
    <t>MultiPolygon (((5.17369402700639025 52.27534759620110805, 5.17443143444163134 52.27558794375926965, 5.17591884150038872 52.27337316032289039, 5.17249987429968439 52.27202698394343372, 5.17069436179588493 52.27151054574865441, 5.16915526872525355 52.2740476061321715, 5.17369402700639025 52.27534759620110805, 5.17369402700639025 52.27534759620110805)))</t>
  </si>
  <si>
    <t>MultiPolygon (((5.16504870593263998 52.27633549435759619, 5.16620390748557146 52.27680670729495915, 5.16871662820725053 52.27624065285576194, 5.17177788915444392 52.27698929432703778, 5.17338234673120478 52.27617727751270849, 5.17369402700639025 52.27534759620110805, 5.16915526872525355 52.2740476061321715, 5.16648497292613662 52.27391513903494058, 5.16504870593263998 52.27633549435759619, 5.16504870593263998 52.27633549435759619)))</t>
  </si>
  <si>
    <t>MultiPolygon (((5.16311780183731805 52.28006177170749424, 5.16466833607487974 52.28033714038954116, 5.16620390748557146 52.27680670729495915, 5.16504870593263998 52.27633549435759619, 5.15933334211495698 52.27539719610970792, 5.15806021538240866 52.27846405719726874, 5.15779172779909967 52.27911514838631746, 5.16311780183731805 52.28006177170749424, 5.16311780183731805 52.28006177170749424)))</t>
  </si>
  <si>
    <t>MultiPolygon (((5.15933334211495698 52.27539719610970792, 5.16504870593263998 52.27633549435759619, 5.16648497292613662 52.27391513903494058, 5.165143323132936 52.27205581063274309, 5.16130651468481982 52.26999568061721391, 5.16074867378872248 52.27107230428140383, 5.15929299084169912 52.27469326399139504, 5.15933334211495698 52.27539719610970792, 5.15933334211495698 52.27539719610970792)))</t>
  </si>
  <si>
    <t>MultiPolygon (((5.62075060918150449 52.91950356986951221, 5.6388012427943135 52.89522099616890927, 5.6490482938318225 52.88313822204476367, 5.65202757472967221 52.88449654957219792, 5.65322247295079627 52.8807187888090553, 5.64883751370773091 52.87642806097425563, 5.64642320280740773 52.87554464304928814, 5.64332353132278097 52.8730233796438327, 5.64191024524225337 52.86896775287965511, 5.62035742224840984 52.87506879292685369, 5.60146440480689023 52.8822036842546126, 5.59281033571725494 52.88626788143515967, 5.58849240798994895 52.88804649856055562, 5.59046809607247752 52.88825924623110097, 5.59837203333402833 52.89212775116011045, 5.59555303278993765 52.8926585297030627, 5.59314085943705219 52.8938900224789279, 5.59235935052599853 52.8945681030608128, 5.59401523869110839 52.89548488909859714, 5.59851406374406046 52.8934585351907387, 5.60020185056861042 52.8941425469293236, 5.59787925652349205 52.89607386765427322, 5.59707728667867688 52.89589570693850362, 5.59427985155096419 52.90115509229443802, 5.60236727733967221 52.90295716932660497, 5.62075060918150449 52.91950356986951221, 5.62075060918150449 52.91950356986951221)))</t>
  </si>
  <si>
    <t>MultiPolygon (((5.85760313362071372 53.01700828118474362, 5.86612694622838937 52.9997964614275574, 5.87748086067407449 52.99085471395370917, 5.88284112357836975 52.98672298469038822, 5.88607676816893122 52.98402472649424766, 5.8872673832432767 52.98151510175028989, 5.86721520340793656 52.97862167907319275, 5.86632964312351746 52.98100617534186085, 5.85724063335229772 52.98162924136646978, 5.85565597277163263 52.97737973943521439, 5.85090342943329489 52.97778888575209777, 5.8500510341523384 52.97578496810976389, 5.84253325888803587 52.97626614891311903, 5.83807207493381242 52.97750654632456957, 5.84369692567423904 52.98408137278659069, 5.83807607835663678 52.98387383787704152, 5.84176210042118438 52.98858363969100083, 5.83587590306260839 52.99174374588196912, 5.83575402974241264 52.99298299114339983, 5.82712621410290055 52.99225713694031015, 5.83371832985051508 52.99587041358073236, 5.8350005699986216 52.99891098678551771, 5.8420470242488669 53.0034302153338146, 5.84041127560910489 53.00569290524911281, 5.83245290710640862 53.00859107110341029, 5.8290295898084965 53.00821480165746635, 5.82646327513357587 53.01263998106130515, 5.81560160656946845 53.00778692507024203, 5.81543408670701023 53.00603438143847512, 5.81227131563581079 53.00465459055836703, 5.80267391546919509 53.01775911700555355, 5.81345369643237486 53.02332435831173996, 5.80941806290937723 53.02652525990315979, 5.82318590749858433 53.03843145259866532, 5.83600904447075042 53.03097370327524374, 5.84933548437481132 53.02390484846281282, 5.85760313362071372 53.01700828118474362, 5.85760313362071372 53.01700828118474362)))</t>
  </si>
  <si>
    <t>MultiPolygon (((5.66377209370146772 52.93432014444562839, 5.6790662678773387 52.9329518102753056, 5.68334034127739685 52.93388108037426321, 5.6893259643199432 52.93296662689434839, 5.69110975554873555 52.92989401595228571, 5.69575973637020372 52.92105430012090039, 5.71448925347417092 52.9178218020207467, 5.71415765059484571 52.9168567617423804, 5.71632769696426646 52.91608043535109829, 5.72329892667510443 52.91481477254061616, 5.72302463594070243 52.91365067033736125, 5.71937397297162775 52.91112695047531389, 5.71252480772361348 52.90427519446451043, 5.71779474755049577 52.90324398578042064, 5.71840686307671398 52.90425143039206546, 5.73259902120013631 52.90150251734757347, 5.72932109221315322 52.8940335425955368, 5.6994723507068068 52.90029425409471031, 5.69837956372633414 52.89366940416774554, 5.69293724025500314 52.89373065353960612, 5.68573076535737076 52.89519330998861335, 5.67984159990653392 52.89227381412397477, 5.66388598223370643 52.88839661273107851, 5.65077680046580344 52.9028940638358165, 5.6500415829895152 52.90517917724098851, 5.65343184957677281 52.90761425628152637, 5.64787882861490509 52.91186227901528127, 5.6399782778120775 52.92246947831666404, 5.64245500509971087 52.93616728285305584, 5.65582233445418758 52.93503866303657901, 5.66377209370146772 52.93432014444562839, 5.66377209370146772 52.93432014444562839)))</t>
  </si>
  <si>
    <t>MultiPolygon (((5.72183747130374432 52.93780761385320943, 5.72091393459559772 52.93350248384705026, 5.70934278617313584 52.9345612321429968, 5.70777974313162417 52.93139117722807185, 5.71068844521231167 52.93113679038545882, 5.70793264914069809 52.92983752168572664, 5.70097027405933865 52.93129212328585709, 5.69110975554873555 52.92989401595228571, 5.6893259643199432 52.93296662689434839, 5.68814120936612078 52.93627232937023308, 5.68913444289105996 52.94552024600511686, 5.71475002073733052 52.94335036726222654, 5.71413215172588274 52.9408863551348432, 5.72319325035438897 52.93941682079002931, 5.72359889980694536 52.93856200560709624, 5.72183747130374432 52.93780761385320943, 5.72183747130374432 52.93780761385320943)))</t>
  </si>
  <si>
    <t>MultiPolygon (((5.78008288287710315 53.02592622651144438, 5.78132593438929465 53.02763993428534661, 5.78275702000983483 53.02780156130551603, 5.80658766572728435 53.02753533806018282, 5.80941806290937723 53.02652525990315979, 5.81345369643237486 53.02332435831173996, 5.80267391546919509 53.01775911700555355, 5.79598227999624971 53.01433878568028746, 5.79471224871228863 53.01299265265393501, 5.79519063585714456 53.01175671695452962, 5.78854510520759113 53.00840966391923104, 5.7867082284221647 53.00653018280537054, 5.78833427803719136 53.00156974564620782, 5.77837927862532741 52.99667679642992368, 5.77412636988818573 53.00128318403936589, 5.77462596102655557 53.00448238958160374, 5.78220757207823244 53.00954887477115562, 5.77748882192902435 53.01276378550285528, 5.77755386907652824 53.01919101216001451, 5.78008288287710315 53.02592622651144438, 5.78008288287710315 53.02592622651144438)))</t>
  </si>
  <si>
    <t>MultiPolygon (((5.79794697929529335 53.04980869243660635, 5.80027259387455096 53.04790838693714505, 5.80904132866614908 53.04368456841276469, 5.82318590749858433 53.03843145259866532, 5.80941806290937723 53.02652525990315979, 5.80658766572728435 53.02753533806018282, 5.78275702000983483 53.02780156130551603, 5.78132593438929465 53.02763993428534661, 5.78008288287710315 53.02592622651144438, 5.77848622371445764 53.02717289260748146, 5.75939157504472732 53.02702540449880075, 5.75983846651305686 53.04668990436408649, 5.76748001454699466 53.04644765512080795, 5.7672905181380516 53.04728258213499004, 5.7685386858242369 53.0466721818016822, 5.77038300495393308 53.04736878675019085, 5.77101181042213263 53.04696774246413327, 5.76984672407838861 53.04584923479464464, 5.77391237087745246 53.04592169040286365, 5.7963860355491148 53.05883930184371167, 5.79874858582591823 53.05619529721309391, 5.79552502369566636 53.05487635366581145, 5.79645820574214099 53.05373723129917352, 5.79581784457732674 53.05301596634020456, 5.79794697929529335 53.04980869243660635)))</t>
  </si>
  <si>
    <t>MultiPolygon (((5.59281033571725494 52.88626788143515967, 5.60146440480689023 52.8822036842546126, 5.62035742224840984 52.87506879292685369, 5.64191024524225337 52.86896775287965511, 5.64192772157698652 52.86674835637644065, 5.64415929543932027 52.86271063321326125, 5.64379674350720606 52.86101681059790991, 5.63462507278020475 52.85836826859576831, 5.6184658564260852 52.85096618611703434, 5.61660555800136407 52.850709087537588, 5.60990875961486513 52.85317343772309329, 5.59416050230580542 52.86181954317203235, 5.59171824242503135 52.86035294144392793, 5.58739628108711894 52.85914207070036497, 5.57850000491340481 52.86354802894876315, 5.57209876592223186 52.86823156142309443, 5.57274067387643601 52.86866242093065438, 5.57360884516156041 52.86815434950899828, 5.58011081799362074 52.87084852390065493, 5.58377050150768195 52.87374874120651924, 5.5807961010622904 52.87540970634801596, 5.58904886814610169 52.88035630549532584, 5.59248929325546218 52.88416727778678705, 5.59155408127514697 52.88496206638159691, 5.59281033571725494 52.88626788143515967, 5.59281033571725494 52.88626788143515967)))</t>
  </si>
  <si>
    <t>MultiPolygon (((5.78298836517921711 52.98974454979613569, 5.78341692697880649 52.99085547234739835, 5.7844219736443776 52.98995833795607524, 5.79499021924337132 52.99435765725262115, 5.80097727456293466 52.99248535356565526, 5.80450055262652942 52.98887554334331185, 5.7853505094080182 52.97801586134046659, 5.78465492037566786 52.98130105508530363, 5.78167394394979084 52.98440989564576853, 5.78298836517921711 52.98974454979613569, 5.78298836517921711 52.98974454979613569)))</t>
  </si>
  <si>
    <t>MultiPolygon (((5.63963379511499241 52.92241637260678999, 5.6399782778120775 52.92246947831666404, 5.64787882861490509 52.91186227901528127, 5.65343184957677281 52.90761425628152637, 5.6500415829895152 52.90517917724098851, 5.65077680046580344 52.9028940638358165, 5.66388598223370643 52.88839661273107851, 5.65359119761313345 52.88626674451740683, 5.65202757472967221 52.88449654957219792, 5.6490482938318225 52.88313822204476367, 5.6388012427943135 52.89522099616890927, 5.62075060918150449 52.91950356986951221, 5.63963379511499241 52.92241637260678999, 5.63963379511499241 52.92241637260678999)))</t>
  </si>
  <si>
    <t>MultiPolygon (((5.84129485156028583 52.94295663579612921, 5.87126892511299658 52.94862075812287827, 5.88294960537339406 52.93496931065018885, 5.88603156532918614 52.93192343509702624, 5.88777919894248747 52.9318738355691778, 5.89693535535914037 52.92127497206431741, 5.89819852158074731 52.92169896323928668, 5.90033379379820921 52.91923814083116184, 5.88883576873847847 52.91483467134467134, 5.88073449701649675 52.92260229535845895, 5.87211181679962291 52.91900253627765238, 5.86506827945135356 52.92436640495378697, 5.85514002562865254 52.92771076549594511, 5.84538927985000978 52.93572473767586217, 5.84349291573759455 52.93892599430154888, 5.83877027549249483 52.94247658555212155, 5.84129485156028583 52.94295663579612921, 5.84129485156028583 52.94295663579612921)))</t>
  </si>
  <si>
    <t>MultiPolygon (((5.74801469199885862 52.94962917819374582, 5.75499335889292496 52.94482823593760656, 5.75364211018808991 52.94405070328976137, 5.7870910577578174 52.92149330462749646, 5.78921272495403372 52.9209749651683552, 5.78870548368635074 52.9185571423078116, 5.7915155040214561 52.9141486033423476, 5.78902921220488409 52.90948080906032658, 5.77257838839029969 52.90836820448851796, 5.7546400805123703 52.91123507103002765, 5.75418721155442547 52.91058629256205847, 5.73843192112240263 52.91321975752102702, 5.73592978384243679 52.91251760488058409, 5.72329892667510443 52.91481477254061616, 5.71632769696426646 52.91608043535109829, 5.71415765059484571 52.9168567617423804, 5.71448925347417092 52.9178218020207467, 5.71496813571585083 52.91898575313224029, 5.71382020197611151 52.92387223901587845, 5.71498791630633107 52.92572139004310827, 5.71903379485940899 52.92528920765679601, 5.72207832214118994 52.92596836170616115, 5.7232669581762714 52.92938108697050836, 5.72599538987193046 52.92983626964490185, 5.73948399395437026 52.92870095398178165, 5.74813426814760398 52.93891455524877188, 5.74157665820243501 52.94340415554102464, 5.74587198770979946 52.94632268744669545, 5.74801469199885862 52.94962917819374582, 5.74801469199885862 52.94962917819374582)))</t>
  </si>
  <si>
    <t>MultiPolygon (((5.76897518052983216 52.95335475702830053, 5.77094885859722773 52.95220990788007498, 5.77902505331335359 52.95490545063455556, 5.78345229495787549 52.95564401427844814, 5.791767533055034 52.95483859568843599, 5.79343782185510658 52.95636562218416543, 5.80746556152955584 52.94925267354403786, 5.7986845965564342 52.94393431592920507, 5.80178265636252011 52.94212736388472962, 5.7989457752147624 52.94093959231008739, 5.79095137880589927 52.93659393787572753, 5.78908830146969233 52.93421205824342479, 5.78921272495403372 52.9209749651683552, 5.7870910577578174 52.92149330462749646, 5.75364211018808991 52.94405070328976137, 5.75499335889292496 52.94482823593760656, 5.75559395718489597 52.94671600433809999, 5.76192940845771595 52.94892197566149861, 5.76897518052983216 52.95335475702830053, 5.76897518052983216 52.95335475702830053)))</t>
  </si>
  <si>
    <t>MultiPolygon (((5.58849240798994895 52.88804649856055562, 5.59281033571725494 52.88626788143515967, 5.59155408127514697 52.88496206638159691, 5.59248929325546218 52.88416727778678705, 5.58904886814610169 52.88035630549532584, 5.5807961010622904 52.87540970634801596, 5.58377050150768195 52.87374874120651924, 5.58011081799362074 52.87084852390065493, 5.57360884516156041 52.86815434950899828, 5.57274067387643601 52.86866242093065438, 5.56620660506725606 52.87306739988549964, 5.56299381756403299 52.87304960716838309, 5.55838527294623397 52.87007504937935209, 5.54694413400157238 52.87679050931061653, 5.56320439964821922 52.88690232553579307, 5.57167239252316548 52.89316268104293073, 5.57227929314214077 52.89356568355366761, 5.57327225886115496 52.89313305761574213, 5.57113240889255756 52.89130900045100248, 5.58207483845965502 52.88627061592347189, 5.58767012073060609 52.8883856300289068, 5.58849240798994895 52.88804649856055562, 5.58849240798994895 52.88804649856055562)))</t>
  </si>
  <si>
    <t>MultiPolygon (((5.9235696123951973 52.92730314604977337, 5.9198773625912624 52.92603381239815263, 5.91652109681161331 52.9267788311733085, 5.91430200478383483 52.9293130911394627, 5.90556059934238853 52.92599268090873466, 5.90411816353239693 52.92429363702121492, 5.89786994981253798 52.92208814626958713, 5.89819852158074731 52.92169896323928668, 5.89693535535914037 52.92127497206431741, 5.88777919894248747 52.9318738355691778, 5.88603156532918614 52.93192343509702624, 5.88294960537339406 52.93496931065018885, 5.87126892511299658 52.94862075812287827, 5.89796555427457747 52.95382108011234834, 5.90544763725648902 52.95562999126358505, 5.90571109258511839 52.95551514084917955, 5.90488567292745525 52.95416388094354687, 5.91418110892048521 52.94292220839759722, 5.91298356148683801 52.94060264965447971, 5.91908828100736795 52.93294935365796761, 5.9235696123951973 52.92730314604977337)))</t>
  </si>
  <si>
    <t>MultiPolygon (((5.82521042285402668 52.93986314772402579, 5.83040921354364006 52.93719323051270464, 5.83701049584413667 52.94206188095679977, 5.83877027549249483 52.94247658555212155, 5.84349291573759455 52.93892599430154888, 5.84538927985000978 52.93572473767586217, 5.85514002562865254 52.92771076549594511, 5.86506827945135356 52.92436640495378697, 5.87211181679962291 52.91900253627765238, 5.88073449701649675 52.92260229535845895, 5.88883576873847847 52.91483467134467134, 5.89223312490024487 52.911567954339084, 5.87782095231456303 52.90564169064884226, 5.86594827678825137 52.894792104078455, 5.85077118656262574 52.89988554191859293, 5.8590420061590871 52.91039489418542985, 5.84957976167881633 52.91509412695551617, 5.84830775697405336 52.91285145896325304, 5.83134876558455417 52.91939925940804557, 5.83237716378071003 52.92345440299916959, 5.82835775320094296 52.9284729456730858, 5.8251404279047847 52.92970870035280484, 5.82551440247949515 52.93113989345584969, 5.81853422031557876 52.93485165600050379, 5.82521042285402668 52.93986314772402579, 5.82521042285402668 52.93986314772402579)))</t>
  </si>
  <si>
    <t>MultiPolygon (((5.91652109681161331 52.9267788311733085, 5.9198773625912624 52.92603381239815263, 5.9235696123951973 52.92730314604977337, 5.93335969423624121 52.9150242998796756, 5.93784692746656972 52.91174044024062795, 5.93307361688862578 52.90734053984494523, 5.92984602408110106 52.90651500313401101, 5.92505780361659351 52.9038583355617007, 5.91116340386910188 52.89782747345088865, 5.90417470045274229 52.89670094778539067, 5.90146002350771592 52.89702815076825004, 5.89902565225400899 52.89562701289017355, 5.8961724458134066 52.89590429312543307, 5.89066586489788868 52.89538010030576487, 5.88601695785483603 52.89423942801580836, 5.88496946867313575 52.88981508760651451, 5.88323766649399804 52.88904566931209672, 5.86594827678825137 52.894792104078455, 5.87782095231456303 52.90564169064884226, 5.89223312490024487 52.911567954339084, 5.88883576873847847 52.91483467134467134, 5.90033379379820921 52.91923814083116184, 5.89819852158074731 52.92169896323928668, 5.89786994981253798 52.92208814626958713, 5.90411816353239693 52.92429363702121492, 5.90556059934238853 52.92599268090873466, 5.91430200478383483 52.9293130911394627, 5.91652109681161331 52.9267788311733085, 5.91652109681161331 52.9267788311733085)))</t>
  </si>
  <si>
    <t>MultiPolygon (((5.8227636019460407 52.92779256518738151, 5.8251404279047847 52.92970870035280484, 5.82835775320094296 52.9284729456730858, 5.83237716378071003 52.92345440299916959, 5.83134876558455417 52.91939925940804557, 5.84830775697405336 52.91285145896325304, 5.84957976167881633 52.91509412695551617, 5.8590420061590871 52.91039489418542985, 5.85077118656262574 52.89988554191859293, 5.84258028000706631 52.9028043760765172, 5.81666978615417118 52.89814899712372664, 5.80991167724441659 52.91126646736069006, 5.80889887532401605 52.91160419370890367, 5.81489253135938444 52.92023099888443483, 5.8227636019460407 52.92779256518738151, 5.8227636019460407 52.92779256518738151)))</t>
  </si>
  <si>
    <t>MultiPolygon (((5.50824731702586323 52.87706263125501494, 5.51656475826197124 52.87101105994425154, 5.50543764055771678 52.86207132991923174, 5.50394052919279364 52.86001233577487568, 5.5000100944050736 52.84577348568335964, 5.48617889415280224 52.84918389912346015, 5.48693018691622836 52.85020377090349797, 5.48613426131560455 52.85331627751570238, 5.47245155921496806 52.86627878766912403, 5.47725956115851709 52.86792584548894069, 5.47709258268355281 52.86876621901825501, 5.48523411399148131 52.87169300822180418, 5.48748692967536211 52.87339847603496423, 5.49017143099991589 52.87143226095822968, 5.49551709063231719 52.8738156806148254, 5.49590274149770508 52.8760544914529973, 5.50109723236720249 52.87957111838883861, 5.50824731702586323 52.87706263125501494, 5.50824731702586323 52.87706263125501494)))</t>
  </si>
  <si>
    <t>MultiPolygon (((5.79095137880589927 52.93659393787572753, 5.7989457752147624 52.94093959231008739, 5.8227636019460407 52.92779256518738151, 5.81489253135938444 52.92023099888443483, 5.79735347176332638 52.93154432126440412, 5.79095137880589927 52.93659393787572753, 5.79095137880589927 52.93659393787572753)))</t>
  </si>
  <si>
    <t>MultiPolygon (((5.7989457752147624 52.94093959231008739, 5.80178265636252011 52.94212736388472962, 5.7986845965564342 52.94393431592920507, 5.80746556152955584 52.94925267354403786, 5.82521042285402668 52.93986314772402579, 5.81853422031557876 52.93485165600050379, 5.82551440247949515 52.93113989345584969, 5.8251404279047847 52.92970870035280484, 5.8227636019460407 52.92779256518738151, 5.7989457752147624 52.94093959231008739, 5.7989457752147624 52.94093959231008739)))</t>
  </si>
  <si>
    <t>MultiPolygon (((5.54694413400157238 52.87679050931061653, 5.55838527294623397 52.87007504937935209, 5.55614979409386223 52.86870462475704358, 5.56109174950263085 52.86587386247147435, 5.55008325651891354 52.85850204365112148, 5.55305227516222466 52.85383150789646578, 5.55372459758268811 52.85391868346214039, 5.55531683622161232 52.8453834335971635, 5.57309149420426575 52.83616960267236351, 5.56734153813217603 52.83423035905794052, 5.5588909697800899 52.83301253588716406, 5.55276684168820189 52.83259002152810524, 5.54485362920959357 52.83306597951204964, 5.52695284695708011 52.83745095746431986, 5.5000100944050736 52.84577348568335964, 5.50394052919279364 52.86001233577487568, 5.50543764055771678 52.86207132991923174, 5.51656475826197124 52.87101105994425154, 5.52361219812282567 52.86644922085750409, 5.54340859278132481 52.87430254879021874, 5.54694413400157238 52.87679050931061653, 5.54694413400157238 52.87679050931061653)))</t>
  </si>
  <si>
    <t>MultiPolygon (((5.86721520340793656 52.97862167907319275, 5.86923878793895515 52.96874054760049688, 5.87097061575220724 52.96444160615367025, 5.8875708409149361 52.96701018410069395, 5.88807669566059566 52.9664571087046383, 5.88598881790908024 52.96611142009963658, 5.88615407137321256 52.96571090740759047, 5.88851993133891849 52.96505633557132597, 5.89102684810629551 52.96169694535015537, 5.89168300030297143 52.96191498140147047, 5.89796555427457747 52.95382108011234834, 5.87126892511299658 52.94862075812287827, 5.84129485156028583 52.94295663579612921, 5.84294459483643447 52.94775922738340057, 5.84271465068850393 52.94999438407454306, 5.84087267243699326 52.95073607500722801, 5.84405430390957736 52.9583387013706357, 5.84673860965548897 52.95800363523428445, 5.85165834864847234 52.95857225533509904, 5.85561212153212995 52.96052807082003255, 5.85676228617063988 52.96781354654188334, 5.84689230500748636 52.96840935495823288, 5.8500510341523384 52.97578496810976389, 5.85090342943329489 52.97778888575209777, 5.85565597277163263 52.97737973943521439, 5.85724063335229772 52.98162924136646978, 5.86632964312351746 52.98100617534186085, 5.86721520340793656 52.97862167907319275, 5.86721520340793656 52.97862167907319275)))</t>
  </si>
  <si>
    <t>MultiPolygon (((5.51183148463017591 52.92697477634956016, 5.54116517418803589 52.90614725346809166, 5.5189364226141695 52.89194317494985853, 5.51265256426405692 52.8977203597180079, 5.51002091757125445 52.89795685738874909, 5.5002724801834777 52.9066945274507745, 5.4972833128385048 52.90643141985501785, 5.48995013163511913 52.91174580298248742, 5.49521753467656193 52.91557631262246275, 5.51183148463017591 52.92697477634956016, 5.51183148463017591 52.92697477634956016)))</t>
  </si>
  <si>
    <t>MultiPolygon (((5.7780864929166178 52.87688691312673939, 5.77734301904113412 52.8741620128413885, 5.77845964718662231 52.87384181156603091, 5.77845383025436465 52.87077343085613279, 5.77075254324452214 52.87015428531186245, 5.77051758490043021 52.87626781321811364, 5.7780864929166178 52.87688691312673939, 5.7780864929166178 52.87688691312673939)))</t>
  </si>
  <si>
    <t>MultiPolygon (((5.75195926873057317 52.88963831766806578, 5.75930123374104674 52.88826090842376715, 5.76047141233274473 52.8880288623460757, 5.79873199268432149 52.89492220839198922, 5.79271251395950149 52.88518387093788675, 5.79538016107329046 52.8840444005129271, 5.79133678778355865 52.8692492516887782, 5.79223745351133967 52.8672314304183999, 5.79090963695735628 52.86319625082424523, 5.78747126331153794 52.86315832848404028, 5.78589078335807638 52.85844309922623552, 5.78713942676823212 52.85673505124594129, 5.78951698569758921 52.85617052857046616, 5.78871318546583957 52.85411104035132013, 5.75912153268526872 52.85023793466599784, 5.75333381219593232 52.84871374334195337, 5.75086096417253945 52.84736048849808299, 5.74161742697150945 52.85116082213716737, 5.73635766473934261 52.85085290972641303, 5.72513854362712582 52.85744380177386148, 5.72682642369319073 52.8587024946187185, 5.74071461480246992 52.86893435919593287, 5.74708616425655627 52.87555349888089751, 5.74418649782606927 52.8791537811471315, 5.74491618136157722 52.8861672605725559, 5.74943133898143799 52.88939189850758993, 5.75195926873057317 52.88963831766806578, 5.75195926873057317 52.88963831766806578),(5.7780864929166178 52.87688691312673939, 5.77051758490043021 52.87626781321811364, 5.77075254324452214 52.87015428531186245, 5.77845383025436465 52.87077343085613279, 5.77845964718662231 52.87384181156603091, 5.77734301904113412 52.8741620128413885, 5.7780864929166178 52.87688691312673939, 5.7780864929166178 52.87688691312673939)))</t>
  </si>
  <si>
    <t>MultiPolygon (((5.78921272495403372 52.9209749651683552, 5.78908830146969233 52.93421205824342479, 5.79095137880589927 52.93659393787572753, 5.79735347176332638 52.93154432126440412, 5.81489253135938444 52.92023099888443483, 5.80889887532401605 52.91160419370890367, 5.80991167724441659 52.91126646736069006, 5.81666978615417118 52.89814899712372664, 5.79873199268432149 52.89492220839198922, 5.76047141233274473 52.8880288623460757, 5.75930123374104674 52.88826090842376715, 5.77083055599121231 52.90225574647639917, 5.77257838839029969 52.90836820448851796, 5.78902921220488409 52.90948080906032658, 5.7915155040214561 52.9141486033423476, 5.78870548368635074 52.9185571423078116, 5.78921272495403372 52.9209749651683552, 5.78921272495403372 52.9209749651683552)))</t>
  </si>
  <si>
    <t>MultiPolygon (((5.55838527294623397 52.87007504937935209, 5.56299381756403299 52.87304960716838309, 5.56620660506725606 52.87306739988549964, 5.57274067387643601 52.86866242093065438, 5.57209876592223186 52.86823156142309443, 5.57850000491340481 52.86354802894876315, 5.58739628108711894 52.85914207070036497, 5.59171824242503135 52.86035294144392793, 5.59416050230580542 52.86181954317203235, 5.60990875961486513 52.85317343772309329, 5.61660555800136407 52.850709087537588, 5.60788493720794712 52.85180618297977162, 5.60137572414953766 52.85198470464167997, 5.58525730037785095 52.84937836319318905, 5.58270446021168265 52.84733888021594339, 5.58298171031459756 52.84509774053373121, 5.57999554457552982 52.83973232321723401, 5.57309149420426575 52.83616960267236351, 5.55531683622161232 52.8453834335971635, 5.55372459758268811 52.85391868346214039, 5.55305227516222466 52.85383150789646578, 5.55008325651891354 52.85850204365112148, 5.56109174950263085 52.86587386247147435, 5.55614979409386223 52.86870462475704358, 5.55838527294623397 52.87007504937935209, 5.55838527294623397 52.87007504937935209)))</t>
  </si>
  <si>
    <t>MultiPolygon (((5.89476786969287403 52.96317917108912354, 5.89563345108422432 52.96214747229549147, 5.89741557514922832 52.9630769504921588, 5.89811326511689327 52.96239333992843967, 5.90230507532695814 52.95736896731518328, 5.90544763725648902 52.95562999126358505, 5.89796555427457747 52.95382108011234834, 5.89168300030297143 52.96191498140147047, 5.89163021966030787 52.96227807542498311, 5.89476786969287403 52.96317917108912354, 5.89476786969287403 52.96317917108912354)))</t>
  </si>
  <si>
    <t>MultiPolygon (((5.43808728480205072 52.86023851661302331, 5.44844143385844415 52.86244230705977998, 5.45346700798952888 52.86239957460030325, 5.46037892727879637 52.86387087993022504, 5.47069869978900059 52.86742524489241646, 5.47245155921496806 52.86627878766912403, 5.48613426131560455 52.85331627751570238, 5.48693018691622836 52.85020377090349797, 5.48617889415280224 52.84918389912346015, 5.45366562325217963 52.85470645046282101, 5.45042257607223135 52.85408816052921566, 5.44901655537440011 52.85213260750369813, 5.44732930946579508 52.8515231605793403, 5.44100456225036666 52.85091618153773396, 5.43742138905777139 52.85973243651763198, 5.43808728480205072 52.86023851661302331, 5.43808728480205072 52.86023851661302331)))</t>
  </si>
  <si>
    <t>MultiPolygon (((5.6861677526969574 52.85275976547300303, 5.69441191399513169 52.84814559798299172, 5.69976141926369984 52.84687637793631154, 5.69800489559455858 52.84424020424840762, 5.68515005463462586 52.84594418536914873, 5.6837011003495963 52.84478258958345265, 5.6803174079688743 52.84525182276423294, 5.68040766450813006 52.84594591010694842, 5.6861677526969574 52.85275976547300303, 5.6861677526969574 52.85275976547300303)))</t>
  </si>
  <si>
    <t>MultiPolygon (((5.72046451917791288 52.85987343001066563, 5.72682642369319073 52.8587024946187185, 5.72513854362712582 52.85744380177386148, 5.73635766473934261 52.85085290972641303, 5.74161742697150945 52.85116082213716737, 5.75086096417253945 52.84736048849808299, 5.7457189198390175 52.84023622777546336, 5.72468198639461079 52.84398224129240873, 5.72482388031273981 52.84362330654308693, 5.72299544799993143 52.84625322214542109, 5.72257018272421014 52.847198064017185, 5.71373952435126409 52.84845764550586011, 5.71243636016494616 52.84593477604420286, 5.7079779395320962 52.84701548644476787, 5.70734636421102426 52.84593053861158296, 5.70390848832585551 52.84587525829175547, 5.69983781724326199 52.84698544394960606, 5.70104043237698743 52.84864394038377355, 5.70495719203060059 52.85021464574479921, 5.71374386061401118 52.84846603880257021, 5.72046451917791288 52.85987343001066563, 5.72046451917791288 52.85987343001066563)))</t>
  </si>
  <si>
    <t>MultiPolygon (((5.71243636016494616 52.84593477604420286, 5.71373952435126409 52.84845764550586011, 5.72257018272421014 52.847198064017185, 5.72299544799993143 52.84625322214542109, 5.71790503530200489 52.84359774900519113, 5.71528925615826289 52.84331684839153098, 5.71243636016494616 52.84593477604420286, 5.71243636016494616 52.84593477604420286)))</t>
  </si>
  <si>
    <t>MultiPolygon (((5.70197491301132509 52.86322999198472417, 5.70219770396368819 52.86379583227846268, 5.72087133422723149 52.8608526429019534, 5.72046451917791288 52.85987343001066563, 5.71374386061401118 52.84846603880257021, 5.70495719203060059 52.85021464574479921, 5.70104043237698743 52.84864394038377355, 5.70138757023984954 52.850698709670894, 5.69258152936866502 52.85279637031523237, 5.69321182656516012 52.85416408537276567, 5.69958526602252125 52.85503498381377341, 5.70042767064278522 52.85942735872485088, 5.70197491301132509 52.86322999198472417, 5.70197491301132509 52.86322999198472417)))</t>
  </si>
  <si>
    <t>MultiPolygon (((5.72724729043095859 52.83691619516283566, 5.72957399379298238 52.83372655529360884, 5.7286634382387609 52.83339800917856621, 5.72269907010370282 52.83607463316578645, 5.7130813657742161 52.83802724127794903, 5.71205326068426888 52.84007462154079349, 5.71270129232485413 52.84099925812129328, 5.71065481624970861 52.8404027641360301, 5.71020040715248811 52.83894939026362891, 5.70884101059363491 52.83848560219362867, 5.71002583108849127 52.84071485277303992, 5.71662981022322203 52.84256574772263804, 5.71526365217351451 52.84328384359820063, 5.71528925615826289 52.84331684839153098, 5.71790503530200489 52.84359774900519113, 5.72299544799993143 52.84625322214542109, 5.72482388031273981 52.84362330654308693, 5.72724729043095859 52.83691619516283566)))</t>
  </si>
  <si>
    <t>MultiPolygon (((5.69976141926369984 52.84687637793631154, 5.69983781724326199 52.84698544394960606, 5.70390848832585551 52.84587525829175547, 5.70734636421102426 52.84593053861158296, 5.7079779395320962 52.84701548644476787, 5.71243636016494616 52.84593477604420286, 5.71528925615826289 52.84331684839153098, 5.71526365217351451 52.84328384359820063, 5.71460548084061948 52.84253525937252505, 5.71136624829743145 52.84164441505816967, 5.70975321194041285 52.84187672978701755, 5.70793960697819269 52.83814557480246776, 5.7061639398772428 52.83878561308680588, 5.70778378280433252 52.84175127525463722, 5.70235119232815535 52.84348880540538573, 5.70567251899085015 52.84170548582477522, 5.70605634350687918 52.84075439419272158, 5.70330509682839626 52.83775889454982178, 5.6993496231704146 52.84085838742880981, 5.70019489906148191 52.84291691208789388, 5.69800489559455858 52.84424020424840762, 5.69976141926369984 52.84687637793631154, 5.69976141926369984 52.84687637793631154)))</t>
  </si>
  <si>
    <t>MultiPolygon (((5.6861677526969574 52.85275976547300303, 5.68713630079759369 52.85580103972895216, 5.68465511297072634 52.85903792858223227, 5.68352706517272921 52.86237362864028455, 5.70042767064278522 52.85942735872485088, 5.69958526602252125 52.85503498381377341, 5.69321182656516012 52.85416408537276567, 5.69258152936866502 52.85279637031523237, 5.70138757023984954 52.850698709670894, 5.70104043237698743 52.84864394038377355, 5.69983781724326199 52.84698544394960606, 5.69976141926369984 52.84687637793631154, 5.69441191399513169 52.84814559798299172, 5.6861677526969574 52.85275976547300303, 5.6861677526969574 52.85275976547300303)))</t>
  </si>
  <si>
    <t>MultiPolygon (((5.66388598223370643 52.88839661273107851, 5.67984159990653392 52.89227381412397477, 5.68573076535737076 52.89519330998861335, 5.69293724025500314 52.89373065353960612, 5.69837956372633414 52.89366940416774554, 5.69426704171958598 52.87715380269829524, 5.69122617315561286 52.86512183617727345, 5.70197491301132509 52.86322999198472417, 5.70042767064278522 52.85942735872485088, 5.68352706517272921 52.86237362864028455, 5.68465511297072634 52.85903792858223227, 5.68713630079759369 52.85580103972895216, 5.6861677526969574 52.85275976547300303, 5.68040766450813006 52.84594591010694842, 5.67968609993018081 52.8461705035702991, 5.67853049668369803 52.84513685196541388, 5.67356462866972944 52.84511911613591906, 5.65759853264679791 52.84369571513104802, 5.65390362575690464 52.84724705642386056, 5.65454539950190238 52.8477815430184279, 5.65638244362715703 52.84767719423603438, 5.65724897000323423 52.85399778795679282, 5.64379674350720606 52.86101681059790991, 5.64415929543932027 52.86271063321326125, 5.64192772157698652 52.86674835637644065, 5.64191024524225337 52.86896775287965511, 5.64332353132278097 52.8730233796438327, 5.64642320280740773 52.87554464304928814, 5.64883751370773091 52.87642806097425563, 5.65322247295079627 52.8807187888090553, 5.65202757472967221 52.88449654957219792, 5.65359119761313345 52.88626674451740683, 5.66388598223370643 52.88839661273107851, 5.66388598223370643 52.88839661273107851)))</t>
  </si>
  <si>
    <t>MultiPolygon (((5.72946459700389532 52.94521212409485145, 5.73057511567097411 52.94378350446717008, 5.73674186268574182 52.94685089380438114, 5.74157665820243501 52.94340415554102464, 5.74813426814760398 52.93891455524877188, 5.73948399395437026 52.92870095398178165, 5.72599538987193046 52.92983626964490185, 5.7232669581762714 52.92938108697050836, 5.72046027627609543 52.92959974346894825, 5.72006885619125693 52.93177258911263294, 5.72091393459559772 52.93350248384705026, 5.72183747130374432 52.93780761385320943, 5.72359889980694536 52.93856200560709624, 5.72319325035438897 52.93941682079002931, 5.71413215172588274 52.9408863551348432, 5.71475002073733052 52.94335036726222654, 5.71839167717239594 52.9463034630771503, 5.72946459700389532 52.94521212409485145, 5.72946459700389532 52.94521212409485145)))</t>
  </si>
  <si>
    <t>MultiPolygon (((5.71764908042248887 52.97158716821727609, 5.72849659449835968 52.96084539788911627, 5.73236027978133045 52.95995638526495952, 5.74282085414750387 52.95272956065075221, 5.74456341091431977 52.9537085233047975, 5.748929850779124 52.95105972309766429, 5.74801469199885862 52.94962917819374582, 5.74587198770979946 52.94632268744669545, 5.74157665820243501 52.94340415554102464, 5.73674186268574182 52.94685089380438114, 5.73057511567097411 52.94378350446717008, 5.72946459700389532 52.94521212409485145, 5.72015345202211201 52.95675361017426042, 5.71498960718722682 52.95701976343443107, 5.71547771058671472 52.96058150787916929, 5.71868598118375093 52.96075341982919582, 5.70884666879652958 52.96694805571979714, 5.69878428366577872 52.96690256323169166, 5.69183430885543373 52.96187537289353031, 5.69075008360067436 52.96255711984986903, 5.690872987950228 52.96703959812063545, 5.69032269078567765 52.97419336903671905, 5.68744291352057996 52.98208036496761508, 5.68809022160585354 52.98486837468895061, 5.69070168216214523 52.98817875472661143, 5.69080103729297093 52.98827151711087424, 5.69185890318698906 52.98859110902397873, 5.69736915710559177 52.98608796828322909, 5.69755298408629596 52.98516854900986317, 5.70622116015848224 52.97880741154963857, 5.71764908042248887 52.97158716821727609, 5.71764908042248887 52.97158716821727609)))</t>
  </si>
  <si>
    <t>MultiPolygon (((5.48995013163511913 52.91174580298248742, 5.4972833128385048 52.90643141985501785, 5.5002724801834777 52.9066945274507745, 5.51002091757125445 52.89795685738874909, 5.51265256426405692 52.8977203597180079, 5.5189364226141695 52.89194317494985853, 5.51006595737089544 52.88581221790533249, 5.50967115169794308 52.8844355535020938, 5.50181898693158811 52.88004348329322113, 5.49432712805882684 52.88295720501341179, 5.48971245834256294 52.88603001375691548, 5.49384479089671895 52.88983575283330651, 5.4887742544449365 52.89278983764783248, 5.47712027598702456 52.90258602106236907, 5.48995013163511913 52.91174580298248742, 5.48995013163511913 52.91174580298248742)))</t>
  </si>
  <si>
    <t>MultiPolygon (((5.80240029637725385 52.96418353639285925, 5.81105024483449384 52.96064173941456943, 5.81563698777935567 52.95797271328461875, 5.81947264469574943 52.95874535076016798, 5.81177089000204905 52.95201115138379322, 5.80746556152955584 52.94925267354403786, 5.79343782185510658 52.95636562218416543, 5.79352766651505569 52.95642287248354307, 5.7995846481947444 52.96399671265395881, 5.80240029637725385 52.96418353639285925, 5.80240029637725385 52.96418353639285925)))</t>
  </si>
  <si>
    <t>MultiPolygon (((5.81639931295939672 52.97528274695931572, 5.82306639499616718 52.97293339804835455, 5.82686560607886683 52.97223159270967585, 5.82366178090415065 52.9667722409856907, 5.82175685358917061 52.96563803180475105, 5.81631616169185328 52.96663369157633383, 5.81699415767964201 52.96755965603804839, 5.81522689301295514 52.97071009933978303, 5.81693383333159719 52.9728298031540632, 5.81457728725367584 52.97322298302991328, 5.81639931295939672 52.97528274695931572, 5.81639931295939672 52.97528274695931572)))</t>
  </si>
  <si>
    <t>MultiPolygon (((5.75590587420632716 52.97381644540877232, 5.7628110563618371 52.96896106238323654, 5.76949128248298937 52.9627941429640714, 5.77343939271284423 52.96426067533737836, 5.77931203570710217 52.96257664928061359, 5.78109227223892219 52.96269943028254801, 5.78244535813190463 52.96168281614085771, 5.79352766651505569 52.95642287248354307, 5.79343782185510658 52.95636562218416543, 5.791767533055034 52.95483859568843599, 5.78345229495787549 52.95564401427844814, 5.77902505331335359 52.95490545063455556, 5.77094885859722773 52.95220990788007498, 5.76897518052983216 52.95335475702830053, 5.76312459107600006 52.95673886186825285, 5.75174468997791966 52.95737270716503531, 5.74997077827648173 52.95807052739024101, 5.74235095834466236 52.96216713185705771, 5.73861184657865753 52.96539530228614723, 5.75590587420632716 52.97381644540877232, 5.75590587420632716 52.97381644540877232)))</t>
  </si>
  <si>
    <t>MultiPolygon (((5.80628403258726955 52.96980272904114884, 5.81539491566994293 52.96686446402798509, 5.81105024483449384 52.96064173941456943, 5.80240029637725385 52.96418353639285925, 5.80137837058811012 52.96461393544646512, 5.80628403258726955 52.96980272904114884, 5.80628403258726955 52.96980272904114884)))</t>
  </si>
  <si>
    <t>MultiPolygon (((5.79715743804154471 52.975426137218804, 5.80310591374996676 52.97996838247858165, 5.81639931295939672 52.97528274695931572, 5.81457728725367584 52.97322298302991328, 5.81693383333159719 52.9728298031540632, 5.81522689301295514 52.97071009933978303, 5.81699415767964201 52.96755965603804839, 5.81631616169185328 52.96663369157633383, 5.81539491566994293 52.96686446402798509, 5.80628403258726955 52.96980272904114884, 5.79715743804154471 52.975426137218804, 5.79715743804154471 52.975426137218804)))</t>
  </si>
  <si>
    <t>MultiPolygon (((5.81539491566994293 52.96686446402798509, 5.81631616169185328 52.96663369157633383, 5.82175685358917061 52.96563803180475105, 5.82728848669504096 52.96519145105928317, 5.828252549674799 52.96634429681277823, 5.84389022050122176 52.96242107312396286, 5.84237046292934092 52.95907825857098317, 5.82482298076349103 52.95925048810524061, 5.81947264469574943 52.95874535076016798, 5.81563698777935567 52.95797271328461875, 5.81105024483449384 52.96064173941456943, 5.81539491566994293 52.96686446402798509, 5.81539491566994293 52.96686446402798509)))</t>
  </si>
  <si>
    <t>MultiPolygon (((5.78561564490080382 52.97493743357762952, 5.7923847182378907 52.97007870633158433, 5.79167797447006105 52.96948575656359282, 5.78244535813190463 52.96168281614085771, 5.78109227223892219 52.96269943028254801, 5.78435751389269281 52.96505567078745713, 5.78561564490080382 52.97493743357762952, 5.78561564490080382 52.97493743357762952)))</t>
  </si>
  <si>
    <t>MultiPolygon (((5.78534157077004618 52.97656853903469454, 5.79091844808177836 52.97975406936273401, 5.79313025070907361 52.97729949246493675, 5.79715743804154471 52.975426137218804, 5.80628403258726955 52.96980272904114884, 5.80137837058811012 52.96461393544646512, 5.79167797447006105 52.96948575656359282, 5.7923847182378907 52.97007870633158433, 5.78561564490080382 52.97493743357762952, 5.78534157077004618 52.97656853903469454, 5.78534157077004618 52.97656853903469454)))</t>
  </si>
  <si>
    <t>MultiPolygon (((5.80450055262652942 52.98887554334331185, 5.8095889376600347 52.99168577129594127, 5.80471917669059856 52.99865522731620615, 5.80439039441099514 53.00121747705385644, 5.81227131563581079 53.00465459055836703, 5.81543408670701023 53.00603438143847512, 5.81560160656946845 53.00778692507024203, 5.82646327513357587 53.01263998106130515, 5.8290295898084965 53.00821480165746635, 5.83245290710640862 53.00859107110341029, 5.84041127560910489 53.00569290524911281, 5.8420470242488669 53.0034302153338146, 5.8350005699986216 52.99891098678551771, 5.83371832985051508 52.99587041358073236, 5.82712621410290055 52.99225713694031015, 5.83575402974241264 52.99298299114339983, 5.83587590306260839 52.99174374588196912, 5.84176210042118438 52.98858363969100083, 5.83807607835663678 52.98387383787704152, 5.83376722056060615 52.9837372080668132, 5.82686560607886683 52.97223159270967585, 5.82306639499616718 52.97293339804835455, 5.81639931295939672 52.97528274695931572, 5.80310591374996676 52.97996838247858165, 5.79715743804154471 52.975426137218804, 5.79313025070907361 52.97729949246493675, 5.79091844808177836 52.97975406936273401, 5.78534157077004618 52.97656853903469454, 5.7853505094080182 52.97801586134046659, 5.80450055262652942 52.98887554334331185, 5.80450055262652942 52.98887554334331185)))</t>
  </si>
  <si>
    <t>MultiPolygon (((5.79167797447006105 52.96948575656359282, 5.80137837058811012 52.96461393544646512, 5.80240029637725385 52.96418353639285925, 5.7995846481947444 52.96399671265395881, 5.79352766651505569 52.95642287248354307, 5.78244535813190463 52.96168281614085771, 5.79167797447006105 52.96948575656359282, 5.79167797447006105 52.96948575656359282)))</t>
  </si>
  <si>
    <t>MultiPolygon (((5.69110975554873555 52.92989401595228571, 5.70097027405933865 52.93129212328585709, 5.70793264914069809 52.92983752168572664, 5.71068844521231167 52.93113679038545882, 5.70777974313162417 52.93139117722807185, 5.70934278617313584 52.9345612321429968, 5.72091393459559772 52.93350248384705026, 5.72006885619125693 52.93177258911263294, 5.72046027627609543 52.92959974346894825, 5.7232669581762714 52.92938108697050836, 5.72207832214118994 52.92596836170616115, 5.71903379485940899 52.92528920765679601, 5.71498791630633107 52.92572139004310827, 5.71382020197611151 52.92387223901587845, 5.71496813571585083 52.91898575313224029, 5.71448925347417092 52.9178218020207467, 5.69575973637020372 52.92105430012090039, 5.69110975554873555 52.92989401595228571, 5.69110975554873555 52.92989401595228571)))</t>
  </si>
  <si>
    <t>MultiPolygon (((5.83807607835663678 52.98387383787704152, 5.84369692567423904 52.98408137278659069, 5.83807207493381242 52.97750654632456957, 5.84253325888803587 52.97626614891311903, 5.8500510341523384 52.97578496810976389, 5.84689230500748636 52.96840935495823288, 5.85676228617063988 52.96781354654188334, 5.85561212153212995 52.96052807082003255, 5.85165834864847234 52.95857225533509904, 5.84673860965548897 52.95800363523428445, 5.84405430390957736 52.9583387013706357, 5.84087267243699326 52.95073607500722801, 5.84271465068850393 52.94999438407454306, 5.84294459483643447 52.94775922738340057, 5.84129485156028583 52.94295663579612921, 5.83877027549249483 52.94247658555212155, 5.83701049584413667 52.94206188095679977, 5.83040921354364006 52.93719323051270464, 5.82521042285402668 52.93986314772402579, 5.80746556152955584 52.94925267354403786, 5.81177089000204905 52.95201115138379322, 5.81947264469574943 52.95874535076016798, 5.82482298076349103 52.95925048810524061, 5.84237046292934092 52.95907825857098317, 5.84389022050122176 52.96242107312396286, 5.828252549674799 52.96634429681277823, 5.82728848669504096 52.96519145105928317, 5.82175685358917061 52.96563803180475105, 5.82366178090415065 52.9667722409856907, 5.82686560607886683 52.97223159270967585, 5.83376722056060615 52.9837372080668132, 5.83807607835663678 52.98387383787704152, 5.83807607835663678 52.98387383787704152)))</t>
  </si>
  <si>
    <t>MultiPolygon (((5.58260235712275588 52.92941311241809643, 5.5942598490800437 52.9154115794446156, 5.59345136927048969 52.91430264241591175, 5.59505353014034057 52.90999589118601421, 5.58516806325465609 52.90387323214862647, 5.5826744967688553 52.9053455425403456, 5.57791530606736252 52.90235067625772558, 5.57579798340221533 52.9018739542803047, 5.57380798326714899 52.90320514137876273, 5.56873219356820126 52.902157916974069, 5.56517058215521487 52.89726873713202338, 5.56664959771907242 52.89487600426677716, 5.56760802532968402 52.89532048376333506, 5.57167239252316548 52.89316268104293073, 5.56320439964821922 52.88690232553579307, 5.54694413400157238 52.87679050931061653, 5.54340859278132481 52.87430254879021874, 5.52361219812282567 52.86644922085750409, 5.51656475826197124 52.87101105994425154, 5.50824731702586323 52.87706263125501494, 5.50109723236720249 52.87957111838883861, 5.50181898693158811 52.88004348329322113, 5.50967115169794308 52.8844355535020938, 5.51006595737089544 52.88581221790533249, 5.5189364226141695 52.89194317494985853, 5.54116517418803589 52.90614725346809166, 5.56438897600672533 52.92167112827521436, 5.56463249804818449 52.92359956134493615, 5.57807071577499158 52.93044293910907783, 5.58188803879573214 52.92879067575800178, 5.58260235712275588 52.92941311241809643, 5.58260235712275588 52.92941311241809643)))</t>
  </si>
  <si>
    <t>MultiPolygon (((5.75983846651305686 53.04668990436408649, 5.75939157504472732 53.02702540449880075, 5.77848622371445764 53.02717289260748146, 5.78008288287710315 53.02592622651144438, 5.77755386907652824 53.01919101216001451, 5.77748882192902435 53.01276378550285528, 5.78220757207823244 53.00954887477115562, 5.77462596102655557 53.00448238958160374, 5.77412636988818573 53.00128318403936589, 5.77837927862532741 52.99667679642992368, 5.77397407266987273 52.99622948082105012, 5.76223087111869425 53.00222659271322101, 5.75661411266441103 53.00432957871129247, 5.75658665661589808 53.00709898398791609, 5.74818122403125642 53.00728191007896584, 5.74889122642568129 53.00784193243175935, 5.74806592512923409 53.00846139284947611, 5.73616429380887638 53.01389279605596982, 5.73324130153335343 53.01543806578099094, 5.73670465811509711 53.0301519032958808, 5.75543215673415798 53.04683805444894062, 5.75983846651305686 53.04668990436408649, 5.75983846651305686 53.04668990436408649)))</t>
  </si>
  <si>
    <t>MultiPolygon (((5.69837956372633414 52.89366940416774554, 5.6994723507068068 52.90029425409471031, 5.72932109221315322 52.8940335425955368, 5.75195926873057317 52.88963831766806578, 5.74943133898143799 52.88939189850758993, 5.74491618136157722 52.8861672605725559, 5.74418649782606927 52.8791537811471315, 5.74708616425655627 52.87555349888089751, 5.74071461480246992 52.86893435919593287, 5.73125247759817391 52.8706552003751824, 5.73099729391336776 52.8702732408950169, 5.69426704171958598 52.87715380269829524, 5.69837956372633414 52.89366940416774554, 5.69837956372633414 52.89366940416774554)))</t>
  </si>
  <si>
    <t>MultiPolygon (((5.57725938448580294 52.93520454396029606, 5.57890100068057571 52.9339416912566918, 5.58052782448977247 52.93395921549545591, 5.58027466681845929 52.93275209256273683, 5.58260235712275588 52.92941311241809643, 5.58188803879573214 52.92879067575800178, 5.57807071577499158 52.93044293910907783, 5.56463249804818449 52.92359956134493615, 5.56438897600672533 52.92167112827521436, 5.54116517418803589 52.90614725346809166, 5.51183148463017591 52.92697477634956016, 5.56447385246700321 52.94736551085578924, 5.56902151037371507 52.94553492437019315, 5.56957358253243395 52.94474251793339192, 5.57281869808385988 52.94224649386800508, 5.57725938448580294 52.93520454396029606, 5.57725938448580294 52.93520454396029606)))</t>
  </si>
  <si>
    <t>MultiPolygon (((5.69426704171958598 52.87715380269829524, 5.73099729391336776 52.8702732408950169, 5.73125247759817391 52.8706552003751824, 5.74071461480246992 52.86893435919593287, 5.72682642369319073 52.8587024946187185, 5.72046451917791288 52.85987343001066563, 5.72087133422723149 52.8608526429019534, 5.70219770396368819 52.86379583227846268, 5.70197491301132509 52.86322999198472417, 5.69122617315561286 52.86512183617727345, 5.69426704171958598 52.87715380269829524, 5.69426704171958598 52.87715380269829524)))</t>
  </si>
  <si>
    <t>MultiPolygon (((5.81323763753284606 52.87681281439400038, 5.83045639902151169 52.87072875676355466, 5.82970399123017469 52.87012941176734415, 5.82418280546878986 52.87129436640658753, 5.82080456755786102 52.86921780008916016, 5.81811968254165457 52.86070025521043902, 5.81023868806055965 52.86139557253591192, 5.81101560734817291 52.86649806573357324, 5.81178394803229281 52.86645828131307923, 5.81323763753284606 52.87681281439400038, 5.81323763753284606 52.87681281439400038)))</t>
  </si>
  <si>
    <t>MultiPolygon (((5.82418280546878986 52.87129436640658753, 5.82970399123017469 52.87012941176734415, 5.83045639902151169 52.87072875676355466, 5.83185723839508263 52.87026092953517775, 5.8483067234210111 52.86466621999107929, 5.85127963363123627 52.86268936113582129, 5.84392754833836658 52.85487379709874745, 5.84083721946797851 52.84837376157080513, 5.79469632755044817 52.85424497932488208, 5.79420393312344384 52.85684908061074339, 5.79340412607787592 52.85678720821459109, 5.79389047853527472 52.85928022245906988, 5.79941893364525374 52.85964470917981828, 5.79916042177112612 52.86235124187301437, 5.8068792273856511 52.86166654555135125, 5.80721231359447643 52.86669493336049186, 5.81101560734817291 52.86649806573357324, 5.81023868806055965 52.86139557253591192, 5.81811968254165457 52.86070025521043902, 5.82080456755786102 52.86921780008916016, 5.82418280546878986 52.87129436640658753, 5.82418280546878986 52.87129436640658753)))</t>
  </si>
  <si>
    <t>MultiPolygon (((5.79538016107329046 52.8840444005129271, 5.81323763753284606 52.87681281439400038, 5.81178394803229281 52.86645828131307923, 5.81101560734817291 52.86649806573357324, 5.80721231359447643 52.86669493336049186, 5.8068792273856511 52.86166654555135125, 5.79916042177112612 52.86235124187301437, 5.79941893364525374 52.85964470917981828, 5.79389047853527472 52.85928022245906988, 5.79340412607787592 52.85678720821459109, 5.78951698569758921 52.85617052857046616, 5.78713942676823212 52.85673505124594129, 5.78589078335807638 52.85844309922623552, 5.78747126331153794 52.86315832848404028, 5.79090963695735628 52.86319625082424523, 5.79223745351133967 52.8672314304183999, 5.79133678778355865 52.8692492516887782, 5.79538016107329046 52.8840444005129271, 5.79538016107329046 52.8840444005129271)))</t>
  </si>
  <si>
    <t>MultiPolygon (((5.72329892667510443 52.91481477254061616, 5.73592978384243679 52.91251760488058409, 5.73843192112240263 52.91321975752102702, 5.75418721155442547 52.91058629256205847, 5.7546400805123703 52.91123507103002765, 5.77257838839029969 52.90836820448851796, 5.77083055599121231 52.90225574647639917, 5.75930123374104674 52.88826090842376715, 5.75195926873057317 52.88963831766806578, 5.72932109221315322 52.8940335425955368, 5.73259902120013631 52.90150251734757347, 5.71840686307671398 52.90425143039206546, 5.71779474755049577 52.90324398578042064, 5.71252480772361348 52.90427519446451043, 5.71937397297162775 52.91112695047531389, 5.72302463594070243 52.91365067033736125, 5.72329892667510443 52.91481477254061616, 5.72329892667510443 52.91481477254061616)))</t>
  </si>
  <si>
    <t>MultiPolygon (((5.68913444289105996 52.94552024600511686, 5.69075008360067436 52.96255711984986903, 5.69183430885543373 52.96187537289353031, 5.69878428366577872 52.96690256323169166, 5.70884666879652958 52.96694805571979714, 5.71868598118375093 52.96075341982919582, 5.71547771058671472 52.96058150787916929, 5.71498960718722682 52.95701976343443107, 5.72015345202211201 52.95675361017426042, 5.72946459700389532 52.94521212409485145, 5.71839167717239594 52.9463034630771503, 5.71475002073733052 52.94335036726222654, 5.68913444289105996 52.94552024600511686, 5.68913444289105996 52.94552024600511686)))</t>
  </si>
  <si>
    <t>MultiPolygon (((5.86809860307337061 52.87903307264888042, 5.86454554196384237 52.87608743804639744, 5.86175457494891905 52.87467893098426686, 5.85695877307707935 52.87097531489648361, 5.85605606780585664 52.86764160278982416, 5.85127963363123627 52.86268936113582129, 5.8483067234210111 52.86466621999107929, 5.83185723839508263 52.87026092953517775, 5.83460244148979257 52.87282956524355626, 5.82820299754390625 52.87552087612755258, 5.83044122744048376 52.87753795363019549, 5.82827575144969146 52.87854750066219367, 5.82582500405768311 52.8763795035450741, 5.82147371644125666 52.87651414864799193, 5.81701408626121896 52.87807353802636356, 5.81323763753284606 52.87681281439400038, 5.79538016107329046 52.8840444005129271, 5.79271251395950149 52.88518387093788675, 5.79873199268432149 52.89492220839198922, 5.81666978615417118 52.89814899712372664, 5.84258028000706631 52.9028043760765172, 5.85077118656262574 52.89988554191859293, 5.86594827678825137 52.894792104078455, 5.88323766649399804 52.88904566931209672, 5.88051255354661961 52.88880857744705111, 5.87697139173209138 52.88682803433874113, 5.87110316428113599 52.88167304063698282, 5.86842422819552034 52.8802981313556586, 5.86809860307337061 52.87903307264888042, 5.86809860307337061 52.87903307264888042)))</t>
  </si>
  <si>
    <t>MultiPolygon (((5.81323763753284606 52.87681281439400038, 5.81701408626121896 52.87807353802636356, 5.82147371644125666 52.87651414864799193, 5.82582500405768311 52.8763795035450741, 5.82827575144969146 52.87854750066219367, 5.83044122744048376 52.87753795363019549, 5.82820299754390625 52.87552087612755258, 5.83460244148979257 52.87282956524355626, 5.83185723839508263 52.87026092953517775, 5.83045639902151169 52.87072875676355466, 5.81323763753284606 52.87681281439400038, 5.81323763753284606 52.87681281439400038)))</t>
  </si>
  <si>
    <t>MultiPolygon (((5.76223087111869425 53.00222659271322101, 5.77397407266987273 52.99622948082105012, 5.77837927862532741 52.99667679642992368, 5.78298836517921711 52.98974454979613569, 5.78167394394979084 52.98440989564576853, 5.78465492037566786 52.98130105508530363, 5.7853505094080182 52.97801586134046659, 5.78534157077004618 52.97656853903469454, 5.78561564490080382 52.97493743357762952, 5.78435751389269281 52.96505567078745713, 5.78109227223892219 52.96269943028254801, 5.77931203570710217 52.96257664928061359, 5.77343939271284423 52.96426067533737836, 5.76949128248298937 52.9627941429640714, 5.7628110563618371 52.96896106238323654, 5.75590587420632716 52.97381644540877232, 5.73961937836276004 52.98196979774166948, 5.7397679361418481 52.98459986981519876, 5.74146263983964378 52.98620429107506169, 5.7409924252497575 52.98891059033491047, 5.73806537371883962 52.99700008860579459, 5.73556527959220386 53.00029481637990614, 5.73356566122695899 53.00093000927874698, 5.73894226916117667 53.00119613774976557, 5.74225818050042935 53.00230062581367463, 5.74149983969517308 53.00429781690682773, 5.74218255719012127 53.00535143820976458, 5.74818122403125642 53.00728191007896584, 5.75658665661589808 53.00709898398791609, 5.75661411266441103 53.00432957871129247, 5.76223087111869425 53.00222659271322101, 5.76223087111869425 53.00222659271322101)))</t>
  </si>
  <si>
    <t>MultiPolygon (((5.7397679361418481 52.98459986981519876, 5.73961937836276004 52.98196979774166948, 5.75590587420632716 52.97381644540877232, 5.73861184657865753 52.96539530228614723, 5.74235095834466236 52.96216713185705771, 5.74997077827648173 52.95807052739024101, 5.75174468997791966 52.95737270716503531, 5.76312459107600006 52.95673886186825285, 5.76897518052983216 52.95335475702830053, 5.76192940845771595 52.94892197566149861, 5.75559395718489597 52.94671600433809999, 5.75499335889292496 52.94482823593760656, 5.74801469199885862 52.94962917819374582, 5.748929850779124 52.95105972309766429, 5.74456341091431977 52.9537085233047975, 5.74282085414750387 52.95272956065075221, 5.73236027978133045 52.95995638526495952, 5.72849659449835968 52.96084539788911627, 5.71764908042248887 52.97158716821727609, 5.70622116015848224 52.97880741154963857, 5.69755298408629596 52.98516854900986317, 5.69736915710559177 52.98608796828322909, 5.7051744776096438 52.98424319856784592, 5.70654169272411593 52.98447529790956168, 5.70777678020535806 52.98510883768760493, 5.70718753939813794 52.98658546551180137, 5.71311758703797334 52.99033084859464537, 5.71445310438858911 52.99337413973017874, 5.71613240069391981 52.99516434462405101, 5.72187212854356897 52.99758204443345022, 5.72316858903305725 52.99905334334056306, 5.73103392218710361 53.00137191415348781, 5.73356566122695899 53.00093000927874698, 5.73556527959220386 53.00029481637990614, 5.73806537371883962 52.99700008860579459, 5.7409924252497575 52.98891059033491047, 5.74146263983964378 52.98620429107506169, 5.7397679361418481 52.98459986981519876, 5.7397679361418481 52.98459986981519876)))</t>
  </si>
  <si>
    <t>MultiPolygon (((5.795177033982438 52.80652183738239103, 5.78980667287415063 52.80369148551227454, 5.78737549197018541 52.80896901140739175, 5.78438214199708689 52.81747574468877104, 5.74880735674420063 52.83967958266816112, 5.7457189198390175 52.84023622777546336, 5.75086096417253945 52.84736048849808299, 5.75333381219593232 52.84871374334195337, 5.75912153268526872 52.85023793466599784, 5.78871318546583957 52.85411104035132013, 5.78951698569758921 52.85617052857046616, 5.79340412607787592 52.85678720821459109, 5.79420393312344384 52.85684908061074339, 5.79469632755044817 52.85424497932488208, 5.84083721946797851 52.84837376157080513, 5.83990903050875865 52.84692076499242575, 5.84001698295288385 52.84299620657045438, 5.83587947924682382 52.84104078195208132, 5.83300774018438872 52.83656006263188232, 5.82923669903211294 52.83346594893452419, 5.82870768829165176 52.83176805723442016, 5.82574633660076202 52.83016976677583187, 5.82775042951973621 52.8277094011379944, 5.82472869974756335 52.82558981759547123, 5.82156735885157595 52.82468998354217149, 5.81901426214076967 52.82307233237880695, 5.81812778774310413 52.82166848122346181, 5.81823805056591681 52.8197803405452504, 5.81974419827093659 52.81727838858881796, 5.81001554143357879 52.81388355109209698, 5.795177033982438 52.80652183738239103, 5.795177033982438 52.80652183738239103)))</t>
  </si>
  <si>
    <t>MultiPolygon (((5.5942598490800437 52.9154115794446156, 5.62075060918150449 52.91950356986951221, 5.60236727733967221 52.90295716932660497, 5.59427985155096419 52.90115509229443802, 5.59707728667867688 52.89589570693850362, 5.59787925652349205 52.89607386765427322, 5.60020185056861042 52.8941425469293236, 5.59851406374406046 52.8934585351907387, 5.59401523869110839 52.89548488909859714, 5.59235935052599853 52.8945681030608128, 5.59314085943705219 52.8938900224789279, 5.59555303278993765 52.8926585297030627, 5.59837203333402833 52.89212775116011045, 5.59046809607247752 52.88825924623110097, 5.58849240798994895 52.88804649856055562, 5.58767012073060609 52.8883856300289068, 5.58207483845965502 52.88627061592347189, 5.57113240889255756 52.89130900045100248, 5.57327225886115496 52.89313305761574213, 5.57227929314214077 52.89356568355366761, 5.57167239252316548 52.89316268104293073, 5.56760802532968402 52.89532048376333506, 5.56664959771907242 52.89487600426677716, 5.56517058215521487 52.89726873713202338, 5.56873219356820126 52.902157916974069, 5.57380798326714899 52.90320514137876273, 5.57579798340221533 52.9018739542803047, 5.57791530606736252 52.90235067625772558, 5.5826744967688553 52.9053455425403456, 5.58516806325465609 52.90387323214862647, 5.59505353014034057 52.90999589118601421, 5.59345136927048969 52.91430264241591175, 5.5942598490800437 52.9154115794446156, 5.5942598490800437 52.9154115794446156)))</t>
  </si>
  <si>
    <t>MultiPolygon (((5.44789560790800653 52.87271047600273732, 5.45743700714998514 52.87167658161443029, 5.45752642748677808 52.8721268326869378, 5.46512872256317106 52.87130109444766646, 5.4677183338074391 52.8725634110364453, 5.4686889253432156 52.87179412766686681, 5.47246974571678901 52.87297182890814895, 5.47365801548226472 52.8712414328942728, 5.47709258268355281 52.86876621901825501, 5.47725956115851709 52.86792584548894069, 5.47245155921496806 52.86627878766912403, 5.47069869978900059 52.86742524489241646, 5.46037892727879637 52.86387087993022504, 5.45346700798952888 52.86239957460030325, 5.44844143385844415 52.86244230705977998, 5.43808728480205072 52.86023851661302331, 5.43335153066900567 52.87010871510170773, 5.43240016524563707 52.86990419756615722, 5.42624452560873749 52.87332636007931796, 5.43253184522548072 52.87464996351692292, 5.44365150856976587 52.8737207044275408, 5.44789560790800653 52.87271047600273732, 5.44789560790800653 52.87271047600273732)))</t>
  </si>
  <si>
    <t>MultiPolygon (((5.80267391546919509 53.01775911700555355, 5.81227131563581079 53.00465459055836703, 5.80439039441099514 53.00121747705385644, 5.80471917669059856 52.99865522731620615, 5.8095889376600347 52.99168577129594127, 5.80450055262652942 52.98887554334331185, 5.80097727456293466 52.99248535356565526, 5.79499021924337132 52.99435765725262115, 5.7844219736443776 52.98995833795607524, 5.78341692697880649 52.99085547234739835, 5.78298836517921711 52.98974454979613569, 5.77837927862532741 52.99667679642992368, 5.78833427803719136 53.00156974564620782, 5.7867082284221647 53.00653018280537054, 5.78854510520759113 53.00840966391923104, 5.79519063585714456 53.01175671695452962, 5.79471224871228863 53.01299265265393501, 5.79598227999624971 53.01433878568028746, 5.80267391546919509 53.01775911700555355, 5.80267391546919509 53.01775911700555355)))</t>
  </si>
  <si>
    <t>MultiPolygon (((4.82718965798869437 51.97013988968603826, 4.8293800800848139 51.97026557067513863, 4.84212198707604546 51.96502294485541285, 4.84770227046656643 51.95781808574175642, 4.84689253399357245 51.95624651936301319, 4.84285191298851903 51.95642884804890116, 4.83619900304094852 51.95632737811467905, 4.8369328025068512 51.94486130151337022, 4.84440530913658218 51.94683658321747544, 4.84637768144231718 51.94712172479555079, 4.8467491579383486 51.9463484651682208, 4.84670117039903214 51.94137667079923659, 4.8371958948113285 51.94042104781090785, 4.83230416660701056 51.93863880268589384, 4.83221116327236011 51.93918703063885545, 4.83052398381787196 51.94938667663405596, 4.82718965798869437 51.97013988968603826, 4.82718965798869437 51.97013988968603826)))</t>
  </si>
  <si>
    <t>MultiPolygon (((4.87779292015555299 51.93803067558325637, 4.87227844056527282 51.93835443653502182, 4.86328104696460439 51.94002599368126738, 4.8591955729654952 51.94083125700333881, 4.8581740303767047 51.94320032580800728, 4.85993834146501058 51.94480838486532548, 4.85937848654594173 51.94800994683091488, 4.87275566256970372 51.95094068680953114, 4.87581203164177435 51.94353356492248253, 4.87779292015555299 51.93803067558325637)))</t>
  </si>
  <si>
    <t>MultiPolygon (((4.8715979512556844 51.95371069670306241, 4.87275566256970372 51.95094068680953114, 4.85937848654594173 51.94800994683091488, 4.857607823176461 51.95084237334984323, 4.85617776429117676 51.9513566519044474, 4.85144284872631282 51.95127216066473608, 4.85102106624249441 51.95509506713564463, 4.85309596359322004 51.95527292501969185, 4.85875593401676298 51.9581685083066489, 4.8656739806460072 51.96043334769063904, 4.86895664693597485 51.95670673959234875, 4.8715979512556844 51.95371069670306241)))</t>
  </si>
  <si>
    <t>MultiPolygon (((4.83619900304094852 51.95632737811467905, 4.84285191298851903 51.95642884804890116, 4.84292931859232123 51.95154126506378844, 4.84440530913658218 51.94683658321747544, 4.8369328025068512 51.94486130151337022, 4.83619900304094852 51.95632737811467905, 4.83619900304094852 51.95632737811467905)))</t>
  </si>
  <si>
    <t>MultiPolygon (((4.84285191298851903 51.95642884804890116, 4.84689253399357245 51.95624651936301319, 4.85102106624249441 51.95509506713564463, 4.85144284872631282 51.95127216066473608, 4.84745906530365822 51.94998900397698094, 4.84440530913658218 51.94683658321747544, 4.84292931859232123 51.95154126506378844, 4.84285191298851903 51.95642884804890116, 4.84285191298851903 51.95642884804890116)))</t>
  </si>
  <si>
    <t>MultiPolygon (((4.85144284872631282 51.95127216066473608, 4.85617776429117676 51.9513566519044474, 4.857607823176461 51.95084237334984323, 4.85937848654594173 51.94800994683091488, 4.85993834146501058 51.94480838486532548, 4.8581740303767047 51.94320032580800728, 4.8591955729654952 51.94083125700333881, 4.84670117039903214 51.94137667079923659, 4.8467491579383486 51.9463484651682208, 4.84637768144231718 51.94712172479555079, 4.84440530913658218 51.94683658321747544, 4.84745906530365822 51.94998900397698094, 4.85144284872631282 51.95127216066473608, 4.85144284872631282 51.95127216066473608)))</t>
  </si>
  <si>
    <t>MultiPolygon (((4.84755316455708929 51.97513690048011625, 4.84976588011368825 51.97385407531841395, 4.86038221923460512 51.96801350622282456, 4.86430449770035001 51.96339736016606281, 4.8656739806460072 51.96043334769063904, 4.85875593401676298 51.9581685083066489, 4.85309596359322004 51.95527292501969185, 4.85102106624249441 51.95509506713564463, 4.84689253399357245 51.95624651936301319, 4.84770227046656643 51.95781808574175642, 4.84212198707604546 51.96502294485541285, 4.8293800800848139 51.97026557067513863, 4.82718965798869437 51.97013988968603826, 4.82548729395828335 51.97150845582406475, 4.84554637042158909 51.97520050373987743, 4.84755316455708929 51.97513690048011625, 4.84755316455708929 51.97513690048011625)))</t>
  </si>
  <si>
    <t>MultiPolygon (((4.81937639335271584 51.99428242994392946, 4.82696864894884126 51.99259468600491374, 4.83521784818434686 51.98614302050801683, 4.83411436366772129 51.98558024717724635, 4.8442969746822131 51.97635180913739816, 4.84554637042158909 51.97520050373987743, 4.82548729395828335 51.97150845582406475, 4.82531834726455866 51.97236543189480074, 4.82275028338928635 51.97312798208793083, 4.81260012894025557 51.96933116885463733, 4.8103790128968642 51.96853706881961443, 4.80679539353926444 51.96585537532686772, 4.8026573189118178 51.97247900149811528, 4.80007248904334993 51.97647149555865553, 4.78720021273808172 51.98144307012542953, 4.7827641980924307 51.98315641272015597, 4.79276572733906203 51.9903955277300156, 4.80029409940857033 51.99054476285527215, 4.81937639335271584 51.99428242994392946, 4.81937639335271584 51.99428242994392946)))</t>
  </si>
  <si>
    <t>MultiPolygon (((4.75489730899977125 51.98947144977705648, 4.75836868422314563 51.9900496446640048, 4.77301219280082911 51.98990770394828331, 4.77694094644644451 51.98552324251170376, 4.78092932537298942 51.98441445090342938, 4.7827641980924307 51.98315641272015597, 4.78720021273808172 51.98144307012542953, 4.7681186973753249 51.97881116327194917, 4.76547147564333695 51.97858272454220696, 4.76214851673631401 51.98408265259626404, 4.75826151270304276 51.98463798268596747, 4.75489730899977125 51.98947144977705648, 4.75489730899977125 51.98947144977705648)))</t>
  </si>
  <si>
    <t>MultiPolygon (((4.78039106765422517 51.96917279343233531, 4.8026573189118178 51.97247900149811528, 4.80679539353926444 51.96585537532686772, 4.8103790128968642 51.96853706881961443, 4.81260012894025557 51.96933116885463733, 4.8145888840817106 51.95826527563040997, 4.80835455097953357 51.95719777572556808, 4.79028879412015751 51.95339169077813324, 4.78069069030770866 51.952082557664788, 4.78064067037664842 51.95211277227825519, 4.78051281145600537 51.95898919801773985, 4.77573604538186114 51.96138694366664623, 4.78405574214544327 51.96271873735290114, 4.78039106765422517 51.96917279343233531, 4.78039106765422517 51.96917279343233531)))</t>
  </si>
  <si>
    <t>MultiPolygon (((4.77095343450840303 51.96749167844108541, 4.77299995343561445 51.96610121753442257, 4.77573604538186114 51.96138694366664623, 4.78051281145600537 51.95898919801773985, 4.78064067037664842 51.95211277227825519, 4.73834369587225623 51.94443910434089418, 4.7386514066255554 51.94975615322380946, 4.73730655201474793 51.94945923058998005, 4.7339967066468871 51.95517116246607969, 4.74244581748624405 51.95898172942598592, 4.74695280501823635 51.96032847539463262, 4.77095343450840303 51.96749167844108541, 4.77095343450840303 51.96749167844108541)))</t>
  </si>
  <si>
    <t>MultiPolygon (((4.73535121208365872 51.99756111325390151, 4.73597081195357372 51.99804372761517612, 4.73772858547961118 51.99728962152428124, 4.74950611745666951 51.99201379869101913, 4.75026967712958204 51.99104603328770224, 4.7502017097091338 51.98752625533858662, 4.758245988385708 51.98062253357622353, 4.7482577109606332 51.97899892590116622, 4.73273044986457592 51.97190161172630241, 4.71798245794358273 51.96552024219301558, 4.712703050068626 51.96832115503632821, 4.71043518905915892 51.97243267379838016, 4.72094971306697708 51.97826255602549139, 4.70905658464136767 51.9841408515775143, 4.73535121208365872 51.99756111325390151, 4.73535121208365872 51.99756111325390151)))</t>
  </si>
  <si>
    <t>MultiPolygon (((4.75026967712958204 51.99104603328770224, 4.75489730899977125 51.98947144977705648, 4.75826151270304276 51.98463798268596747, 4.76214851673631401 51.98408265259626404, 4.76547147564333695 51.97858272454220696, 4.76243716394038774 51.97789026694776027, 4.758245988385708 51.98062253357622353, 4.7502017097091338 51.98752625533858662, 4.75026967712958204 51.99104603328770224, 4.75026967712958204 51.99104603328770224)))</t>
  </si>
  <si>
    <t>MultiPolygon (((4.712703050068626 51.96832115503632821, 4.71798245794358273 51.96552024219301558, 4.73273044986457592 51.97190161172630241, 4.74501799721473283 51.96360554335817739, 4.74695280501823635 51.96032847539463262, 4.74244581748624405 51.95898172942598592, 4.7339967066468871 51.95517116246607969, 4.73730655201474793 51.94945923058998005, 4.72029042523535924 51.94433228620640364, 4.7174403808172114 51.95118092843392077, 4.71786356810321372 51.9518231598662581, 4.70525626675693953 51.96284728704442557, 4.712703050068626 51.96832115503632821, 4.712703050068626 51.96832115503632821)))</t>
  </si>
  <si>
    <t>MultiPolygon (((4.758245988385708 51.98062253357622353, 4.76243716394038774 51.97789026694776027, 4.7653128843936825 51.97581906664836993, 4.77095343450840303 51.96749167844108541, 4.74695280501823635 51.96032847539463262, 4.74501799721473283 51.96360554335817739, 4.73273044986457592 51.97190161172630241, 4.7482577109606332 51.97899892590116622, 4.758245988385708 51.98062253357622353, 4.758245988385708 51.98062253357622353)))</t>
  </si>
  <si>
    <t>MultiPolygon (((4.7681186973753249 51.97881116327194917, 4.78720021273808172 51.98144307012542953, 4.80007248904334993 51.97647149555865553, 4.8026573189118178 51.97247900149811528, 4.78039106765422517 51.96917279343233531, 4.77812282820880796 51.9738297206690234, 4.77430794710565642 51.97650048287209046, 4.77191841047813625 51.97612472778736503, 4.7681186973753249 51.97881116327194917, 4.7681186973753249 51.97881116327194917)))</t>
  </si>
  <si>
    <t>MultiPolygon (((4.76547147564333695 51.97858272454220696, 4.7681186973753249 51.97881116327194917, 4.77191841047813625 51.97612472778736503, 4.77430794710565642 51.97650048287209046, 4.77812282820880796 51.9738297206690234, 4.78039106765422517 51.96917279343233531, 4.78405574214544327 51.96271873735290114, 4.77573604538186114 51.96138694366664623, 4.77299995343561445 51.96610121753442257, 4.77095343450840303 51.96749167844108541, 4.7653128843936825 51.97581906664836993, 4.76243716394038774 51.97789026694776027, 4.76547147564333695 51.97858272454220696, 4.76547147564333695 51.97858272454220696)))</t>
  </si>
  <si>
    <t>MultiPolygon (((4.77271572610854911 51.99679395532681525, 4.77826547775655541 51.99792281102830316, 4.78166378281799354 51.99470607110470155, 4.77482797002669734 51.99346740201960415, 4.77271572610854911 51.99679395532681525, 4.77271572610854911 51.99679395532681525)))</t>
  </si>
  <si>
    <t>MultiPolygon (((4.84860273077464488 52.01611691565332762, 4.85638568861738218 52.00683805821832095, 4.85712655638268842 52.00595950798791023, 4.85360203587102568 52.0047984108790331, 4.817805905521932 51.99976688905378097, 4.82696864894884126 51.99259468600491374, 4.81937639335271584 51.99428242994392946, 4.80029409940857033 51.99054476285527215, 4.79276572733906203 51.9903955277300156, 4.7827641980924307 51.98315641272015597, 4.78092932537298942 51.98441445090342938, 4.77694094644644451 51.98552324251170376, 4.77301219280082911 51.98990770394828331, 4.75836868422314563 51.9900496446640048, 4.75489730899977125 51.98947144977705648, 4.75026967712958204 51.99104603328770224, 4.74950611745666951 51.99201379869101913, 4.73772858547961118 51.99728962152428124, 4.73597081195357372 51.99804372761517612, 4.73535121208365872 51.99756111325390151, 4.73191732717429403 51.99901974912896208, 4.72880351040956803 52.00630108239246141, 4.73190060712804783 52.00587291715019234, 4.73206069917381189 52.00522578811870034, 4.73877451577720699 52.00184768248459477, 4.74485951225261804 52.00006694123903372, 4.75127962176903651 51.99901250629122984, 4.76165771663390736 51.99844504418976499, 4.77129221097645839 51.99851067297998242, 4.77271572610854911 51.99679395532681525, 4.77482797002669734 51.99346740201960415, 4.78166378281799354 51.99470607110470155, 4.78207850690927749 51.99857133185700064, 4.78609718227976177 51.99950006912308709, 4.79258408316546092 52.00267988245641249, 4.79770993785746391 52.00632440011727908, 4.80537538318220214 52.00973146849396755, 4.82301179754547693 52.01396879445169219, 4.837365380006454 52.01428753538064598, 4.84860273077464488 52.01611691565332762, 4.84860273077464488 52.01611691565332762)))</t>
  </si>
  <si>
    <t>MultiPolygon (((4.80341017381056545 52.01414454903821394, 4.79929485405755329 52.01323816991849469, 4.79729142304968104 52.01205854061628031, 4.79225723765992928 52.00662104075522763, 4.78812932926794499 52.00324811596316721, 4.78634268707923294 52.00302044389026435, 4.78226417262784587 52.00292447027634779, 4.77909091145224973 52.00368655077136282, 4.77309004024561379 52.00387095917605507, 4.76897739223419315 52.00275985402394952, 4.76656898910028914 52.00294514326962769, 4.76665879205712795 52.00128308036591562, 4.76014012254161933 52.00111242337303707, 4.75732722614681336 52.00143847979749978, 4.75724740248923794 52.00292617521692762, 4.75276300288773701 52.01053654818234406, 4.75099127717026626 52.01389879432046826, 4.75087977144436291 52.01408835861090552, 4.76620600418450735 52.01324200006135356, 4.77594424583131349 52.01406416670018018, 4.78507763265782238 52.0164541358081749, 4.79870020804844266 52.02227172806324518, 4.80341017381056545 52.01414454903821394)))</t>
  </si>
  <si>
    <t>MultiPolygon (((4.76665879205712795 52.00128308036591562, 4.76656898910028914 52.00294514326962769, 4.76897739223419315 52.00275985402394952, 4.77309004024561379 52.00387095917605507, 4.77909091145224973 52.00368655077136282, 4.78226417262784587 52.00292447027634779, 4.77615442168438697 52.00255211664941157, 4.77021989064197172 52.00135651681480198, 4.76665879205712795 52.00128308036591562, 4.76665879205712795 52.00128308036591562)))</t>
  </si>
  <si>
    <t>MultiPolygon (((4.77129221097645839 51.99851067297998242, 4.77009791090622937 52.00026495491432854, 4.77096326357856704 52.00048709546431525, 4.77315456558336049 52.00051153693036809, 4.77561494539602815 51.99913578393592672, 4.77759066311257907 51.99942630796517307, 4.77826547775655541 51.99792281102830316, 4.77271572610854911 51.99679395532681525, 4.77129221097645839 51.99851067297998242, 4.77129221097645839 51.99851067297998242)))</t>
  </si>
  <si>
    <t>MultiPolygon (((4.77759066311257907 51.99942630796517307, 4.78207850690927749 51.99857133185700064, 4.78166378281799354 51.99470607110470155, 4.77826547775655541 51.99792281102830316, 4.77759066311257907 51.99942630796517307, 4.77759066311257907 51.99942630796517307)))</t>
  </si>
  <si>
    <t>MultiPolygon (((4.72880351040956803 52.00630108239246141, 4.73191732717429403 51.99901974912896208, 4.72670231541145647 52.00126345569700703, 4.72673647069212155 52.00127603338361837, 4.72756977962654723 52.00158288224279346, 4.72420094888939257 52.00338473543737194, 4.72279259919321781 52.00548205814692437, 4.72832769053182655 52.00734370670605955, 4.72880351040956803 52.00630108239246141, 4.72880351040956803 52.00630108239246141)))</t>
  </si>
  <si>
    <t>MultiPolygon (((4.84689577765410995 52.01818170817921327, 4.84860273077464488 52.01611691565332762, 4.837365380006454 52.01428753538064598, 4.82301179754547693 52.01396879445169219, 4.82148468694590893 52.0159182914812277, 4.8249942568494264 52.01723660891757106, 4.83333477627045216 52.01642293447142862, 4.84017805405890567 52.01670694272223727, 4.84689577765410995 52.01818170817921327, 4.84689577765410995 52.01818170817921327)))</t>
  </si>
  <si>
    <t>MultiPolygon (((4.73077407507027026 52.00735094424680938, 4.73729179922749566 52.00593512568931942, 4.73773336768421771 52.00684143539212556, 4.73932156101611746 52.00625210009556554, 4.74205637715771466 52.00458641268183868, 4.74597012943839136 52.00279561923596816, 4.75226197398990013 52.00234821198210255, 4.75732722614681336 52.00143847979749978, 4.76014012254161933 52.00111242337303707, 4.76165771663390736 51.99844504418976499, 4.75127962176903651 51.99901250629122984, 4.74485951225261804 52.00006694123903372, 4.73877451577720699 52.00184768248459477, 4.73206069917381189 52.00522578811870034, 4.73190060712804783 52.00587291715019234, 4.72880351040956803 52.00630108239246141, 4.72832769053182655 52.00734370670605955, 4.73077407507027026 52.00735094424680938, 4.73077407507027026 52.00735094424680938)))</t>
  </si>
  <si>
    <t>MultiPolygon (((4.82148468694590893 52.0159182914812277, 4.82301179754547693 52.01396879445169219, 4.80537538318220214 52.00973146849396755, 4.79770993785746391 52.00632440011727908, 4.79258408316546092 52.00267988245641249, 4.78609718227976177 51.99950006912308709, 4.78634268707923294 52.00302044389026435, 4.78812932926794499 52.00324811596316721, 4.79225723765992928 52.00662104075522763, 4.79729142304968104 52.01205854061628031, 4.79929485405755329 52.01323816991849469, 4.80341017381056545 52.01414454903821394, 4.8053948225308325 52.01413292847999514, 4.8082851464021541 52.01414324163552294, 4.81263134741025933 52.01394183215714406, 4.81585892439770547 52.01402999208222155, 4.82148468694590893 52.0159182914812277, 4.82148468694590893 52.0159182914812277)))</t>
  </si>
  <si>
    <t>MultiPolygon (((4.78226417262784587 52.00292447027634779, 4.78634268707923294 52.00302044389026435, 4.78609718227976177 51.99950006912308709, 4.78207850690927749 51.99857133185700064, 4.77759066311257907 51.99942630796517307, 4.77561494539602815 51.99913578393592672, 4.77315456558336049 52.00051153693036809, 4.77096326357856704 52.00048709546431525, 4.77009791090622937 52.00026495491432854, 4.77129221097645839 51.99851067297998242, 4.76165771663390736 51.99844504418976499, 4.76014012254161933 52.00111242337303707, 4.76665879205712795 52.00128308036591562, 4.77021989064197172 52.00135651681480198, 4.77615442168438697 52.00255211664941157, 4.78226417262784587 52.00292447027634779, 4.78226417262784587 52.00292447027634779)))</t>
  </si>
  <si>
    <t>MultiPolygon (((4.70905658464136767 51.9841408515775143, 4.72094971306697708 51.97826255602549139, 4.71043518905915892 51.97243267379838016, 4.712703050068626 51.96832115503632821, 4.70525626675693953 51.96284728704442557, 4.68416038862114359 51.94718079098824148, 4.6799767759645059 51.94924174847042053, 4.68050017851137934 51.95044443292895409, 4.67919251777435363 51.95799444182766536, 4.68700192547895611 51.96851354482567587, 4.70905658464136767 51.9841408515775143, 4.70905658464136767 51.9841408515775143)))</t>
  </si>
  <si>
    <t>MultiPolygon (((4.70525626675693953 51.96284728704442557, 4.71786356810321372 51.9518231598662581, 4.7174403808172114 51.95118092843392077, 4.72029042523535924 51.94433228620640364, 4.71809822497907216 51.94343123431349341, 4.71687265189301552 51.92970758949782351, 4.70850269805994248 51.93109455601339164, 4.69672406609864357 51.92971578224565832, 4.69159913864934452 51.93224631178807726, 4.67507190846297149 51.94054338896822998, 4.67695588191075995 51.94192347582997371, 4.6799767759645059 51.94924174847042053, 4.68416038862114359 51.94718079098824148, 4.70525626675693953 51.96284728704442557, 4.70525626675693953 51.96284728704442557)))</t>
  </si>
  <si>
    <t>MultiPolygon (((4.80834525022110792 51.93235035604499927, 4.81101601356401964 51.93332338378927204, 4.81272734883316033 51.92798977054053466, 4.81419522795156141 51.92623148457065696, 4.81128344360359073 51.92455463205044452, 4.80123311545811493 51.92163226992241221, 4.80160205318789135 51.92994273704353247, 4.80834525022110792 51.93235035604499927, 4.80834525022110792 51.93235035604499927)))</t>
  </si>
  <si>
    <t>MultiPolygon (((4.81122017694752024 51.94215118935549924, 4.83052398381787196 51.94938667663405596, 4.83221116327236011 51.93918703063885545, 4.82925975969952059 51.94031792600860342, 4.82182691082423798 51.93855420086342889, 4.82029449654939146 51.94033062637309683, 4.81192095952875487 51.93803085885319604, 4.81122017694752024 51.94215118935549924, 4.81122017694752024 51.94215118935549924)))</t>
  </si>
  <si>
    <t>MultiPolygon (((4.83221116327236011 51.93918703063885545, 4.83230416660701056 51.93863880268589384, 4.81419522795156141 51.92623148457065696, 4.81272734883316033 51.92798977054053466, 4.81101601356401964 51.93332338378927204, 4.80834525022110792 51.93235035604499927, 4.80723154720181434 51.93688756330215739, 4.81192095952875487 51.93803085885319604, 4.82029449654939146 51.94033062637309683, 4.82182691082423798 51.93855420086342889, 4.82925975969952059 51.94031792600860342, 4.83221116327236011 51.93918703063885545, 4.83221116327236011 51.93918703063885545)))</t>
  </si>
  <si>
    <t>MultiPolygon (((4.79451822913970194 51.93385862726693603, 4.80723154720181434 51.93688756330215739, 4.80834525022110792 51.93235035604499927, 4.80160205318789135 51.92994273704353247, 4.80123311545811493 51.92163226992241221, 4.79070490099520008 51.91965899557937547, 4.79181171730108613 51.93154680702524928, 4.78893411008127678 51.93236601415395626, 4.79451822913970194 51.93385862726693603, 4.79451822913970194 51.93385862726693603)))</t>
  </si>
  <si>
    <t>MultiPolygon (((4.77388150081227369 51.92953385695647484, 4.77468665025237815 51.92806592958335443, 4.77813361709774576 51.92750317462512299, 4.77761006903236485 51.91706524139311085, 4.76719340225248533 51.91590335508202259, 4.76176213952815797 51.91421687108310579, 4.74386948712271916 51.90524884134608641, 4.74325037674805383 51.90669206088455923, 4.74395887612680056 51.91319167907880683, 4.74487076016671594 51.92696810864686086, 4.75388579845090575 51.9267965195366088, 4.77388150081227369 51.92953385695647484, 4.77388150081227369 51.92953385695647484)))</t>
  </si>
  <si>
    <t>MultiPolygon (((4.78706230673738631 51.93181238534329225, 4.78893411008127678 51.93236601415395626, 4.79181171730108613 51.93154680702524928, 4.79070490099520008 51.91965899557937547, 4.77761006903236485 51.91706524139311085, 4.77813361709774576 51.92750317462512299, 4.77468665025237815 51.92806592958335443, 4.77388150081227369 51.92953385695647484, 4.77398207700734645 51.929585792874974, 4.78706230673738631 51.93181238534329225, 4.78706230673738631 51.93181238534329225)))</t>
  </si>
  <si>
    <t>MultiPolygon (((4.82548729395828335 51.97150845582406475, 4.82718965798869437 51.97013988968603826, 4.83052398381787196 51.94938667663405596, 4.81122017694752024 51.94215118935549924, 4.80835455097953357 51.95719777572556808, 4.8145888840817106 51.95826527563040997, 4.81260012894025557 51.96933116885463733, 4.82275028338928635 51.97312798208793083, 4.82531834726455866 51.97236543189480074, 4.82548729395828335 51.97150845582406475, 4.82548729395828335 51.97150845582406475)))</t>
  </si>
  <si>
    <t>MultiPolygon (((4.79028879412015751 51.95339169077813324, 4.80835455097953357 51.95719777572556808, 4.81122017694752024 51.94215118935549924, 4.81192095952875487 51.93803085885319604, 4.80723154720181434 51.93688756330215739, 4.79451822913970194 51.93385862726693603, 4.79440032381370163 51.93974631309730938, 4.78708184946481019 51.93809076799583835, 4.78726325532603525 51.94062823026359865, 4.78755012716540573 51.94478136607044405, 4.78083024089510644 51.94396832229065808, 4.78069069030770866 51.952082557664788, 4.79028879412015751 51.95339169077813324, 4.79028879412015751 51.95339169077813324)))</t>
  </si>
  <si>
    <t>MultiPolygon (((4.78064067037664842 51.95211277227825519, 4.78069069030770866 51.952082557664788, 4.78083024089510644 51.94396832229065808, 4.77306718118088646 51.94299501345187764, 4.77298388581520605 51.94059028499776076, 4.77972496143609504 51.94060131321644036, 4.77939623795349267 51.93488355847054549, 4.77753000970609154 51.93281804430303339, 4.77436027239124439 51.93256047543442122, 4.77398207700734645 51.929585792874974, 4.77388150081227369 51.92953385695647484, 4.75388579845090575 51.9267965195366088, 4.74487076016671594 51.92696810864686086, 4.74513075821402008 51.93196517711640325, 4.71687265189301552 51.92970758949782351, 4.71809822497907216 51.94343123431349341, 4.72029042523535924 51.94433228620640364, 4.73730655201474793 51.94945923058998005, 4.7386514066255554 51.94975615322380946, 4.73834369587225623 51.94443910434089418, 4.78064067037664842 51.95211277227825519, 4.78064067037664842 51.95211277227825519)))</t>
  </si>
  <si>
    <t>MultiPolygon (((4.78708184946481019 51.93809076799583835, 4.79440032381370163 51.93974631309730938, 4.79451822913970194 51.93385862726693603, 4.78893411008127678 51.93236601415395626, 4.78706230673738631 51.93181238534329225, 4.78544778729552434 51.93193066733619645, 4.78359828893919126 51.93357433287478386, 4.78437898350447632 51.93741677921841671, 4.78708184946481019 51.93809076799583835, 4.78708184946481019 51.93809076799583835)))</t>
  </si>
  <si>
    <t>MultiPolygon (((4.77972496143609504 51.94060131321644036, 4.77298388581520605 51.94059028499776076, 4.77306718118088646 51.94299501345187764, 4.78083024089510644 51.94396832229065808, 4.78755012716540573 51.94478136607044405, 4.78726325532603525 51.94062823026359865, 4.77972496143609504 51.94060131321644036, 4.77972496143609504 51.94060131321644036)))</t>
  </si>
  <si>
    <t>MultiPolygon (((4.77972496143609504 51.94060131321644036, 4.78726325532603525 51.94062823026359865, 4.78708184946481019 51.93809076799583835, 4.78437898350447632 51.93741677921841671, 4.78359828893919126 51.93357433287478386, 4.78544778729552434 51.93193066733619645, 4.78706230673738631 51.93181238534329225, 4.77398207700734645 51.929585792874974, 4.77436027239124439 51.93256047543442122, 4.77753000970609154 51.93281804430303339, 4.77939623795349267 51.93488355847054549, 4.77972496143609504 51.94060131321644036, 4.77972496143609504 51.94060131321644036)))</t>
  </si>
  <si>
    <t>MultiPolygon (((4.70721706869458245 52.00176226598450313, 4.71290960166718786 51.9991413380677443, 4.71441154337847657 52.00040282871560748, 4.71886128789434522 51.99836956388026721, 4.72670231541145647 52.00126345569700703, 4.73191732717429403 51.99901974912896208, 4.73535121208365872 51.99756111325390151, 4.70905658464136767 51.9841408515775143, 4.68700192547895611 51.96851354482567587, 4.67919251777435363 51.95799444182766536, 4.67273106432955831 51.96129213790173651, 4.64983507645112315 51.97342888830154095, 4.6559232742618093 51.97655312642947223, 4.66785099419268601 51.97885054578419073, 4.67067993517896873 51.98042186384640218, 4.671823130735409 51.98447232047170985, 4.6742894556920831 51.98701695689747737, 4.67694457876960445 51.98828581424402984, 4.68250897995650472 51.99269496779701427, 4.68868451265107211 51.99625804215054359, 4.6906416646061313 51.99667196559464344, 4.69682969406875639 51.99694392429434942, 4.70107146977214185 51.99756061726231593, 4.70721706869458245 52.00176226598450313, 4.70721706869458245 52.00176226598450313)))</t>
  </si>
  <si>
    <t>MultiPolygon (((4.67273106432955831 51.96129213790173651, 4.67919251777435363 51.95799444182766536, 4.68050017851137934 51.95044443292895409, 4.6799767759645059 51.94924174847042053, 4.67695588191075995 51.94192347582997371, 4.67507190846297149 51.94054338896822998, 4.69159913864934452 51.93224631178807726, 4.68437514994068582 51.9272659276406614, 4.67947515238641287 51.925341185972961, 4.67550914266502904 51.92202339057214289, 4.66023678905068639 51.91632088195192551, 4.65675373875927789 51.91617822856109399, 4.64967428776399938 51.91743851441979274, 4.64301885495197109 51.91256940646648133, 4.6305870809737586 51.92143371509346395, 4.64896241947338673 51.93000092769238307, 4.64268684331266268 51.93366053271140714, 4.64627153731032294 51.93654830794545774, 4.65405684536786701 51.94278831130862528, 4.65491371539116461 51.94258770968342986, 4.66170039394929869 51.94763188165219958, 4.66257247016671705 51.94723642866167523, 4.66999297906273192 51.95482890177705571, 4.66649057337436801 51.95649931226353146, 4.67273106432955831 51.96129213790173651, 4.67273106432955831 51.96129213790173651)))</t>
  </si>
  <si>
    <t>MultiPolygon (((4.66999297906273192 51.95482890177705571, 4.66257247016671705 51.94723642866167523, 4.66170039394929869 51.94763188165219958, 4.65491371539116461 51.94258770968342986, 4.65405684536786701 51.94278831130862528, 4.64627153731032294 51.93654830794545774, 4.63920101642064342 51.94051858356404239, 4.6361278910301742 51.94134354002730447, 4.63968447970267839 51.95112986228210161, 4.64600581752146535 51.95418187174359304, 4.64570904314640565 51.95610720067939781, 4.64206072806101488 51.95987054863903865, 4.63977357425129444 51.96217677189111583, 4.63292137212075961 51.96632000563021592, 4.63083874813758101 51.96818947820177925, 4.63267850888529953 51.97024528373797381, 4.64857754321594729 51.97300731270264862, 4.64983507645112315 51.97342888830154095, 4.67273106432955831 51.96129213790173651, 4.66649057337436801 51.95649931226353146, 4.66999297906273192 51.95482890177705571, 4.66999297906273192 51.95482890177705571)))</t>
  </si>
  <si>
    <t>MultiPolygon (((4.64896241947338673 51.93000092769238307, 4.6305870809737586 51.92143371509346395, 4.62366484576923575 51.92628526246404874, 4.6177039328210423 51.93105014175780809, 4.61948862448439801 51.9334922684701823, 4.6214636209635076 51.93524977749181204, 4.62377675979020974 51.93619176663735715, 4.63097091627221413 51.93629077871906219, 4.63335046014984542 51.93693975335098401, 4.63473494731158642 51.9379757360227714, 4.6361278910301742 51.94134354002730447, 4.63920101642064342 51.94051858356404239, 4.64627153731032294 51.93654830794545774, 4.64268684331266268 51.93366053271140714, 4.64896241947338673 51.93000092769238307, 4.64896241947338673 51.93000092769238307)))</t>
  </si>
  <si>
    <t>MultiPolygon (((4.64399631750853725 51.90924031226948898, 4.64286590187999071 51.90466418473393162, 4.64425947775163106 51.90434387217570134, 4.64329050994649162 51.90054994817824507, 4.63619429408832762 51.90142373400011166, 4.63127036376304169 51.9025869950118377, 4.62701563149731143 51.90154610683489977, 4.62433214088585487 51.898633087486985, 4.62352250574504975 51.8986318957893431, 4.6108946517047249 51.89935956056366706, 4.60658809880687681 51.90021150506915149, 4.60312946908008769 51.90120424014362754, 4.59673298720625301 51.90575758755520752, 4.59517330455096396 51.90708212175590575, 4.59676898875713746 51.90780502007986286, 4.59682628126764214 51.90781145295705556, 4.60146371633300255 51.90699769755644155, 4.62321775478303199 51.90853617508157214, 4.63515167434998965 51.91007041854306436, 4.64278295544967445 51.91245775206947854, 4.64541135822092155 51.91006807639434584, 4.64399631750853725 51.90924031226948898, 4.64399631750853725 51.90924031226948898)))</t>
  </si>
  <si>
    <t>MultiPolygon (((4.59673298720625301 51.90575758755520752, 4.60312946908008769 51.90120424014362754, 4.60658809880687681 51.90021150506915149, 4.6108946517047249 51.89935956056366706, 4.62352250574504975 51.8986318957893431, 4.62126648278606122 51.89487823662962285, 4.619738551039271 51.89345603089692105, 4.61589966732604307 51.89328477876092904, 4.60313951885757078 51.8969626920296534, 4.59520345153130627 51.90011897460401258, 4.59271372988489013 51.90131188657488082, 4.59252003934882236 51.90440638526132489, 4.59308354626502346 51.9046798546602659, 4.59351090054311051 51.90410159014858493, 4.59673298720625301 51.90575758755520752, 4.59673298720625301 51.90575758755520752)))</t>
  </si>
  <si>
    <t>MultiPolygon (((4.61589966732604307 51.89328477876092904, 4.619738551039271 51.89345603089692105, 4.62610634856522385 51.89131462118120197, 4.6254231957017593 51.88938316688824415, 4.62106558652575572 51.88940154440596331, 4.61589966732604307 51.89328477876092904, 4.61589966732604307 51.89328477876092904)))</t>
  </si>
  <si>
    <t>MultiPolygon (((4.62826792896918526 51.89387719715210778, 4.62858077068139817 51.89460866734256683, 4.63183251313699884 51.89347273851314668, 4.63321682301878024 51.89048363142246956, 4.6254231957017593 51.88938316688824415, 4.62610634856522385 51.89131462118120197, 4.62826792896918526 51.89387719715210778, 4.62826792896918526 51.89387719715210778)))</t>
  </si>
  <si>
    <t>MultiPolygon (((4.62433214088585487 51.898633087486985, 4.62701563149731143 51.90154610683489977, 4.63127036376304169 51.9025869950118377, 4.63619429408832762 51.90142373400011166, 4.63496881818526774 51.89787859874029152, 4.6300596190707779 51.89815267394281761, 4.62433214088585487 51.898633087486985, 4.62433214088585487 51.898633087486985)))</t>
  </si>
  <si>
    <t>MultiPolygon (((4.59221298183291715 51.90560117389122041, 4.59252003934882236 51.90440638526132489, 4.59271372988489013 51.90131188657488082, 4.59520345153130627 51.90011897460401258, 4.60313951885757078 51.8969626920296534, 4.61589966732604307 51.89328477876092904, 4.62106558652575572 51.88940154440596331, 4.61957217034883083 51.88952269980735821, 4.59502882603278096 51.89417273004929143, 4.59079726179369185 51.89584850540585848, 4.58302042196628179 51.9012127046497298, 4.57632845404585442 51.90303172041799229, 4.58203479307472339 51.90408649525595308, 4.58419110319560552 51.90390542294414189, 4.58909855613633511 51.90236749522660631, 4.58874770669565812 51.90418742512021311, 4.59221298183291715 51.90560117389122041, 4.59221298183291715 51.90560117389122041)))</t>
  </si>
  <si>
    <t>MultiPolygon (((4.64653808898098752 51.89701726895192024, 4.6451837471770796 51.89366981462841011, 4.64453612383237324 51.89402002244896295, 4.63956834001016016 51.89178040877931863, 4.63930075250305585 51.89073328587416967, 4.63321682301878024 51.89048363142246956, 4.63183251313699884 51.89347273851314668, 4.63557545713047414 51.89397766656754385, 4.63718983679639329 51.89768296856296814, 4.63496881818526774 51.89787859874029152, 4.63619429408832762 51.90142373400011166, 4.64329050994649162 51.90054994817824507, 4.64404361825034773 51.90052325236163, 4.64321385016533839 51.89719132018893788, 4.64653808898098752 51.89701726895192024, 4.64653808898098752 51.89701726895192024)))</t>
  </si>
  <si>
    <t>MultiPolygon (((4.62126648278606122 51.89487823662962285, 4.62826792896918526 51.89387719715210778, 4.62610634856522385 51.89131462118120197, 4.619738551039271 51.89345603089692105, 4.62126648278606122 51.89487823662962285, 4.62126648278606122 51.89487823662962285)))</t>
  </si>
  <si>
    <t>MultiPolygon (((4.62352250574504975 51.8986318957893431, 4.62433214088585487 51.898633087486985, 4.6300596190707779 51.89815267394281761, 4.62858077068139817 51.89460866734256683, 4.62826792896918526 51.89387719715210778, 4.62126648278606122 51.89487823662962285, 4.62352250574504975 51.8986318957893431, 4.62352250574504975 51.8986318957893431)))</t>
  </si>
  <si>
    <t>MultiPolygon (((4.6300596190707779 51.89815267394281761, 4.63496881818526774 51.89787859874029152, 4.63718983679639329 51.89768296856296814, 4.63557545713047414 51.89397766656754385, 4.63183251313699884 51.89347273851314668, 4.62858077068139817 51.89460866734256683, 4.6300596190707779 51.89815267394281761, 4.6300596190707779 51.89815267394281761)))</t>
  </si>
  <si>
    <t>MultiPolygon (((4.71687265189301552 51.92970758949782351, 4.74513075821402008 51.93196517711640325, 4.74487076016671594 51.92696810864686086, 4.74395887612680056 51.91319167907880683, 4.69993583714686824 51.90424413837411066, 4.69443747755428475 51.90357114116271475, 4.69254563769520239 51.9034163806616391, 4.69019336104692375 51.90632836137555017, 4.68465628256664779 51.90905462956258276, 4.68279419006551123 51.90913151240422252, 4.68309808237915259 51.91212055620614052, 4.68081648786544413 51.91280934653595125, 4.64541135822092155 51.91006807639434584, 4.64278295544967445 51.91245775206947854, 4.64301885495197109 51.91256940646648133, 4.64967428776399938 51.91743851441979274, 4.65675373875927789 51.91617822856109399, 4.66023678905068639 51.91632088195192551, 4.67550914266502904 51.92202339057214289, 4.67947515238641287 51.925341185972961, 4.68437514994068582 51.9272659276406614, 4.69159913864934452 51.93224631178807726, 4.69672406609864357 51.92971578224565832, 4.70850269805994248 51.93109455601339164, 4.71687265189301552 51.92970758949782351, 4.71687265189301552 51.92970758949782351)))</t>
  </si>
  <si>
    <t>MultiPolygon (((4.68918285090088993 51.89985935161355002, 4.6899435467599595 51.90242673254058303, 4.69435756783820146 51.90252976767907001, 4.69404225735576208 51.89848518789151655, 4.68955897561472757 51.89624713902390596, 4.68849978484338514 51.8962958602464326, 4.68918285090088993 51.89985935161355002, 4.68918285090088993 51.89985935161355002)))</t>
  </si>
  <si>
    <t>MultiPolygon (((4.68849978484338514 51.8962958602464326, 4.68955897561472757 51.89624713902390596, 4.69095566367686079 51.89483765657401193, 4.68067586754724019 51.89300509475106793, 4.6759942745293479 51.89114235773596562, 4.67435977405845993 51.89414601968555019, 4.68155250058792483 51.89620674466798533, 4.68335283382995105 51.89616999460457691, 4.68849978484338514 51.8962958602464326, 4.68849978484338514 51.8962958602464326)))</t>
  </si>
  <si>
    <t>MultiPolygon (((4.67444608716981236 51.89725099982697287, 4.68059946035044394 51.8970047298797752, 4.68155250058792483 51.89620674466798533, 4.67435977405845993 51.89414601968555019, 4.67444608716981236 51.89725099982697287, 4.67444608716981236 51.89725099982697287)))</t>
  </si>
  <si>
    <t>MultiPolygon (((4.68150362094064398 51.90115191536910544, 4.68384228565820226 51.90104309495753654, 4.68335283382995105 51.89616999460457691, 4.68155250058792483 51.89620674466798533, 4.68059946035044394 51.8970047298797752, 4.68150362094064398 51.90115191536910544, 4.68150362094064398 51.90115191536910544)))</t>
  </si>
  <si>
    <t>MultiPolygon (((4.68384228565820226 51.90104309495753654, 4.68918285090088993 51.89985935161355002, 4.68849978484338514 51.8962958602464326, 4.68335283382995105 51.89616999460457691, 4.68384228565820226 51.90104309495753654, 4.68384228565820226 51.90104309495753654)))</t>
  </si>
  <si>
    <t>MultiPolygon (((4.69254563769520239 51.9034163806616391, 4.69443747755428475 51.90357114116271475, 4.69435756783820146 51.90252976767907001, 4.6899435467599595 51.90242673254058303, 4.68918285090088993 51.89985935161355002, 4.68384228565820226 51.90104309495753654, 4.68150362094064398 51.90115191536910544, 4.68130985572364633 51.90217045860548239, 4.68277051365467933 51.90263949896905871, 4.69254563769520239 51.9034163806616391, 4.69254563769520239 51.9034163806616391)))</t>
  </si>
  <si>
    <t>MultiPolygon (((4.68130985572364633 51.90217045860548239, 4.68150362094064398 51.90115191536910544, 4.68059946035044394 51.8970047298797752, 4.67444608716981236 51.89725099982697287, 4.67445930109432428 51.89751579177270457, 4.67458351956806517 51.89973017331904259, 4.67806103404382334 51.90196989864459454, 4.68130985572364633 51.90217045860548239, 4.68130985572364633 51.90217045860548239)))</t>
  </si>
  <si>
    <t>MultiPolygon (((4.68081648786544413 51.91280934653595125, 4.68309808237915259 51.91212055620614052, 4.68279419006551123 51.90913151240422252, 4.68277051365467933 51.90263949896905871, 4.68130985572364633 51.90217045860548239, 4.67806103404382334 51.90196989864459454, 4.67458351956806517 51.89973017331904259, 4.67445930109432428 51.89751579177270457, 4.66085810347372931 51.89687077306705731, 4.64653808898098752 51.89701726895192024, 4.64321385016533839 51.89719132018893788, 4.64404361825034773 51.90052325236163, 4.64329050994649162 51.90054994817824507, 4.64425947775163106 51.90434387217570134, 4.64286590187999071 51.90466418473393162, 4.64399631750853725 51.90924031226948898, 4.64541135822092155 51.91006807639434584, 4.68081648786544413 51.91280934653595125, 4.68081648786544413 51.91280934653595125)))</t>
  </si>
  <si>
    <t>MultiPolygon (((4.74395887612680056 51.91319167907880683, 4.74325037674805383 51.90669206088455923, 4.74386948712271916 51.90524884134608641, 4.72397216931861585 51.89809058502871153, 4.71581192013472261 51.89594904268130193, 4.70560114749645386 51.89721832577050264, 4.69095566367686079 51.89483765657401193, 4.68955897561472757 51.89624713902390596, 4.69404225735576208 51.89848518789151655, 4.69435756783820146 51.90252976767907001, 4.69443747755428475 51.90357114116271475, 4.69993583714686824 51.90424413837411066, 4.74395887612680056 51.91319167907880683, 4.74395887612680056 51.91319167907880683)))</t>
  </si>
  <si>
    <t>MultiPolygon (((4.67445930109432428 51.89751579177270457, 4.67444608716981236 51.89725099982697287, 4.67435977405845993 51.89414601968555019, 4.6759942745293479 51.89114235773596562, 4.67336721055598225 51.89022758149221204, 4.66816658707752463 51.88958534682900137, 4.65465166795604723 51.88968201047745765, 4.63930075250305585 51.89073328587416967, 4.63956834001016016 51.89178040877931863, 4.64453612383237324 51.89402002244896295, 4.6451837471770796 51.89366981462841011, 4.64653808898098752 51.89701726895192024, 4.66085810347372931 51.89687077306705731, 4.67445930109432428 51.89751579177270457, 4.67445930109432428 51.89751579177270457)))</t>
  </si>
  <si>
    <t>MultiPolygon (((4.68279419006551123 51.90913151240422252, 4.68465628256664779 51.90905462956258276, 4.69019336104692375 51.90632836137555017, 4.69254563769520239 51.9034163806616391, 4.68277051365467933 51.90263949896905871, 4.68279419006551123 51.90913151240422252, 4.68279419006551123 51.90913151240422252)))</t>
  </si>
  <si>
    <t>MultiPolygon (((4.30936586401079325 51.82974869328081269, 4.31042550665739554 51.82771380521110416, 4.31613305996070462 51.82809357948024598, 4.31815747917485204 51.82820510365922928, 4.31933421260747785 51.82778648222094375, 4.32019625696636833 51.82617763412112311, 4.32758797820121544 51.82428137424120962, 4.33205006783744384 51.82336165127810546, 4.33229775916564197 51.82302206252411736, 4.33620335319962447 51.82402731071631052, 4.33983432547182613 51.81682906971900593, 4.33708497924802305 51.8164387792664769, 4.33079123899605811 51.81297461961496253, 4.31726379792105686 51.81128743626280198, 4.31489255122667092 51.82041377339965749, 4.31336848067904555 51.82119480573102521, 4.30539316362794544 51.82270194472429381, 4.30085374397132814 51.82713384081066721, 4.30936586401079325 51.82974869328081269, 4.30936586401079325 51.82974869328081269)))</t>
  </si>
  <si>
    <t>MultiPolygon (((4.36033179596147935 51.83003464621051393, 4.36955267567612982 51.82714605768213545, 4.3776672019623204 51.82833889162778007, 4.37919495701345252 51.82249747765785486, 4.36908227259168402 51.81698143693689218, 4.35743247120311761 51.81902815251952887, 4.35429821587788179 51.81916501584832702, 4.35041870421541077 51.8280286785019868, 4.3519533743713561 51.82947646752868565, 4.36033179596147935 51.83003464621051393, 4.36033179596147935 51.83003464621051393)))</t>
  </si>
  <si>
    <t>MultiPolygon (((4.33458826226533311 51.82569339908398831, 4.33384577111930103 51.82709200754064938, 4.3342992324891858 51.8282737059867884, 4.3519533743713561 51.82947646752868565, 4.35041870421541077 51.8280286785019868, 4.35429821587788179 51.81916501584832702, 4.34710803532278955 51.81788735323365103, 4.33983432547182613 51.81682906971900593, 4.33620335319962447 51.82402731071631052, 4.33229775916564197 51.82302206252411736, 4.33205006783744384 51.82336165127810546, 4.33458826226533311 51.82569339908398831, 4.33458826226533311 51.82569339908398831)))</t>
  </si>
  <si>
    <t>MultiPolygon (((4.30085374397132814 51.82713384081066721, 4.30539316362794544 51.82270194472429381, 4.31336848067904555 51.82119480573102521, 4.31489255122667092 51.82041377339965749, 4.31726379792105686 51.81128743626280198, 4.30585810075233688 51.8085953742724854, 4.29903939426862092 51.80406100098374367, 4.2957917062020039 51.80211093059477179, 4.28449685219208654 51.80366451836701458, 4.28480008030043269 51.80480152243618619, 4.28875384261998338 51.80648442017533029, 4.28988660914571884 51.80760535131226163, 4.28997338146892471 51.81331117488355176, 4.28678439307495029 51.81555572933760345, 4.28284643420991706 51.81653117542355602, 4.27595056674998997 51.81701449754623923, 4.27022878222309199 51.81935981337493047, 4.26825515070232075 51.81958057138570695, 4.2657333100442596 51.82214440100952402, 4.26179141749175727 51.82455333524256247, 4.25813854458275287 51.82963718823814503, 4.25737078760609222 51.83737458316892344, 4.26541969543943722 51.83768774504937227, 4.26794107518297228 51.8393752438518689, 4.27167432690788562 51.84484979911655245, 4.27388715718508294 51.84629827015552905, 4.27944353707248215 51.84739320256645101, 4.28630300268735542 51.84716160917887606, 4.29256186220579572 51.84562002948709392, 4.29923075673252431 51.84114475750200768, 4.29753402387548089 51.84005956826830896, 4.29919365330025993 51.83640771432381911, 4.29662532813231479 51.83579060213880041, 4.30085374397132814 51.82713384081066721, 4.30085374397132814 51.82713384081066721),(4.28495152893769404 51.82044699366991125, 4.2893760501920486 51.82022773433823204, 4.2942008291230378 51.82165870935870799, 4.29156639247918914 51.82479468270070555, 4.28596603257242936 51.82390468323025345, 4.28436281407301855 51.8229702164311945, 4.28378900896758363 51.8213504487395511, 4.28495152893769404 51.82044699366991125, 4.28495152893769404 51.82044699366991125)))</t>
  </si>
  <si>
    <t>MultiPolygon (((4.29156639247918914 51.82479468270070555, 4.2942008291230378 51.82165870935870799, 4.2893760501920486 51.82022773433823204, 4.28495152893769404 51.82044699366991125, 4.28378900896758363 51.8213504487395511, 4.28436281407301855 51.8229702164311945, 4.28596603257242936 51.82390468323025345, 4.29156639247918914 51.82479468270070555)))</t>
  </si>
  <si>
    <t>MultiPolygon (((4.24358039944867915 51.82571444106990555, 4.24251021830758912 51.82436732831766335, 4.24267491817443165 51.82260896224950386, 4.24699219406626227 51.81930441544917443, 4.25484086586704091 51.8172443070913431, 4.25696513501404272 51.81884641345423148, 4.26420737283116402 51.81508913208282507, 4.26637539698405455 51.81947930524298584, 4.26825515070232075 51.81958057138570695, 4.27022878222309199 51.81935981337493047, 4.27595056674998997 51.81701449754623923, 4.28284643420991706 51.81653117542355602, 4.28678439307495029 51.81555572933760345, 4.28997338146892471 51.81331117488355176, 4.28988660914571884 51.80760535131226163, 4.28875384261998338 51.80648442017533029, 4.28480008030043269 51.80480152243618619, 4.28449685219208654 51.80366451836701458, 4.27160424860255361 51.80515545774594699, 4.26859605661415209 51.80483916309971448, 4.26436895550680273 51.80339648026856736, 4.24662803346237983 51.78533932563057363, 4.23986924455316139 51.78536820676120556, 4.23005365918802845 51.78804595179779824, 4.22189126068840004 51.79437266752946556, 4.22174633022675572 51.79627146793768588, 4.21758334850670025 51.79673314901880588, 4.21162981067257203 51.80013147344211433, 4.20433181677151779 51.80157173000793591, 4.20110292294670806 51.80319584322649007, 4.19424257720818616 51.80430484961257775, 4.19457640633524864 51.80708342465563021, 4.19662041723388235 51.808194396498358, 4.19568041664507252 51.80897994982160526, 4.19747816053609757 51.80859592597025198, 4.20184031634242494 51.81120011353893773, 4.21235160036165901 51.8140254229591477, 4.21350470345522954 51.8161715339386646, 4.21298051779551663 51.8205815045777598, 4.21970815324182347 51.82455959107690546, 4.21777398634595801 51.82611339237406867, 4.21911034504730242 51.82572281789586555, 4.22011020770547596 51.82616352607140442, 4.22196959097163127 51.82501853537011272, 4.23037470711534791 51.82590199286887866, 4.24033333877714202 51.82876119533580095, 4.24505376037584803 51.82939229371118728, 4.24155722021212789 51.82673528853821665, 4.24358039944867915 51.82571444106990555, 4.24358039944867915 51.82571444106990555)),((4.25737078760609222 51.83737458316892344, 4.25813854458275287 51.82963718823814503, 4.25627042789762378 51.82916608817303938, 4.25293708611232102 51.834271680134691, 4.25140886649355476 51.83471398390956608, 4.24846301103493396 51.83267131509982306, 4.25028049641100036 51.83833960096441018, 4.25685855040393779 51.83880460830045678, 4.25729909717728194 51.83834678406029894, 4.25737078760609222 51.83737458316892344, 4.25737078760609222 51.83737458316892344)))</t>
  </si>
  <si>
    <t>MultiPolygon (((4.24358039944867915 51.82571444106990555, 4.24889855029424446 51.82292048946901986, 4.25696513501404272 51.81884641345423148, 4.25484086586704091 51.8172443070913431, 4.24699219406626227 51.81930441544917443, 4.24267491817443165 51.82260896224950386, 4.24251021830758912 51.82436732831766335, 4.24358039944867915 51.82571444106990555, 4.24358039944867915 51.82571444106990555)))</t>
  </si>
  <si>
    <t>MultiPolygon (((4.24505376037584803 51.82939229371118728, 4.24846301103493396 51.83267131509982306, 4.25140886649355476 51.83471398390956608, 4.25293708611232102 51.834271680134691, 4.25627042789762378 51.82916608817303938, 4.25611257363550077 51.82840307348470787, 4.24889855029424446 51.82292048946901986, 4.24358039944867915 51.82571444106990555, 4.24155722021212789 51.82673528853821665, 4.24505376037584803 51.82939229371118728, 4.24505376037584803 51.82939229371118728)))</t>
  </si>
  <si>
    <t>MultiPolygon (((4.2657333100442596 51.82214440100952402, 4.26825515070232075 51.81958057138570695, 4.26637539698405455 51.81947930524298584, 4.26420737283116402 51.81508913208282507, 4.25696513501404272 51.81884641345423148, 4.25893190677086242 51.82026101436630938, 4.26114353864206841 51.81968306304679572, 4.2657333100442596 51.82214440100952402, 4.2657333100442596 51.82214440100952402)))</t>
  </si>
  <si>
    <t>MultiPolygon (((4.25627042789762378 51.82916608817303938, 4.25813854458275287 51.82963718823814503, 4.26179141749175727 51.82455333524256247, 4.2657333100442596 51.82214440100952402, 4.26114353864206841 51.81968306304679572, 4.25893190677086242 51.82026101436630938, 4.25696513501404272 51.81884641345423148, 4.24889855029424446 51.82292048946901986, 4.25611257363550077 51.82840307348470787, 4.25627042789762378 51.82916608817303938, 4.25627042789762378 51.82916608817303938)))</t>
  </si>
  <si>
    <t>MultiPolygon (((4.24150422263581817 51.84714353532966413, 4.24377481526486644 51.84599236733732397, 4.24706254571097208 51.84739609661560422, 4.24971380886483985 51.84612878343900633, 4.25587739101899576 51.8410767418840237, 4.25729909717728194 51.83834678406029894, 4.25685855040393779 51.83880460830045678, 4.25028049641100036 51.83833960096441018, 4.24846301103493396 51.83267131509982306, 4.24505376037584803 51.82939229371118728, 4.24033333877714202 51.82876119533580095, 4.23037470711534791 51.82590199286887866, 4.22196959097163127 51.82501853537011272, 4.22221494369902217 51.82653744220709058, 4.2206015027311885 51.82720243380431668, 4.22025472085144582 51.82821287341968741, 4.20879821398284903 51.83512065127288793, 4.20727583564196905 51.83558016514991351, 4.19714231452820563 51.83490767590704706, 4.19554488582265162 51.83672445331285417, 4.19560947633008396 51.83918670670175999, 4.19570924082597774 51.83968320303809918, 4.19824452515151769 51.83969470709189409, 4.19852814358023441 51.84339293912794489, 4.19347375202452266 51.84294648580316078, 4.19273488002206562 51.84342951126221521, 4.19472663840038162 51.84421734499827039, 4.19639491671152243 51.84647806723783958, 4.19760995586885244 51.84700168975754764, 4.19817370528920719 51.8494300732797484, 4.22657076768623963 51.85435613374108499, 4.24075475232046184 51.85494323554188156, 4.24216240566877456 51.85281954346623223, 4.24040980385388888 51.85269211015544499, 4.23949719474286457 51.85140271511408372, 4.2390081245158715 51.84726003640581382, 4.24150422263581817 51.84714353532966413, 4.24150422263581817 51.84714353532966413)))</t>
  </si>
  <si>
    <t>MultiPolygon (((4.24216240566877456 51.85281954346623223, 4.2439502067457946 51.850633376552139, 4.24918195420459366 51.84735958781610066, 4.24971380886483985 51.84612878343900633, 4.24706254571097208 51.84739609661560422, 4.24377481526486644 51.84599236733732397, 4.24150422263581817 51.84714353532966413, 4.2390081245158715 51.84726003640581382, 4.23949719474286457 51.85140271511408372, 4.24040980385388888 51.85269211015544499, 4.24216240566877456 51.85281954346623223, 4.24216240566877456 51.85281954346623223)))</t>
  </si>
  <si>
    <t>MultiPolygon (((4.28379233777448754 51.86447632049889478, 4.28400314827454132 51.86327164465568984, 4.28497310196581704 51.85989528718962305, 4.28574128873623028 51.85008157374822702, 4.28943436710908976 51.84790401609760124, 4.29397363210670857 51.84717359700866268, 4.30054644160486887 51.84207772163561856, 4.29923075673252431 51.84114475750200768, 4.29256186220579572 51.84562002948709392, 4.28630300268735542 51.84716160917887606, 4.27944353707248215 51.84739320256645101, 4.27388715718508294 51.84629827015552905, 4.27167432690788562 51.84484979911655245, 4.26794107518297228 51.8393752438518689, 4.26541969543943722 51.83768774504937227, 4.25737078760609222 51.83737458316892344, 4.25729909717728194 51.83834678406029894, 4.25587739101899576 51.8410767418840237, 4.24971380886483985 51.84612878343900633, 4.24918195420459366 51.84735958781610066, 4.2439502067457946 51.850633376552139, 4.24216240566877456 51.85281954346623223, 4.24075475232046184 51.85494323554188156, 4.242435989177193 51.85963199219172992, 4.24347736777545048 51.86007638710390211, 4.24686339931338885 51.86357813367192904, 4.24914025244182447 51.86692114719884472, 4.24851766437251133 51.86713210835481647, 4.25257776566272572 51.86825955030003854, 4.25975840251042737 51.86580331957736689, 4.26503113089406671 51.86476725304076041, 4.28379233777448754 51.86447632049889478, 4.28379233777448754 51.86447632049889478),(4.25916756528977469 51.86343805533410745, 4.25859505658731052 51.8623611903890307, 4.25676724109513938 51.86253583998509242, 4.2540378468821558 51.8602410614694449, 4.25623788757717847 51.85864613143473889, 4.25591963594982747 51.85763023303692876, 4.26218930132563401 51.85893794153162162, 4.26629353222811147 51.85916010305273716, 4.26734813495365906 51.86034603632730722, 4.26667910327291189 51.86302488369083363, 4.2607911295987595 51.86384763640629814, 4.25916756528977469 51.86343805533410745, 4.25916756528977469 51.86343805533410745)))</t>
  </si>
  <si>
    <t>MultiPolygon (((4.25859505658731052 51.8623611903890307, 4.25916756528977469 51.86343805533410745, 4.2607911295987595 51.86384763640629814, 4.26667910327291189 51.86302488369083363, 4.26734813495365906 51.86034603632730722, 4.26629353222811147 51.85916010305273716, 4.26218930132563401 51.85893794153162162, 4.2624256439017687 51.85972136376848596, 4.25859505658731052 51.8623611903890307, 4.25859505658731052 51.8623611903890307)))</t>
  </si>
  <si>
    <t>MultiPolygon (((4.25859505658731052 51.8623611903890307, 4.2624256439017687 51.85972136376848596, 4.26218930132563401 51.85893794153162162, 4.25591963594982747 51.85763023303692876, 4.25623788757717847 51.85864613143473889, 4.2540378468821558 51.8602410614694449, 4.25676724109513938 51.86253583998509242, 4.25859505658731052 51.8623611903890307, 4.25859505658731052 51.8623611903890307)))</t>
  </si>
  <si>
    <t>MultiPolygon (((4.23938315097997442 51.87298591099791167, 4.25257776566272572 51.86825955030003854, 4.24851766437251133 51.86713210835481647, 4.2462293124092847 51.86823525747088581, 4.24487109267403451 51.86931276170656702, 4.24020567806899606 51.87018867588444948, 4.23786145414592941 51.86729006016330601, 4.23391783597630944 51.86345634544316141, 4.23349315704367246 51.86183455419505606, 4.23875787953163474 51.86083242463455889, 4.24347736777545048 51.86007638710390211, 4.242435989177193 51.85963199219172992, 4.24075475232046184 51.85494323554188156, 4.22657076768623963 51.85435613374108499, 4.19817370528920719 51.8494300732797484, 4.19810332462084457 51.84997365264981539, 4.19654035166786876 51.85028735462623928, 4.19417852826438953 51.8500393677539293, 4.19141676942089259 51.84893625505481651, 4.18527252756667068 51.84970761786473048, 4.23938315097997442 51.87298591099791167, 4.23938315097997442 51.87298591099791167)))</t>
  </si>
  <si>
    <t>MultiPolygon (((4.23786145414592941 51.86729006016330601, 4.24020567806899606 51.87018867588444948, 4.24487109267403451 51.86931276170656702, 4.2462293124092847 51.86823525747088581, 4.24405014542739067 51.86547511299565372, 4.24243530858326334 51.86595346994621281, 4.23786145414592941 51.86729006016330601, 4.23786145414592941 51.86729006016330601)))</t>
  </si>
  <si>
    <t>MultiPolygon (((4.23786145414592941 51.86729006016330601, 4.24243530858326334 51.86595346994621281, 4.23875787953163474 51.86083242463455889, 4.23349315704367246 51.86183455419505606, 4.23391783597630944 51.86345634544316141, 4.23786145414592941 51.86729006016330601, 4.23786145414592941 51.86729006016330601)))</t>
  </si>
  <si>
    <t>MultiPolygon (((4.2462293124092847 51.86823525747088581, 4.24851766437251133 51.86713210835481647, 4.24914025244182447 51.86692114719884472, 4.24686339931338885 51.86357813367192904, 4.24347736777545048 51.86007638710390211, 4.23875787953163474 51.86083242463455889, 4.24243530858326334 51.86595346994621281, 4.24405014542739067 51.86547511299565372, 4.2462293124092847 51.86823525747088581, 4.2462293124092847 51.86823525747088581)))</t>
  </si>
  <si>
    <t>MultiPolygon (((4.38366452476848245 51.84211825515478012, 4.39238182785341102 51.84205096523044176, 4.40974408741805401 51.84321901195356475, 4.41417244556495802 51.84278900588849837, 4.42375281159211031 51.84007305192170634, 4.4324823361869381 51.83704614680436151, 4.42845189107807879 51.83421099049186154, 4.4222740105463938 51.83022658523516668, 4.41901304898066005 51.82959039519015931, 4.41559763747881018 51.82966874113328259, 4.41255299981152582 51.82992244220184119, 4.39913663010592515 51.8314201842647222, 4.39662961420970877 51.83103455042049035, 4.39424623552771099 51.8329889234783252, 4.37208900990038085 51.84334814182750506, 4.38366452476848245 51.84211825515478012, 4.38366452476848245 51.84211825515478012)))</t>
  </si>
  <si>
    <t>MultiPolygon (((4.37208900990038085 51.84334814182750506, 4.39424623552771099 51.8329889234783252, 4.39662961420970877 51.83103455042049035, 4.3821318009078043 51.82407915853586644, 4.37919495701345252 51.82249747765785486, 4.3776672019623204 51.82833889162778007, 4.37546225713417769 51.83672314293564654, 4.37470866927076685 51.83817958699378892, 4.37242477045841671 51.83943945972503542, 4.36120327419427767 51.839266549863801, 4.36001438389170026 51.84282775736839, 4.35845037377727351 51.84335141327051844, 4.36077887407388332 51.84645956533366018, 4.37208900990038085 51.84334814182750506, 4.37208900990038085 51.84334814182750506)))</t>
  </si>
  <si>
    <t>MultiPolygon (((4.28497310196581704 51.85989528718962305, 4.28830162926867686 51.85956371661368536, 4.28695639547919427 51.85517216830793785, 4.28905930984291661 51.85180342963640499, 4.29365489288171709 51.85012003535688763, 4.29701222199995847 51.85166966231496133, 4.31002465529581347 51.84692952466262028, 4.31238852373286807 51.84683837782937132, 4.31240659100366486 51.84663145786937832, 4.31167429686461201 51.84460400743621733, 4.31128157616157903 51.84292838888475075, 4.31464795756537178 51.83683295219427833, 4.31218692467460674 51.83656705314796653, 4.30957084077921682 51.83835149792289343, 4.30507510244733016 51.83918105448973535, 4.30242913612093236 51.83811518969314847, 4.30400596939342428 51.83492568831269409, 4.30672137589474602 51.83547883386710708, 4.30936586401079325 51.82974869328081269, 4.30085374397132814 51.82713384081066721, 4.29662532813231479 51.83579060213880041, 4.29919365330025993 51.83640771432381911, 4.29753402387548089 51.84005956826830896, 4.29923075673252431 51.84114475750200768, 4.30054644160486887 51.84207772163561856, 4.29397363210670857 51.84717359700866268, 4.28943436710908976 51.84790401609760124, 4.28574128873623028 51.85008157374822702, 4.28497310196581704 51.85989528718962305, 4.28497310196581704 51.85989528718962305)))</t>
  </si>
  <si>
    <t>MultiPolygon (((4.28400314827454132 51.86327164465568984, 4.29602021016804603 51.8630249494358111, 4.29302905211756158 51.85910583762429127, 4.28830162926867686 51.85956371661368536, 4.28497310196581704 51.85989528718962305, 4.28400314827454132 51.86327164465568984, 4.28400314827454132 51.86327164465568984)))</t>
  </si>
  <si>
    <t>MultiPolygon (((4.29602021016804603 51.8630249494358111, 4.30752298839551262 51.86302759895118442, 4.30675517343013414 51.85965026763405916, 4.30422438960537423 51.8575488439293224, 4.30250886013106459 51.85634575996008522, 4.29800825855582858 51.85853054799170536, 4.29302905211756158 51.85910583762429127, 4.29602021016804603 51.8630249494358111, 4.29602021016804603 51.8630249494358111)))</t>
  </si>
  <si>
    <t>MultiPolygon (((4.30752298839551262 51.86302759895118442, 4.31175773190599276 51.86299145019275159, 4.31847508242156586 51.86135985314248842, 4.32484456726481969 51.86135054407115774, 4.32505720611658262 51.86065001890158754, 4.31425744302006287 51.85909731368534636, 4.30778566984298639 51.85779015965733407, 4.30558862639511108 51.85681208901301176, 4.30422438960537423 51.8575488439293224, 4.30675517343013414 51.85965026763405916, 4.30752298839551262 51.86302759895118442, 4.30752298839551262 51.86302759895118442)))</t>
  </si>
  <si>
    <t>MultiPolygon (((4.28379233777448754 51.86447632049889478, 4.33553975758838739 51.86430179080289804, 4.33965199771420984 51.85946061879445779, 4.33971887559164227 51.85938350307121425, 4.33819905407406736 51.85875732558154283, 4.33382974901958029 51.86128150598388231, 4.32484456726481969 51.86135054407115774, 4.31847508242156586 51.86135985314248842, 4.31175773190599276 51.86299145019275159, 4.30752298839551262 51.86302759895118442, 4.29602021016804603 51.8630249494358111, 4.28400314827454132 51.86327164465568984, 4.28379233777448754 51.86447632049889478, 4.28379233777448754 51.86447632049889478)))</t>
  </si>
  <si>
    <t>MultiPolygon (((4.32505720611658262 51.86065001890158754, 4.32484456726481969 51.86135054407115774, 4.33382974901958029 51.86128150598388231, 4.33819905407406736 51.85875732558154283, 4.32914188990385718 51.85480048876051029, 4.32621367579010219 51.85865555440145158, 4.32505720611658262 51.86065001890158754, 4.32505720611658262 51.86065001890158754)))</t>
  </si>
  <si>
    <t>MultiPolygon (((4.28830162926867686 51.85956371661368536, 4.29302905211756158 51.85910583762429127, 4.29800825855582858 51.85853054799170536, 4.30250886013106459 51.85634575996008522, 4.30574598489974303 51.85358573751461364, 4.31068931585900383 51.85081268734994353, 4.31238852373286807 51.84683837782937132, 4.31002465529581347 51.84692952466262028, 4.29701222199995847 51.85166966231496133, 4.29365489288171709 51.85012003535688763, 4.28905930984291661 51.85180342963640499, 4.28695639547919427 51.85517216830793785, 4.28830162926867686 51.85956371661368536, 4.28830162926867686 51.85956371661368536)))</t>
  </si>
  <si>
    <t>MultiPolygon (((4.35288028217690215 51.83080094685411865, 4.36014572522626676 51.83097673556332552, 4.36033179596147935 51.83003464621051393, 4.3519533743713561 51.82947646752868565, 4.35288028217690215 51.83080094685411865, 4.35288028217690215 51.83080094685411865)))</t>
  </si>
  <si>
    <t>MultiPolygon (((4.34416509417961727 51.84354765604169302, 4.34402299204252706 51.8438392489865123, 4.35021767257067093 51.84213249672984603, 4.3583886786688284 51.84250695275206766, 4.35845037377727351 51.84335141327051844, 4.36001438389170026 51.84282775736839, 4.36120327419427767 51.839266549863801, 4.35668464531617872 51.83964327508827097, 4.35147494880549601 51.84099839457968528, 4.35153914778806783 51.83874624557665811, 4.34495664987539243 51.83838389828651572, 4.34491452463408656 51.8387005630554043, 4.34442553888557104 51.84246159028553791, 4.34416509417961727 51.84354765604169302, 4.34416509417961727 51.84354765604169302)))</t>
  </si>
  <si>
    <t>MultiPolygon (((4.36042947511347023 51.83423074785581974, 4.36378583370175566 51.83361655031447413, 4.36744803820314242 51.83403546167777165, 4.36920483596923059 51.83538015125202492, 4.37546225713417769 51.83672314293564654, 4.3776672019623204 51.82833889162778007, 4.36955267567612982 51.82714605768213545, 4.36033179596147935 51.83003464621051393, 4.36014572522626676 51.83097673556332552, 4.36042947511347023 51.83423074785581974, 4.36042947511347023 51.83423074785581974)))</t>
  </si>
  <si>
    <t>MultiPolygon (((4.35153914778806783 51.83874624557665811, 4.35147494880549601 51.84099839457968528, 4.35668464531617872 51.83964327508827097, 4.35531553266582883 51.83738389627374943, 4.35565856390297146 51.83589102915836833, 4.35744376897507468 51.83459357041526516, 4.36042947511347023 51.83423074785581974, 4.36014572522626676 51.83097673556332552, 4.35288028217690215 51.83080094685411865, 4.35175655108410897 51.83319669213143754, 4.35166474928204394 51.83656719041340466, 4.35153914778806783 51.83874624557665811, 4.35153914778806783 51.83874624557665811)))</t>
  </si>
  <si>
    <t>MultiPolygon (((4.35668464531617872 51.83964327508827097, 4.36120327419427767 51.839266549863801, 4.36042947511347023 51.83423074785581974, 4.35744376897507468 51.83459357041526516, 4.35565856390297146 51.83589102915836833, 4.35531553266582883 51.83738389627374943, 4.35668464531617872 51.83964327508827097, 4.35668464531617872 51.83964327508827097)))</t>
  </si>
  <si>
    <t>MultiPolygon (((4.36120327419427767 51.839266549863801, 4.37242477045841671 51.83943945972503542, 4.37470866927076685 51.83817958699378892, 4.37546225713417769 51.83672314293564654, 4.36920483596923059 51.83538015125202492, 4.36744803820314242 51.83403546167777165, 4.36378583370175566 51.83361655031447413, 4.36042947511347023 51.83423074785581974, 4.36120327419427767 51.839266549863801, 4.36120327419427767 51.839266549863801)))</t>
  </si>
  <si>
    <t>MultiPolygon (((4.35065812113938399 51.83254496792155663, 4.35175655108410897 51.83319669213143754, 4.35288028217690215 51.83080094685411865, 4.3519533743713561 51.82947646752868565, 4.3342992324891858 51.8282737059867884, 4.33384577111930103 51.82709200754064938, 4.33458826226533311 51.82569339908398831, 4.33363785296824222 51.82709321731704932, 4.33406037235775976 51.82825657554571563, 4.33505659918635899 51.83026973908486923, 4.33737400268504292 51.82911280837241463, 4.34185799015794949 51.83036083873706446, 4.34451402298725409 51.83058503468389233, 4.34744943265650452 51.83025930357405286, 4.35020621158212517 51.83151425791330524, 4.35065812113938399 51.83254496792155663, 4.35065812113938399 51.83254496792155663)))</t>
  </si>
  <si>
    <t>MultiPolygon (((4.34495664987539243 51.83838389828651572, 4.35153914778806783 51.83874624557665811, 4.35166474928204394 51.83656719041340466, 4.34492672009375624 51.83621021074565505, 4.34495664987539243 51.83838389828651572, 4.34495664987539243 51.83838389828651572)))</t>
  </si>
  <si>
    <t>MultiPolygon (((4.34492672009375624 51.83621021074565505, 4.35166474928204394 51.83656719041340466, 4.35175655108410897 51.83319669213143754, 4.35065812113938399 51.83254496792155663, 4.34483407841607772 51.83304138427571672, 4.34492672009375624 51.83621021074565505, 4.34492672009375624 51.83621021074565505)))</t>
  </si>
  <si>
    <t>MultiPolygon (((4.34483407841607772 51.83304138427571672, 4.35065812113938399 51.83254496792155663, 4.35020621158212517 51.83151425791330524, 4.34744943265650452 51.83025930357405286, 4.34451402298725409 51.83058503468389233, 4.34483407841607772 51.83304138427571672, 4.34483407841607772 51.83304138427571672)))</t>
  </si>
  <si>
    <t>MultiPolygon (((4.3425885376846205 51.83859783040096403, 4.34491452463408656 51.8387005630554043, 4.34495664987539243 51.83838389828651572, 4.34492672009375624 51.83621021074565505, 4.34483407841607772 51.83304138427571672, 4.34451402298725409 51.83058503468389233, 4.34185799015794949 51.83036083873706446, 4.3416956372380584 51.83173226507169318, 4.33983198392293978 51.83432168763627601, 4.34012151844575023 51.83457606964137199, 4.34131610519911693 51.83652778947387674, 4.3425885376846205 51.83859783040096403, 4.3425885376846205 51.83859783040096403)))</t>
  </si>
  <si>
    <t>MultiPolygon (((4.33668237267662349 51.83170592607450544, 4.33983198392293978 51.83432168763627601, 4.3416956372380584 51.83173226507169318, 4.33668237267662349 51.83170592607450544, 4.33668237267662349 51.83170592607450544)))</t>
  </si>
  <si>
    <t>MultiPolygon (((4.33668237267662349 51.83170592607450544, 4.3416956372380584 51.83173226507169318, 4.34185799015794949 51.83036083873706446, 4.33737400268504292 51.82911280837241463, 4.33505659918635899 51.83026973908486923, 4.33502025798478385 51.8305356946254463, 4.33668237267662349 51.83170592607450544, 4.33668237267662349 51.83170592607450544)))</t>
  </si>
  <si>
    <t>MultiPolygon (((4.33540275354477433 51.83437209498099918, 4.34012151844575023 51.83457606964137199, 4.33983198392293978 51.83432168763627601, 4.33668237267662349 51.83170592607450544, 4.33502025798478385 51.8305356946254463, 4.33386884372799486 51.83331260239415883, 4.33540275354477433 51.83437209498099918, 4.33540275354477433 51.83437209498099918)))</t>
  </si>
  <si>
    <t>MultiPolygon (((4.3321289811072532 51.83813438673490026, 4.33763776688578062 51.83837901309266272, 4.33787076437774388 51.8363744360846681, 4.33540275354477433 51.83437209498099918, 4.33386884372799486 51.83331260239415883, 4.33292898648810176 51.83558794937904679, 4.3321289811072532 51.83813438673490026, 4.3321289811072532 51.83813438673490026)))</t>
  </si>
  <si>
    <t>MultiPolygon (((4.33787076437774388 51.8363744360846681, 4.34131610519911693 51.83652778947387674, 4.34012151844575023 51.83457606964137199, 4.33540275354477433 51.83437209498099918, 4.33787076437774388 51.8363744360846681, 4.33787076437774388 51.8363744360846681)))</t>
  </si>
  <si>
    <t>MultiPolygon (((4.33763776688578062 51.83837901309266272, 4.3425885376846205 51.83859783040096403, 4.34131610519911693 51.83652778947387674, 4.33787076437774388 51.8363744360846681, 4.33763776688578062 51.83837901309266272, 4.33763776688578062 51.83837901309266272)))</t>
  </si>
  <si>
    <t>MultiPolygon (((4.31837365111682825 51.83117042133530106, 4.3215666904340706 51.83102169514243229, 4.3248379427832111 51.82768878945516633, 4.32758797820121544 51.82428137424120962, 4.32019625696636833 51.82617763412112311, 4.31933421260747785 51.82778648222094375, 4.31815747917485204 51.82820510365922928, 4.31613305996070462 51.82809357948024598, 4.31517907320835636 51.83002235212364894, 4.31837365111682825 51.83117042133530106, 4.31837365111682825 51.83117042133530106)))</t>
  </si>
  <si>
    <t>MultiPolygon (((4.32941729505897044 51.82795710412202794, 4.33406037235775976 51.82825657554571563, 4.33363785296824222 51.82709321731704932, 4.33458826226533311 51.82569339908398831, 4.33205006783744384 51.82336165127810546, 4.32758797820121544 51.82428137424120962, 4.3248379427832111 51.82768878945516633, 4.32941729505897044 51.82795710412202794, 4.32941729505897044 51.82795710412202794)))</t>
  </si>
  <si>
    <t>MultiPolygon (((4.3262950755138414 51.83391950626903366, 4.32714606882064068 51.83401159448367679, 4.32809956966789233 51.83157262606755467, 4.32690018843275404 51.8303558751711293, 4.32941729505897044 51.82795710412202794, 4.3248379427832111 51.82768878945516633, 4.3215666904340706 51.83102169514243229, 4.3216429891161523 51.83348895351149821, 4.3262950755138414 51.83391950626903366, 4.3262950755138414 51.83391950626903366)))</t>
  </si>
  <si>
    <t>MultiPolygon (((4.31638336527222854 51.83690259022187519, 4.31803874169093493 51.8372521818378118, 4.3216429891161523 51.83348895351149821, 4.3215666904340706 51.83102169514243229, 4.31837365111682825 51.83117042133530106, 4.31721910097546591 51.83339040288559829, 4.31882847516301904 51.83398949480573492, 4.31862455446389948 51.83481691535993718, 4.31638336527222854 51.83690259022187519, 4.31638336527222854 51.83690259022187519)))</t>
  </si>
  <si>
    <t>MultiPolygon (((4.31803874169093493 51.8372521818378118, 4.32471922758393923 51.83779846400821611, 4.3262950755138414 51.83391950626903366, 4.3216429891161523 51.83348895351149821, 4.31803874169093493 51.8372521818378118, 4.31803874169093493 51.8372521818378118)))</t>
  </si>
  <si>
    <t>MultiPolygon (((4.331283947273735 51.83809694580719452, 4.3321289811072532 51.83813438673490026, 4.33292898648810176 51.83558794937904679, 4.33086399654682896 51.83542679420063592, 4.32714606882064068 51.83401159448367679, 4.3262950755138414 51.83391950626903366, 4.32471922758393923 51.83779846400821611, 4.331283947273735 51.83809694580719452, 4.331283947273735 51.83809694580719452)))</t>
  </si>
  <si>
    <t>MultiPolygon (((4.32714606882064068 51.83401159448367679, 4.33086399654682896 51.83542679420063592, 4.33292898648810176 51.83558794937904679, 4.33386884372799486 51.83331260239415883, 4.33502025798478385 51.8305356946254463, 4.33505659918635899 51.83026973908486923, 4.33406037235775976 51.82825657554571563, 4.32941729505897044 51.82795710412202794, 4.32690018843275404 51.8303558751711293, 4.32809956966789233 51.83157262606755467, 4.32714606882064068 51.83401159448367679, 4.32714606882064068 51.83401159448367679)))</t>
  </si>
  <si>
    <t>MultiPolygon (((4.30672137589474602 51.83547883386710708, 4.30400596939342428 51.83492568831269409, 4.30242913612093236 51.83811518969314847, 4.30507510244733016 51.83918105448973535, 4.30957084077921682 51.83835149792289343, 4.31218692467460674 51.83656705314796653, 4.31195659911892371 51.8355649886948342, 4.31017120772173978 51.83526457485486105, 4.3093396648522333 51.83598688822634415, 4.30672137589474602 51.83547883386710708, 4.30672137589474602 51.83547883386710708)))</t>
  </si>
  <si>
    <t>MultiPolygon (((4.31464795756537178 51.83683295219427833, 4.31638336527222854 51.83690259022187519, 4.31862455446389948 51.83481691535993718, 4.31882847516301904 51.83398949480573492, 4.31721910097546591 51.83339040288559829, 4.31837365111682825 51.83117042133530106, 4.31517907320835636 51.83002235212364894, 4.31613305996070462 51.82809357948024598, 4.31042550665739554 51.82771380521110416, 4.30936586401079325 51.82974869328081269, 4.30672137589474602 51.83547883386710708, 4.3093396648522333 51.83598688822634415, 4.31017120772173978 51.83526457485486105, 4.31195659911892371 51.8355649886948342, 4.31218692467460674 51.83656705314796653, 4.31464795756537178 51.83683295219427833, 4.31464795756537178 51.83683295219427833)))</t>
  </si>
  <si>
    <t>MultiPolygon (((4.33409193346119448 51.85064893796341323, 4.33896486148968563 51.85330707132000327, 4.34209944400549297 51.85049450228958534, 4.34127189905346711 51.84998277500350383, 4.33823449462518695 51.84820347785321815, 4.33409193346119448 51.85064893796341323, 4.33409193346119448 51.85064893796341323)))</t>
  </si>
  <si>
    <t>MultiPolygon (((4.33791650608728752 51.85551194813466935, 4.33896486148968563 51.85330707132000327, 4.33409193346119448 51.85064893796341323, 4.33132869539195298 51.85242514190118612, 4.33791650608728752 51.85551194813466935, 4.33791650608728752 51.85551194813466935)))</t>
  </si>
  <si>
    <t>MultiPolygon (((4.33819905407406736 51.85875732558154283, 4.33971887559164227 51.85938350307121425, 4.34155523679025279 51.8570970943443541, 4.33791650608728752 51.85551194813466935, 4.33132869539195298 51.85242514190118612, 4.33103051698079966 51.85272482525204651, 4.33059172962059513 51.8532553912484957, 4.32914188990385718 51.85480048876051029, 4.33819905407406736 51.85875732558154283, 4.33819905407406736 51.85875732558154283)))</t>
  </si>
  <si>
    <t>MultiPolygon (((4.33791650608728752 51.85551194813466935, 4.34155523679025279 51.8570970943443541, 4.34627191325928841 51.85328889762825355, 4.35363021101894088 51.84905294095840844, 4.35298636062178712 51.84892697449294729, 4.34401471002822959 51.84828724159238078, 4.34127189905346711 51.84998277500350383, 4.34209944400549297 51.85049450228958534, 4.33896486148968563 51.85330707132000327, 4.33791650608728752 51.85551194813466935, 4.33791650608728752 51.85551194813466935)))</t>
  </si>
  <si>
    <t>MultiPolygon (((4.35298636062178712 51.84892697449294729, 4.35363021101894088 51.84905294095840844, 4.36077887407388332 51.84645956533366018, 4.35845037377727351 51.84335141327051844, 4.3583886786688284 51.84250695275206766, 4.35776717924482782 51.84327414995485128, 4.35338654101419031 51.84477487959466657, 4.35052765812881592 51.84477814083104619, 4.35056247128559814 51.84724409838138826, 4.35298636062178712 51.84892697449294729, 4.35298636062178712 51.84892697449294729)))</t>
  </si>
  <si>
    <t>MultiPolygon (((4.35052765812881592 51.84477814083104619, 4.35338654101419031 51.84477487959466657, 4.35776717924482782 51.84327414995485128, 4.3583886786688284 51.84250695275206766, 4.35021767257067093 51.84213249672984603, 4.35052765812881592 51.84477814083104619, 4.35052765812881592 51.84477814083104619)))</t>
  </si>
  <si>
    <t>MultiPolygon (((4.33823449462518695 51.84820347785321815, 4.34259065940300992 51.8482745795941895, 4.35052765812881592 51.84477814083104619, 4.35021767257067093 51.84213249672984603, 4.34402299204252706 51.8438392489865123, 4.3384201989325355 51.84808006961659999, 4.33823449462518695 51.84820347785321815, 4.33823449462518695 51.84820347785321815)))</t>
  </si>
  <si>
    <t>MultiPolygon (((4.34127189905346711 51.84998277500350383, 4.34401471002822959 51.84828724159238078, 4.34259065940300992 51.8482745795941895, 4.33823449462518695 51.84820347785321815, 4.34127189905346711 51.84998277500350383, 4.34127189905346711 51.84998277500350383)))</t>
  </si>
  <si>
    <t>MultiPolygon (((4.34259065940300992 51.8482745795941895, 4.34401471002822959 51.84828724159238078, 4.35298636062178712 51.84892697449294729, 4.35056247128559814 51.84724409838138826, 4.35052765812881592 51.84477814083104619, 4.34259065940300992 51.8482745795941895, 4.34259065940300992 51.8482745795941895)))</t>
  </si>
  <si>
    <t>MultiPolygon (((4.31601075575609716 51.84249628895649664, 4.31731107027856886 51.84248338764025732, 4.31857462363813038 51.84134936095877322, 4.31885927622058574 51.83888979038776768, 4.31803874169093493 51.8372521818378118, 4.31638336527222854 51.83690259022187519, 4.31464795756537178 51.83683295219427833, 4.31128157616157903 51.84292838888475075, 4.31167429686461201 51.84460400743621733, 4.31339856417032852 51.84203223249194536, 4.31601075575609716 51.84249628895649664, 4.31601075575609716 51.84249628895649664)))</t>
  </si>
  <si>
    <t>MultiPolygon (((4.31885927622058574 51.83888979038776768, 4.32321352301897299 51.83864026773002109, 4.33129015562017816 51.83873539427136734, 4.331283947273735 51.83809694580719452, 4.32471922758393923 51.83779846400821611, 4.31803874169093493 51.8372521818378118, 4.31885927622058574 51.83888979038776768, 4.31885927622058574 51.83888979038776768)))</t>
  </si>
  <si>
    <t>MultiPolygon (((4.32287482839727666 51.84152626708286249, 4.3309393193663217 51.84185760541080157, 4.33129015562017816 51.83873539427136734, 4.32321352301897299 51.83864026773002109, 4.32287482839727666 51.84152626708286249, 4.32287482839727666 51.84152626708286249)))</t>
  </si>
  <si>
    <t>MultiPolygon (((4.31857462363813038 51.84134936095877322, 4.32287482839727666 51.84152626708286249, 4.32321352301897299 51.83864026773002109, 4.31885927622058574 51.83888979038776768, 4.31857462363813038 51.84134936095877322, 4.31857462363813038 51.84134936095877322)))</t>
  </si>
  <si>
    <t>MultiPolygon (((4.32738068618695237 51.84319034536791548, 4.33067875859963802 51.84333305643028211, 4.33074055160733451 51.84309618255650065, 4.33093683803099783 51.84188556763450606, 4.3309393193663217 51.84185760541080157, 4.32287482839727666 51.84152626708286249, 4.31857462363813038 51.84134936095877322, 4.31731107027856886 51.84248338764025732, 4.31942462576630959 51.84257731007446068, 4.32272525361385274 51.84272390976381217, 4.32738068618695237 51.84319034536791548, 4.32738068618695237 51.84319034536791548)))</t>
  </si>
  <si>
    <t>MultiPolygon (((4.34176832336209539 51.84234824039986478, 4.34442553888557104 51.84246159028553791, 4.34491452463408656 51.8387005630554043, 4.3425885376846205 51.83859783040096403, 4.33763776688578062 51.83837901309266272, 4.3321289811072532 51.83813438673490026, 4.331283947273735 51.83809694580719452, 4.33129015562017816 51.83873539427136734, 4.3309393193663217 51.84185760541080157, 4.33093683803099783 51.84188556763450606, 4.33913143132162027 51.84223569668186116, 4.33898728029684744 51.83943898485765089, 4.34158976328177015 51.83955597885758948, 4.34176832336209539 51.84234824039986478, 4.34176832336209539 51.84234824039986478)))</t>
  </si>
  <si>
    <t>MultiPolygon (((4.33913143132162027 51.84223569668186116, 4.34176832336209539 51.84234824039986478, 4.34158976328177015 51.83955597885758948, 4.33898728029684744 51.83943898485765089, 4.33913143132162027 51.84223569668186116, 4.33913143132162027 51.84223569668186116)))</t>
  </si>
  <si>
    <t>MultiPolygon (((4.34278372560092585 51.84404783112579906, 4.34416509417961727 51.84354765604169302, 4.34442553888557104 51.84246159028553791, 4.34176832336209539 51.84234824039986478, 4.33913143132162027 51.84223569668186116, 4.33093683803099783 51.84188556763450606, 4.33074055160733451 51.84309618255650065, 4.33869647628709032 51.84343531226038237, 4.34278372560092585 51.84404783112579906, 4.34278372560092585 51.84404783112579906)))</t>
  </si>
  <si>
    <t>MultiPolygon (((4.33534241224976302 51.84685462921888188, 4.3384201989325355 51.84808006961659999, 4.34402299204252706 51.8438392489865123, 4.34416509417961727 51.84354765604169302, 4.34278372560092585 51.84404783112579906, 4.33534241224976302 51.84685462921888188, 4.33534241224976302 51.84685462921888188)))</t>
  </si>
  <si>
    <t>MultiPolygon (((4.33428176826773015 51.84590052704973573, 4.33862182506488114 51.84406437526475742, 4.33869647628709032 51.84343531226038237, 4.33074055160733451 51.84309618255650065, 4.33067875859963802 51.84333305643028211, 4.33428176826773015 51.84590052704973573, 4.33428176826773015 51.84590052704973573)))</t>
  </si>
  <si>
    <t>MultiPolygon (((4.33428176826773015 51.84590052704973573, 4.33534241224976302 51.84685462921888188, 4.34278372560092585 51.84404783112579906, 4.33869647628709032 51.84343531226038237, 4.33862182506488114 51.84406437526475742, 4.33428176826773015 51.84590052704973573, 4.33428176826773015 51.84590052704973573)))</t>
  </si>
  <si>
    <t>MultiPolygon (((4.32573445606335838 51.84439847598900997, 4.32738068618695237 51.84319034536791548, 4.32272525361385274 51.84272390976381217, 4.32573445606335838 51.84439847598900997, 4.32573445606335838 51.84439847598900997)))</t>
  </si>
  <si>
    <t>MultiPolygon (((4.31240659100366486 51.84663145786937832, 4.31489349944064404 51.84658722296525468, 4.31601075575609716 51.84249628895649664, 4.31339856417032852 51.84203223249194536, 4.31167429686461201 51.84460400743621733, 4.31240659100366486 51.84663145786937832, 4.31240659100366486 51.84663145786937832)))</t>
  </si>
  <si>
    <t>MultiPolygon (((4.32081212999287168 51.84823820463646626, 4.3222375750201536 51.84708226211716209, 4.31773324788506052 51.84540666004664189, 4.31942462576630959 51.84257731007446068, 4.31731107027856886 51.84248338764025732, 4.31601075575609716 51.84249628895649664, 4.31489349944064404 51.84658722296525468, 4.32081212999287168 51.84823820463646626, 4.32081212999287168 51.84823820463646626)))</t>
  </si>
  <si>
    <t>MultiPolygon (((4.3222375750201536 51.84708226211716209, 4.32573445606335838 51.84439847598900997, 4.32272525361385274 51.84272390976381217, 4.31942462576630959 51.84257731007446068, 4.31773324788506052 51.84540666004664189, 4.3222375750201536 51.84708226211716209, 4.3222375750201536 51.84708226211716209)))</t>
  </si>
  <si>
    <t>MultiPolygon (((4.31068931585900383 51.85081268734994353, 4.31751641083918347 51.85203354027295575, 4.31842744764233988 51.85013698695443907, 4.32081212999287168 51.84823820463646626, 4.31489349944064404 51.84658722296525468, 4.31240659100366486 51.84663145786937832, 4.31238852373286807 51.84683837782937132, 4.31068931585900383 51.85081268734994353, 4.31068931585900383 51.85081268734994353)))</t>
  </si>
  <si>
    <t>MultiPolygon (((4.31564283393130932 51.8561383339787767, 4.32621367579010219 51.85865555440145158, 4.32914188990385718 51.85480048876051029, 4.32533872058531532 51.85351237020636006, 4.31751641083918347 51.85203354027295575, 4.31564283393130932 51.8561383339787767, 4.31564283393130932 51.8561383339787767)))</t>
  </si>
  <si>
    <t>MultiPolygon (((4.31425744302006287 51.85909731368534636, 4.32505720611658262 51.86065001890158754, 4.32621367579010219 51.85865555440145158, 4.31564283393130932 51.8561383339787767, 4.31525279274785678 51.85692124674486791, 4.31425744302006287 51.85909731368534636, 4.31425744302006287 51.85909731368534636)))</t>
  </si>
  <si>
    <t>MultiPolygon (((4.31525279274785678 51.85692124674486791, 4.31564283393130932 51.8561383339787767, 4.31751641083918347 51.85203354027295575, 4.31068931585900383 51.85081268734994353, 4.30574598489974303 51.85358573751461364, 4.31525279274785678 51.85692124674486791, 4.31525279274785678 51.85692124674486791)))</t>
  </si>
  <si>
    <t>MultiPolygon (((4.31425744302006287 51.85909731368534636, 4.31525279274785678 51.85692124674486791, 4.30574598489974303 51.85358573751461364, 4.30250886013106459 51.85634575996008522, 4.30422438960537423 51.8575488439293224, 4.30558862639511108 51.85681208901301176, 4.30778566984298639 51.85779015965733407, 4.31425744302006287 51.85909731368534636, 4.31425744302006287 51.85909731368534636)))</t>
  </si>
  <si>
    <t>MultiPolygon (((4.32736277218941012 51.84844863281087868, 4.32930243586228336 51.84990824971298906, 4.33534241224976302 51.84685462921888188, 4.33428176826773015 51.84590052704973573, 4.33067875859963802 51.84333305643028211, 4.32738068618695237 51.84319034536791548, 4.32573445606335838 51.84439847598900997, 4.32832047322485636 51.8450443996212158, 4.32736277218941012 51.84844863281087868, 4.32736277218941012 51.84844863281087868)))</t>
  </si>
  <si>
    <t>MultiPolygon (((4.33103051698079966 51.85272482525204651, 4.33132869539195298 51.85242514190118612, 4.33409193346119448 51.85064893796341323, 4.33823449462518695 51.84820347785321815, 4.3384201989325355 51.84808006961659999, 4.33534241224976302 51.84685462921888188, 4.32930243586228336 51.84990824971298906, 4.33103051698079966 51.85272482525204651, 4.33103051698079966 51.85272482525204651)))</t>
  </si>
  <si>
    <t>MultiPolygon (((4.32240612956099746 51.84860802291133552, 4.32736277218941012 51.84844863281087868, 4.32832047322485636 51.8450443996212158, 4.32573445606335838 51.84439847598900997, 4.3222375750201536 51.84708226211716209, 4.32081212999287168 51.84823820463646626, 4.32240612956099746 51.84860802291133552, 4.32240612956099746 51.84860802291133552)))</t>
  </si>
  <si>
    <t>MultiPolygon (((4.31751641083918347 51.85203354027295575, 4.32533872058531532 51.85351237020636006, 4.32616497475244888 51.85188922217990637, 4.32240612956099746 51.84860802291133552, 4.32081212999287168 51.84823820463646626, 4.31842744764233988 51.85013698695443907, 4.31751641083918347 51.85203354027295575, 4.31751641083918347 51.85203354027295575)))</t>
  </si>
  <si>
    <t>MultiPolygon (((4.32533872058531532 51.85351237020636006, 4.32914188990385718 51.85480048876051029, 4.33059172962059513 51.8532553912484957, 4.32616497475244888 51.85188922217990637, 4.32533872058531532 51.85351237020636006, 4.32533872058531532 51.85351237020636006)))</t>
  </si>
  <si>
    <t>MultiPolygon (((4.33059172962059513 51.8532553912484957, 4.33103051698079966 51.85272482525204651, 4.32930243586228336 51.84990824971298906, 4.32736277218941012 51.84844863281087868, 4.32240612956099746 51.84860802291133552, 4.32616497475244888 51.85188922217990637, 4.33059172962059513 51.8532553912484957, 4.33059172962059513 51.8532553912484957)))</t>
  </si>
  <si>
    <t>MultiPolygon (((4.40556833274888859 52.02910149947756935, 4.41278259399868311 52.02505904134545744, 4.40608306573238551 52.0227281743184804, 4.40609815722777576 52.02220265951749667, 4.40971383191113109 52.02099311663958048, 4.41268549411662381 52.02203245822758504, 4.41380196807064351 52.02076956281871389, 4.40259623643162445 52.01712869644564563, 4.40472178917796242 52.0144734323817417, 4.4117444210312966 52.01636748133655885, 4.4133115429019405 52.01444671113629425, 4.40147858797813107 52.01142408999908895, 4.39766379057039014 52.01056662944132114, 4.39557137858981495 52.01372690909821728, 4.39331991106576325 52.01306956499404066, 4.39078933733004639 52.01682887353641149, 4.38624489952186458 52.02330819207741541, 4.38040713162176765 52.02687646934798238, 4.37980865394472474 52.02666357939029496, 4.37973528809693491 52.02673268245578697, 4.3939285878408656 52.03305343033760266, 4.40556833274888859 52.02910149947756935, 4.40556833274888859 52.02910149947756935)))</t>
  </si>
  <si>
    <t>MultiPolygon (((4.40731134029008587 52.00598896302296481, 4.41001635106261336 52.00458052260936626, 4.41381553746431887 52.00539298884402228, 4.41887438476619909 52.0025922048229674, 4.42069913568225026 51.99991205943193506, 4.41812721562295518 51.99715723650239596, 4.41739960672465148 51.99460983720134521, 4.41846742357799638 51.99165729198531238, 4.41457913632533039 51.99100916571077136, 4.41619267766303825 51.98764246311839798, 4.4156900142971347 51.98603529516211097, 4.41276939161130066 51.98421989599937376, 4.41176720557047197 51.976437669124536, 4.41581512367446294 51.97250348647057194, 4.40727340619012509 51.9689867686243403, 4.40338954719708742 51.97313284724551607, 4.40115232813043988 51.97834600284787143, 4.39839699134580719 51.97841847176447061, 4.39814130032507222 51.97914945428186684, 4.39703012800852111 51.97897402200885608, 4.39352696235836238 51.9871758660238541, 4.39177015154709505 51.99128925039302374, 4.40636027790419593 51.99363095564390846, 4.40265202085373897 51.99917206114706403, 4.40049183476087347 52.00247360814940834, 4.39745330784187693 52.00702993510390826, 4.40164981112321652 52.00799085717245163, 4.40280111581882228 52.00641084704473371, 4.40731134029008587 52.00598896302296481, 4.40731134029008587 52.00598896302296481)),((4.41932631391898401 52.01490120280735852, 4.41981642197390734 52.01409348606716776, 4.42192116420435077 52.01456731334771177, 4.42253712100785457 52.01354919918457398, 4.41901343031287563 52.01203593090487232, 4.4061774104795175 52.00905096769037783, 4.4054965585339767 52.01017095565777026, 4.40325237380296564 52.00965332520819828, 4.40147858797813107 52.01142408999908895, 4.4133115429019405 52.01444671113629425, 4.42159402587268424 52.01660935370642136, 4.41932631391898401 52.01490120280735852, 4.41932631391898401 52.01490120280735852)))</t>
  </si>
  <si>
    <t>MultiPolygon (((4.38916434570705061 51.99738075604220455, 4.3943301678431812 51.99749483953649332, 4.40265202085373897 51.99917206114706403, 4.40636027790419593 51.99363095564390846, 4.39177015154709505 51.99128925039302374, 4.38957736000520438 51.99651982245030268, 4.38916434570705061 51.99738075604220455, 4.38916434570705061 51.99738075604220455)))</t>
  </si>
  <si>
    <t>MultiPolygon (((4.39963936359587393 52.00227170549653977, 4.40049183476087347 52.00247360814940834, 4.40265202085373897 51.99917206114706403, 4.3943301678431812 51.99749483953649332, 4.38916434570705061 51.99738075604220455, 4.38814245254675495 51.99977590456789756, 4.39963936359587393 52.00227170549653977, 4.39963936359587393 52.00227170549653977)))</t>
  </si>
  <si>
    <t>MultiPolygon (((4.38818044012291697 52.00663811556127314, 4.39043736938510332 52.00557322833857654, 4.39294176831114314 52.00615307999551362, 4.39408851405069889 52.00579728297961424, 4.39712963419952008 52.00456287110944231, 4.39963936359587393 52.00227170549653977, 4.38814245254675495 51.99977590456789756, 4.38591573238206678 52.00483525560221665, 4.38617336333909069 52.00489411484425517, 4.38862299868918893 52.00545371464374966, 4.38818044012291697 52.00663811556127314, 4.38818044012291697 52.00663811556127314)))</t>
  </si>
  <si>
    <t>MultiPolygon (((4.39745330784187693 52.00702993510390826, 4.40049183476087347 52.00247360814940834, 4.39963936359587393 52.00227170549653977, 4.39712963419952008 52.00456287110944231, 4.39408851405069889 52.00579728297961424, 4.39294176831114314 52.00615307999551362, 4.39043736938510332 52.00557322833857654, 4.38818044012291697 52.00663811556127314, 4.38832744426326826 52.00764567950059813, 4.3890252316182492 52.00783089308242779, 4.39628768318746044 52.00882890668508196, 4.39745330784187693 52.00702993510390826, 4.39745330784187693 52.00702993510390826)))</t>
  </si>
  <si>
    <t>MultiPolygon (((4.39557137858981495 52.01372690909821728, 4.39766379057039014 52.01056662944132114, 4.40147858797813107 52.01142408999908895, 4.40325237380296564 52.00965332520819828, 4.40164981112321652 52.00799085717245163, 4.39745330784187693 52.00702993510390826, 4.39628768318746044 52.00882890668508196, 4.3890252316182492 52.00783089308242779, 4.38849777187123724 52.00866683328182916, 4.38834552241838516 52.00944764153984323, 4.39451594038818705 52.01125564672824453, 4.39331991106576325 52.01306956499404066, 4.39557137858981495 52.01372690909821728, 4.39557137858981495 52.01372690909821728)))</t>
  </si>
  <si>
    <t>MultiPolygon (((4.4229245960437078 52.05077323947518408, 4.41494077177183719 52.04726096494952259, 4.41293350256082917 52.05037806507223053, 4.40493527022225173 52.04519304966112259, 4.40314161863981557 52.04673222951415568, 4.40628215714316962 52.05007709058041598, 4.4000736374291165 52.05236767772219508, 4.40135814413244564 52.05333552292971433, 4.42207240357569908 52.05167308822989014, 4.42583125577469705 52.05146944564931744, 4.4229245960437078 52.05077323947518408, 4.4229245960437078 52.05077323947518408)))</t>
  </si>
  <si>
    <t>MultiPolygon (((4.44171586388702977 52.04422309516246514, 4.42227846244389866 52.03600972678928827, 4.42138082006422461 52.03615942808914951, 4.4185368918018213 52.03499068760793733, 4.41793669229659791 52.03424729421742967, 4.40556833274888859 52.02910149947756935, 4.3939285878408656 52.03305343033760266, 4.38785089565641684 52.0384428508138086, 4.3867681364994775 52.03844420317277297, 4.38714914095399777 52.03972869808698221, 4.39281693431054432 52.04218239344143626, 4.39345110336015843 52.04185801862127647, 4.39870228374966121 52.03892942297410684, 4.40323711614459157 52.03742225599786053, 4.409704590303126 52.04071295791855079, 4.41707147432609482 52.04395166989889532, 4.41494077177183719 52.04726096494952259, 4.4229245960437078 52.05077323947518408, 4.42583125577469705 52.05146944564931744, 4.43804424158055433 52.05028369968274404, 4.44171586388702977 52.04422309516246514, 4.44171586388702977 52.04422309516246514)))</t>
  </si>
  <si>
    <t>MultiPolygon (((4.39854950263558031 52.05121788261639182, 4.39352902748793817 52.0474417321971643, 4.39160813068123623 52.04600360813947901, 4.38584056291508784 52.049795722339816, 4.38609839750711039 52.04996733819702825, 4.38790451807777959 52.05116948871893356, 4.38967617602100013 52.04996134686356157, 4.39113098256925571 52.05195167901985087, 4.39444499781423303 52.054053900773539, 4.39854950263558031 52.05121788261639182)))</t>
  </si>
  <si>
    <t>MultiPolygon (((4.38714914095399777 52.03972869808698221, 4.3867681364994775 52.03844420317277297, 4.38118008535430015 52.03638644045985018, 4.37985819646887897 52.03595228374145165, 4.37265785999909884 52.04092792884512875, 4.37810328296309947 52.04464481624015804, 4.38596051859953295 52.04218631524562255, 4.38714914095399777 52.03972869808698221, 4.38714914095399777 52.03972869808698221)))</t>
  </si>
  <si>
    <t>MultiPolygon (((4.38584056291508784 52.049795722339816, 4.39160813068123623 52.04600360813947901, 4.38596051859953295 52.04218631524562255, 4.37810328296309947 52.04464481624015804, 4.38584056291508784 52.049795722339816, 4.38584056291508784 52.049795722339816)))</t>
  </si>
  <si>
    <t>MultiPolygon (((4.40493527022225173 52.04519304966112259, 4.41293350256082917 52.05037806507223053, 4.41494077177183719 52.04726096494952259, 4.41707147432609482 52.04395166989889532, 4.409704590303126 52.04071295791855079, 4.40493527022225173 52.04519304966112259, 4.40493527022225173 52.04519304966112259)))</t>
  </si>
  <si>
    <t>MultiPolygon (((4.40314161863981557 52.04673222951415568, 4.40493527022225173 52.04519304966112259, 4.409704590303126 52.04071295791855079, 4.40323711614459157 52.03742225599786053, 4.39870228374966121 52.03892942297410684, 4.39345110336015843 52.04185801862127647, 4.39807021605485549 52.04447707201844509, 4.40314161863981557 52.04673222951415568, 4.40314161863981557 52.04673222951415568)))</t>
  </si>
  <si>
    <t>MultiPolygon (((4.39854950263558031 52.05121788261639182, 4.4000736374291165 52.05236767772219508, 4.40628215714316962 52.05007709058041598, 4.40314161863981557 52.04673222951415568, 4.39807021605485549 52.04447707201844509, 4.39352902748793817 52.0474417321971643, 4.39854950263558031 52.05121788261639182, 4.39854950263558031 52.05121788261639182)))</t>
  </si>
  <si>
    <t>MultiPolygon (((4.39160813068123623 52.04600360813947901, 4.39352902748793817 52.0474417321971643, 4.39807021605485549 52.04447707201844509, 4.39345110336015843 52.04185801862127647, 4.39281693431054432 52.04218239344143626, 4.38714914095399777 52.03972869808698221, 4.38596051859953295 52.04218631524562255, 4.39160813068123623 52.04600360813947901, 4.39160813068123623 52.04600360813947901)))</t>
  </si>
  <si>
    <t>MultiPolygon (((4.43477912349260173 52.02620922865961717, 4.43431659553933599 52.02866769309576966, 4.44705651761234488 52.03335012330586551, 4.45164947140526479 52.02786359841368125, 4.44888056344818938 52.02630856480310939, 4.44438819293447462 52.02500789563300287, 4.43661640706604032 52.02288075824205293, 4.43477912349260173 52.02620922865961717, 4.43477912349260173 52.02620922865961717)))</t>
  </si>
  <si>
    <t>MultiPolygon (((4.42227846244389866 52.03600972678928827, 4.42661521873006514 52.03030198679262242, 4.42117372038083722 52.0277547531557758, 4.42794775318886291 52.01853139229837808, 4.42223492715497279 52.01683947358402804, 4.42159402587268424 52.01660935370642136, 4.4133115429019405 52.01444671113629425, 4.4117444210312966 52.01636748133655885, 4.40472178917796242 52.0144734323817417, 4.40259623643162445 52.01712869644564563, 4.41380196807064351 52.02076956281871389, 4.41268549411662381 52.02203245822758504, 4.40971383191113109 52.02099311663958048, 4.40609815722777576 52.02220265951749667, 4.40608306573238551 52.0227281743184804, 4.41278259399868311 52.02505904134545744, 4.40556833274888859 52.02910149947756935, 4.41793669229659791 52.03424729421742967, 4.4185368918018213 52.03499068760793733, 4.42138082006422461 52.03615942808914951, 4.42227846244389866 52.03600972678928827, 4.42227846244389866 52.03600972678928827)))</t>
  </si>
  <si>
    <t>MultiPolygon (((4.45056413765560777 52.04921020739102744, 4.45643801140049955 52.03954178425211552, 4.45699473066565766 52.03967222149583449, 4.45764380611089717 52.03861865961427924, 4.45893210421707487 52.03885383759266148, 4.47074367842584142 52.04047771013848944, 4.47670611094139215 52.03164214453769176, 4.46724683749568907 52.02564076145768013, 4.46366599681451515 52.02426573880388361, 4.46130415387976864 52.02388855959198821, 4.46038450879502424 52.02304235195634874, 4.46026756927246826 52.02310558941780272, 4.46008652806283301 52.02306929067851371, 4.46003902302970889 52.02297029334541634, 4.45934406044211862 52.02285653215896133, 4.45796064606301279 52.02235407311391668, 4.45735435003598024 52.02226057625593114, 4.45719924366990572 52.02216887689945679, 4.45811090237085761 52.01852771479603632, 4.45943811353868291 52.01704546647265914, 4.45839291660819903 52.01602302734734451, 4.46156168067105785 52.01265141474696208, 4.45639071179670143 52.00851285611767594, 4.45372709211256623 52.01111245420327833, 4.4489101986317765 52.01867377963366579, 4.44438819293447462 52.02500789563300287, 4.44888056344818938 52.02630856480310939, 4.45164947140526479 52.02786359841368125, 4.44705651761234488 52.03335012330586551, 4.43431659553933599 52.02866769309576966, 4.43477912349260173 52.02620922865961717, 4.43254418102902203 52.02542491756627641, 4.42661521873006514 52.03030198679262242, 4.42227846244389866 52.03600972678928827, 4.44171586388702977 52.04422309516246514, 4.43804424158055433 52.05028369968274404, 4.45056413765560777 52.04921020739102744)))</t>
  </si>
  <si>
    <t>MultiPolygon (((4.4288004261706595 52.01735981316627999, 4.43244346071933393 52.01155410998210016, 4.4351712961715144 52.00660955989619794, 4.43158599303373002 52.00580204690198372, 4.43034573360746808 52.00449886260544474, 4.43400416736345004 52.00317791422840941, 4.43827915198295653 51.99998818932476752, 4.44111045172524754 51.99927404866428304, 4.44782159996610105 52.00033411674403538, 4.44977590366287146 52.00050276793404436, 4.45281315262733735 51.99722664173752662, 4.45080125560825746 51.99588021770662039, 4.45056929192420814 51.99569718967197929, 4.44724791972852618 51.99240905578051297, 4.42444629589758964 51.97961102239278119, 4.42789835738203141 51.97646646310631979, 4.40791087630139522 51.96819860579090289, 4.40727340619012509 51.9689867686243403, 4.41581512367446294 51.97250348647057194, 4.41176720557047197 51.976437669124536, 4.41276939161130066 51.98421989599937376, 4.4156900142971347 51.98603529516211097, 4.41619267766303825 51.98764246311839798, 4.41457913632533039 51.99100916571077136, 4.41846742357799638 51.99165729198531238, 4.41739960672465148 51.99460983720134521, 4.41812721562295518 51.99715723650239596, 4.42069913568225026 51.99991205943193506, 4.41887438476619909 52.0025922048229674, 4.41381553746431887 52.00539298884402228, 4.41001635106261336 52.00458052260936626, 4.40731134029008587 52.00598896302296481, 4.40280111581882228 52.00641084704473371, 4.40164981112321652 52.00799085717245163, 4.40325237380296564 52.00965332520819828, 4.4054965585339767 52.01017095565777026, 4.4061774104795175 52.00905096769037783, 4.41901343031287563 52.01203593090487232, 4.42253712100785457 52.01354919918457398, 4.42192116420435077 52.01456731334771177, 4.41981642197390734 52.01409348606716776, 4.41932631391898401 52.01490120280735852, 4.42159402587268424 52.01660935370642136, 4.42223492715497279 52.01683947358402804, 4.4228575784673092 52.01584894155326566, 4.4288004261706595 52.01735981316627999, 4.4288004261706595 52.01735981316627999)))</t>
  </si>
  <si>
    <t>MultiPolygon (((4.4351712961715144 52.00660955989619794, 4.43736829476577377 52.00725723943025969, 4.43997905818779159 52.0028773583538424, 4.43738867124910108 52.0016378680001381, 4.43827915198295653 51.99998818932476752, 4.43400416736345004 52.00317791422840941, 4.43034573360746808 52.00449886260544474, 4.43158599303373002 52.00580204690198372, 4.4351712961715144 52.00660955989619794, 4.4351712961715144 52.00660955989619794)))</t>
  </si>
  <si>
    <t>MultiPolygon (((4.43997905818779159 52.0028773583538424, 4.44602241362158423 52.00425265360791371, 4.44782159996610105 52.00033411674403538, 4.44111045172524754 51.99927404866428304, 4.43827915198295653 51.99998818932476752, 4.43738867124910108 52.0016378680001381, 4.43997905818779159 52.0028773583538424, 4.43997905818779159 52.0028773583538424)))</t>
  </si>
  <si>
    <t>MultiPolygon (((4.43254418102902203 52.02542491756627641, 4.43477912349260173 52.02620922865961717, 4.43661640706604032 52.02288075824205293, 4.44438819293447462 52.02500789563300287, 4.4489101986317765 52.01867377963366579, 4.43977969451872223 52.01619803268678766, 4.43671510289428905 52.02094559928967499, 4.43254418102902203 52.02542491756627641, 4.43254418102902203 52.02542491756627641)))</t>
  </si>
  <si>
    <t>MultiPolygon (((4.43736829476577377 52.00725723943025969, 4.44448422875102622 52.00876551092127187, 4.44602241362158423 52.00425265360791371, 4.43997905818779159 52.0028773583538424, 4.43736829476577377 52.00725723943025969, 4.43736829476577377 52.00725723943025969)))</t>
  </si>
  <si>
    <t>MultiPolygon (((4.45886846109831225 52.00466553501338751, 4.45872811892704313 52.00220921284466158, 4.44977590366287146 52.00050276793404436, 4.44782159996610105 52.00033411674403538, 4.44602241362158423 52.00425265360791371, 4.44448422875102622 52.00876551092127187, 4.45372709211256623 52.01111245420327833, 4.45639071179670143 52.00851285611767594, 4.45545300686631673 52.00645543153442674, 4.45704254155897939 52.00494376229100624, 4.45886846109831225 52.00466553501338751)))</t>
  </si>
  <si>
    <t>MultiPolygon (((4.43977969451872223 52.01619803268678766, 4.4489101986317765 52.01867377963366579, 4.45372709211256623 52.01111245420327833, 4.44448422875102622 52.00876551092127187, 4.44172710223635914 52.01313636521773986, 4.43977969451872223 52.01619803268678766, 4.43977969451872223 52.01619803268678766)))</t>
  </si>
  <si>
    <t>MultiPolygon (((4.43244346071933393 52.01155410998210016, 4.44172710223635914 52.01313636521773986, 4.44448422875102622 52.00876551092127187, 4.43736829476577377 52.00725723943025969, 4.4351712961715144 52.00660955989619794, 4.43244346071933393 52.01155410998210016, 4.43244346071933393 52.01155410998210016)))</t>
  </si>
  <si>
    <t>MultiPolygon (((4.42661521873006514 52.03030198679262242, 4.43254418102902203 52.02542491756627641, 4.43671510289428905 52.02094559928967499, 4.43585162098851793 52.02132603560286128, 4.43334613432985591 52.0206473297870744, 4.42794775318886291 52.01853139229837808, 4.42117372038083722 52.0277547531557758, 4.42661521873006514 52.03030198679262242, 4.42661521873006514 52.03030198679262242)))</t>
  </si>
  <si>
    <t>MultiPolygon (((4.42794775318886291 52.01853139229837808, 4.43334613432985591 52.0206473297870744, 4.43585162098851793 52.02132603560286128, 4.43671510289428905 52.02094559928967499, 4.43977969451872223 52.01619803268678766, 4.44172710223635914 52.01313636521773986, 4.43244346071933393 52.01155410998210016, 4.4288004261706595 52.01735981316627999, 4.4228575784673092 52.01584894155326566, 4.42223492715497279 52.01683947358402804, 4.42794775318886291 52.01853139229837808, 4.42794775318886291 52.01853139229837808)))</t>
  </si>
  <si>
    <t>MultiPolygon (((4.24182230525706583 51.68455812582868703, 4.24437257395859646 51.68433601617109474, 4.2449779643141472 51.68190578693766923, 4.24837364953399454 51.67902864147456654, 4.25395157664616086 51.67650675083309864, 4.25616274277323559 51.67623952261886444, 4.26711352707331404 51.67754209527208786, 4.26931174564283999 51.68650119660962616, 4.2653746449635177 51.68690716624059434, 4.2658320878843643 51.68905844592167398, 4.26988049246531798 51.68862729118271915, 4.27030039159336905 51.69038947227144121, 4.2696321117206617 51.69162064377331944, 4.26792670782602634 51.69175901745695256, 4.26805276675492173 51.69241355011927652, 4.27487849906485273 51.69540406227731921, 4.29163378519096472 51.69878825352906659, 4.29207119415660721 51.69739089328653137, 4.29732228719768905 51.6976878651701881, 4.29755030746806188 51.6963182461861166, 4.29610819473909888 51.69431371603361924, 4.29776329192103024 51.69046864431554411, 4.30139602758592776 51.68687136944631533, 4.30471565683954349 51.68543542571418925, 4.31153308718729367 51.68425214777113297, 4.31497564393600985 51.68294948177650383, 4.31555653455555532 51.68205389513599357, 4.32229946097453244 51.68008507926836614, 4.32097961693475341 51.67835292033328187, 4.28900680049244087 51.67153184405420774, 4.28102388190375738 51.67266134024504964, 4.27884338383451723 51.67117602287549971, 4.27923748484517308 51.66865050697915507, 4.2762528030538336 51.66759713444835, 4.2696745206361788 51.66957556215168523, 4.26981705729472782 51.66602967562084103, 4.26610801752128665 51.66053216620218791, 4.25493118258762859 51.66082163776805913, 4.2464733308318614 51.6629813343623141, 4.24699801703179691 51.66712768941339817, 4.23951457106603691 51.67610499377887123, 4.24182230525706583 51.68455812582868703, 4.24182230525706583 51.68455812582868703),(4.28508671579503275 51.69267615784366399, 4.27654582206529188 51.68929190005763985, 4.27912376887532364 51.68780726444936846, 4.27959660269021747 51.6848160494840414, 4.28238276639384452 51.68502064797048234, 4.28377610192608937 51.68805325101818227, 4.28389442491506589 51.69131153431705172, 4.28508671579503275 51.69267615784366399, 4.28508671579503275 51.69267615784366399)))</t>
  </si>
  <si>
    <t>MultiPolygon (((4.28508671579503275 51.69267615784366399, 4.28389442491506589 51.69131153431705172, 4.28377610192608937 51.68805325101818227, 4.28238276639384452 51.68502064797048234, 4.27959660269021747 51.6848160494840414, 4.27912376887532364 51.68780726444936846, 4.27654582206529188 51.68929190005763985, 4.28508671579503275 51.69267615784366399, 4.28508671579503275 51.69267615784366399)))</t>
  </si>
  <si>
    <t>MultiPolygon (((4.21697280434255717 51.75705443659977334, 4.21906593367859273 51.75662459148612982, 4.22814466681652323 51.75146946584087004, 4.24260292052600541 51.74521802796635939, 4.24465617744859447 51.74398220929496262, 4.24316890832920812 51.74278656915875985, 4.24517854683820239 51.74174640227580824, 4.2463049831073798 51.74193042106735163, 4.24341203342613138 51.74015675174124596, 4.24437313834470675 51.74010116036049567, 4.24545227522747393 51.7408989152910479, 4.24666073278040113 51.73987576144989475, 4.246981720206775 51.73814352630721203, 4.25617868528048326 51.72984427522408879, 4.25492946346745082 51.72768522045029727, 4.25769933507609366 51.72665257349176215, 4.25857108051592093 51.72595238883053526, 4.25755135328005352 51.72470644825527586, 4.25486400852467561 51.72328874555331168, 4.25251770503680682 51.72245931943086106, 4.25144133860631346 51.72298295863787843, 4.24646202206173395 51.72245101263779787, 4.24556537761810127 51.71801187434327574, 4.24368331673744503 51.71624176105183324, 4.24287827976227128 51.71645060986432441, 4.21716208266024406 51.71793005404622789, 4.21680151978792406 51.72421346688155808, 4.21488912510149838 51.72715705004989672, 4.21021570063232797 51.72940502808684471, 4.21043619505926525 51.73135400369289272, 4.21418579916166181 51.73431225266367761, 4.21469279824839838 51.73679607846889894, 4.19990618243577529 51.74625923436177999, 4.21697280434255717 51.75705443659977334, 4.21697280434255717 51.75705443659977334),(4.23990994855673975 51.74197557643594791, 4.23462996447733442 51.74042464320975654, 4.23576149271498803 51.73557701645904672, 4.234060516255858 51.73220247427494911, 4.23839331986897871 51.72960607575072345, 4.2379015691496198 51.73036747267771318, 4.23925021590350859 51.7325279201816457, 4.24170987756505546 51.73158552259796039, 4.24430566265070297 51.73358921316631864, 4.24224579172009086 51.73488293708554409, 4.24600780846844739 51.73815518538085456, 4.24511061082467389 51.73946739828329555, 4.24340082603018942 51.74011787997198297, 4.2419503031602428 51.74107346025090948, 4.24075604507091874 51.74069996864365351, 4.23990994855673975 51.74197557643594791, 4.23990994855673975 51.74197557643594791)))</t>
  </si>
  <si>
    <t>MultiPolygon (((4.23990994855673975 51.74197557643594791, 4.24075604507091874 51.74069996864365351, 4.2419503031602428 51.74107346025090948, 4.24340082603018942 51.74011787997198297, 4.24511061082467389 51.73946739828329555, 4.24600780846844739 51.73815518538085456, 4.24224579172009086 51.73488293708554409, 4.24430566265070297 51.73358921316631864, 4.24170987756505546 51.73158552259796039, 4.23925021590350859 51.7325279201816457, 4.2379015691496198 51.73036747267771318, 4.23839331986897871 51.72960607575072345, 4.234060516255858 51.73220247427494911, 4.23576149271498803 51.73557701645904672, 4.23462996447733442 51.74042464320975654, 4.23990994855673975 51.74197557643594791, 4.23990994855673975 51.74197557643594791)))</t>
  </si>
  <si>
    <t>MultiPolygon (((4.1329801123051757 51.72574738633552727, 4.15379390916908431 51.73337777135851212, 4.15618850783889204 51.73522393916115192, 4.16233529001841696 51.73649930720031165, 4.16910612690394888 51.73541049665519154, 4.16986644735705703 51.73261074449347063, 4.17255196690881469 51.73289615380620887, 4.17313260793666352 51.73086480498126605, 4.17980652168077071 51.73103617303630131, 4.18188660772610099 51.72668518638651847, 4.18990492985033036 51.72685133159026094, 4.18856094813650426 51.7194586586176257, 4.18370119573160082 51.71920728921205779, 4.17772014758669741 51.71993736148650811, 4.17837806532277334 51.71805650086113815, 4.18311861082835801 51.71553123296843779, 4.182969899924454 51.71474186322919309, 4.1780061046356769 51.7145429115325328, 4.17502816351909356 51.7181291157012879, 4.17298896626656113 51.7193110694698035, 4.17042363964774587 51.71900619097916518, 4.16292088419410078 51.71583115636036609, 4.15591362386825125 51.71385054664553138, 4.15622359085118909 51.71068247810593732, 4.15995826856962747 51.71067859067809991, 4.16555153994360783 51.71288294510959815, 4.17146872413882797 51.71081165156223847, 4.17093904064200682 51.7031962490857353, 4.17163316012977781 51.69847692551486062, 4.18038997064673712 51.69233690287554595, 4.17420202820172648 51.68854034316625246, 4.16496059180520284 51.68650608799766388, 4.1641664861934542 51.68723346405563035, 4.15734646639954608 51.68249201335160592, 4.15547975072050235 51.68341872448685592, 4.16251316279416805 51.68778130417864247, 4.16086107506907865 51.69084932203092109, 4.15522852979376545 51.69658813831824773, 4.15229515080484024 51.69782418183591943, 4.1349543654905867 51.7019881400326824, 4.13175670540246998 51.70383477015248275, 4.12888895897022845 51.70334374519224951, 4.12270810157291212 51.70638215057137188, 4.11604795548563196 51.70723516148240861, 4.11894180714723479 51.7133628598551951, 4.12744476713138297 51.71302751627293759, 4.13241769235644796 51.71405470734475074, 4.12815876951109839 51.71870117533956801, 4.13178256364231178 51.72252215902732786, 4.1316690703245138 51.72435201847702047, 4.1329801123051757 51.72574738633552727, 4.1329801123051757 51.72574738633552727),(4.13009070382011068 51.711247890748119, 4.12860813525979431 51.7114788668060541, 4.1246426586092797 51.7067765486855393, 4.13083793228889817 51.70602105456953979, 4.13455646855522829 51.70286873220144486, 4.13917075757705089 51.70173959544960951, 4.14044349057239014 51.70467032747531988, 4.13496848646331117 51.70599009564967474, 4.13186563170012544 51.70854450111689715, 4.13438685516959925 51.71002877774687079, 4.13334721387889559 51.71073612782184625, 4.13009070382011068 51.711247890748119, 4.13009070382011068 51.711247890748119)))</t>
  </si>
  <si>
    <t>MultiPolygon (((4.13009070382011068 51.711247890748119, 4.13334721387889559 51.71073612782184625, 4.13438685516959925 51.71002877774687079, 4.13186563170012544 51.70854450111689715, 4.13496848646331117 51.70599009564967474, 4.14044349057239014 51.70467032747531988, 4.13917075757705089 51.70173959544960951, 4.13455646855522829 51.70286873220144486, 4.13083793228889817 51.70602105456953979, 4.1246426586092797 51.7067765486855393, 4.12860813525979431 51.7114788668060541, 4.13009070382011068 51.711247890748119, 4.13009070382011068 51.711247890748119)))</t>
  </si>
  <si>
    <t>MultiPolygon (((4.1780061046356769 51.7145429115325328, 4.17307217446105039 51.7125493535930616, 4.17146872413882797 51.71081165156223847, 4.16555153994360783 51.71288294510959815, 4.15995826856962747 51.71067859067809991, 4.15622359085118909 51.71068247810593732, 4.15591362386825125 51.71385054664553138, 4.16292088419410078 51.71583115636036609, 4.17042363964774587 51.71900619097916518, 4.17298896626656113 51.7193110694698035, 4.17502816351909356 51.7181291157012879, 4.1780061046356769 51.7145429115325328, 4.1780061046356769 51.7145429115325328)))</t>
  </si>
  <si>
    <t>MultiPolygon (((4.14432025073750943 51.78762470443446375, 4.14859138571843911 51.78570801999914153, 4.14657348243369128 51.78318946202690398, 4.16308287160072865 51.77929079559293513, 4.1624893947753403 51.77760989518213819, 4.17128299254064849 51.77647616351863036, 4.1810058499780185 51.77302374519436512, 4.17956037264160418 51.7710063271745895, 4.16092383998125825 51.77576061649331507, 4.16797015208338451 51.77369284181754949, 4.16561363533155404 51.77210148262814471, 4.17408090304899115 51.76630050886017642, 4.17309703451825165 51.76575357468737337, 4.17190473020570085 51.76657282145053074, 4.16577600516639546 51.76315702748915726, 4.15688565949223232 51.76880960684735555, 4.15605020703023786 51.76860197607020098, 4.15516262025334893 51.76636853351840273, 4.15220848027399558 51.76603666364241008, 4.14932959111469746 51.76842877447524671, 4.14368356181052189 51.76193194617281534, 4.14708299296019067 51.76066533106590128, 4.14681683231438747 51.75863254435301997, 4.14607256796529011 51.75453940773616779, 4.1455137282444765 51.7492268287437156, 4.15107526333383348 51.74941374723792364, 4.16116143746294576 51.74958848288879665, 4.16139630226631052 51.74918572490033597, 4.16910612690394888 51.73541049665519154, 4.16233529001841696 51.73649930720031165, 4.15618850783889204 51.73522393916115192, 4.15379390916908431 51.73337777135851212, 4.1329801123051757 51.72574738633552727, 4.12457366148781812 51.73717467989873597, 4.12153596233721586 51.74007842651126765, 4.11921401018862809 51.74440625672966121, 4.12324470352418615 51.75156250254125467, 4.12720915374543562 51.75360932763759081, 4.12248209384899145 51.75786116442994, 4.12320699695965054 51.76091745952867029, 4.1207251973717014 51.76188435246853459, 4.12254428341030099 51.76615353011629139, 4.10800939906856399 51.76669071343656725, 4.11227373833090404 51.77666230704359407, 4.11173800044442661 51.77690654831773287, 4.11545058771235173 51.78348125727479356, 4.12531355669565869 51.79284333503122895, 4.14432025073750943 51.78762470443446375)),((4.14890085676282006 51.8013136909446672, 4.14746984871950986 51.79955145438997732, 4.14851263208249765 51.7987762640143643, 4.14735327579838042 51.7986350854567803, 4.14272666954946533 51.79911540747789189, 4.140620594872777 51.80054898459862756, 4.14487352410678511 51.80173700948796522, 4.14890085676282006 51.8013136909446672, 4.14890085676282006 51.8013136909446672)))</t>
  </si>
  <si>
    <t>MultiPolygon (((4.14607256796529011 51.75453940773616779, 4.15053217577216138 51.75472743570650636, 4.15107526333383348 51.74941374723792364, 4.1455137282444765 51.7492268287437156, 4.14607256796529011 51.75453940773616779, 4.14607256796529011 51.75453940773616779)))</t>
  </si>
  <si>
    <t>MultiPolygon (((4.15776456253522131 51.75499193468465364, 4.15776765415754035 51.75498690971639348, 4.16116143746294576 51.74958848288879665, 4.15107526333383348 51.74941374723792364, 4.15053217577216138 51.75472743570650636, 4.15776456253522131 51.75499193468465364, 4.15776456253522131 51.75499193468465364)))</t>
  </si>
  <si>
    <t>MultiPolygon (((4.14368356181052189 51.76193194617281534, 4.14932959111469746 51.76842877447524671, 4.15220848027399558 51.76603666364241008, 4.15516262025334893 51.76636853351840273, 4.15456442498505574 51.76486316281447131, 4.15605425595699707 51.76464604619616949, 4.1549374161796111 51.76132553896483302, 4.14368356181052189 51.76193194617281534, 4.14368356181052189 51.76193194617281534)))</t>
  </si>
  <si>
    <t>MultiPolygon (((4.14681683231438747 51.75863254435301997, 4.15603455224018425 51.75810915124097988, 4.15776456253522131 51.75499193468465364, 4.15053217577216138 51.75472743570650636, 4.14607256796529011 51.75453940773616779, 4.14681683231438747 51.75863254435301997, 4.14681683231438747 51.75863254435301997)))</t>
  </si>
  <si>
    <t>MultiPolygon (((4.14368356181052189 51.76193194617281534, 4.1549374161796111 51.76132553896483302, 4.15470994292475737 51.76045748625617904, 4.15603455224018425 51.75810915124097988, 4.14681683231438747 51.75863254435301997, 4.14708299296019067 51.76066533106590128, 4.14368356181052189 51.76193194617281534, 4.14368356181052189 51.76193194617281534)))</t>
  </si>
  <si>
    <t>MultiPolygon (((4.04314567405043057 51.72501945881170826, 4.05568956911144252 51.72516267923329281, 4.05894187877308976 51.72866684160880624, 4.06295159985521703 51.72743751576557258, 4.06908871720592646 51.73371035066114842, 4.08399920780761061 51.72106444242361789, 4.09296507116088559 51.71767431517817926, 4.10021627593418003 51.71910331594513366, 4.1048219425715482 51.7208547987884586, 4.11387077192589867 51.72652674653870974, 4.12016948534170169 51.72702471746450925, 4.12534876863851174 51.72500405658153966, 4.1316690703245138 51.72435201847702047, 4.13178256364231178 51.72252215902732786, 4.12815876951109839 51.71870117533956801, 4.13241769235644796 51.71405470734475074, 4.12744476713138297 51.71302751627293759, 4.11894180714723479 51.7133628598551951, 4.11604795548563196 51.70723516148240861, 4.11101961836899932 51.70784677411708685, 4.09951128687820443 51.70741624225267685, 4.09624693033467047 51.70716520639185632, 4.09518558157802737 51.70648519248162955, 4.09134781464689468 51.70644841969215832, 4.08659209471175444 51.7075359942713817, 4.08588667441492426 51.70872614171036474, 4.08586590887659895 51.70811970603751462, 4.08256549318241024 51.70767942190737188, 4.08277030908430572 51.70651391494368454, 4.08076664657171229 51.70797774043665385, 4.07648375541829022 51.70863833043584634, 4.06991556069124361 51.70784761324365775, 4.05890099087234901 51.71164180438255187, 4.05071405508691296 51.71169509643001305, 4.04981658856623827 51.71470514399361917, 4.05058677289347546 51.71755091810106109, 4.04314567405043057 51.72501945881170826, 4.04314567405043057 51.72501945881170826),(4.0833604287735854 51.70908490097841792, 4.08673363103311438 51.70940213183723699, 4.09067831135430637 51.70815269618950083, 4.09464493174616617 51.71235704005577816, 4.09192288751292832 51.71287307534466748, 4.08578468176367338 51.7127955589519388, 4.08366555803401354 51.71245830617958461, 4.08286563723906504 51.71158609764663083, 4.07966318553641027 51.71272210441586026, 4.07655197872511099 51.71066591686433611, 4.0764610960057297 51.70920702230741739, 4.0833604287735854 51.70908490097841792, 4.0833604287735854 51.70908490097841792)))</t>
  </si>
  <si>
    <t>MultiPolygon (((4.08286563723906504 51.71158609764663083, 4.08445262416623667 51.71117646922506594, 4.0833604287735854 51.70908490097841792, 4.0764610960057297 51.70920702230741739, 4.07655197872511099 51.71066591686433611, 4.07966318553641027 51.71272210441586026, 4.08286563723906504 51.71158609764663083, 4.08286563723906504 51.71158609764663083)))</t>
  </si>
  <si>
    <t>MultiPolygon (((4.08286563723906504 51.71158609764663083, 4.08366555803401354 51.71245830617958461, 4.08578468176367338 51.7127955589519388, 4.09192288751292832 51.71287307534466748, 4.09464493174616617 51.71235704005577816, 4.09067831135430637 51.70815269618950083, 4.08673363103311438 51.70940213183723699, 4.0833604287735854 51.70908490097841792, 4.08445262416623667 51.71117646922506594, 4.08286563723906504 51.71158609764663083, 4.08286563723906504 51.71158609764663083)))</t>
  </si>
  <si>
    <t>MultiPolygon (((4.10718432702687597 51.79311022629904926, 4.10723523972301052 51.79443221739432346, 4.11622879528870111 51.79043536373822576, 4.11318060078546743 51.78488282994347713, 4.10873276058485359 51.7848694870362749, 4.10483800910462371 51.77401544418619039, 4.10284310064721236 51.77359007558703041, 4.10096775770993816 51.76841671452397975, 4.10424105870745137 51.76784579238233164, 4.10334167407290895 51.76566505858057354, 4.09617694001383104 51.7678885211883042, 4.08875093854223781 51.76821102215656367, 4.08861962411797286 51.76782220875367813, 4.09010905765035204 51.76763816689611986, 4.09187903205911319 51.76341563247253674, 4.08532009851900835 51.76268226163395525, 4.08355430990980661 51.76578646448592025, 4.08140624728019397 51.76511801868886664, 4.08262425209302826 51.76172368691862857, 4.08129878179364702 51.76157139178458522, 4.08013820631590374 51.76668153335971567, 4.07200847473763083 51.76430730250765322, 4.0731800180007971 51.75934748009337483, 4.06982337489812362 51.7590086629194559, 4.06894789501024778 51.76185476854788448, 4.06521741299798034 51.76136508759027066, 4.06349466922053359 51.75954685843669267, 4.0621911911136257 51.75667526081052472, 4.06549275343895733 51.75240570378131366, 4.06047501777656006 51.75285973236049131, 4.05924753273228145 51.75569987819782369, 4.0580823818871572 51.75616221632540004, 4.05016795328516199 51.75537463007415084, 4.05219815459564359 51.75209213293977939, 4.01891174365623716 51.75170760983137797, 4.01857339619010734 51.7552022304354864, 4.01961046585086379 51.75565082523266369, 4.02333128524127925 51.75531531944233166, 4.02630994096392669 51.75663747055101993, 4.02993180612796031 51.75695320084901141, 4.02973266124485008 51.76100852602185398, 4.02660102248597074 51.76688965167187462, 4.02722527261561325 51.7690343761796683, 4.02470527908675457 51.77162143789551152, 4.04618864826666602 51.77970422478691859, 4.04752244755881474 51.78078799411683519, 4.05195526418350038 51.78061716572503315, 4.05405680730669005 51.7794154890668139, 4.07055261989472861 51.78089132893249058, 4.06644771555351792 51.78331052148278246, 4.0776487094887699 51.7917286267371324, 4.07928200096666504 51.79600670362597725, 4.09228350301609201 51.79345187289667507, 4.10718432702687597 51.79311022629904926, 4.10718432702687597 51.79311022629904926),(4.06329611185556949 51.7698592500101995, 4.06646067655772026 51.76703856167515738, 4.07509399038283249 51.76568850358053453, 4.07676761698563705 51.76623579832581612, 4.07291308068154656 51.77335328551953353, 4.06329611185556949 51.7698592500101995, 4.06329611185556949 51.7698592500101995)))</t>
  </si>
  <si>
    <t>MultiPolygon (((4.07291308068154656 51.77335328551953353, 4.07676761698563705 51.76623579832581612, 4.07509399038283249 51.76568850358053453, 4.06646067655772026 51.76703856167515738, 4.06329611185556949 51.7698592500101995, 4.07291308068154656 51.77335328551953353, 4.07291308068154656 51.77335328551953353)))</t>
  </si>
  <si>
    <t>MultiPolygon (((4.09343589857766421 51.80447562459764299, 4.11183413992028779 51.79699781290101157, 4.12531355669565869 51.79284333503122895, 4.11545058771235173 51.78348125727479356, 4.11173800044442661 51.77690654831773287, 4.11227373833090404 51.77666230704359407, 4.10800939906856399 51.76669071343656725, 4.12254428341030099 51.76615353011629139, 4.1207251973717014 51.76188435246853459, 4.12320699695965054 51.76091745952867029, 4.12248209384899145 51.75786116442994, 4.12720915374543562 51.75360932763759081, 4.12324470352418615 51.75156250254125467, 4.11921401018862809 51.74440625672966121, 4.12153596233721586 51.74007842651126765, 4.12457366148781812 51.73717467989873597, 4.1329801123051757 51.72574738633552727, 4.1316690703245138 51.72435201847702047, 4.12534876863851174 51.72500405658153966, 4.12016948534170169 51.72702471746450925, 4.11387077192589867 51.72652674653870974, 4.1048219425715482 51.7208547987884586, 4.10021627593418003 51.71910331594513366, 4.09296507116088559 51.71767431517817926, 4.08399920780761061 51.72106444242361789, 4.06908871720592646 51.73371035066114842, 4.06295159985521703 51.72743751576557258, 4.05894187877308976 51.72866684160880624, 4.05568956911144252 51.72516267923329281, 4.04314567405043057 51.72501945881170826, 4.04068622982136727 51.72724024706874957, 4.04024080076879866 51.73100666317044016, 4.03795744650135902 51.73528821069609052, 4.03322238670266575 51.73843424716189077, 4.03277770237514321 51.73964322511445602, 4.0347763395545817 51.7438074276104274, 4.03145609879595579 51.74553351160118808, 4.02982354962734135 51.74268778069680508, 4.02591464090743578 51.74161949794618209, 4.02402035039109407 51.74187192980100747, 4.02238162376284691 51.74329884770131116, 4.01891174365623716 51.75170760983137797, 4.05219815459564359 51.75209213293977939, 4.05016795328516199 51.75537463007415084, 4.0580823818871572 51.75616221632540004, 4.05924753273228145 51.75569987819782369, 4.06047501777656006 51.75285973236049131, 4.06549275343895733 51.75240570378131366, 4.0621911911136257 51.75667526081052472, 4.06349466922053359 51.75954685843669267, 4.06521741299798034 51.76136508759027066, 4.06894789501024778 51.76185476854788448, 4.06982337489812362 51.7590086629194559, 4.0731800180007971 51.75934748009337483, 4.07200847473763083 51.76430730250765322, 4.08013820631590374 51.76668153335971567, 4.08129878179364702 51.76157139178458522, 4.08262425209302826 51.76172368691862857, 4.08140624728019397 51.76511801868886664, 4.08355430990980661 51.76578646448592025, 4.08532009851900835 51.76268226163395525, 4.09187903205911319 51.76341563247253674, 4.09010905765035204 51.76763816689611986, 4.08861962411797286 51.76782220875367813, 4.08875093854223781 51.76821102215656367, 4.09617694001383104 51.7678885211883042, 4.10334167407290895 51.76566505858057354, 4.10424105870745137 51.76784579238233164, 4.10096775770993816 51.76841671452397975, 4.10284310064721236 51.77359007558703041, 4.10483800910462371 51.77401544418619039, 4.10873276058485359 51.7848694870362749, 4.11318060078546743 51.78488282994347713, 4.11622879528870111 51.79043536373822576, 4.10723523972301052 51.79443221739432346, 4.10718432702687597 51.79311022629904926, 4.09228350301609201 51.79345187289667507, 4.07928200096666504 51.79600670362597725, 4.08373875987706025 51.80708444281707159, 4.09343589857766421 51.80447562459764299, 4.09343589857766421 51.80447562459764299),(4.10384536887168849 51.75274605294637809, 4.10116943105472753 51.75338397722967443, 4.09691805432647449 51.75335075117200745, 4.09277583628187713 51.75236187822348199, 4.09371488534044037 51.74805121926664242, 4.08789111839682917 51.74747046229582281, 4.08989150874143892 51.74526336797109849, 4.09365293143779141 51.74557010182178374, 4.09510328605178753 51.74539568544597046, 4.09644971717066486 51.74293572381441919, 4.10174827941354536 51.74133540918469976, 4.10929243276258038 51.7422356401983663, 4.1068455375862456 51.74665944903566839, 4.10628157973411501 51.74804931207899017, 4.12009893909545344 51.74892919885746068, 4.12163022843589566 51.74977615402733733, 4.11914668828525787 51.75178290925828861, 4.11609008879853455 51.7526837103551216, 4.11485425921839454 51.75288708202260324, 4.11458437551187117 51.75119508245072097, 4.10761757507404646 51.75136359844762524, 4.10701099201371012 51.75215786784706751, 4.10777172243189348 51.75400899074569594, 4.10447168154299113 51.75421154910267063, 4.10384536887168849 51.75274605294637809, 4.10384536887168849 51.75274605294637809)))</t>
  </si>
  <si>
    <t>MultiPolygon (((4.10384536887168849 51.75274605294637809, 4.10447168154299113 51.75421154910267063, 4.10777172243189348 51.75400899074569594, 4.10701099201371012 51.75215786784706751, 4.10761757507404646 51.75136359844762524, 4.11458437551187117 51.75119508245072097, 4.11485425921839454 51.75288708202260324, 4.11609008879853455 51.7526837103551216, 4.11914668828525787 51.75178290925828861, 4.12163022843589566 51.74977615402733733, 4.12009893909545344 51.74892919885746068, 4.10628157973411501 51.74804931207899017, 4.10435467017513478 51.74929766512816087, 4.10384536887168849 51.75274605294637809, 4.10384536887168849 51.75274605294637809)))</t>
  </si>
  <si>
    <t>MultiPolygon (((4.09365293143779141 51.74557010182178374, 4.1018212303629582 51.74583328075571842, 4.1068455375862456 51.74665944903566839, 4.10929243276258038 51.7422356401983663, 4.10174827941354536 51.74133540918469976, 4.09644971717066486 51.74293572381441919, 4.09510328605178753 51.74539568544597046, 4.09365293143779141 51.74557010182178374, 4.09365293143779141 51.74557010182178374)))</t>
  </si>
  <si>
    <t>MultiPolygon (((4.10384536887168849 51.75274605294637809, 4.10435467017513478 51.74929766512816087, 4.09371488534044037 51.74805121926664242, 4.09277583628187713 51.75236187822348199, 4.09691805432647449 51.75335075117200745, 4.10116943105472753 51.75338397722967443, 4.10384536887168849 51.75274605294637809, 4.10384536887168849 51.75274605294637809)))</t>
  </si>
  <si>
    <t>MultiPolygon (((4.09371488534044037 51.74805121926664242, 4.10435467017513478 51.74929766512816087, 4.10628157973411501 51.74804931207899017, 4.1068455375862456 51.74665944903566839, 4.1018212303629582 51.74583328075571842, 4.09365293143779141 51.74557010182178374, 4.08989150874143892 51.74526336797109849, 4.08789111839682917 51.74747046229582281, 4.09371488534044037 51.74805121926664242, 4.09371488534044037 51.74805121926664242)))</t>
  </si>
  <si>
    <t>MultiPolygon (((4.18370119573160082 51.71920728921205779, 4.18856094813650426 51.7194586586176257, 4.21716208266024406 51.71793005404622789, 4.24287827976227128 51.71645060986432441, 4.24426713891168639 51.69430116557465738, 4.25486217595199445 51.69326470931314788, 4.25394125652343202 51.68982094019728635, 4.24280958228263927 51.68828144943624636, 4.24182230525706583 51.68455812582868703, 4.23951457106603691 51.67610499377887123, 4.24699801703179691 51.66712768941339817, 4.2464733308318614 51.6629813343623141, 4.24586064275157504 51.65813864448037407, 4.23246389385598931 51.66140482964860325, 4.22278020160010747 51.66813743381580792, 4.21958462858891181 51.67261789172935238, 4.22015043933920797 51.67378407239097271, 4.21067268205262923 51.67631392634756793, 4.20759992589876575 51.67623199651094268, 4.20697202930249237 51.67489490667407637, 4.20548515795130395 51.67617556241782495, 4.20537386363815813 51.67764270593482934, 4.19445317287604791 51.6792917973256607, 4.18911709726292791 51.68298329655611667, 4.18384890331661996 51.6825519345633495, 4.16837863008862541 51.683439341178115, 4.16496059180520284 51.68650608799766388, 4.17420202820172648 51.68854034316625246, 4.18038997064673712 51.69233690287554595, 4.17163316012977781 51.69847692551486062, 4.17093904064200682 51.7031962490857353, 4.17146872413882797 51.71081165156223847, 4.17307217446105039 51.7125493535930616, 4.1780061046356769 51.7145429115325328, 4.182969899924454 51.71474186322919309, 4.18311861082835801 51.71553123296843779, 4.17837806532277334 51.71805650086113815, 4.17772014758669741 51.71993736148650811, 4.18370119573160082 51.71920728921205779, 4.18370119573160082 51.71920728921205779),(4.20634007785810127 51.70012792326790674, 4.20861804592262523 51.69831680581122413, 4.21377854361778059 51.69601256460266114, 4.21340874255556219 51.69573296587485345, 4.21294370713339017 51.69539009015947073, 4.20913280303046911 51.69707952814016494, 4.20414869075907127 51.69354604079243387, 4.20379482586306175 51.69246691335349198, 4.20314996331465007 51.6908348118909089, 4.20671931176997305 51.68563325396407038, 4.20534940277106273 51.68440449866719888, 4.20520552709611017 51.67959947103861396, 4.21087076897102275 51.68052692734901399, 4.21102807391585099 51.68549025683786624, 4.2120029214423198 51.68545847114829428, 4.21282367892660048 51.6894368100114221, 4.21958139589311543 51.68855562446337615, 4.22411606401705253 51.68963914630462853, 4.22485451177040616 51.69387071351600582, 4.22412353274745644 51.69629797019755557, 4.21682791645412625 51.70740208342169097, 4.20634007785810127 51.70012792326790674, 4.20634007785810127 51.70012792326790674)))</t>
  </si>
  <si>
    <t>MultiPolygon (((4.21340874255556219 51.69573296587485345, 4.21377854361778059 51.69601256460266114, 4.20861804592262523 51.69831680581122413, 4.20634007785810127 51.70012792326790674, 4.21682791645412625 51.70740208342169097, 4.22412353274745644 51.69629797019755557, 4.22485451177040616 51.69387071351600582, 4.22411606401705253 51.68963914630462853, 4.2165416992776148 51.6939206900601036, 4.21430564639675964 51.6953563723806937, 4.21340874255556219 51.69573296587485345, 4.21340874255556219 51.69573296587485345)))</t>
  </si>
  <si>
    <t>MultiPolygon (((4.20671931176997305 51.68563325396407038, 4.20730488516803192 51.6856140707693541, 4.21102807391585099 51.68549025683786624, 4.21087076897102275 51.68052692734901399, 4.20520552709611017 51.67959947103861396, 4.20534940277106273 51.68440449866719888, 4.20671931176997305 51.68563325396407038, 4.20671931176997305 51.68563325396407038)))</t>
  </si>
  <si>
    <t>MultiPolygon (((4.21340874255556219 51.69573296587485345, 4.21430564639675964 51.6953563723806937, 4.2090411355898194 51.69111334860291862, 4.20379482586306175 51.69246691335349198, 4.20414869075907127 51.69354604079243387, 4.20913280303046911 51.69707952814016494, 4.21294370713339017 51.69539009015947073, 4.21340874255556219 51.69573296587485345, 4.21340874255556219 51.69573296587485345)))</t>
  </si>
  <si>
    <t>MultiPolygon (((4.21430564639675964 51.6953563723806937, 4.2165416992776148 51.6939206900601036, 4.21400141418031637 51.6913565763266476, 4.21127801703204607 51.69160383218085997, 4.21009924636424149 51.69008496032159883, 4.21282367892660048 51.6894368100114221, 4.2120029214423198 51.68545847114829428, 4.21102807391585099 51.68549025683786624, 4.20730488516803192 51.6856140707693541, 4.20671931176997305 51.68563325396407038, 4.20314996331465007 51.6908348118909089, 4.20379482586306175 51.69246691335349198, 4.2090411355898194 51.69111334860291862, 4.21430564639675964 51.6953563723806937, 4.21430564639675964 51.6953563723806937)))</t>
  </si>
  <si>
    <t>MultiPolygon (((4.2165416992776148 51.6939206900601036, 4.22411606401705253 51.68963914630462853, 4.21958139589311543 51.68855562446337615, 4.21282367892660048 51.6894368100114221, 4.21009924636424149 51.69008496032159883, 4.21127801703204607 51.69160383218085997, 4.21400141418031637 51.6913565763266476, 4.2165416992776148 51.6939206900601036, 4.2165416992776148 51.6939206900601036)))</t>
  </si>
  <si>
    <t>MultiPolygon (((4.3399870143791679 51.70563983910540884, 4.34614980518254335 51.7044864054896891, 4.33714057915243067 51.7038831931255487, 4.33605527899094323 51.70470286746822808, 4.3399870143791679 51.70563983910540884, 4.3399870143791679 51.70563983910540884)),((4.36789196102145727 51.70673775468966937, 4.36709715080377681 51.70470679797268332, 4.36256319573819606 51.70692683479312279, 4.36640135278725072 51.70976336228625314, 4.36789196102145727 51.70673775468966937, 4.36789196102145727 51.70673775468966937)),((4.26283412993486888 51.7275397571931066, 4.27336733520466527 51.72220223589234678, 4.2797158464144065 51.72080974674620535, 4.28012317144794707 51.72124979174953552, 4.28173597715006071 51.72096291875075025, 4.27970817182746543 51.71894268403772799, 4.28052958028044728 51.71823692688573715, 4.28133463283127558 51.71983676899581184, 4.28261168182852536 51.72043582406344342, 4.28839636749799258 51.7182880181417417, 4.29500804685626214 51.7176614467528708, 4.29857813200154926 51.71678453275215048, 4.31876341852822776 51.70587206614666087, 4.32944973938572719 51.70262436974893916, 4.34121666116892424 51.70294238354987471, 4.35159024393720539 51.70210272160192488, 4.36558473106785705 51.70310254473512401, 4.38371326506194237 51.70208925871106231, 4.38675122586234689 51.70256927586967777, 4.38971216637199912 51.7046422176160192, 4.39106597502445339 51.70431036340061581, 4.39389732601702132 51.70645168842601436, 4.39574941430187671 51.70940149575996969, 4.39438920104342401 51.71029381605968211, 4.39480131339960334 51.71096977425600727, 4.39713466503718298 51.71072275988350242, 4.39789916402562575 51.71141308690122429, 4.39804583706254437 51.71137825949150368, 4.39289205292871188 51.70256721050462545, 4.38471494111361437 51.70086149627488226, 4.3572124848528313 51.70179128982019989, 4.32473265492206504 51.70191498921600015, 4.29795065679264976 51.70036154763307223, 4.29364228322440944 51.69983738923087202, 4.29374758401093981 51.6990459350251399, 4.29163378519096472 51.69878825352906659, 4.27487849906485273 51.69540406227731921, 4.26805276675492173 51.69241355011927652, 4.26792670782602634 51.69175901745695256, 4.2696321117206617 51.69162064377331944, 4.27030039159336905 51.69038947227144121, 4.26988049246531798 51.68862729118271915, 4.2658320878843643 51.68905844592167398, 4.2653746449635177 51.68690716624059434, 4.26931174564283999 51.68650119660962616, 4.26711352707331404 51.67754209527208786, 4.25616274277323559 51.67623952261886444, 4.25395157664616086 51.67650675083309864, 4.24837364953399454 51.67902864147456654, 4.2449779643141472 51.68190578693766923, 4.24437257395859646 51.68433601617109474, 4.24182230525706583 51.68455812582868703, 4.24280958228263927 51.68828144943624636, 4.25394125652343202 51.68982094019728635, 4.25486217595199445 51.69326470931314788, 4.24426713891168639 51.69430116557465738, 4.24287827976227128 51.71645060986432441, 4.24368331673744503 51.71624176105183324, 4.24556537761810127 51.71801187434327574, 4.24646202206173395 51.72245101263779787, 4.25144133860631346 51.72298295863787843, 4.25251770503680682 51.72245931943086106, 4.25486400852467561 51.72328874555331168, 4.25755135328005352 51.72470644825527586, 4.25857108051592093 51.72595238883053526, 4.25769933507609366 51.72665257349176215, 4.26027650823499382 51.73016873771239688, 4.26283412993486888 51.7275397571931066, 4.26283412993486888 51.7275397571931066),(4.27990262400279153 51.71793739761587005, 4.27832865265190243 51.71648852823512499, 4.28368842406394634 51.71345995377602378, 4.2900839013183294 51.7120713928203628, 4.28914526152848197 51.71720327844116127, 4.28361549236681327 51.71810500433818447, 4.27990262400279153 51.71793739761587005, 4.27990262400279153 51.71793739761587005)))</t>
  </si>
  <si>
    <t>MultiPolygon (((4.28361549236681327 51.71810500433818447, 4.28914526152848197 51.71720327844116127, 4.2900839013183294 51.7120713928203628, 4.28368842406394634 51.71345995377602378, 4.27832865265190243 51.71648852823512499, 4.27990262400279153 51.71793739761587005, 4.28361549236681327 51.71810500433818447, 4.28361549236681327 51.71810500433818447)))</t>
  </si>
  <si>
    <t>MultiPolygon (((4.39754603745555528 51.70641946603392824, 4.39875919391728498 51.70452737131448373, 4.4021601320059851 51.70427677078490802, 4.39887861360545074 51.70221159390819565, 4.40193691724230796 51.6991216154326807, 4.40363760711814578 51.69871300110370527, 4.39448781870767569 51.69376499315437457, 4.39503689926924235 51.69575468241865224, 4.39138090345970955 51.69712042659499929, 4.38983503989082191 51.69682992144043965, 4.3884166833109246 51.69553853041907843, 4.38366960235662795 51.69594418585193552, 4.37834952811381228 51.69364767411200035, 4.37220514147491723 51.69365971052768316, 4.37146116838623389 51.69525492613113471, 4.3633582357386187 51.69495521773625057, 4.36738999869643241 51.68775427636646214, 4.36796573799321752 51.6852678093817417, 4.3672448808863038 51.68312161840810148, 4.36604151207528535 51.68256634066757016, 4.36370286588773659 51.68249594725700291, 4.35793671806533744 51.68742194414485169, 4.35034989280876427 51.68494408566010634, 4.34887656824487223 51.68589923483576598, 4.34725941624413004 51.68439127378958631, 4.33903877218228917 51.68690434908789655, 4.33718257861658518 51.68543683375536801, 4.33879421320751213 51.68490114911740818, 4.34119849993402163 51.68074012712740029, 4.3428525593475209 51.67995162074473114, 4.34937909095695652 51.67970050161862616, 4.35428188240364289 51.68240171718530007, 4.35617767527889654 51.67730557347182696, 4.36186983899134528 51.67699677314950435, 4.36399197210966427 51.68093392634725092, 4.36370154505303276 51.68234080606563907, 4.36573999565620152 51.68181910957612502, 4.36451822742670981 51.67777260974226294, 4.3571398363667484 51.67121809728940462, 4.33861771304123423 51.6649781524653875, 4.32925601517140901 51.66290803820730559, 4.30900838015030008 51.65977238799482762, 4.30058914947946924 51.65922830317687442, 4.29929853486983848 51.6595610989652414, 4.28063098580697421 51.65452813267738463, 4.27183893331216602 51.65461722831313551, 4.25749261395558065 51.65636423479256223, 4.25061949170540831 51.6578791124538057, 4.24586064275157504 51.65813864448037407, 4.2464733308318614 51.6629813343623141, 4.25493118258762859 51.66082163776805913, 4.26610801752128665 51.66053216620218791, 4.26981705729472782 51.66602967562084103, 4.2696745206361788 51.66957556215168523, 4.2762528030538336 51.66759713444835, 4.27923748484517308 51.66865050697915507, 4.27884338383451723 51.67117602287549971, 4.28102388190375738 51.67266134024504964, 4.28900680049244087 51.67153184405420774, 4.32097961693475341 51.67835292033328187, 4.32229946097453244 51.68008507926836614, 4.31555653455555532 51.68205389513599357, 4.31497564393600985 51.68294948177650383, 4.31153308718729367 51.68425214777113297, 4.30471565683954349 51.68543542571418925, 4.30139602758592776 51.68687136944631533, 4.29776329192103024 51.69046864431554411, 4.29610819473909888 51.69431371603361924, 4.29755030746806188 51.6963182461861166, 4.29732228719768905 51.6976878651701881, 4.29207119415660721 51.69739089328653137, 4.29163378519096472 51.69878825352906659, 4.29374758401093981 51.6990459350251399, 4.29364228322440944 51.69983738923087202, 4.29795065679264976 51.70036154763307223, 4.32473265492206504 51.70191498921600015, 4.3572124848528313 51.70179128982019989, 4.38471494111361437 51.70086149627488226, 4.39289205292871188 51.70256721050462545, 4.39804583706254437 51.71137825949150368, 4.39823077292726605 51.71133434696006503, 4.39816979468187874 51.71049886195761758, 4.40093389293639881 51.70939191186491968, 4.39888074984814903 51.70891844292080464, 4.39776278380640129 51.70797533774249644, 4.39754603745555528 51.70641946603392824, 4.39754603745555528 51.70641946603392824)))</t>
  </si>
  <si>
    <t>MultiPolygon (((4.36370286588773659 51.68249594725700291, 4.36370154505303276 51.68234080606563907, 4.36399197210966427 51.68093392634725092, 4.36186983899134528 51.67699677314950435, 4.35617767527889654 51.67730557347182696, 4.35428188240364289 51.68240171718530007, 4.3544230937413122 51.68299031573453561, 4.35034989280876427 51.68494408566010634, 4.35793671806533744 51.68742194414485169, 4.36370286588773659 51.68249594725700291)))</t>
  </si>
  <si>
    <t>MultiPolygon (((4.35034989280876427 51.68494408566010634, 4.3544230937413122 51.68299031573453561, 4.35435044065247556 51.68268749741380219, 4.35428188240364289 51.68240171718530007, 4.34937909095695652 51.67970050161862616, 4.3428525593475209 51.67995162074473114, 4.34119849993402163 51.68074012712740029, 4.33879421320751213 51.68490114911740818, 4.33718257861658518 51.68543683375536801, 4.33903877218228917 51.68690434908789655, 4.34725941624413004 51.68439127378958631, 4.34887656824487223 51.68589923483576598, 4.35034989280876427 51.68494408566010634, 4.35034989280876427 51.68494408566010634)))</t>
  </si>
  <si>
    <t>MultiPolygon (((4.26027650823499382 51.73016873771239688, 4.25769933507609366 51.72665257349176215, 4.25492946346745082 51.72768522045029727, 4.25617868528048326 51.72984427522408879, 4.246981720206775 51.73814352630721203, 4.24666073278040113 51.73987576144989475, 4.24545227522747393 51.7408989152910479, 4.24657491948750998 51.74171543933736217, 4.24675261093861334 51.74101629325060259, 4.26027650823499382 51.73016873771239688)),((4.16466777598069005 51.77942405266602321, 4.18120069158743757 51.77557824751379201, 4.1888538855396531 51.77511589400820924, 4.19171876123177523 51.77384082451759895, 4.19011206260260405 51.77298602520568238, 4.19081658714435434 51.77261349391979195, 4.19350410833872367 51.77413491042739224, 4.19314682615153078 51.77303959832608626, 4.19397993673340519 51.77161938815750375, 4.21652609362215181 51.75733754051626789, 4.21732378137856667 51.75746816415834672, 4.21697280434255717 51.75705443659977334, 4.19990618243577529 51.74625923436177999, 4.21469279824839838 51.73679607846889894, 4.21418579916166181 51.73431225266367761, 4.21043619505926525 51.73135400369289272, 4.21021570063232797 51.72940502808684471, 4.21488912510149838 51.72715705004989672, 4.21680151978792406 51.72421346688155808, 4.21716208266024406 51.71793005404622789, 4.18856094813650426 51.7194586586176257, 4.18990492985033036 51.72685133159026094, 4.18188660772610099 51.72668518638651847, 4.17980652168077071 51.73103617303630131, 4.17313260793666352 51.73086480498126605, 4.17255196690881469 51.73289615380620887, 4.16986644735705703 51.73261074449347063, 4.16910612690394888 51.73541049665519154, 4.16139630226631052 51.74918572490033597, 4.16521324849693553 51.74924828742295801, 4.17300971759366846 51.75102842359712696, 4.18051574402653436 51.75264996555117847, 4.17935560337268708 51.75717441325200241, 4.17124104662288175 51.7598011887436229, 4.17154750595020474 51.76082285680403317, 4.16577600516639546 51.76315702748915726, 4.17190473020570085 51.76657282145053074, 4.17309703451825165 51.76575357468737337, 4.17408090304899115 51.76630050886017642, 4.16561363533155404 51.77210148262814471, 4.16797015208338451 51.77369284181754949, 4.16092383998125825 51.77576061649331507, 4.17956037264160418 51.7710063271745895, 4.1810058499780185 51.77302374519436512, 4.17128299254064849 51.77647616351863036, 4.1624893947753403 51.77760989518213819, 4.16308287160072865 51.77929079559293513, 4.14657348243369128 51.78318946202690398, 4.14859138571843911 51.78570801999914153, 4.14432025073750943 51.78762470443446375, 4.16466777598069005 51.77942405266602321, 4.16466777598069005 51.77942405266602321),(4.18657846097517972 51.77126617615877535, 4.19094861417353393 51.76828308626416231, 4.19408724016944046 51.77025316692168388, 4.19087579151841805 51.77210578965130594, 4.18657846097517972 51.77126617615877535, 4.18657846097517972 51.77126617615877535),(4.1843638624416819 51.76857478973850135, 4.18337140100391114 51.76924560098584749, 4.17703390099001037 51.76557543087064772, 4.18823900973725127 51.7579894034192165, 4.19398179586819531 51.76136885099150931, 4.1843638624416819 51.76857478973850135, 4.1843638624416819 51.76857478973850135)))</t>
  </si>
  <si>
    <t>MultiPolygon (((4.19408724016944046 51.77025316692168388, 4.19094861417353393 51.76828308626416231, 4.18657846097517972 51.77126617615877535, 4.19087579151841805 51.77210578965130594, 4.19408724016944046 51.77025316692168388, 4.19408724016944046 51.77025316692168388)))</t>
  </si>
  <si>
    <t>MultiPolygon (((4.1843638624416819 51.76857478973850135, 4.19398179586819531 51.76136885099150931, 4.18823900973725127 51.7579894034192165, 4.17703390099001037 51.76557543087064772, 4.18337140100391114 51.76924560098584749, 4.1843638624416819 51.76857478973850135, 4.1843638624416819 51.76857478973850135)))</t>
  </si>
  <si>
    <t>MultiPolygon (((4.15776765415754035 51.75498690971639348, 4.16762851241151466 51.75697511424937858, 4.17300971759366846 51.75102842359712696, 4.16521324849693553 51.74924828742295801, 4.16139630226631052 51.74918572490033597, 4.16116143746294576 51.74958848288879665, 4.15776765415754035 51.75498690971639348, 4.15776765415754035 51.75498690971639348)))</t>
  </si>
  <si>
    <t>MultiPolygon (((4.17071421619622651 51.7589784658360017, 4.17124104662288175 51.7598011887436229, 4.17935560337268708 51.75717441325200241, 4.18051574402653436 51.75264996555117847, 4.17300971759366846 51.75102842359712696, 4.16762851241151466 51.75697511424937858, 4.17071421619622651 51.7589784658360017, 4.17071421619622651 51.7589784658360017)))</t>
  </si>
  <si>
    <t>MultiPolygon (((4.15470994292475737 51.76045748625617904, 4.15601916577615427 51.76074635609121088, 4.17071421619622651 51.7589784658360017, 4.16762851241151466 51.75697511424937858, 4.15776765415754035 51.75498690971639348, 4.15776456253522131 51.75499193468465364, 4.15603455224018425 51.75810915124097988, 4.15470994292475737 51.76045748625617904, 4.15470994292475737 51.76045748625617904)))</t>
  </si>
  <si>
    <t>MultiPolygon (((4.15516262025334893 51.76636853351840273, 4.15605020703023786 51.76860197607020098, 4.15688565949223232 51.76880960684735555, 4.16577600516639546 51.76315702748915726, 4.17154750595020474 51.76082285680403317, 4.17124104662288175 51.7598011887436229, 4.17071421619622651 51.7589784658360017, 4.15601916577615427 51.76074635609121088, 4.15470994292475737 51.76045748625617904, 4.1549374161796111 51.76132553896483302, 4.15605425595699707 51.76464604619616949, 4.15456442498505574 51.76486316281447131, 4.15516262025334893 51.76636853351840273, 4.15516262025334893 51.76636853351840273)))</t>
  </si>
  <si>
    <t>MultiPolygon (((4.0285181346440071 51.82733571082675894, 4.02739056611070101 51.82658653294013362, 4.03693943279799594 51.82084593066586109, 4.03340063442486763 51.81982938737289146, 4.03967174800127982 51.81559915933270588, 4.04536552843597441 51.81696399297519662, 4.04908040486038967 51.81965612875529104, 4.05305607191817696 51.81908792129533481, 4.0532570783944708 51.81970580430392204, 4.05449102537957895 51.82098153954334663, 4.05478037345382969 51.81849037794589918, 4.06328412418479257 51.81347196795753973, 4.08373875987706025 51.80708444281707159, 4.07928200096666504 51.79600670362597725, 4.0776487094887699 51.7917286267371324, 4.06644771555351792 51.78331052148278246, 4.07055261989472861 51.78089132893249058, 4.05405680730669005 51.7794154890668139, 4.05195526418350038 51.78061716572503315, 4.04752244755881474 51.78078799411683519, 4.04618864826666602 51.77970422478691859, 4.02470527908675457 51.77162143789551152, 4.0224635535394313 51.77585151525622109, 4.02211568813902165 51.77944339255914485, 4.00879408064977127 51.78963917339821421, 4.00498177722789439 51.79376152741678396, 4.00536769899030531 51.79526634037088684, 4.00411202467601512 51.79662935597995244, 3.99539232996967231 51.80019482523490382, 3.99523291169459549 51.80535891216025135, 3.99182486708977979 51.80499480195978634, 3.98901412397341737 51.80613267190754812, 3.99114896058740021 51.81001100578713192, 3.99408800154276422 51.81244150776100099, 4.00039910987086067 51.81018273994600065, 4.00141685387131396 51.81123125574737998, 4.00907732403492023 51.82545835269907286, 4.00690922522629567 51.82709142962764304, 4.00696368425982641 51.82855561130906352, 4.01071240918125316 51.83081884876644096, 4.01623636261256056 51.82813926385816217, 4.02387615866795123 51.82746873269854149, 4.02665867123449051 51.82925993199692982, 4.02843297291685154 51.82899264712277443, 4.03181153339545784 51.8310140903165788, 4.03234351235201771 51.83053806561694898, 4.0285181346440071 51.82733571082675894, 4.0285181346440071 51.82733571082675894),(4.02878253167279698 51.8098698468001686, 4.0290966100268335 51.80609955214590912, 4.02437472710614941 51.80930752777589277, 4.01779180954985815 51.80510698452201268, 4.02121409266349428 51.80315563210469776, 4.01744305069720742 51.80126633526593594, 4.0212030641375085 51.79912378220577551, 4.02421778973012945 51.7987978962529283, 4.03070701038473445 51.8032087929070002, 4.03162412839080986 51.80629134014390758, 4.03486677196481125 51.81159118635887495, 4.03069349448904113 51.81545545471103509, 4.02957330883395848 51.81502859719646636, 4.02878253167279698 51.8098698468001686, 4.02878253167279698 51.8098698468001686)))</t>
  </si>
  <si>
    <t>MultiPolygon (((4.04859644230182436 51.83205525026512817, 4.04879123976958866 51.83188009738242386, 4.04497763466715554 51.82905402359309477, 4.04565296039494005 51.82866056566402335, 4.04460763999951389 51.82535989361471707, 4.04491427777632406 51.82322055690304552, 4.04671656913133315 51.82167060967785943, 4.04122735228492758 51.82319920117068079, 4.03868999548816721 51.82121325928922317, 4.04383218692293678 51.81858493709103186, 4.04259829818175742 51.81769567231513207, 4.04368860714939427 51.81707680576288766, 4.04902545038326256 51.8210166017785383, 4.04976512692067825 51.82016336652787913, 4.0532570783944708 51.81970580430392204, 4.05305607191817696 51.81908792129533481, 4.04908040486038967 51.81965612875529104, 4.04536552843597441 51.81696399297519662, 4.03967174800127982 51.81559915933270588, 4.03340063442486763 51.81982938737289146, 4.03693943279799594 51.82084593066586109, 4.02739056611070101 51.82658653294013362, 4.0285181346440071 51.82733571082675894, 4.03601413703607559 51.82363595897077602, 4.03819506325098931 51.825231683357039, 4.03307541585939955 51.82791712975902954, 4.03326246449814629 51.82962571114331496, 4.03950139126276841 51.82807701705630166, 4.04165746115708835 51.82833418587021157, 4.04373373072919051 51.82967207475398652, 4.04472352865643003 51.82917896460926954, 4.04859644230182436 51.83205525026512817, 4.04859644230182436 51.83205525026512817)))</t>
  </si>
  <si>
    <t>MultiPolygon (((4.02878253167279698 51.8098698468001686, 4.02957330883395848 51.81502859719646636, 4.03069349448904113 51.81545545471103509, 4.03486677196481125 51.81159118635887495, 4.03162412839080986 51.80629134014390758, 4.02991018337610996 51.80844561237340429, 4.02878253167279698 51.8098698468001686, 4.02878253167279698 51.8098698468001686)))</t>
  </si>
  <si>
    <t>MultiPolygon (((4.02121409266349428 51.80315563210469776, 4.01779180954985815 51.80510698452201268, 4.02437472710614941 51.80930752777589277, 4.0290966100268335 51.80609955214590912, 4.02530187153255792 51.80327966289235775, 4.02420391634866093 51.8038806353860295, 4.02205738781970989 51.80267252208534501, 4.02121409266349428 51.80315563210469776, 4.02121409266349428 51.80315563210469776)))</t>
  </si>
  <si>
    <t>MultiPolygon (((4.02878253167279698 51.8098698468001686, 4.02991018337610996 51.80844561237340429, 4.03162412839080986 51.80629134014390758, 4.03070701038473445 51.8032087929070002, 4.02421778973012945 51.7987978962529283, 4.0212030641375085 51.79912378220577551, 4.01744305069720742 51.80126633526593594, 4.02121409266349428 51.80315563210469776, 4.02205738781970989 51.80267252208534501, 4.02420391634866093 51.8038806353860295, 4.02530187153255792 51.80327966289235775, 4.0290966100268335 51.80609955214590912, 4.02878253167279698 51.8098698468001686, 4.02878253167279698 51.8098698468001686)))</t>
  </si>
  <si>
    <t>MultiPolygon (((3.88495089615617495 51.75992105010549693, 3.88507099430987868 51.75837281369776832, 3.88182889176004187 51.75746195817870188, 3.88217239666897918 51.75699506898029512, 3.87952333534036065 51.75678613774888959, 3.87740609766426614 51.75867245506227476, 3.87801942643067532 51.75925110778597826, 3.88034884437451888 51.75886537368409535, 3.88164879032475429 51.75991702354665591, 3.88377645232317059 51.76031317864687509, 3.88495089615617495 51.75992105010549693, 3.88495089615617495 51.75992105010549693)),((3.93429885318928951 51.78992930325934907, 3.93943934705189491 51.78538883106423185, 3.95621123770544658 51.77804277651494402, 3.96327801039338867 51.77588108042748161, 3.96565419957747745 51.77438822359872006, 3.95417953752101337 51.77625352273614823, 3.94181782334734931 51.77657192274569553, 3.92632747809600513 51.77508692059939932, 3.91312083460934845 51.77082540194616911, 3.90894800963496536 51.77020940001217042, 3.90458420661105743 51.77112049309798181, 3.92170654216117143 51.7812764344241927, 3.92644979746033096 51.78663274910648795, 3.92871860991523558 51.78806440409447021, 3.93429885318928951 51.78992930325934907, 3.93429885318928951 51.78992930325934907)),((3.95085707080345561 51.83825459448934225, 3.95209022065437132 51.8368158969544055, 3.95077475006275902 51.83533810184141544, 3.94394952249031006 51.83432304965965898, 3.95176284225031438 51.82588597267494634, 3.94815209201209871 51.82359165785150878, 3.950810411120528 51.82101739202891366, 3.95612463226622513 51.82359465430396739, 3.96025702147423964 51.82119561053385581, 3.96364706877022011 51.81446477482793966, 3.96760054000282247 51.81155600856252619, 3.96907081491521607 51.80688123941570211, 3.96824788752104096 51.8031160357261129, 3.95698371885368472 51.80408193766380975, 3.94942869367355609 51.80337966855621801, 3.94500077894909396 51.80079957007949076, 3.93579109839996244 51.79761284333768856, 3.93691778780877488 51.79859364692004675, 3.93467828308134937 51.79820371093287434, 3.93558541978060772 51.7974770592445779, 3.93511754227565724 51.79730113392625412, 3.93374959096413868 51.79823535917589794, 3.92575559602757407 51.79758740805517903, 3.92505976168982018 51.79689450277198404, 3.9211615778794231 51.79690702008481651, 3.91210154399718979 51.79514314368196182, 3.91261311822235269 51.79380902373137019, 3.90764310463604403 51.79218105567304775, 3.90316063150455062 51.79230628463949415, 3.89698054796023108 51.79359000002492763, 3.89067247205359479 51.79207904633877035, 3.88970517278240768 51.78948612997892553, 3.892116293317613 51.78689656938841779, 3.8957285741617258 51.78491092399455198, 3.89247221589387005 51.78239216336753259, 3.88902332694778474 51.78122378836864215, 3.88386283201383442 51.78536995220883199, 3.87961371305794689 51.78373951560736543, 3.87258529112669114 51.78525350123845072, 3.87131438629035562 51.78438226511364917, 3.86573189084403257 51.78596761795228076, 3.8651005007557524 51.78504672722770863, 3.86312252451087401 51.78985268798233221, 3.85539244009526882 51.80250972496681072, 3.85466977541610856 51.8052593977217839, 3.85538225515634503 51.80839142290695065, 3.85743947388077491 51.81153977017247314, 3.85957558883715501 51.8138985736091584, 3.86526235663712603 51.81773166354602722, 3.86933060864375866 51.819603032085368, 3.87777978610906793 51.82120556601402939, 3.89238970902621251 51.82577383169132901, 3.90361170773815003 51.82594181110243881, 3.9092822378371137 51.82678816408504474, 3.92594315824587925 51.83147791711223107, 3.93674560922150896 51.83542584672050424, 3.93960033243602403 51.83458342060046675, 3.95085707080345561 51.83825459448934225, 3.95085707080345561 51.83825459448934225),(3.91591252944205559 51.82380411263422815, 3.91538483976310348 51.82455677430468199, 3.8993178773954722 51.82403691659501987, 3.8977225266260489 51.82160500878254794, 3.89485247840670512 51.8136777885840587, 3.89575000575018127 51.81217857601750865, 3.90240910603670343 51.81214449135750044, 3.90274012848320817 51.81054862635787828, 3.90113999540800904 51.80843017004501405, 3.90146000675863824 51.8055420987184192, 3.90405143643396579 51.80439018599005152, 3.91467325440022895 51.80790903598335717, 3.91295096249869712 51.81016470125015871, 3.91157137544238731 51.80926413301451561, 3.90654087610666911 51.8128782699353394, 3.90549652670232161 51.81528212664691324, 3.90833571963975634 51.81584653221734982, 3.90618904348975438 51.81933622718440802, 3.90637994698578295 51.82028536439306521, 3.91052576770450067 51.82238604995603026, 3.91111363168101089 51.81995275345405361, 3.90876325527015611 51.81841359643345157, 3.91172118032576543 51.81600073263543038, 3.92147485274492302 51.81612819867699216, 3.91951059392173384 51.81875450384848136, 3.91897791952467989 51.82262410267095021, 3.92431779507966461 51.82345569430958676, 3.92691063560649534 51.81983258989908592, 3.92738130182613698 51.81782484848214665, 3.92905589054087923 51.81798702293077952, 3.93256702462920193 51.81403353323783278, 3.93279371917755327 51.81211741061935072, 3.93296404791261267 51.8114196441303676, 3.92895666592295756 51.80801713140431275, 3.9294872607057556 51.80726877639779104, 3.93165330852198069 51.8052323527481704, 3.93679644320227995 51.80375601308580258, 3.93758182521471234 51.80227049707738729, 3.94125084107799761 51.8036112740705974, 3.94561473353580983 51.80323267395719, 3.94513355344591066 51.80500880460029123, 3.94226807252968703 51.80848799326270893, 3.93896408273124132 51.81380851205322813, 3.94113088883108897 51.81523000653404409, 3.93714691273211459 51.8171089640655893, 3.94142507116115803 51.81931951276538939, 3.93549563396330937 51.82327815903880719, 3.93338740503859929 51.82765010481280399, 3.91591252944205559 51.82380411263422815, 3.91591252944205559 51.82380411263422815),(3.86270773202074569 51.80764289802666411, 3.86581527608172593 51.81145491184119578, 3.8693716688920583 51.81350162298085138, 3.88247222877360887 51.81890668699307412, 3.88341871658318594 51.81864202746337611, 3.88452451996591952 51.81611004224689054, 3.88722169416256769 51.8167079209977004, 3.88545629450027263 51.81936307314594359, 3.88087575795203588 51.81888133192696699, 3.86720614145256425 51.81289381254347148, 3.86110938899261802 51.80756439787200662, 3.86029521495281536 51.80373184947677601, 3.86134444679281641 51.80087782407179731, 3.86831472519695563 51.7971770778759506, 3.87015969406344285 51.79682320901876835, 3.87071020321794235 51.79886115929509316, 3.86733740588213148 51.79995926793868222, 3.86270773202074569 51.80764289802666411, 3.86270773202074569 51.80764289802666411),(3.89944253865169355 51.7996263162591859, 3.8988879877992324 51.7975760151314617, 3.89358198842807113 51.79675194161350049, 3.89094624753664231 51.7980307920115024, 3.88935283329908099 51.79727689412325731, 3.88916004734821108 51.79583091010182017, 3.89054695836546172 51.79493342772013875, 3.89430077463699975 51.79602106995398714, 3.90528243985717172 51.79758331526304005, 3.90493743946989103 51.7990279165609806, 3.90282808532851577 51.80030553418520611, 3.90078969339127912 51.8004666175102102, 3.89944253865169355 51.7996263162591859, 3.89944253865169355 51.7996263162591859)))</t>
  </si>
  <si>
    <t>MultiPolygon (((3.90282808532851577 51.80030553418520611, 3.90493743946989103 51.7990279165609806, 3.90528243985717172 51.79758331526304005, 3.89430077463699975 51.79602106995398714, 3.89054695836546172 51.79493342772013875, 3.88916004734821108 51.79583091010182017, 3.88935283329908099 51.79727689412325731, 3.89094624753664231 51.7980307920115024, 3.89358198842807113 51.79675194161350049, 3.8988879877992324 51.7975760151314617, 3.89944253865169355 51.7996263162591859, 3.90078969339127912 51.8004666175102102, 3.90282808532851577 51.80030553418520611, 3.90282808532851577 51.80030553418520611)))</t>
  </si>
  <si>
    <t>MultiPolygon (((3.88722169416256769 51.8167079209977004, 3.88452451996591952 51.81611004224689054, 3.88341871658318594 51.81864202746337611, 3.88247222877360887 51.81890668699307412, 3.8693716688920583 51.81350162298085138, 3.86581527608172593 51.81145491184119578, 3.86270773202074569 51.80764289802666411, 3.86733740588213148 51.79995926793868222, 3.87071020321794235 51.79886115929509316, 3.87015969406344285 51.79682320901876835, 3.86831472519695563 51.7971770778759506, 3.86134444679281641 51.80087782407179731, 3.86029521495281536 51.80373184947677601, 3.86110938899261802 51.80756439787200662, 3.86720614145256425 51.81289381254347148, 3.88087575795203588 51.81888133192696699, 3.88545629450027263 51.81936307314594359, 3.88722169416256769 51.8167079209977004, 3.88722169416256769 51.8167079209977004)))</t>
  </si>
  <si>
    <t>MultiPolygon (((3.86573189084403257 51.78596761795228076, 3.87131438629035562 51.78438226511364917, 3.87258529112669114 51.78525350123845072, 3.87961371305794689 51.78373951560736543, 3.88386283201383442 51.78536995220883199, 3.88902332694778474 51.78122378836864215, 3.8855172985856008 51.77998503748579395, 3.88006583730831522 51.77928898408550396, 3.87736532393179445 51.77967265134539332, 3.87172744594954699 51.78193672573151218, 3.86949847719756868 51.78117763005378293, 3.86711749437652585 51.77628767109091257, 3.86851393993219439 51.7757271529773746, 3.8655383147770741 51.77497823543610167, 3.85947277173292491 51.76531890819939719, 3.86124685577599625 51.76293725254451061, 3.86056595012296588 51.76218754746028594, 3.85870117754811881 51.76259354897699438, 3.85542607768651724 51.75786434114916545, 3.8590620760509311 51.75670045886514714, 3.85871665119537699 51.75784789886259318, 3.85968814622239043 51.75802111476406253, 3.86009151754514512 51.75690439455882341, 3.8606147807505784 51.75702061523386988, 3.86320504134323883 51.7609132978864821, 3.86491466864434274 51.75873171233551062, 3.86922934082461722 51.75744747183272665, 3.8742875244479591 51.75489372254840958, 3.87441456345959834 51.75375494218314287, 3.8710499792178461 51.75082723323453138, 3.86476368076076771 51.75093607068669144, 3.86206307303913121 51.75263948344841225, 3.86168076327019971 51.75211397086187759, 3.85742133161817646 51.7531642710652946, 3.85621284502502837 51.75241113925236647, 3.85338944574009723 51.75280393229457587, 3.85311194997433626 51.75447392522947609, 3.85206768376202024 51.75291450444616004, 3.85137680469533183 51.75387983827118177, 3.85214145470328662 51.75511643900979664, 3.85052044160353857 51.75583256597013815, 3.84994716486972477 51.75535331370033987, 3.84889621017822003 51.7557612937037419, 3.8486988564057425 51.75660534806253565, 3.84611226872393885 51.75716194313102392, 3.84247725028665643 51.75630501708536002, 3.83919383042082307 51.75823060897658934, 3.84940146252603199 51.76197945604528172, 3.856660693819145 51.76705567801244001, 3.86443531828662135 51.77812544927524385, 3.86549043505552925 51.78219360016046835, 3.8651005007557524 51.78504672722770863, 3.86573189084403257 51.78596761795228076, 3.86573189084403257 51.78596761795228076)))</t>
  </si>
  <si>
    <t>MultiPolygon (((3.91591252944205559 51.82380411263422815, 3.93338740503859929 51.82765010481280399, 3.93549563396330937 51.82327815903880719, 3.94142507116115803 51.81931951276538939, 3.93714691273211459 51.8171089640655893, 3.93516022204032589 51.82044595110678387, 3.93093769209985133 51.82065736772896258, 3.92691063560649534 51.81983258989908592, 3.92431779507966461 51.82345569430958676, 3.91897791952467989 51.82262410267095021, 3.91951059392173384 51.81875450384848136, 3.92147485274492302 51.81612819867699216, 3.91172118032576543 51.81600073263543038, 3.90876325527015611 51.81841359643345157, 3.91111363168101089 51.81995275345405361, 3.91052576770450067 51.82238604995603026, 3.91393690704625197 51.82331359535585591, 3.91591252944205559 51.82380411263422815, 3.91591252944205559 51.82380411263422815)))</t>
  </si>
  <si>
    <t>MultiPolygon (((3.91591252944205559 51.82380411263422815, 3.91393690704625197 51.82331359535585591, 3.91052576770450067 51.82238604995603026, 3.90637994698578295 51.82028536439306521, 3.90618904348975438 51.81933622718440802, 3.90833571963975634 51.81584653221734982, 3.90549652670232161 51.81528212664691324, 3.90654087610666911 51.8128782699353394, 3.91157137544238731 51.80926413301451561, 3.91295096249869712 51.81016470125015871, 3.91467325440022895 51.80790903598335717, 3.90405143643396579 51.80439018599005152, 3.90146000675863824 51.8055420987184192, 3.90113999540800904 51.80843017004501405, 3.90274012848320817 51.81054862635787828, 3.90240910603670343 51.81214449135750044, 3.89575000575018127 51.81217857601750865, 3.89485247840670512 51.8136777885840587, 3.8977225266260489 51.82160500878254794, 3.8993178773954722 51.82403691659501987, 3.91538483976310348 51.82455677430468199, 3.91591252944205559 51.82380411263422815, 3.91591252944205559 51.82380411263422815)))</t>
  </si>
  <si>
    <t>MultiPolygon (((3.9294872607057556 51.80726877639779104, 3.93643802612457927 51.80853480837203762, 3.94009716068972571 51.80710186577401544, 3.94226807252968703 51.80848799326270893, 3.94513355344591066 51.80500880460029123, 3.94561473353580983 51.80323267395719, 3.94125084107799761 51.8036112740705974, 3.93758182521471234 51.80227049707738729, 3.93679644320227995 51.80375601308580258, 3.93165330852198069 51.8052323527481704, 3.9294872607057556 51.80726877639779104, 3.9294872607057556 51.80726877639779104)))</t>
  </si>
  <si>
    <t>MultiPolygon (((3.92691063560649534 51.81983258989908592, 3.93093769209985133 51.82065736772896258, 3.93516022204032589 51.82044595110678387, 3.93714691273211459 51.8171089640655893, 3.94113088883108897 51.81523000653404409, 3.93896408273124132 51.81380851205322813, 3.9370053125339024 51.81203319954101261, 3.93279371917755327 51.81211741061935072, 3.93256702462920193 51.81403353323783278, 3.92905589054087923 51.81798702293077952, 3.92738130182613698 51.81782484848214665, 3.92691063560649534 51.81983258989908592, 3.92691063560649534 51.81983258989908592)))</t>
  </si>
  <si>
    <t>MultiPolygon (((3.93279371917755327 51.81211741061935072, 3.9370053125339024 51.81203319954101261, 3.93896408273124132 51.81380851205322813, 3.94226807252968703 51.80848799326270893, 3.94009716068972571 51.80710186577401544, 3.93643802612457927 51.80853480837203762, 3.9294872607057556 51.80726877639779104, 3.92895666592295756 51.80801713140431275, 3.93296404791261267 51.8114196441303676, 3.93279371917755327 51.81211741061935072, 3.93279371917755327 51.81211741061935072)))</t>
  </si>
  <si>
    <t>MultiPolygon (((3.96176825424271373 51.80218029173964567, 3.96556945651822979 51.80201238071651204, 3.96363017601203138 51.80131810977176343, 3.96328528729648433 51.80057756221694376, 3.96526930659393084 51.79862809119168787, 3.96804250821401583 51.79813880775310508, 3.96727713907626445 51.797486191998793, 3.95939789959489685 51.79883563792810008, 3.95701099487632346 51.79983905932859045, 3.95727933266363996 51.80095832535329237, 3.96176825424271373 51.80218029173964567, 3.96176825424271373 51.80218029173964567)),((4.01230301728981953 51.84929255792272329, 4.01244986348745059 51.84769000275584006, 4.00850714767780314 51.84546655350332856, 4.00827994054717252 51.842733215912574, 4.01492225568445349 51.84047989266745304, 4.01373294939610581 51.83653058330851593, 4.01986829545228908 51.83225528191522358, 4.02665867123449051 51.82925993199692982, 4.02387615866795123 51.82746873269854149, 4.01623636261256056 51.82813926385816217, 4.01071240918125316 51.83081884876644096, 4.00696368425982641 51.82855561130906352, 4.00690922522629567 51.82709142962764304, 4.00907732403492023 51.82545835269907286, 4.00141685387131396 51.81123125574737998, 4.00039910987086067 51.81018273994600065, 3.99408800154276422 51.81244150776100099, 3.99114896058740021 51.81001100578713192, 3.98901412397341737 51.80613267190754812, 3.99182486708977979 51.80499480195978634, 3.99523291169459549 51.80535891216025135, 3.99539232996967231 51.80019482523490382, 3.99217018784524313 51.80183586405676976, 3.98910761131006897 51.80247224504071824, 3.98318194169322082 51.80115610125050551, 3.97061403707748539 51.80080969616898301, 3.96824788752104096 51.8031160357261129, 3.96907081491521607 51.80688123941570211, 3.96760054000282247 51.81155600856252619, 3.96364706877022011 51.81446477482793966, 3.96025702147423964 51.82119561053385581, 3.95612463226622513 51.82359465430396739, 3.950810411120528 51.82101739202891366, 3.94815209201209871 51.82359165785150878, 3.95176284225031438 51.82588597267494634, 3.94394952249031006 51.83432304965965898, 3.95077475006275902 51.83533810184141544, 3.95209022065437132 51.8368158969544055, 3.95085707080345561 51.83825459448934225, 3.96046859180815236 51.8410640644610794, 3.96876888216826851 51.84256796267528955, 3.98441367440713368 51.84425916908433862, 4.00022145799202811 51.84929790218138379, 4.00888860546323578 51.84992799578255074, 4.01230301728981953 51.84929255792272329, 4.01230301728981953 51.84929255792272329),(4.00188482481320573 51.83238049333598951, 4.0053356401030511 51.82889251408533937, 4.01147188534166599 51.83222350823683655, 4.01091878946171487 51.83258628212298191, 4.00696196267153582 51.8306810990423017, 4.0040126053641254 51.83249672862443447, 4.00260830660618172 51.8328808004283772, 4.00188482481320573 51.83238049333598951, 4.00188482481320573 51.83238049333598951),(3.97930628950562282 51.81920954115515343, 3.97309159859291539 51.81867979051649087, 3.97368998008792795 51.81698216124199519, 3.97603412842916937 51.81533299994075747, 3.98167924153661801 51.81641319715032523, 3.99168189738269596 51.82004785981873596, 3.99210154238352066 51.82138151758540801, 3.98531559408693559 51.82414302075785173, 3.97930628950562282 51.81920954115515343, 3.97930628950562282 51.81920954115515343)))</t>
  </si>
  <si>
    <t>MultiPolygon (((4.0040126053641254 51.83249672862443447, 4.00696196267153582 51.8306810990423017, 4.01091878946171487 51.83258628212298191, 4.01147188534166599 51.83222350823683655, 4.0053356401030511 51.82889251408533937, 4.00188482481320573 51.83238049333598951, 4.00260830660618172 51.8328808004283772, 4.0040126053641254 51.83249672862443447, 4.0040126053641254 51.83249672862443447)))</t>
  </si>
  <si>
    <t>MultiPolygon (((3.98531559408693559 51.82414302075785173, 3.99210154238352066 51.82138151758540801, 3.99168189738269596 51.82004785981873596, 3.98167924153661801 51.81641319715032523, 3.97603412842916937 51.81533299994075747, 3.97368998008792795 51.81698216124199519, 3.97309159859291539 51.81867979051649087, 3.97930628950562282 51.81920954115515343, 3.98531559408693559 51.82414302075785173, 3.98531559408693559 51.82414302075785173)))</t>
  </si>
  <si>
    <t>MultiPolygon (((4.36294042265560478 52.07222374936942799, 4.36523703160910603 52.07341748111500124, 4.37142877853193834 52.06958229834726382, 4.36401240856525074 52.06532136536645794, 4.35819389002596669 52.06739817621908628, 4.35502930746710515 52.06829152787278048, 4.35649469119895105 52.06890478384900689, 4.36294042265560478 52.07222374936942799, 4.36294042265560478 52.07222374936942799)))</t>
  </si>
  <si>
    <t>MultiPolygon (((4.37446743551215533 52.07941585193135126, 4.38184840682477006 52.0776462053093212, 4.38436078892986103 52.07616108147886536, 4.37999584198886538 52.07474501568707126, 4.37142877853193834 52.06958229834726382, 4.36523703160910603 52.07341748111500124, 4.37270279111554316 52.07766502961331412, 4.37446743551215533 52.07941585193135126, 4.37446743551215533 52.07941585193135126)))</t>
  </si>
  <si>
    <t>MultiPolygon (((4.35819389002596669 52.06739817621908628, 4.34447891453975199 52.0596175297756929, 4.34219574491779703 52.06113455184895145, 4.3555187020388928 52.06803980246176167, 4.3549322355312805 52.06825037026808189, 4.35502930746710515 52.06829152787278048, 4.35819389002596669 52.06739817621908628, 4.35819389002596669 52.06739817621908628)))</t>
  </si>
  <si>
    <t>MultiPolygon (((4.35602199580926985 52.06157204906753577, 4.36082611063077774 52.05846833767277104, 4.35957697765786367 52.05819879691201635, 4.35982271829301915 52.05736633109232514, 4.35734978693624875 52.05625471181958375, 4.35397737577742561 52.05898691151904245, 4.35331627227031159 52.05866834876732696, 4.35228147136904031 52.05939409698475373, 4.35363155282371306 52.06053475034474332, 4.35602199580926985 52.06157204906753577, 4.35602199580926985 52.06157204906753577)))</t>
  </si>
  <si>
    <t>MultiPolygon (((4.35228147136904031 52.05939409698475373, 4.34800360034128808 52.05649811373119462, 4.34447891453975199 52.0596175297756929, 4.35819389002596669 52.06739817621908628, 4.36401240856525074 52.06532136536645794, 4.36382262736090265 52.06517390066944273, 4.35602199580926985 52.06157204906753577, 4.35363155282371306 52.06053475034474332, 4.35228147136904031 52.05939409698475373, 4.35228147136904031 52.05939409698475373)))</t>
  </si>
  <si>
    <t>MultiPolygon (((4.34539488610082358 52.07911154470194504, 4.35011936074468064 52.07470595362183019, 4.34921262971128453 52.0742988253496577, 4.34460309640073739 52.07475509194057395, 4.33895843407802673 52.0766612015358632, 4.34539488610082358 52.07911154470194504, 4.34539488610082358 52.07911154470194504)))</t>
  </si>
  <si>
    <t>MultiPolygon (((4.34460309640073739 52.07475509194057395, 4.34921262971128453 52.0742988253496577, 4.35011936074468064 52.07470595362183019, 4.35649469119895105 52.06890478384900689, 4.35502930746710515 52.06829152787278048, 4.3549322355312805 52.06825037026808189, 4.33521319856930365 52.07500040458872093, 4.33885182408719672 52.07661393605401656, 4.33895843407802673 52.0766612015358632, 4.34460309640073739 52.07475509194057395, 4.34460309640073739 52.07475509194057395)))</t>
  </si>
  <si>
    <t>MultiPolygon (((4.34539488610082358 52.07911154470194504, 4.35471454948207271 52.07691877465823893, 4.35238382202222418 52.07568834702721006, 4.35011936074468064 52.07470595362183019, 4.34539488610082358 52.07911154470194504, 4.34539488610082358 52.07911154470194504)))</t>
  </si>
  <si>
    <t>MultiPolygon (((4.35320215948255118 52.08300620568595463, 4.35869192565438013 52.07847591358191153, 4.35869136979088356 52.07847566154143237, 4.35471454948207271 52.07691877465823893, 4.34539488610082358 52.07911154470194504, 4.34510321623918383 52.07948079319372425, 4.35248958879979231 52.08269092567766734, 4.35320215948255118 52.08300620568595463, 4.35320215948255118 52.08300620568595463)))</t>
  </si>
  <si>
    <t>MultiPolygon (((4.35320215948255118 52.08300620568595463, 4.35677704628308504 52.08460439232180761, 4.36608756816904542 52.08208136677609446, 4.35869192565438013 52.07847591358191153, 4.35320215948255118 52.08300620568595463, 4.35320215948255118 52.08300620568595463)))</t>
  </si>
  <si>
    <t>MultiPolygon (((4.35011936074468064 52.07470595362183019, 4.35238382202222418 52.07568834702721006, 4.35447661713208234 52.07390990996699998, 4.35825222311452265 52.07526334709728388, 4.36294042265560478 52.07222374936942799, 4.35649469119895105 52.06890478384900689, 4.35011936074468064 52.07470595362183019, 4.35011936074468064 52.07470595362183019)))</t>
  </si>
  <si>
    <t>MultiPolygon (((4.35471454948207271 52.07691877465823893, 4.35869136979088356 52.07847566154143237, 4.36523703160910603 52.07341748111500124, 4.36294042265560478 52.07222374936942799, 4.35825222311452265 52.07526334709728388, 4.35447661713208234 52.07390990996699998, 4.35238382202222418 52.07568834702721006, 4.35471454948207271 52.07691877465823893, 4.35471454948207271 52.07691877465823893)))</t>
  </si>
  <si>
    <t>MultiPolygon (((4.36608756816904542 52.08208136677609446, 4.37446743551215533 52.07941585193135126, 4.37270279111554316 52.07766502961331412, 4.36523703160910603 52.07341748111500124, 4.35869136979088356 52.07847566154143237, 4.35869192565438013 52.07847591358191153, 4.36608756816904542 52.08208136677609446, 4.36608756816904542 52.08208136677609446)))</t>
  </si>
  <si>
    <t>MultiPolygon (((4.3677785206434816 52.08958294903576558, 4.36802996854498637 52.08969721133028941, 4.37201523115012058 52.08668280289058572, 4.37132593620809384 52.08504046860272041, 4.36608756816904542 52.08208136677609446, 4.35677704628308504 52.08460439232180761, 4.35889730314494273 52.08555920465170175, 4.3677785206434816 52.08958294903576558, 4.3677785206434816 52.08958294903576558)))</t>
  </si>
  <si>
    <t>MultiPolygon (((4.37132593620809384 52.08504046860272041, 4.37506618172496076 52.08270846422626477, 4.37705997649576872 52.08077873536234392, 4.37446743551215533 52.07941585193135126, 4.36608756816904542 52.08208136677609446, 4.37132593620809384 52.08504046860272041, 4.37132593620809384 52.08504046860272041)))</t>
  </si>
  <si>
    <t>MultiPolygon (((4.37201523115012058 52.08668280289058572, 4.37498669697645504 52.0881448701426919, 4.37823260358154354 52.08465528847097659, 4.37506618172496076 52.08270846422626477, 4.37132593620809384 52.08504046860272041, 4.37201523115012058 52.08668280289058572, 4.37201523115012058 52.08668280289058572)))</t>
  </si>
  <si>
    <t>MultiPolygon (((4.37873167185897305 52.08486695264584654, 4.37823260358154354 52.08465528847097659, 4.37498669697645504 52.0881448701426919, 4.37305124045727034 52.09205892330530929, 4.37343634971937067 52.09234688590946405, 4.37467844816206775 52.09289326630735673, 4.37752649133140981 52.08909573809304305, 4.37995330970020724 52.08537723289835242, 4.37873167185897305 52.08486695264584654, 4.37873167185897305 52.08486695264584654)))</t>
  </si>
  <si>
    <t>MultiPolygon (((4.36802996854498637 52.08969721133028941, 4.37305124045727034 52.09205892330530929, 4.37498669697645504 52.0881448701426919, 4.37201523115012058 52.08668280289058572, 4.36802996854498637 52.08969721133028941, 4.36802996854498637 52.08969721133028941)))</t>
  </si>
  <si>
    <t>MultiPolygon (((4.37823260358154354 52.08465528847097659, 4.37873167185897305 52.08486695264584654, 4.38027784297879119 52.08300015567137109, 4.38013038149315559 52.08180027327573924, 4.38384161667657413 52.07954748911985376, 4.38561358445452765 52.07963509390983603, 4.3882611070322799 52.07738307415987578, 4.38458270772077263 52.07623423923234185, 4.38436078892986103 52.07616108147886536, 4.38184840682477006 52.0776462053093212, 4.37446743551215533 52.07941585193135126, 4.37705997649576872 52.08077873536234392, 4.37506618172496076 52.08270846422626477, 4.37823260358154354 52.08465528847097659, 4.37823260358154354 52.08465528847097659)))</t>
  </si>
  <si>
    <t>MultiPolygon (((4.37873167185897305 52.08486695264584654, 4.37995330970020724 52.08537723289835242, 4.38264636635481075 52.08224664203662968, 4.3895270310206298 52.07776583317333774, 4.38826544889093118 52.07738436128945381, 4.3882611070322799 52.07738307415987578, 4.38561358445452765 52.07963509390983603, 4.38384161667657413 52.07954748911985376, 4.38013038149315559 52.08180027327573924, 4.38027784297879119 52.08300015567137109, 4.37873167185897305 52.08486695264584654, 4.37873167185897305 52.08486695264584654)))</t>
  </si>
  <si>
    <t>MultiPolygon (((4.39156767531249859 52.08999418005917192, 4.39422185145357957 52.09156175398993582, 4.40031714800439211 52.08720539267613958, 4.39596695289318884 52.08416667949537526, 4.39424621385588487 52.08412765358100671, 4.38810992618232376 52.08844301553151013, 4.39156767531249859 52.08999418005917192, 4.39156767531249859 52.08999418005917192)))</t>
  </si>
  <si>
    <t>MultiPolygon (((4.38244888435541391 52.08632516629541698, 4.38810992618232376 52.08844301553151013, 4.39424621385588487 52.08412765358100671, 4.39322846276450107 52.08217787090246986, 4.38971206389972313 52.08075197655517741, 4.38244888435541391 52.08632516629541698, 4.38244888435541391 52.08632516629541698)))</t>
  </si>
  <si>
    <t>MultiPolygon (((4.37995330970020724 52.08537723289835242, 4.38244888435541391 52.08632516629541698, 4.38971206389972313 52.08075197655517741, 4.39153690464071911 52.07838629751947224, 4.3895270310206298 52.07776583317333774, 4.38264636635481075 52.08224664203662968, 4.37995330970020724 52.08537723289835242, 4.37995330970020724 52.08537723289835242)))</t>
  </si>
  <si>
    <t>MultiPolygon (((4.38611170473701506 52.0930336282979809, 4.3890604706880012 52.09479626759925708, 4.39422185145357957 52.09156175398993582, 4.39156767531249859 52.08999418005917192, 4.38611170473701506 52.0930336282979809, 4.38611170473701506 52.0930336282979809)))</t>
  </si>
  <si>
    <t>MultiPolygon (((4.3890604706880012 52.09479626759925708, 4.39259684989120114 52.0965671198843765, 4.39691338006523402 52.09291564008825048, 4.39422185145357957 52.09156175398993582, 4.3890604706880012 52.09479626759925708, 4.3890604706880012 52.09479626759925708)))</t>
  </si>
  <si>
    <t>MultiPolygon (((4.38339648699307194 52.0914655631159178, 4.38611170473701506 52.0930336282979809, 4.39156767531249859 52.08999418005917192, 4.38810992618232376 52.08844301553151013, 4.38339648699307194 52.0914655631159178, 4.38339648699307194 52.0914655631159178)))</t>
  </si>
  <si>
    <t>MultiPolygon (((4.40392383925607778 52.07784501731299542, 4.39709357053034289 52.07476355317288608, 4.39462152483628543 52.07590691873081568, 4.39192148332706545 52.07472496055775224, 4.38826544889093118 52.07738436128945381, 4.3895270310206298 52.07776583317333774, 4.39153690464071911 52.07838629751947224, 4.39337031918994381 52.07893731103001045, 4.40474328245361679 52.07836432062041609, 4.40392383925607778 52.07784501731299542, 4.40392383925607778 52.07784501731299542)))</t>
  </si>
  <si>
    <t>MultiPolygon (((4.38865095336907718 52.07297378636117458, 4.38458270772077263 52.07623423923234185, 4.3882611070322799 52.07738307415987578, 4.38826544889093118 52.07738436128945381, 4.39192148332706545 52.07472496055775224, 4.38865095336907718 52.07297378636117458)))</t>
  </si>
  <si>
    <t>MultiPolygon (((4.40196015332385748 52.08202705046807068, 4.40571838455768816 52.08614062272611989, 4.4095689710305459 52.08265711504376583, 4.40474328245361679 52.07836432062041609, 4.39337031918994381 52.07893731103001045, 4.3961751403128515 52.07971422278255602, 4.40196015332385748 52.08202705046807068, 4.40196015332385748 52.08202705046807068)))</t>
  </si>
  <si>
    <t>MultiPolygon (((4.38971206389972313 52.08075197655517741, 4.39322846276450107 52.08217787090246986, 4.3961751403128515 52.07971422278255602, 4.39337031918994381 52.07893731103001045, 4.39153690464071911 52.07838629751947224, 4.38971206389972313 52.08075197655517741, 4.38971206389972313 52.08075197655517741)))</t>
  </si>
  <si>
    <t>MultiPolygon (((4.39424621385588487 52.08412765358100671, 4.39596695289318884 52.08416667949537526, 4.40196015332385748 52.08202705046807068, 4.3961751403128515 52.07971422278255602, 4.39322846276450107 52.08217787090246986, 4.39424621385588487 52.08412765358100671, 4.39424621385588487 52.08412765358100671)))</t>
  </si>
  <si>
    <t>MultiPolygon (((4.46684506410575199 52.12897989406246069, 4.4674810142737984 52.12832320536224273, 4.46814928238680764 52.12855081718279848, 4.47294143948979528 52.12370318578920347, 4.47232114381373602 52.12345860717810098, 4.47228902814065776 52.11963465140460983, 4.47297541564954138 52.11895161082024686, 4.47082578644588402 52.11770810347140781, 4.48464689052513066 52.10358811211239072, 4.49041365803168446 52.09785838597208851, 4.49221892588449823 52.09000976337927824, 4.49301807375909856 52.08775191367809754, 4.47427472696313622 52.08526066565295309, 4.47565986018940443 52.08129630162135015, 4.45675207158665021 52.07881483174283233, 4.45516608776585699 52.0781817661601778, 4.42140419947720176 52.06330345654922809, 4.42168523369923783 52.06288589303580494, 4.42083251506869956 52.06258004736731237, 4.42069070650155993 52.06345523818234255, 4.41724357765630415 52.06622164690807608, 4.4118813700380155 52.07213449342071243, 4.40592861001323133 52.07659312742779179, 4.40392383925607778 52.07784501731299542, 4.40474328245361679 52.07836432062041609, 4.4095689710305459 52.08265711504376583, 4.40571838455768816 52.08614062272611989, 4.41336185550664339 52.09397181590534842, 4.42790258406592496 52.10147024464355781, 4.43357878026490049 52.10415799112085722, 4.43574451849727946 52.10740153257449236, 4.43899398645546484 52.10992924993401942, 4.44130812487441062 52.11085007180462014, 4.44685340768774129 52.1136179015914891, 4.45107498873365959 52.11751212203711958, 4.45598212720942843 52.12117728629176838, 4.46321187494444427 52.12632585054176815, 4.46449228857868974 52.1273111703007217, 4.46519192514207841 52.12661335740472879, 4.46642025325507408 52.12733339517925657, 4.46598159250732341 52.12789030159682824, 4.46684506410575199 52.12897989406246069, 4.46684506410575199 52.12897989406246069),(4.44962784725557459 52.09446088033760702, 4.45314684261749871 52.09439132974373621, 4.45494253077762092 52.09545772230768534, 4.46372522328613019 52.09520356255448092, 4.46583593696221115 52.09451768070240973, 4.46931957233869248 52.09101116358334593, 4.47288401205766384 52.09151416349715902, 4.47597833982215576 52.09612366098737368, 4.46751516064649667 52.10560345109502833, 4.46547097074366217 52.10486633445471227, 4.46825292647550221 52.10198163686109751, 4.45998431814664187 52.09888815380179494, 4.46077353553148459 52.09810216155188556, 4.45757807151555152 52.0968632562264844, 4.4504359962866058 52.09616392254808659, 4.44867255817798135 52.09535839355608999, 4.44962784725557459 52.09446088033760702, 4.44962784725557459 52.09446088033760702)))</t>
  </si>
  <si>
    <t>MultiPolygon (((4.47597833982215576 52.09612366098737368, 4.47288401205766384 52.09151416349715902, 4.46931957233869248 52.09101116358334593, 4.46583593696221115 52.09451768070240973, 4.46372522328613019 52.09520356255448092, 4.45494253077762092 52.09545772230768534, 4.45314684261749871 52.09439132974373621, 4.44962784725557459 52.09446088033760702, 4.44867255817798135 52.09535839355608999, 4.4504359962866058 52.09616392254808659, 4.45757807151555152 52.0968632562264844, 4.46077353553148459 52.09810216155188556, 4.45998431814664187 52.09888815380179494, 4.46825292647550221 52.10198163686109751, 4.46547097074366217 52.10486633445471227, 4.46751516064649667 52.10560345109502833, 4.47597833982215576 52.09612366098737368)))</t>
  </si>
  <si>
    <t>MultiPolygon (((4.40489500840338977 52.09646336099967812, 4.40861845485064485 52.09635244265269449, 4.41148609332813102 52.09487567400294239, 4.40720965078606142 52.09119041576546039, 4.40107548067040977 52.09475034887420009, 4.40489500840338977 52.09646336099967812, 4.40489500840338977 52.09646336099967812)))</t>
  </si>
  <si>
    <t>MultiPolygon (((4.40571838455768816 52.08614062272611989, 4.40196015332385748 52.08202705046807068, 4.39596695289318884 52.08416667949537526, 4.40031714800439211 52.08720539267613958, 4.40720965078606142 52.09119041576546039, 4.41148609332813102 52.09487567400294239, 4.41589925925047577 52.09845632320751463, 4.41827871653680671 52.10232490185265419, 4.42121528307982548 52.10498326642113653, 4.42084345223245823 52.10461015446346522, 4.42790258406592496 52.10147024464355781, 4.41336185550664339 52.09397181590534842, 4.40571838455768816 52.08614062272611989, 4.40571838455768816 52.08614062272611989)))</t>
  </si>
  <si>
    <t>MultiPolygon (((4.39691338006523402 52.09291564008825048, 4.40107548067040977 52.09475034887420009, 4.40720965078606142 52.09119041576546039, 4.40031714800439211 52.08720539267613958, 4.39422185145357957 52.09156175398993582, 4.39691338006523402 52.09291564008825048, 4.39691338006523402 52.09291564008825048)))</t>
  </si>
  <si>
    <t>MultiPolygon (((4.40058948282297102 52.10000585545194696, 4.40389990700047207 52.10162172211714449, 4.4097951618667981 52.09872017934064559, 4.41047410525643713 52.09779030493961471, 4.40861845485064485 52.09635244265269449, 4.40489500840338977 52.09646336099967812, 4.40058948282297102 52.10000585545194696, 4.40058948282297102 52.10000585545194696)))</t>
  </si>
  <si>
    <t>MultiPolygon (((4.39259684989120114 52.0965671198843765, 4.40058948282297102 52.10000585545194696, 4.40489500840338977 52.09646336099967812, 4.40107548067040977 52.09475034887420009, 4.39691338006523402 52.09291564008825048, 4.39259684989120114 52.0965671198843765, 4.39259684989120114 52.0965671198843765)))</t>
  </si>
  <si>
    <t>MultiPolygon (((4.41137811520708301 52.10728658061039198, 4.41307434976624613 52.10663310995757058, 4.41415791239185751 52.10750833178453689, 4.42121528307982548 52.10498326642113653, 4.41827871653680671 52.10232490185265419, 4.41589925925047577 52.09845632320751463, 4.41148609332813102 52.09487567400294239, 4.40861845485064485 52.09635244265269449, 4.41047410525643713 52.09779030493961471, 4.4097951618667981 52.09872017934064559, 4.40389990700047207 52.10162172211714449, 4.39993438363159495 52.1040523582510815, 4.38946117983841777 52.09942771728474042, 4.37916295506168041 52.09487307214749308, 4.37467844816206775 52.09289326630735673, 4.37343634971937067 52.09234688590946405, 4.37146675006915775 52.09383465214669684, 4.37270929656379259 52.09477259442455477, 4.38931018718319699 52.1039216464389483, 4.40115906518420363 52.11186999458555391, 4.41204809357523864 52.10797121971077672, 4.41137811520708301 52.10728658061039198, 4.41137811520708301 52.10728658061039198)))</t>
  </si>
  <si>
    <t>MultiPolygon (((4.37752649133140981 52.08909573809304305, 4.38339648699307194 52.0914655631159178, 4.38810992618232376 52.08844301553151013, 4.38244888435541391 52.08632516629541698, 4.37995330970020724 52.08537723289835242, 4.37752649133140981 52.08909573809304305, 4.37752649133140981 52.08909573809304305),(4.38691270561642099 52.08835721492810222, 4.38644327462306105 52.08833249269173393, 4.386559535741819 52.08821536045181233, 4.38691270561642099 52.08835721492810222, 4.38691270561642099 52.08835721492810222)))</t>
  </si>
  <si>
    <t>MultiPolygon (((4.38691270561642099 52.08835721492810222, 4.386559535741819 52.08821536045181233, 4.38644327462306105 52.08833249269173393, 4.38691270561642099 52.08835721492810222, 4.38691270561642099 52.08835721492810222)),((4.38339648699307194 52.0914655631159178, 4.37752649133140981 52.08909573809304305, 4.37467844816206775 52.09289326630735673, 4.37916295506168041 52.09487307214749308, 4.38339648699307194 52.0914655631159178, 4.38339648699307194 52.0914655631159178)))</t>
  </si>
  <si>
    <t>MultiPolygon (((4.40058948282297102 52.10000585545194696, 4.39259684989120114 52.0965671198843765, 4.38946117983841777 52.09942771728474042, 4.39993438363159495 52.1040523582510815, 4.40389990700047207 52.10162172211714449, 4.40058948282297102 52.10000585545194696, 4.40058948282297102 52.10000585545194696)))</t>
  </si>
  <si>
    <t>MultiPolygon (((4.38946117983841777 52.09942771728474042, 4.39259684989120114 52.0965671198843765, 4.3890604706880012 52.09479626759925708, 4.38611170473701506 52.0930336282979809, 4.38339648699307194 52.0914655631159178, 4.37916295506168041 52.09487307214749308, 4.38946117983841777 52.09942771728474042, 4.38946117983841777 52.09942771728474042)))</t>
  </si>
  <si>
    <t>MultiPolygon (((5.01368775853608373 52.14128892211356714, 5.0163029368819716 52.1409465392322744, 5.02064500520658807 52.13879084883344461, 5.02055589729921081 52.13848157238191305, 5.01728324069444387 52.1369317151500411, 5.01368775853608373 52.14128892211356714, 5.01368775853608373 52.14128892211356714)))</t>
  </si>
  <si>
    <t>MultiPolygon (((5.02543653015365166 52.13576887877567856, 5.02949589853248025 52.13739060775378675, 5.03270243978437115 52.13519909942224473, 5.02976142461196929 52.13298904665092692, 5.02597381099167073 52.13517974963864532, 5.02543653015365166 52.13576887877567856, 5.02543653015365166 52.13576887877567856)))</t>
  </si>
  <si>
    <t>MultiPolygon (((5.03329223189455455 52.13490544972719221, 5.03745757408931905 52.13284122349906369, 5.03581963235207386 52.13166456988255959, 5.03283071629202272 52.13086740533346131, 5.03030216257401186 52.1328757986943998, 5.03329223189455455 52.13490544972719221, 5.03329223189455455 52.13490544972719221)))</t>
  </si>
  <si>
    <t>MultiPolygon (((5.02064500520658807 52.13879084883344461, 5.02437332196473196 52.14022120488772316, 5.02949589853248025 52.13739060775378675, 5.02543653015365166 52.13576887877567856, 5.02055589729921081 52.13848157238191305, 5.02064500520658807 52.13879084883344461, 5.02064500520658807 52.13879084883344461)))</t>
  </si>
  <si>
    <t>MultiPolygon (((5.01728324069444387 52.1369317151500411, 5.02055589729921081 52.13848157238191305, 5.02543653015365166 52.13576887877567856, 5.02597381099167073 52.13517974963864532, 5.021864679709517 52.13325360672937592, 5.01728324069444387 52.1369317151500411, 5.01728324069444387 52.1369317151500411)))</t>
  </si>
  <si>
    <t>MultiPolygon (((5.01368775853608373 52.14128892211356714, 5.01888747468065155 52.14337612726649951, 5.02437332196473196 52.14022120488772316, 5.02064500520658807 52.13879084883344461, 5.0163029368819716 52.1409465392322744, 5.01368775853608373 52.14128892211356714, 5.01368775853608373 52.14128892211356714)))</t>
  </si>
  <si>
    <t>MultiPolygon (((5.03245630775588193 52.12980859087974039, 5.03669336100039278 52.12634230276383107, 5.03188464522453316 52.12428224543624111, 5.02813988364672948 52.12796424826240127, 5.03245630775588193 52.12980859087974039, 5.03245630775588193 52.12980859087974039)))</t>
  </si>
  <si>
    <t>MultiPolygon (((5.021864679709517 52.13325360672937592, 5.02597381099167073 52.13517974963864532, 5.02976142461196929 52.13298904665092692, 5.03182999665233766 52.13032803280917449, 5.02748195334680315 52.12853727192876363, 5.021864679709517 52.13325360672937592, 5.021864679709517 52.13325360672937592)))</t>
  </si>
  <si>
    <t>MultiPolygon (((5.0065681174565837 52.13981767411806345, 5.01147203453741508 52.14157531909614107, 5.01333755007441084 52.14126355421372949, 5.01700212055438222 52.1368134765662532, 5.01003598662465865 52.13479352299833636, 5.0065681174565837 52.13981767411806345, 5.0065681174565837 52.13981767411806345)))</t>
  </si>
  <si>
    <t>MultiPolygon (((5.0065681174565837 52.13981767411806345, 5.00489349065867462 52.1424937590463955, 5.01475896919563269 52.14610549508765303, 5.01848575610044012 52.14364032584290243, 5.01333755007441084 52.14126355421372949, 5.01147203453741508 52.14157531909614107, 5.0065681174565837 52.13981767411806345, 5.0065681174565837 52.13981767411806345)))</t>
  </si>
  <si>
    <t>MultiPolygon (((5.01003598662465865 52.13479352299833636, 5.01700212055438222 52.1368134765662532, 5.02149158996598199 52.13308661241100594, 5.0171892023981508 52.1323149921571698, 5.01448971216788397 52.12963697246682671, 5.01003598662465865 52.13479352299833636, 5.01003598662465865 52.13479352299833636)))</t>
  </si>
  <si>
    <t>MultiPolygon (((5.02273684083953675 52.12472185819023451, 5.02325404000518905 52.1257868135003406, 5.02722457674487 52.12752725422538447, 5.03564866172443182 52.12111818135854691, 5.03398231042282074 52.11927446821397325, 5.02915635460767163 52.12041106597283147, 5.02273684083953675 52.12472185819023451, 5.02273684083953675 52.12472185819023451)))</t>
  </si>
  <si>
    <t>MultiPolygon (((5.01448971216788397 52.12963697246682671, 5.0171892023981508 52.1323149921571698, 5.02149158996598199 52.13308661241100594, 5.02658421459237204 52.12820478561081927, 5.0235903449984658 52.12626650027690545, 5.02173095969495531 52.12547696896960758, 5.01448971216788397 52.12963697246682671, 5.01448971216788397 52.12963697246682671)))</t>
  </si>
  <si>
    <t>MultiPolygon (((5.03951244407993393 52.13377494423171754, 5.041839087354413 52.13264828588894062, 5.04748338395775153 52.13040750447469662, 5.03883924488533452 52.12509364185658711, 5.03347158030828101 52.13023185204471588, 5.03951244407993393 52.13377494423171754, 5.03951244407993393 52.13377494423171754)))</t>
  </si>
  <si>
    <t>MultiPolygon (((5.01603990274606115 52.14733625346426038, 5.02957608453197036 52.13958969209469529, 5.03589841858397413 52.13592538571622725, 5.03951244407993393 52.13377494423171754, 5.03347158030828101 52.13023185204471588, 5.03883924488533452 52.12509364185658711, 5.04748338395775153 52.13040750447469662, 5.04840619874606666 52.13085428216177775, 5.04928895049826654 52.13128211147821389, 5.05564897733761942 52.13409262936645661, 5.06188632244141345 52.13571722116732587, 5.07578736502480954 52.13710793529226351, 5.08099501066496195 52.13634612009981595, 5.08576448704121109 52.13455036068282311, 5.08553282580087984 52.13436600866536708, 5.08061279065886318 52.13618603072400504, 5.07485687989924017 52.136856719874487, 5.06516811920132426 52.13599173142790733, 5.05925901971883185 52.1348164941991925, 5.04755601785943764 52.12997241235426316, 5.04497846114661819 52.12877938723766391, 5.04541944549983334 52.1284624173038651, 5.04088121867453065 52.12549976191755263, 5.03354503368746453 52.1167588134618569, 5.03251082175202047 52.11683659492690168, 5.01211228316451773 52.12969158653758939, 5.00270003917198913 52.14130126034626045, 5.00310180711069385 52.14205047962936135, 5.01421700323565478 52.14657725605631811, 5.01603990274606115 52.14733625346426038, 5.01603990274606115 52.14733625346426038),(5.01448971216788397 52.12963697246682671, 5.02173095969495531 52.12547696896960758, 5.0235903449984658 52.12626650027690545, 5.02658421459237204 52.12820478561081927, 5.02149158996598199 52.13308661241100594, 5.01700212055438222 52.1368134765662532, 5.01333755007441084 52.14126355421372949, 5.01848575610044012 52.14364032584290243, 5.01475896919563269 52.14610549508765303, 5.00489349065867462 52.1424937590463955, 5.0065681174565837 52.13981767411806345, 5.01003598662465865 52.13479352299833636, 5.01448971216788397 52.12963697246682671, 5.01448971216788397 52.12963697246682671),(5.021864679709517 52.13325360672937592, 5.02748195334680315 52.12853727192876363, 5.03182999665233766 52.13032803280917449, 5.02976142461196929 52.13298904665092692, 5.03270243978437115 52.13519909942224473, 5.02949589853248025 52.13739060775378675, 5.02437332196473196 52.14022120488772316, 5.01888747468065155 52.14337612726649951, 5.01368775853608373 52.14128892211356714, 5.01728324069444387 52.1369317151500411, 5.021864679709517 52.13325360672937592, 5.021864679709517 52.13325360672937592),(5.03030216257401186 52.1328757986943998, 5.03283071629202272 52.13086740533346131, 5.03581963235207386 52.13166456988255959, 5.03745757408931905 52.13284122349906369, 5.03329223189455455 52.13490544972719221, 5.03030216257401186 52.1328757986943998, 5.03030216257401186 52.1328757986943998),(5.03245630775588193 52.12980859087974039, 5.02813988364672948 52.12796424826240127, 5.03188464522453316 52.12428224543624111, 5.03669336100039278 52.12634230276383107, 5.03245630775588193 52.12980859087974039, 5.03245630775588193 52.12980859087974039),(5.03564866172443182 52.12111818135854691, 5.02722457674487 52.12752725422538447, 5.02325404000518905 52.1257868135003406, 5.02273684083953675 52.12472185819023451, 5.02915635460767163 52.12041106597283147, 5.03398231042282074 52.11927446821397325, 5.03564866172443182 52.12111818135854691, 5.03564866172443182 52.12111818135854691)))</t>
  </si>
  <si>
    <t>MultiPolygon (((5.07615846271546545 52.12704912144518232, 5.0723895855207326 52.12535921623330637, 5.07019866394373686 52.1271814874943118, 5.06973345513554818 52.12641462707151163, 5.06698957126642835 52.12598498009911907, 5.06572718594996196 52.12525543847488763, 5.06239297853274461 52.1283169882339763, 5.05925901971883185 52.1348164941991925, 5.06516811920132426 52.13599173142790733, 5.07485687989924017 52.136856719874487, 5.08061279065886318 52.13618603072400504, 5.08553282580087984 52.13436600866536708, 5.07615846271546545 52.12704912144518232)))</t>
  </si>
  <si>
    <t>MultiPolygon (((4.99645420510088289 52.2306201421371199, 4.99472978613923058 52.23026634039360516, 4.99358728925279483 52.23209923401037713, 4.99472757658388122 52.23247422744987034, 4.99741494749529114 52.23081724392032044, 4.99645420510088289 52.2306201421371199, 4.99645420510088289 52.2306201421371199)))</t>
  </si>
  <si>
    <t>MultiPolygon (((4.99741494749529114 52.23081724392032044, 4.99982989308394465 52.23107987638589833, 5.0031906291312902 52.23136366932479291, 5.00303471439809488 52.22905729329442437, 4.99893172252296125 52.22761290523935429, 4.99741494749529114 52.23081724392032044, 4.99741494749529114 52.23081724392032044)))</t>
  </si>
  <si>
    <t>MultiPolygon (((5.0040327842760739 52.22204990106954625, 5.00286225616966629 52.22211977704941432, 4.99845706317035177 52.22628704498729491, 5.00572584411095889 52.22548238264755582, 5.00167638768109502 52.2104525544260909, 5.0001757338996411 52.20499159750597329, 5.0040327842760739 52.22204990106954625, 5.0040327842760739 52.22204990106954625)))</t>
  </si>
  <si>
    <t>MultiPolygon (((5.00746266225548897 52.23170448691486456, 5.00572584411095889 52.22548238264755582, 4.99845706317035177 52.22628704498729491, 5.00286225616966629 52.22211977704941432, 5.0040327842760739 52.22204990106954625, 4.99972216814762227 52.20641808597098077, 5.00038383181758128 52.2117597139304479, 4.99204866104805944 52.21458028950871011, 4.99134161534186749 52.21428602291741328, 4.99118977484684478 52.21220620853446093, 4.9910419342258372 52.21396412397898246, 4.99300323499736631 52.21829473837862423, 4.99426938349341221 52.22457984222756977, 4.98287423404019858 52.22241559633335584, 4.98041377246840256 52.22684743805667296, 4.99472978613923058 52.23026634039360516, 4.99645420510088289 52.2306201421371199, 4.99741494749529114 52.23081724392032044, 4.99893172252296125 52.22761290523935429, 5.00303471439809488 52.22905729329442437, 5.0031906291312902 52.23136366932479291, 5.00705015442971302 52.23167299883946413, 5.00746266225548897 52.23170448691486456)))</t>
  </si>
  <si>
    <t>MultiPolygon (((5.00167638768109502 52.2104525544260909, 5.00335191478697006 52.21013035391332835, 5.00246633089196369 52.20688999964858112, 5.00074796544465894 52.19974333093448138, 5.0012281200698494 52.19939939648611471, 5.00038454413712774 52.19931212533047216, 4.99797767075846533 52.19045857638479902, 4.99553074086584203 52.19028212683513601, 4.99547331404653772 52.19028150310666803, 4.99782761054133928 52.20115663878667789, 4.99797811196440556 52.20201182468684209, 4.99893137876912164 52.20450617121066017, 4.99972216814762227 52.20641808597098077, 5.0040327842760739 52.22204990106954625, 5.0001757338996411 52.20499159750597329, 5.00167638768109502 52.2104525544260909)))</t>
  </si>
  <si>
    <t>MultiPolygon (((4.99893137876912164 52.20450617121066017, 4.99797811196440556 52.20201182468684209, 4.99782761054133928 52.20115663878667789, 4.99481863807559279 52.20274607184060045, 4.99893137876912164 52.20450617121066017, 4.99893137876912164 52.20450617121066017)))</t>
  </si>
  <si>
    <t>MultiPolygon (((5.0012281200698494 52.19939939648611471, 5.00074796544465894 52.19974333093448138, 5.00467507017373148 52.1978971319087961, 5.00811620347786768 52.19851305536035824, 5.01046657926158012 52.19711822286699743, 5.01026015719656748 52.19628407763425315, 5.01444544108423429 52.19649013929901571, 5.01128217798088649 52.19434944207705485, 5.00987610536456707 52.19497542535354029, 5.0050753494777922 52.1944625500965671, 5.00504895413601236 52.19744555388026441, 5.0012281200698494 52.19939939648611471, 5.0012281200698494 52.19939939648611471)))</t>
  </si>
  <si>
    <t>MultiPolygon (((5.0012281200698494 52.19939939648611471, 5.00504895413601236 52.19744555388026441, 5.0050753494777922 52.1944625500965671, 5.00489490442783325 52.19234488828550411, 5.00786701014494628 52.1869419874092344, 5.00257793606963919 52.18569720332995843, 4.99663334529006509 52.185551051906792, 4.99797767075846533 52.19045857638479902, 5.00038454413712774 52.19931212533047216, 5.0012281200698494 52.19939939648611471, 5.0012281200698494 52.19939939648611471)))</t>
  </si>
  <si>
    <t>MultiPolygon (((5.02141847019978727 52.20643911206607868, 5.02177538800022472 52.20660848438088664, 5.02102214742330322 52.20478990416529541, 5.02057355289632046 52.20108568545694538, 5.01903879132887898 52.19923842674820946, 5.01444544108423429 52.19649013929901571, 5.01026015719656748 52.19628407763425315, 5.01046657926158012 52.19711822286699743, 5.00811620347786768 52.19851305536035824, 5.00467507017373148 52.1978971319087961, 5.00074796544465894 52.19974333093448138, 5.00246633089196369 52.20688999964858112, 5.01561208753128174 52.20288084510059434, 5.01996646085528919 52.20209324500022774, 5.02141847019978727 52.20643911206607868, 5.02141847019978727 52.20643911206607868)))</t>
  </si>
  <si>
    <t>MultiPolygon (((4.99118977484684478 52.21220620853446093, 4.99134161534186749 52.21428602291741328, 4.99204866104805944 52.21458028950871011, 5.00038383181758128 52.2117597139304479, 4.99972216814762227 52.20641808597098077, 4.99893137876912164 52.20450617121066017, 4.99481863807559279 52.20274607184060045, 4.99782761054133928 52.20115663878667789, 4.99547331404653772 52.19028150310666803, 4.98741605906862251 52.19024056729109162, 4.98811147112933462 52.20709193785248203, 4.99118977484684478 52.21220620853446093, 4.99118977484684478 52.21220620853446093)))</t>
  </si>
  <si>
    <t>MultiPolygon (((5.03813407836939575 52.19516317259550675, 5.03664630466357988 52.19373330517519349, 5.03558447815198562 52.19097460661609489, 5.03497723777794981 52.18680295477807363, 5.03376472781860684 52.18616371243842877, 5.03250322723521393 52.18411340790921571, 5.02373641863978992 52.18461206168360178, 5.01839419736109082 52.18490231072160412, 5.00755173060093561 52.18534648116634855, 5.00786701014494628 52.1869419874092344, 5.00489490442783325 52.19234488828550411, 5.0050753494777922 52.1944625500965671, 5.00987610536456707 52.19497542535354029, 5.01128217798088649 52.19434944207705485, 5.01444544108423429 52.19649013929901571, 5.01903879132887898 52.19923842674820946, 5.02081067581604135 52.1988364179399511, 5.02052896996261744 52.19797599542945221, 5.01836208016089458 52.19815398553016195, 5.01796141785198824 52.19665510759575255, 5.02635030252660453 52.19598327007150118, 5.02794233631132581 52.19995886379602013, 5.03097211656893073 52.19876407653524097, 5.03712470889962649 52.19805270908921102, 5.03720421242920047 52.19684758543395731, 5.03813407836939575 52.19516317259550675)))</t>
  </si>
  <si>
    <t>MultiPolygon (((5.02331011143955397 52.27147199307180614, 5.02633920976743198 52.26866138641410231, 5.02402437035655502 52.26760872825195037, 5.0230653369830911 52.26993762512275765, 5.02178006904081276 52.27088883040755718, 5.01982506136840279 52.27076802056255644, 5.02056699856057875 52.27465038918490592, 5.02244896319665113 52.27481404496830919, 5.02288663209249808 52.27420725635646193, 5.02371026136212517 52.273208170300272, 5.02288688692466856 52.27248343710640199, 5.02331011143955397 52.27147199307180614, 5.02331011143955397 52.27147199307180614)))</t>
  </si>
  <si>
    <t>MultiPolygon (((5.03306998446618348 52.27528988416131739, 5.03093310184250875 52.27250286940460455, 5.02981373018239086 52.27204350331009408, 5.02371026136212517 52.273208170300272, 5.02288663209249808 52.27420725635646193, 5.02336015780199752 52.2757647377541943, 5.02575860325383683 52.27516576625991007, 5.02610379385633887 52.27620271473379887, 5.03016804199318379 52.27720177078087005, 5.03306998446618348 52.27528988416131739, 5.03306998446618348 52.27528988416131739)))</t>
  </si>
  <si>
    <t>MultiPolygon (((5.02186720897998207 52.28265326889606968, 5.02282648502625051 52.28215043118947847, 5.02336015780199752 52.2757647377541943, 5.02288663209249808 52.27420725635646193, 5.02244896319665113 52.27481404496830919, 5.02056699856057875 52.27465038918490592, 5.01982506136840279 52.27076802056255644, 5.01675599679292183 52.25931524648291315, 5.01674484434418222 52.25927427820005278, 5.01491999559454094 52.25912783944817619, 5.02186720897998207 52.28265326889606968, 5.02186720897998207 52.28265326889606968)))</t>
  </si>
  <si>
    <t>MultiPolygon (((5.0230653369830911 52.26993762512275765, 5.02402437035655502 52.26760872825195037, 5.02633920976743198 52.26866138641410231, 5.02762683503074115 52.26777764351081856, 5.02785468212352527 52.26624643343783561, 5.02655100593524917 52.26419861339186212, 5.03145378168341129 52.26130569899901701, 5.03257253068442978 52.25997491545239626, 5.0311905314499068 52.25598826807975428, 5.03525536937390239 52.25264486668762487, 5.03433785336432216 52.25135565109111013, 5.02798533687923666 52.25018526828478116, 5.02390971865950764 52.25010556652625127, 5.02014224754096006 52.25450218555609894, 5.01847224126530822 52.25858654490551203, 5.01675599679292183 52.25931524648291315, 5.01982506136840279 52.27076802056255644, 5.02178006904081276 52.27088883040755718, 5.0230653369830911 52.26993762512275765, 5.0230653369830911 52.26993762512275765)))</t>
  </si>
  <si>
    <t>MultiPolygon (((5.06342582210257586 52.28705511150956653, 5.06479187426313082 52.28508054372535696, 5.06547148661425251 52.28519815713902119, 5.06586335177998404 52.28113987727387979, 5.06585851484452121 52.28053732744547943, 5.06441242514319967 52.28073760050876473, 5.06287299434856042 52.28219964686549304, 5.06285883771775769 52.2847782927811906, 5.06039807386889073 52.28514310912390073, 5.05075345570814349 52.28181780638939102, 5.04966611663810028 52.28020587498601657, 5.04967980192264676 52.2779888586070598, 5.04823753684831544 52.27696043762960443, 5.04252196905762595 52.27793030002007413, 5.03306998446618348 52.27528988416131739, 5.03016804199318379 52.27720177078087005, 5.02610379385633887 52.27620271473379887, 5.02575860325383683 52.27516576625991007, 5.02336015780199752 52.2757647377541943, 5.02282648502625051 52.28215043118947847, 5.0243816326693338 52.28135744674856511, 5.03052841783543681 52.28848718128803341, 5.03321245739465883 52.28625810435435284, 5.03952133151943205 52.28326330448452808, 5.04074224844649965 52.2838750287315861, 5.0427786574814446 52.28248813933359429, 5.04749181511366629 52.28502864456293509, 5.05040433066438421 52.2878719824101168, 5.05273804804233517 52.28650823849855556, 5.05954029928601656 52.28932013313657734, 5.06342582210257586 52.28705511150956653, 5.06342582210257586 52.28705511150956653)))</t>
  </si>
  <si>
    <t>MultiPolygon (((5.07865597393657353 52.17298568960246286, 5.11531114079466676 52.17981628694540319, 5.11884519387059367 52.17240604327530917, 5.09488971457579343 52.15534902674038875, 5.09550889038319621 52.15507839814780766, 5.09443398488659227 52.15442454592066213, 5.09006354665417682 52.1569951690808935, 5.08807272276204969 52.15856137346729327, 5.08994152928423471 52.15904692452342317, 5.08951870965225162 52.15937927678425723, 5.08701976423201074 52.15862539998036596, 5.08770972044646808 52.15966531770666847, 5.07879236929710398 52.17049123679693423, 5.07768276764866755 52.1725885311733677, 5.07865597393657353 52.17298568960246286)))</t>
  </si>
  <si>
    <t>MultiPolygon (((5.046463540806295 52.16592911111718678, 5.07865597393657353 52.17298568960246286, 5.07768276764866755 52.1725885311733677, 5.07879236929710398 52.17049123679693423, 5.08770972044646808 52.15966531770666847, 5.08701976423201074 52.15862539998036596, 5.06558510343235646 52.14890400969455442, 5.06301550958758018 52.14776733971748968, 5.06193539540187221 52.1495754926508468, 5.05961420450475696 52.14918034090389654, 5.05455033133986742 52.15359474715880594, 5.04786928290884962 52.16386025549982008, 5.04566174196508754 52.16526381428542436, 5.03226007924072594 52.16222375212033313, 5.03206406752394386 52.16125688050910014, 5.02705545468509474 52.16040675615900568, 5.02946156505656994 52.16280104591900368, 5.03184973606422226 52.16252580906518688, 5.046463540806295 52.16592911111718678)))</t>
  </si>
  <si>
    <t>MultiPolygon (((5.08701976423201074 52.15862539998036596, 5.08951870965225162 52.15937927678425723, 5.08994152928423471 52.15904692452342317, 5.08807272276204969 52.15856137346729327, 5.09006354665417682 52.1569951690808935, 5.09443398488659227 52.15442454592066213, 5.09550889038319621 52.15507839814780766, 5.12052895061906987 52.14554113952479497, 5.11077876013070931 52.13664121111088434, 5.10709284935172114 52.13321116002113342, 5.10557632091465408 52.13188547766311842, 5.10250959944048432 52.13315098251218416, 5.09881691714359331 52.13199443425767754, 5.09788183664513994 52.13240371410346796, 5.09887655569406029 52.13674452582861107, 5.10090377344509083 52.13840476551520453, 5.08777106781361077 52.14356450190798853, 5.08230587365298003 52.14620995720360952, 5.08302445484331678 52.14682049038332678, 5.07885880653024202 52.14863957860849553, 5.07818497532986601 52.14878832990588364, 5.07219792976039852 52.14486624414814742, 5.06543506986099601 52.14821475056369593, 5.06558510343235646 52.14890400969455442, 5.08701976423201074 52.15862539998036596, 5.08701976423201074 52.15862539998036596)))</t>
  </si>
  <si>
    <t>MultiPolygon (((5.04248445490768038 52.22877988338748878, 5.04168579505857295 52.22823451256517302, 5.04041914519388534 52.22909256975989223, 5.03893573086156898 52.22872566233327518, 5.04069651324502477 52.22956745743135798, 5.04248445490768038 52.22877988338748878)))</t>
  </si>
  <si>
    <t>MultiPolygon (((5.03219101853323547 52.23560189906818607, 5.03092923490470856 52.23347543892727884, 5.03303423147186368 52.23484818597336243, 5.03992979409028585 52.23226742947001355, 5.04069217741299891 52.23132177912033569, 5.04021610222146599 52.23007064699571345, 5.0373721707493937 52.23209186006162952, 5.03492582371675823 52.23253419253739338, 5.03357703987792338 52.23206879234972178, 5.03686988202318808 52.23054022409586139, 5.03723189296896745 52.22927474700789219, 5.03476124437902506 52.22902833613431284, 5.03461606315356924 52.22824071161368664, 5.02727190987749495 52.22804361749153657, 5.0278072283992481 52.23379835426835172, 5.03073145711203296 52.23586693449730234, 5.03219101853323547 52.23560189906818607, 5.03219101853323547 52.23560189906818607)))</t>
  </si>
  <si>
    <t>MultiPolygon (((5.057712792855515 52.23534258849630163, 5.04231343339887772 52.23053167767629645, 5.04158557051999878 52.230888222961525, 5.04054548864711638 52.22984196270604684, 5.04021610222146599 52.23007064699571345, 5.04069217741299891 52.23132177912033569, 5.03992979409028585 52.23226742947001355, 5.03303423147186368 52.23484818597336243, 5.03092923490470856 52.23347543892727884, 5.03219101853323547 52.23560189906818607, 5.03389038127417709 52.2380337970342552, 5.04599631864214349 52.24322054981524133, 5.05690199933982143 52.23652234418674567, 5.057712792855515 52.23534258849630163, 5.057712792855515 52.23534258849630163)))</t>
  </si>
  <si>
    <t>MultiPolygon (((5.03389038127417709 52.2380337970342552, 5.03219101853323547 52.23560189906818607, 5.03073145711203296 52.23586693449730234, 5.0278072283992481 52.23379835426835172, 5.02727190987749495 52.22804361749153657, 5.03461606315356924 52.22824071161368664, 5.03476124437902506 52.22902833613431284, 5.03723189296896745 52.22927474700789219, 5.03686988202318808 52.23054022409586139, 5.03357703987792338 52.23206879234972178, 5.03492582371675823 52.23253419253739338, 5.0373721707493937 52.23209186006162952, 5.04021610222146599 52.23007064699571345, 5.04054548864711638 52.22984196270604684, 5.04069651324502477 52.22956745743135798, 5.03893573086156898 52.22872566233327518, 5.04041914519388534 52.22909256975989223, 5.04168579505857295 52.22823451256517302, 5.03873055843728324 52.22517941526974994, 5.03710178331955127 52.22534164886803154, 5.03739882653511639 52.22473992664025388, 5.03987320679139028 52.2243873248099959, 5.04192883843063377 52.22408867873139116, 5.04198394066896061 52.22432665032395249, 5.04279565759693416 52.22403951046942439, 5.0419225746716112 52.22406221805368887, 5.04190718010135619 52.22399305798581537, 5.03666560376063366 52.22436015414479016, 5.03674317504391045 52.22474653104531939, 5.03319318247572944 52.22511846372103861, 5.03395634049542462 52.22273412255330527, 5.03183280161868485 52.22264381150048962, 5.01982408510972178 52.22487062943622504, 5.01984035433649645 52.22622709656225481, 5.02190149736695535 52.23481351220106461, 5.02739502182224296 52.24188486828721523, 5.02390971865950764 52.25010556652625127, 5.02798533687923666 52.25018526828478116, 5.03433785336432216 52.25135565109111013, 5.03525536937390239 52.25264486668762487, 5.0371963980512211 52.2534411913232546, 5.04025317558856845 52.25657638079641032, 5.04187884641246331 52.25655996586453256, 5.04342785126012672 52.25544854127034, 5.04409534047009256 52.25212474702647825, 5.04665191110295019 52.24845789170550603, 5.04599631864214349 52.24322054981524133, 5.03389038127417709 52.2380337970342552)))</t>
  </si>
  <si>
    <t>MultiPolygon (((4.95245026382603815 52.15193916191791601, 4.95610361958769019 52.15278444332543728, 4.95673890555648189 52.15186062124279687, 4.95315533910702133 52.15099023551423585, 4.95245026382603815 52.15193916191791601, 4.95245026382603815 52.15193916191791601)))</t>
  </si>
  <si>
    <t>MultiPolygon (((4.95315533910702133 52.15099023551423585, 4.95673890555648189 52.15186062124279687, 4.95934660114051695 52.14950362022764807, 4.95395503178170493 52.14899930209104895, 4.95259140540797382 52.15086215900928579, 4.95315533910702133 52.15099023551423585, 4.95315533910702133 52.15099023551423585)))</t>
  </si>
  <si>
    <t>MultiPolygon (((4.95315533910702133 52.15099023551423585, 4.95259140540797382 52.15086215900928579, 4.94851217078165551 52.150970169152842, 4.94754863790700572 52.1523990449413688, 4.95152635538459052 52.1533488176821507, 4.95245026382603815 52.15193916191791601, 4.95315533910702133 52.15099023551423585, 4.95315533910702133 52.15099023551423585)))</t>
  </si>
  <si>
    <t>MultiPolygon (((4.95848712064347374 52.15963444110069958, 4.95698747604530787 52.15959538010267948, 4.95607968748296912 52.16039408719593951, 4.96358855951064193 52.16343056862500305, 4.96363892035608334 52.16158946839933463, 4.96098830421577031 52.15844109308529397, 4.95848712064347374 52.15963444110069958, 4.95848712064347374 52.15963444110069958)))</t>
  </si>
  <si>
    <t>MultiPolygon (((4.93944090512600997 52.15211599297344947, 4.94124334396680975 52.15261651095411111, 4.94477118592581277 52.14981775858333179, 4.94851217078165551 52.150970169152842, 4.95259140540797382 52.15086215900928579, 4.95395503178170493 52.14899930209104895, 4.95934660114051695 52.14950362022764807, 4.96834301417764568 52.15143517407899765, 4.95029413028025811 52.14647669295752763, 4.95013930227674415 52.14550607379955238, 4.94841819172459196 52.14492160788756792, 4.93944090512600997 52.15211599297344947, 4.93944090512600997 52.15211599297344947)))</t>
  </si>
  <si>
    <t>MultiPolygon (((4.92360171175762851 52.14731887959951706, 4.93944090512600997 52.15211599297344947, 4.94841819172459196 52.14492160788756792, 4.95013930227674415 52.14550607379955238, 4.95029413028025811 52.14647669295752763, 4.95808988291361086 52.13912066447365135, 4.9578002576451663 52.13724410123506203, 4.96099682052178803 52.13336184292077746, 4.9439160602855976 52.12753678433499971, 4.9343758591092719 52.13885822596297004, 4.92360171175762851 52.14731887959951706, 4.92360171175762851 52.14731887959951706)))</t>
  </si>
  <si>
    <t>MultiPolygon (((4.91503941236584563 52.14458130328063845, 4.91177757510059632 52.14425447519906953, 4.91118728125276149 52.16009498278449996, 4.90963796137280273 52.16187089241250874, 4.92860631878783639 52.16720011250862399, 4.94044845785433306 52.15548014487701067, 4.94124334396680975 52.15261651095411111, 4.93944090512600997 52.15211599297344947, 4.92360171175762851 52.14731887959951706, 4.91503941236584563 52.14458130328063845, 4.91503941236584563 52.14458130328063845)))</t>
  </si>
  <si>
    <t>MultiPolygon (((4.96069184419337716 52.16877854542792647, 4.96699803654451255 52.16289521054313383, 4.96363892035608334 52.16158946839933463, 4.96358855951064193 52.16343056862500305, 4.95607968748296912 52.16039408719593951, 4.95698747604530787 52.15959538010267948, 4.95848712064347374 52.15963444110069958, 4.94044845785433306 52.15548014487701067, 4.92860631878783639 52.16720011250862399, 4.9324506028889088 52.17239874533117217, 4.93161838205517444 52.17375658075245326, 4.9337388210077755 52.17414050637506051, 4.93500683636037163 52.17585480395992192, 4.93399527252859382 52.17694503575184939, 4.94571262331064787 52.18581299061643364, 4.94857157155898975 52.18578468420287919, 4.95156124510457829 52.18551695717572159, 4.95384545543239785 52.17907767931794183, 4.96230890069664365 52.16943980883129228, 4.96069184419337716 52.16877854542792647, 4.96069184419337716 52.16877854542792647)))</t>
  </si>
  <si>
    <t>MultiPolygon (((4.96804446928301147 52.16063909673862042, 4.97243568981575557 52.15725368337569279, 4.97594394193341927 52.15298896621972347, 4.9779931642332711 52.15291618045694833, 4.9864035505340869 52.14461417358828754, 4.99450319704070278 52.13861122321254271, 4.98637767577743052 52.13524320814082103, 4.98523799223115915 52.1324371331821439, 4.97393834649829891 52.12967323935885133, 4.97009598170040601 52.12244167086069524, 4.96099682052178803 52.13336184292077746, 4.9578002576451663 52.13724410123506203, 4.95808988291361086 52.13912066447365135, 4.95029413028025811 52.14647669295752763, 4.96834301417764568 52.15143517407899765, 4.95934660114051695 52.14950362022764807, 4.95673890555648189 52.15186062124279687, 4.95610361958769019 52.15278444332543728, 4.95245026382603815 52.15193916191791601, 4.95152635538459052 52.1533488176821507, 4.94754863790700572 52.1523990449413688, 4.94851217078165551 52.150970169152842, 4.94477118592581277 52.14981775858333179, 4.94124334396680975 52.15261651095411111, 4.94044845785433306 52.15548014487701067, 4.95848712064347374 52.15963444110069958, 4.96098830421577031 52.15844109308529397, 4.96363892035608334 52.16158946839933463, 4.96699803654451255 52.16289521054313383, 4.96700626329314865 52.16289476526647206, 4.96821199168502403 52.16163224435465651, 4.96804446928301147 52.16063909673862042, 4.96804446928301147 52.16063909673862042)))</t>
  </si>
  <si>
    <t>MultiPolygon (((4.98204293379467433 52.19242653066388726, 4.98384755015010406 52.18973325727414903, 4.97796367965962183 52.18911074489939494, 4.97690660468881596 52.19277188501188647, 4.98204293379467433 52.19242653066388726)))</t>
  </si>
  <si>
    <t>MultiPolygon (((4.98811147112933462 52.20709193785248203, 4.98741605906862251 52.19024056729109162, 4.99547331404653772 52.19028150310666803, 4.99553074086584203 52.19028212683513601, 4.99404179995821806 52.18547647690269287, 4.97244125749995813 52.18494390264640259, 4.97045655722858637 52.18487421151370143, 4.97025402909485781 52.18708702815469991, 4.95949003029428059 52.18751511371824847, 4.95465490579334933 52.18573238302809614, 4.95156124510457829 52.18551695717572159, 4.94857157155898975 52.18578468420287919, 4.94946959314512025 52.19240861472673743, 4.94827632286475882 52.1925323804707304, 4.94838271816469177 52.19359818449632371, 4.94955613478002121 52.1934929221986863, 4.95088126979859222 52.19863849990360194, 4.96080855172345192 52.19781978323704408, 4.96138767107732104 52.19947511974433496, 4.96659572392400417 52.20005231479743202, 4.96830357295164049 52.20784217077775224, 4.97374660081313369 52.22059841748987452, 4.98287423404019858 52.22241559633335584, 4.99426938349341221 52.22457984222756977, 4.99300323499736631 52.21829473837862423, 4.9910419342258372 52.21396412397898246, 4.99118977484684478 52.21220620853446093, 4.98811147112933462 52.20709193785248203, 4.98811147112933462 52.20709193785248203),(4.97690660468881596 52.19277188501188647, 4.97796367965962183 52.18911074489939494, 4.98384755015010406 52.18973325727414903, 4.98204293379467433 52.19242653066388726, 4.97690660468881596 52.19277188501188647, 4.97690660468881596 52.19277188501188647)))</t>
  </si>
  <si>
    <t>MultiPolygon (((5.00715777912257387 52.221824516044002, 5.01199501857784213 52.22280492822500264, 5.01004286299187029 52.22052546076103852, 5.00649621497051456 52.21968776075212304, 5.00651983784026822 52.22166667370815674, 5.00715777912257387 52.221824516044002, 5.00715777912257387 52.221824516044002)))</t>
  </si>
  <si>
    <t>MultiPolygon (((5.01572190007369301 52.21048205831936428, 5.01662150075795843 52.20761780091128657, 5.01904863709543569 52.2073170740380661, 5.01424764543477597 52.20728978423187527, 5.01237696247237086 52.21057968115457726, 5.01572190007369301 52.21048205831936428, 5.01572190007369301 52.21048205831936428)))</t>
  </si>
  <si>
    <t>MultiPolygon (((5.02385432289991485 52.21045179747253684, 5.02819781723269532 52.21025749500221025, 5.02301406906830028 52.20835365512957083, 5.02177538800022472 52.20660848438088664, 5.02141847019978727 52.20643911206607868, 5.01920050254586947 52.2072725043212742, 5.02385432289991485 52.21045179747253684, 5.02385432289991485 52.21045179747253684)))</t>
  </si>
  <si>
    <t>MultiPolygon (((5.02819781723269532 52.21025749500221025, 5.03097236488362043 52.2143722771035641, 5.03151830284060697 52.21172844270571289, 5.02411532015196283 52.2068235898601074, 5.02310195637299639 52.20440514810197641, 5.02102214742330322 52.20478990416529541, 5.02177538800022472 52.20660848438088664, 5.02301406906830028 52.20835365512957083, 5.02819781723269532 52.21025749500221025, 5.02819781723269532 52.21025749500221025)))</t>
  </si>
  <si>
    <t>MultiPolygon (((5.01572190007369301 52.21048205831936428, 5.01529661587972519 52.21138414191520383, 5.02046335744193328 52.21338752031530817, 5.02385432289991485 52.21045179747253684, 5.01920050254586947 52.2072725043212742, 5.01904863709543569 52.2073170740380661, 5.01662150075795843 52.20761780091128657, 5.01572190007369301 52.21048205831936428, 5.01572190007369301 52.21048205831936428)))</t>
  </si>
  <si>
    <t>MultiPolygon (((5.02046335744193328 52.21338752031530817, 5.02544735641225326 52.2165542021033886, 5.03097236488362043 52.2143722771035641, 5.02819781723269532 52.21025749500221025, 5.02385432289991485 52.21045179747253684, 5.02046335744193328 52.21338752031530817, 5.02046335744193328 52.21338752031530817)))</t>
  </si>
  <si>
    <t>MultiPolygon (((5.0255998617094626 52.20398182425575584, 5.02499626162563118 52.20284389398545244, 5.0233150786210663 52.20305084117696026, 5.02343285648912641 52.2038283903835989, 5.02262103591967612 52.20394146290278314, 5.0230259336543126 52.20203897830423756, 5.022686429252051 52.20223597013048789, 5.0216038951743478 52.20254198948836688, 5.02158674247883141 52.20247522794894479, 5.02203166732803385 52.20238321089819067, 5.022452018517372 52.20222550257093985, 5.02293540240103908 52.20170948278440193, 5.02138434675937173 52.20203661020717334, 5.02129295994858271 52.20188574324997433, 5.02276909487253498 52.20153418764517994, 5.02606126206139869 52.2013739615111092, 5.02794233631132581 52.19995886379602013, 5.02635030252660453 52.19598327007150118, 5.01796141785198824 52.19665510759575255, 5.01836208016089458 52.19815398553016195, 5.02052896996261744 52.19797599542945221, 5.02081067581604135 52.1988364179399511, 5.01903879132887898 52.19923842674820946, 5.02057355289632046 52.20108568545694538, 5.02102214742330322 52.20478990416529541, 5.02310195637299639 52.20440514810197641, 5.0255998617094626 52.20398182425575584)))</t>
  </si>
  <si>
    <t>MultiPolygon (((5.01491999559454094 52.25912783944817619, 5.01674484434418222 52.25927427820005278, 5.00927368247736027 52.23185369898418173, 5.00746303819222049 52.23170451688432081, 5.01491999559454094 52.25912783944817619, 5.01491999559454094 52.25912783944817619)))</t>
  </si>
  <si>
    <t>MultiPolygon (((5.00746303819222049 52.23170451688432081, 5.00927368247736027 52.23185369898418173, 5.00770026502741938 52.22598177737739178, 5.00715777912257387 52.221824516044002, 5.00651983784026822 52.22166667370815674, 5.00649621497051456 52.21968776075212304, 5.00335191478697006 52.21013035391332835, 5.00167638768109502 52.2104525544260909, 5.00572584411095889 52.22548238264755582, 5.00746266225548897 52.23170448691486456, 5.00746303819222049 52.23170451688432081, 5.00746303819222049 52.23170451688432081)))</t>
  </si>
  <si>
    <t>MultiPolygon (((5.03724293227356146 52.21418861501896203, 5.03674206634112931 52.21366335971951855, 5.03378795620160702 52.21371399528585755, 5.03372968176671254 52.2131230365791339, 5.03435382664434883 52.21311746065017445, 5.03340058687171155 52.20983623186674549, 5.03644474334016135 52.20956397308376751, 5.03531623729399147 52.20523259533161564, 5.03742102094881705 52.20496451273437799, 5.03664989908837146 52.20213798678064165, 5.0255998617094626 52.20398182425575584, 5.02310195637299639 52.20440514810197641, 5.02411532015196283 52.2068235898601074, 5.03151830284060697 52.21172844270571289, 5.03097236488362043 52.2143722771035641, 5.03169295712333309 52.21704811863713047, 5.02977271225967471 52.21872821234316575, 5.03404585268306715 52.22099861250742947, 5.03395634049542462 52.22273412255330527, 5.03319318247572944 52.22511846372103861, 5.03674317504391045 52.22474653104531939, 5.03666560376063366 52.22436015414479016, 5.0358489988154016 52.21752913741793378, 5.03711890267145446 52.21659647597782339, 5.03690931469144054 52.21515572262357097, 5.03568342554251025 52.21512465889784238, 5.03532956233178108 52.21446226611995201, 5.03724293227356146 52.21418861501896203)))</t>
  </si>
  <si>
    <t>MultiPolygon (((5.01674484434418222 52.25927427820005278, 5.01675599679292183 52.25931524648291315, 5.01847224126530822 52.25858654490551203, 5.02014224754096006 52.25450218555609894, 5.02390971865950764 52.25010556652625127, 5.02739502182224296 52.24188486828721523, 5.02190149736695535 52.23481351220106461, 5.01984035433649645 52.22622709656225481, 5.01326149924303444 52.22497970110802612, 5.00770026502741938 52.22598177737739178, 5.00927368247736027 52.23185369898418173, 5.01674484434418222 52.25927427820005278, 5.01674484434418222 52.25927427820005278)))</t>
  </si>
  <si>
    <t>MultiPolygon (((5.01984035433649645 52.22622709656225481, 5.01982408510972178 52.22487062943622504, 5.03183280161868485 52.22264381150048962, 5.03395634049542462 52.22273412255330527, 5.03404585268306715 52.22099861250742947, 5.02977271225967471 52.21872821234316575, 5.03169295712333309 52.21704811863713047, 5.03097236488362043 52.2143722771035641, 5.02544735641225326 52.2165542021033886, 5.02046335744193328 52.21338752031530817, 5.01529661587972519 52.21138414191520383, 5.01572190007369301 52.21048205831936428, 5.01237696247237086 52.21057968115457726, 5.01424764543477597 52.20728978423187527, 5.01904863709543569 52.2073170740380661, 5.01920050254586947 52.2072725043212742, 5.02141847019978727 52.20643911206607868, 5.01996646085528919 52.20209324500022774, 5.01561208753128174 52.20288084510059434, 5.00246633089196369 52.20688999964858112, 5.00335191478697006 52.21013035391332835, 5.00649621497051456 52.21968776075212304, 5.01004286299187029 52.22052546076103852, 5.01199501857784213 52.22280492822500264, 5.00715777912257387 52.221824516044002, 5.00770026502741938 52.22598177737739178, 5.01326149924303444 52.22497970110802612, 5.01984035433649645 52.22622709656225481, 5.01984035433649645 52.22622709656225481)))</t>
  </si>
  <si>
    <t>MultiPolygon (((4.99334863279220897 52.17052115076315744, 4.99387475204861797 52.16988862668801374, 4.99372686320187942 52.16925368543471109, 4.99217973151744498 52.17048873027553668, 4.99334863279220897 52.17052115076315744, 4.99334863279220897 52.17052115076315744)))</t>
  </si>
  <si>
    <t>MultiPolygon (((4.99495476876284705 52.17679503995448442, 5.00317419678735753 52.17501885794459326, 5.00527904501262633 52.17198649537697719, 4.99578383906627632 52.17096673374193472, 4.9956773672841237 52.17098348927628138, 4.99495476876284705 52.17679503995448442, 4.99495476876284705 52.17679503995448442)))</t>
  </si>
  <si>
    <t>MultiPolygon (((4.99553074086584203 52.19028212683513601, 4.99797767075846533 52.19045857638479902, 4.99663334529006509 52.185551051906792, 4.99495476876284705 52.17679503995448442, 4.9956773672841237 52.17098348927628138, 4.99370833685256343 52.17094995792577805, 4.99323906964064435 52.17941946070880022, 4.9945317819343158 52.18425159164886651, 4.99404179995821806 52.18547647690269287, 4.99553074086584203 52.19028212683513601, 4.99553074086584203 52.19028212683513601)))</t>
  </si>
  <si>
    <t>MultiPolygon (((4.99578383906627632 52.17096673374193472, 5.00527904501262633 52.17198649537697719, 5.00896336856990843 52.16906481287092134, 5.00978074239789084 52.16650644632636613, 5.0090328289858288 52.16618707636592944, 5.00403921134236285 52.16934647669528147, 4.99633243858492815 52.16791262928788342, 4.99578383906627632 52.17096673374193472, 4.99578383906627632 52.17096673374193472)))</t>
  </si>
  <si>
    <t>MultiPolygon (((4.99633243858492815 52.16791262928788342, 5.00403921134236285 52.16934647669528147, 5.0090328289858288 52.16618707636592944, 5.0013134202745233 52.1629808956060117, 4.99826147613084437 52.1655143710660667, 4.99677377295985625 52.16577725314453318, 4.99633243858492815 52.16791262928788342, 4.99633243858492815 52.16791262928788342)))</t>
  </si>
  <si>
    <t>MultiPolygon (((5.01839419736109082 52.18490231072160412, 5.02373641863978992 52.18461206168360178, 5.02540914939507566 52.17772269572856914, 5.0273823161741138 52.17521968993731463, 5.02161747995887175 52.17495042138961736, 5.01839419736109082 52.18490231072160412, 5.01839419736109082 52.18490231072160412)))</t>
  </si>
  <si>
    <t>MultiPolygon (((4.9956773672841237 52.17098348927628138, 4.99578383906627632 52.17096673374193472, 4.99633243858492815 52.16791262928788342, 4.99677377295985625 52.16577725314453318, 4.99800320226050232 52.16042536389819873, 5.00082943850226957 52.15674097420227895, 5.0164442175440529 52.14750086206460367, 5.01603990274606115 52.14733625346426038, 5.01421700323565478 52.14657725605631811, 4.99936468406859102 52.15525676008721234, 4.99309848108499565 52.16771896974061917, 4.99372686320187942 52.16925368543471109, 4.99387475204861797 52.16988862668801374, 4.99334863279220897 52.17052115076315744, 4.99370833685256343 52.17094995792577805, 4.9956773672841237 52.17098348927628138, 4.9956773672841237 52.17098348927628138)))</t>
  </si>
  <si>
    <t>MultiPolygon (((5.0090328289858288 52.16618707636592944, 5.00978074239789084 52.16650644632636613, 5.01184729460343448 52.16097445213256378, 5.00082943850226957 52.15674097420227895, 4.99800320226050232 52.16042536389819873, 4.99677377295985625 52.16577725314453318, 4.99826147613084437 52.1655143710660667, 5.0013134202745233 52.1629808956060117, 5.0090328289858288 52.16618707636592944, 5.0090328289858288 52.16618707636592944)))</t>
  </si>
  <si>
    <t>MultiPolygon (((4.99323906964064435 52.17941946070880022, 4.99370833685256343 52.17094995792577805, 4.99334863279220897 52.17052115076315744, 4.99217973151744498 52.17048873027553668, 4.99372686320187942 52.16925368543471109, 4.99309848108499565 52.16771896974061917, 4.99936468406859102 52.15525676008721234, 4.99488709852514123 52.15913024706326695, 4.98853883140537668 52.16673625400546399, 4.98816041692877921 52.1696585170700331, 4.98941859489176665 52.17124752233412721, 4.98784745922572181 52.17490687249820525, 4.98739103245664417 52.17889008049645128, 4.98848516710322798 52.18077251499170899, 4.99323906964064435 52.17941946070880022, 4.99323906964064435 52.17941946070880022)))</t>
  </si>
  <si>
    <t>MultiPolygon (((4.99663334529006509 52.185551051906792, 5.00257793606963919 52.18569720332995843, 5.00786701014494628 52.1869419874092344, 5.00755173060093561 52.18534648116634855, 5.00377310475365533 52.17828836936975989, 5.00317419678735753 52.17501885794459326, 4.99495476876284705 52.17679503995448442, 4.99663334529006509 52.185551051906792, 4.99663334529006509 52.185551051906792)))</t>
  </si>
  <si>
    <t>MultiPolygon (((5.00082943850226957 52.15674097420227895, 5.01184729460343448 52.16097445213256378, 5.01990762228042353 52.1573561379923234, 5.02043404857864672 52.15463195559081555, 5.02182269942602133 52.15344026128830279, 5.02148974522992297 52.14963131011930386, 5.0164442175440529 52.14750086206460367, 5.00082943850226957 52.15674097420227895, 5.00082943850226957 52.15674097420227895)))</t>
  </si>
  <si>
    <t>MultiPolygon (((4.97244125749995813 52.18494390264640259, 4.99404179995821806 52.18547647690269287, 4.9945317819343158 52.18425159164886651, 4.99323906964064435 52.17941946070880022, 4.98848516710322798 52.18077251499170899, 4.98739103245664417 52.17889008049645128, 4.98784745922572181 52.17490687249820525, 4.98941859489176665 52.17124752233412721, 4.98816041692877921 52.1696585170700331, 4.98368400172614656 52.16937482609900201, 4.98215392319361605 52.17004642057684549, 4.97801411903704683 52.17526639528544763, 4.97276459222532452 52.1792670313141258, 4.97328959646216173 52.18174043755266212, 4.97244125749995813 52.18494390264640259, 4.97244125749995813 52.18494390264640259)))</t>
  </si>
  <si>
    <t>MultiPolygon (((5.046463540806295 52.16592911111718678, 5.03184973606422226 52.16252580906518688, 5.02946156505656994 52.16280104591900368, 5.02337834794869753 52.17069440178599393, 5.02161747995887175 52.17495042138961736, 5.0273823161741138 52.17521968993731463, 5.02540914939507566 52.17772269572856914, 5.02373641863978992 52.18461206168360178, 5.03250322723521393 52.18411340790921571, 5.04159176811458387 52.18375152125592109, 5.046463540806295 52.16592911111718678)))</t>
  </si>
  <si>
    <t>MultiPolygon (((4.95156124510457829 52.18551695717572159, 4.95465490579334933 52.18573238302809614, 4.95949003029428059 52.18751511371824847, 4.97025402909485781 52.18708702815469991, 4.97045655722858637 52.18487421151370143, 4.97244125749995813 52.18494390264640259, 4.97328959646216173 52.18174043755266212, 4.97276459222532452 52.1792670313141258, 4.97801411903704683 52.17526639528544763, 4.98215392319361605 52.17004642057684549, 4.98368400172614656 52.16937482609900201, 4.96700626329314865 52.16289476526647206, 4.96699803654451255 52.16289521054313383, 4.96069184419337716 52.16877854542792647, 4.96230890069664365 52.16943980883129228, 4.95384545543239785 52.17907767931794183, 4.95156124510457829 52.18551695717572159, 4.95156124510457829 52.18551695717572159)))</t>
  </si>
  <si>
    <t>MultiPolygon (((5.00755173060093561 52.18534648116634855, 5.01839419736109082 52.18490231072160412, 5.02161747995887175 52.17495042138961736, 5.02337834794869753 52.17069440178599393, 5.02946156505656994 52.16280104591900368, 5.02705545468509474 52.16040675615900568, 5.02195775077133 52.15372873157003397, 5.02182269942602133 52.15344026128830279, 5.02043404857864672 52.15463195559081555, 5.01990762228042353 52.1573561379923234, 5.01184729460343448 52.16097445213256378, 5.00978074239789084 52.16650644632636613, 5.00896336856990843 52.16906481287092134, 5.00527904501262633 52.17198649537697719, 5.00317419678735753 52.17501885794459326, 5.00377310475365533 52.17828836936975989, 5.00755173060093561 52.18534648116634855, 5.00755173060093561 52.18534648116634855)))</t>
  </si>
  <si>
    <t>MultiPolygon (((4.98368400172614656 52.16937482609900201, 4.98816041692877921 52.1696585170700331, 4.98853883140537668 52.16673625400546399, 4.99488709852514123 52.15913024706326695, 4.99936468406859102 52.15525676008721234, 5.01421700323565478 52.14657725605631811, 5.00310180711069385 52.14205047962936135, 4.99450319704070278 52.13861122321254271, 4.9864035505340869 52.14461417358828754, 4.9779931642332711 52.15291618045694833, 4.97594394193341927 52.15298896621972347, 4.97243568981575557 52.15725368337569279, 4.96804446928301147 52.16063909673862042, 4.96821199168502403 52.16163224435465651, 4.96700626329314865 52.16289476526647206, 4.98368400172614656 52.16937482609900201, 4.98368400172614656 52.16937482609900201)))</t>
  </si>
  <si>
    <t>MultiPolygon (((5.03186495537274947 52.1466272084357314, 5.03115673399227514 52.14428601390112306, 5.02958858401895892 52.14337437129186981, 5.02782098934153066 52.14466493857268148, 5.03186495537274947 52.1466272084357314, 5.03186495537274947 52.1466272084357314)))</t>
  </si>
  <si>
    <t>MultiPolygon (((5.0377442448458627 52.14270609228010755, 5.0381339288220266 52.14255311832513229, 5.04519250302165023 52.14175845131499898, 5.04651115054401789 52.14061718464721196, 5.04413939748341189 52.14018080099780406, 5.04354722545779399 52.14132382782634068, 5.03725267466758986 52.14058134037739478, 5.0377442448458627 52.14270609228010755, 5.0377442448458627 52.14270609228010755)))</t>
  </si>
  <si>
    <t>MultiPolygon (((5.041839087354413 52.13264828588894062, 5.04380304141085034 52.13397070521459398, 5.04840619874606666 52.13085428216177775, 5.04748338395775153 52.13040750447469662, 5.041839087354413 52.13264828588894062, 5.041839087354413 52.13264828588894062)))</t>
  </si>
  <si>
    <t>MultiPolygon (((5.03589841858397413 52.13592538571622725, 5.03927442107200996 52.1368684624330001, 5.04380304141085034 52.13397070521459398, 5.041839087354413 52.13264828588894062, 5.03951244407993393 52.13377494423171754, 5.03589841858397413 52.13592538571622725, 5.03589841858397413 52.13592538571622725)))</t>
  </si>
  <si>
    <t>MultiPolygon (((5.0382437325715852 52.14794460817782351, 5.04193054501270677 52.15046574091436327, 5.04578463926747389 52.14789262330550912, 5.04206608442446935 52.14587869360107675, 5.0382437325715852 52.14794460817782351, 5.0382437325715852 52.14794460817782351)))</t>
  </si>
  <si>
    <t>MultiPolygon (((5.05397185479102351 52.14029197542998162, 5.05498323653551651 52.13994717011694036, 5.0551776296425448 52.13858804602585195, 5.04684745966844783 52.13612612980788441, 5.04590634576152741 52.13748041405176537, 5.04774930973481961 52.13875723937428575, 5.0501376352780829 52.13997511336570767, 5.05084358067774186 52.13960869113357433, 5.05397185479102351 52.14029197542998162, 5.05397185479102351 52.14029197542998162)))</t>
  </si>
  <si>
    <t>MultiPolygon (((5.03547664234497905 52.15108269046560707, 5.037772260841197 52.15356264963713073, 5.04193054501270677 52.15046574091436327, 5.0382437325715852 52.14794460817782351, 5.03703765126186465 52.14860586950844379, 5.03547664234497905 52.15108269046560707, 5.03547664234497905 52.15108269046560707)))</t>
  </si>
  <si>
    <t>MultiPolygon (((5.0381339288220266 52.14255311832513229, 5.0424188415674891 52.14549740177410797, 5.04865730763393472 52.1416132726341246, 5.04651115054401789 52.14061718464721196, 5.04519250302165023 52.14175845131499898, 5.0381339288220266 52.14255311832513229, 5.0381339288220266 52.14255311832513229)))</t>
  </si>
  <si>
    <t>MultiPolygon (((5.02957608453197036 52.13958969209469529, 5.03270482492041094 52.14131294377065728, 5.03869527954329133 52.13773723451293307, 5.03927442107200996 52.1368684624330001, 5.03589841858397413 52.13592538571622725, 5.02957608453197036 52.13958969209469529, 5.02957608453197036 52.13958969209469529)))</t>
  </si>
  <si>
    <t>MultiPolygon (((5.03270482492041094 52.14131294377065728, 5.03336266954217137 52.14154221655185495, 5.03725267466758986 52.14058134037739478, 5.04354722545779399 52.14132382782634068, 5.04413939748341189 52.14018080099780406, 5.04483451202141797 52.1387167111663814, 5.03869527954329133 52.13773723451293307, 5.03270482492041094 52.14131294377065728, 5.03270482492041094 52.14131294377065728)))</t>
  </si>
  <si>
    <t>MultiPolygon (((5.03703765126186465 52.14860586950844379, 5.0382437325715852 52.14794460817782351, 5.04206608442446935 52.14587869360107675, 5.0424188415674891 52.14549740177410797, 5.0381339288220266 52.14255311832513229, 5.0377442448458627 52.14270609228010755, 5.03521133895535922 52.14548002231259716, 5.03703765126186465 52.14860586950844379, 5.03703765126186465 52.14860586950844379)))</t>
  </si>
  <si>
    <t>MultiPolygon (((5.03869527954329133 52.13773723451293307, 5.04483451202141797 52.1387167111663814, 5.04734519987558361 52.13312588623128363, 5.04928895049826654 52.13128211147821389, 5.04840619874606666 52.13085428216177775, 5.04380304141085034 52.13397070521459398, 5.03927442107200996 52.1368684624330001, 5.03869527954329133 52.13773723451293307, 5.03869527954329133 52.13773723451293307)))</t>
  </si>
  <si>
    <t>MultiPolygon (((5.03541829521827733 52.15107781491754224, 5.03547664234497905 52.15108269046560707, 5.03703765126186465 52.14860586950844379, 5.03521133895535922 52.14548002231259716, 5.0377442448458627 52.14270609228010755, 5.03725267466758986 52.14058134037739478, 5.03336266954217137 52.14154221655185495, 5.03192816293357126 52.14465066418307515, 5.03541829521827733 52.15107781491754224, 5.03541829521827733 52.15107781491754224)))</t>
  </si>
  <si>
    <t>MultiPolygon (((5.04206608442446935 52.14587869360107675, 5.04578463926747389 52.14789262330550912, 5.05375564230941254 52.14286747327460603, 5.05337272282541772 52.14207745781280323, 5.04865730763393472 52.1416132726341246, 5.0424188415674891 52.14549740177410797, 5.04206608442446935 52.14587869360107675, 5.04206608442446935 52.14587869360107675)))</t>
  </si>
  <si>
    <t>MultiPolygon (((5.04651115054401789 52.14061718464721196, 5.04865730763393472 52.1416132726341246, 5.05337272282541772 52.14207745781280323, 5.05505429064528489 52.14162848846356013, 5.05977307740772897 52.13664435967273647, 5.06188632244141345 52.13571722116732587, 5.05564897733761942 52.13409262936645661, 5.04928895049826654 52.13128211147821389, 5.04734519987558361 52.13312588623128363, 5.04483451202141797 52.1387167111663814, 5.04413939748341189 52.14018080099780406, 5.04651115054401789 52.14061718464721196, 5.04651115054401789 52.14061718464721196),(5.05397185479102351 52.14029197542998162, 5.05084358067774186 52.13960869113357433, 5.0501376352780829 52.13997511336570767, 5.04774930973481961 52.13875723937428575, 5.04590634576152741 52.13748041405176537, 5.04684745966844783 52.13612612980788441, 5.0551776296425448 52.13858804602585195, 5.05498323653551651 52.13994717011694036, 5.05397185479102351 52.14029197542998162, 5.05397185479102351 52.14029197542998162)))</t>
  </si>
  <si>
    <t>MultiPolygon (((5.06572718594996196 52.12525543847488763, 5.0612045414680189 52.12256177901472398, 5.04755601785943764 52.12997241235426316, 5.05925901971883185 52.1348164941991925, 5.06239297853274461 52.1283169882339763, 5.06572718594996196 52.12525543847488763, 5.06572718594996196 52.12525543847488763)))</t>
  </si>
  <si>
    <t>MultiPolygon (((5.02182269942602133 52.15344026128830279, 5.02195775077133 52.15372873157003397, 5.02394098731687144 52.15363089780065309, 5.02744541264888944 52.15481403676098893, 5.02883371148805836 52.15472838073291939, 5.03382587599922093 52.15340601092621853, 5.03541829521827733 52.15107781491754224, 5.03192816293357126 52.14465066418307515, 5.03336266954217137 52.14154221655185495, 5.03270482492041094 52.14131294377065728, 5.02957608453197036 52.13958969209469529, 5.01603990274606115 52.14733625346426038, 5.0164442175440529 52.14750086206460367, 5.02148974522992297 52.14963131011930386, 5.02182269942602133 52.15344026128830279, 5.02182269942602133 52.15344026128830279),(5.03186495537274947 52.1466272084357314, 5.02782098934153066 52.14466493857268148, 5.02958858401895892 52.14337437129186981, 5.03115673399227514 52.14428601390112306, 5.03186495537274947 52.1466272084357314, 5.03186495537274947 52.1466272084357314)))</t>
  </si>
  <si>
    <t>MultiPolygon (((5.02195775077133 52.15372873157003397, 5.02705545468509474 52.16040675615900568, 5.03206406752394386 52.16125688050910014, 5.03226007924072594 52.16222375212033313, 5.04566174196508754 52.16526381428542436, 5.04786928290884962 52.16386025549982008, 5.05455033133986742 52.15359474715880594, 5.05961420450475696 52.14918034090389654, 5.06193539540187221 52.1495754926508468, 5.06301550958758018 52.14776733971748968, 5.05375564230941254 52.14286747327460603, 5.04578463926747389 52.14789262330550912, 5.04193054501270677 52.15046574091436327, 5.037772260841197 52.15356264963713073, 5.03547664234497905 52.15108269046560707, 5.03541829521827733 52.15107781491754224, 5.03382587599922093 52.15340601092621853, 5.02883371148805836 52.15472838073291939, 5.02744541264888944 52.15481403676098893, 5.02394098731687144 52.15363089780065309, 5.02195775077133 52.15372873157003397, 5.02195775077133 52.15372873157003397)))</t>
  </si>
  <si>
    <t>MultiPolygon (((5.06543506986099601 52.14821475056369593, 5.07219792976039852 52.14486624414814742, 5.07818497532986601 52.14878832990588364, 5.07885880653024202 52.14863957860849553, 5.08302445484331678 52.14682049038332678, 5.08230587365298003 52.14620995720360952, 5.08777106781361077 52.14356450190798853, 5.10090377344509083 52.13840476551520453, 5.09887655569406029 52.13674452582861107, 5.09788183664513994 52.13240371410346796, 5.09881691714359331 52.13199443425767754, 5.10250959944048432 52.13315098251218416, 5.10557632091465408 52.13188547766311842, 5.10339742308271127 52.12984837173891606, 5.10227409772101748 52.13032492306777499, 5.10108436278876098 52.12984462747839842, 5.10019459307808454 52.13021318774710267, 5.08716452340479197 52.13567145637883016, 5.08576448704121109 52.13455036068282311, 5.08099501066496195 52.13634612009981595, 5.07578736502480954 52.13710793529226351, 5.06188632244141345 52.13571722116732587, 5.05977307740772897 52.13664435967273647, 5.05505429064528489 52.14162848846356013, 5.05337272282541772 52.14207745781280323, 5.05375564230941254 52.14286747327460603, 5.06301550958758018 52.14776733971748968, 5.06558510343235646 52.14890400969455442, 5.06543506986099601 52.14821475056369593, 5.06543506986099601 52.14821475056369593)))</t>
  </si>
  <si>
    <t>MultiPolygon (((5.80358437265161875 50.77465570262086203, 5.80711609579761401 50.77346172049928441, 5.80400131395369634 50.77199883536531644, 5.8059489921541596 50.76869484574022096, 5.80985885126040369 50.7653286010252387, 5.82310160804439203 50.76854765039870188, 5.82742882612422441 50.77076945678069819, 5.83233552668720989 50.77008827766738364, 5.84063642542644867 50.77126048377569845, 5.84325059690031612 50.76488229130217888, 5.83770769089782782 50.76313589718071739, 5.83067748201294478 50.75853919485727062, 5.82271097051335129 50.75882401786511622, 5.81441677430844539 50.75616313918273192, 5.80878999735830703 50.75592820236944647, 5.80732912345949792 50.75617567027177301, 5.79322954753433628 50.77019122640659532, 5.80058617953195821 50.77212881179482196, 5.80358437265161875 50.77465570262086203, 5.80358437265161875 50.77465570262086203)))</t>
  </si>
  <si>
    <t>MultiPolygon (((5.83530706361348006 50.7782240659282138, 5.83953797606926273 50.78058063100985464, 5.84161701865196648 50.77745282676058736, 5.84424320374838224 50.77455135687609555, 5.84254713392310077 50.77407686582052548, 5.84491044058018971 50.77076421971331399, 5.84503757818692904 50.7653708528923886, 5.84325059690031612 50.76488229130217888, 5.84063642542644867 50.77126048377569845, 5.8382615158205633 50.77587742375605728, 5.83530706361348006 50.7782240659282138, 5.83530706361348006 50.7782240659282138)))</t>
  </si>
  <si>
    <t>MultiPolygon (((5.82684712008760552 50.78582268270028521, 5.83530706361348006 50.7782240659282138, 5.8382615158205633 50.77587742375605728, 5.84063642542644867 50.77126048377569845, 5.83233552668720989 50.77008827766738364, 5.82742882612422441 50.77076945678069819, 5.82131806551794728 50.77349824221494856, 5.81394832878237811 50.77246053714363683, 5.80711609579761401 50.77346172049928441, 5.80358437265161875 50.77465570262086203, 5.80938101982213517 50.7780756983118593, 5.82127365729920232 50.78180130660299341, 5.82590434740085783 50.78403664085120539, 5.82530847998248547 50.78522093864778952, 5.82684712008760552 50.78582268270028521, 5.82684712008760552 50.78582268270028521)))</t>
  </si>
  <si>
    <t>MultiPolygon (((5.82764421282041223 50.79018118447031327, 5.82812717232766797 50.79049902975938835, 5.83246007465038829 50.78869273739432799, 5.83289675564489762 50.78662433489825645, 5.83588607362243117 50.78668112863962847, 5.83558584681806725 50.78481203452154347, 5.83397371502623674 50.78436689778091306, 5.83485153797467326 50.7825460488434075, 5.83525581795998249 50.78173772909605788, 5.83719107109818935 50.78102304960987823, 5.83845558200254366 50.78164953819856464, 5.83953797606926273 50.78058063100985464, 5.83530706361348006 50.7782240659282138, 5.82684712008760552 50.78582268270028521, 5.82811094521268558 50.78631843180207994, 5.82625461893971952 50.78855670880669493, 5.82764421282041223 50.79018118447031327, 5.82764421282041223 50.79018118447031327)))</t>
  </si>
  <si>
    <t>MultiPolygon (((5.80711609579761401 50.77346172049928441, 5.81394832878237811 50.77246053714363683, 5.82131806551794728 50.77349824221494856, 5.82742882612422441 50.77076945678069819, 5.82310160804439203 50.76854765039870188, 5.80985885126040369 50.7653286010252387, 5.8059489921541596 50.76869484574022096, 5.80400131395369634 50.77199883536531644, 5.80711609579761401 50.77346172049928441, 5.80711609579761401 50.77346172049928441)))</t>
  </si>
  <si>
    <t>MultiPolygon (((5.81973859887846867 50.80477305723844239, 5.82138186256935519 50.80215252862841169, 5.82081642884153982 50.79807033627530188, 5.82241795915869886 50.7954414540610486, 5.82764421282041223 50.79018118447031327, 5.82625461893971952 50.78855670880669493, 5.82811094521268558 50.78631843180207994, 5.82684712008760552 50.78582268270028521, 5.82530847998248547 50.78522093864778952, 5.82590434740085783 50.78403664085120539, 5.82127365729920232 50.78180130660299341, 5.80938101982213517 50.7780756983118593, 5.80186071055656249 50.78483194849644633, 5.79188674357404754 50.79554243406691683, 5.79428402419083621 50.79657390719061993, 5.79708912676071275 50.8007098150589016, 5.80237020668303671 50.80074657200846389, 5.81973859887846867 50.80477305723844239, 5.81973859887846867 50.80477305723844239)))</t>
  </si>
  <si>
    <t>MultiPolygon (((5.7768698885067522 50.78927941352159792, 5.77770560212014317 50.79100975193124867, 5.79188674357404754 50.79554243406691683, 5.80186071055656249 50.78483194849644633, 5.80938101982213517 50.7780756983118593, 5.80358437265161875 50.77465570262086203, 5.80058617953195821 50.77212881179482196, 5.79322954753433628 50.77019122640659532, 5.78828968775375063 50.7680134374476566, 5.7845025878974905 50.76716922200099447, 5.77971483646602202 50.77430928049663805, 5.77694402561516362 50.78267454451626861, 5.77769106166695323 50.78288388765595585, 5.77810467752476686 50.78351423564201639, 5.7782294423695264 50.78467533964329306, 5.7780774398568111 50.78667222035651463, 5.7768698885067522 50.78927941352159792, 5.7768698885067522 50.78927941352159792)))</t>
  </si>
  <si>
    <t>MultiPolygon (((5.74425778603713422 50.81911655954829854, 5.74590497824061242 50.81863025566611469, 5.75420542998255335 50.82161741345515793, 5.76095942249054538 50.82292864011292721, 5.77146954411783497 50.82176606091287852, 5.77274468699251297 50.8204837106657763, 5.77293396133693371 50.8167968082314232, 5.77439059140966737 50.81435764185865622, 5.77641824981281715 50.81320109947868247, 5.7801919499999892 50.81415743415930564, 5.78689664722921737 50.81326166968513292, 5.79093206349312695 50.81654823319821901, 5.79440782944785759 50.81244526084197588, 5.80103749034688221 50.8103534208421479, 5.79838487794537905 50.80462238434421351, 5.80068536859808326 50.80362904925227951, 5.80327693025846081 50.80346889943182731, 5.80513359874474855 50.80486782965748205, 5.80725621551933369 50.80867337466988687, 5.81207480756332906 50.80782596797367745, 5.81508639479701994 50.8082662603976658, 5.81952386136682609 50.80526019841133945, 5.81973859887846867 50.80477305723844239, 5.80237020668303671 50.80074657200846389, 5.79708912676071275 50.8007098150589016, 5.79428402419083621 50.79657390719061993, 5.79188674357404754 50.79554243406691683, 5.77770560212014317 50.79100975193124867, 5.7768698885067522 50.78927941352159792, 5.76394045084253559 50.78863298600430198, 5.76227319031432028 50.78869487389954429, 5.75970295271483224 50.78982511320911897, 5.75393958403216743 50.78907501396047763, 5.75524601806524494 50.78502953419634736, 5.75660642839509151 50.78347995505667001, 5.7782294423695264 50.78467533964329306, 5.77810467752476686 50.78351423564201639, 5.77769106166695323 50.78288388765595585, 5.77694402561516362 50.78267454451626861, 5.77736709988951258 50.78295548581633057, 5.7735751220372018 50.78324520036152023, 5.76581091344006502 50.78254591531322859, 5.75956294102411626 50.77795665161714567, 5.7588263578604586 50.77820059958681043, 5.7557764430886218 50.77501905374474944, 5.7545579288498967 50.77518938338435817, 5.75041518075951963 50.77219343329539925, 5.74868190595391404 50.77340390979730245, 5.74695706396395689 50.77637000067429796, 5.7487565272258534 50.77753911140150223, 5.74469463617822296 50.7845811656058217, 5.74122803705989426 50.78417329042488859, 5.7386097439662338 50.78455144822339662, 5.73649765962258229 50.78625467701614582, 5.73713352289372303 50.79045340977892664, 5.74145105201851003 50.79392922277575906, 5.74428829509294125 50.79943714612300454, 5.74130623578783705 50.80339486137240357, 5.74056299251246394 50.80800057933142, 5.73971376155119462 50.80803363730173317, 5.74259601050139956 50.81137551012432141, 5.74731725744040123 50.81311435958844669, 5.74593457952824771 50.81461440320920531, 5.74039117769690321 50.81507640480119647, 5.74078466494359763 50.81621604610027276, 5.74236368677198161 50.81592586975733639, 5.74425778603713422 50.81911655954829854, 5.74425778603713422 50.81911655954829854),(5.78185179524484383 50.80879526243833055, 5.78159041150162167 50.80925992411278003, 5.77170128876486199 50.80915225120095613, 5.75731623729137532 50.80830934222186812, 5.75361695250119709 50.80730904850766194, 5.75340163843710162 50.80589483160393627, 5.76193142316502627 50.80045169880786915, 5.7694564391041423 50.80409532974102405, 5.77351790163385648 50.80463294604706448, 5.77945974515715744 50.80425673763992478, 5.78063569511216357 50.80508083592671653, 5.78185179524484383 50.80879526243833055, 5.78185179524484383 50.80879526243833055),(5.7830244252697236 50.8004074620660333, 5.78230463680983764 50.80083043655483976, 5.77424451394482663 50.79991136877865898, 5.77461362228295894 50.7936609197181852, 5.78111879777384452 50.79431757268193337, 5.78330911680057191 50.7968918463050727, 5.7830244252697236 50.8004074620660333, 5.7830244252697236 50.8004074620660333),(5.77292933453462265 50.79833176608041612, 5.76076758802762878 50.79824140467280102, 5.75834278143671074 50.79440649443174038, 5.75861730288890694 50.7936263921445601, 5.7610740801483411 50.79227379056695924, 5.77217527635815042 50.79497975903638007, 5.77313285879231319 50.79535774577416163, 5.77292933453462265 50.79833176608041612, 5.77292933453462265 50.79833176608041612)))</t>
  </si>
  <si>
    <t>MultiPolygon (((5.80103749034688221 50.8103534208421479, 5.80483493866367084 50.80918918031718334, 5.80725621551933369 50.80867337466988687, 5.80513359874474855 50.80486782965748205, 5.80327693025846081 50.80346889943182731, 5.80068536859808326 50.80362904925227951, 5.79838487794537905 50.80462238434421351, 5.80103749034688221 50.8103534208421479, 5.80103749034688221 50.8103534208421479)))</t>
  </si>
  <si>
    <t>MultiPolygon (((5.7768698885067522 50.78927941352159792, 5.7780774398568111 50.78667222035651463, 5.7782294423695264 50.78467533964329306, 5.75660642839509151 50.78347995505667001, 5.75524601806524494 50.78502953419634736, 5.75393958403216743 50.78907501396047763, 5.75970295271483224 50.78982511320911897, 5.76227319031432028 50.78869487389954429, 5.76394045084253559 50.78863298600430198, 5.7768698885067522 50.78927941352159792, 5.7768698885067522 50.78927941352159792)))</t>
  </si>
  <si>
    <t>MultiPolygon (((5.7830244252697236 50.8004074620660333, 5.78330911680057191 50.7968918463050727, 5.78111879777384452 50.79431757268193337, 5.77461362228295894 50.7936609197181852, 5.77424451394482663 50.79991136877865898, 5.78230463680983764 50.80083043655483976, 5.7830244252697236 50.8004074620660333, 5.7830244252697236 50.8004074620660333)))</t>
  </si>
  <si>
    <t>MultiPolygon (((5.78185179524484383 50.80879526243833055, 5.78063569511216357 50.80508083592671653, 5.77945974515715744 50.80425673763992478, 5.77351790163385648 50.80463294604706448, 5.7694564391041423 50.80409532974102405, 5.76193142316502627 50.80045169880786915, 5.75340163843710162 50.80589483160393627, 5.75361695250119709 50.80730904850766194, 5.75731623729137532 50.80830934222186812, 5.77170128876486199 50.80915225120095613, 5.78159041150162167 50.80925992411278003, 5.78185179524484383 50.80879526243833055, 5.78185179524484383 50.80879526243833055)))</t>
  </si>
  <si>
    <t>MultiPolygon (((5.77292933453462265 50.79833176608041612, 5.77313285879231319 50.79535774577416163, 5.77217527635815042 50.79497975903638007, 5.7610740801483411 50.79227379056695924, 5.75861730288890694 50.7936263921445601, 5.75834278143671074 50.79440649443174038, 5.76076758802762878 50.79824140467280102, 5.77292933453462265 50.79833176608041612, 5.77292933453462265 50.79833176608041612)))</t>
  </si>
  <si>
    <t>MultiPolygon (((5.75887631193081351 50.84240716957923922, 5.7627650073562604 50.84120975511039831, 5.76985373714665339 50.84107048958544084, 5.77148617829774224 50.8401951199430826, 5.77842392583333897 50.83598752847169067, 5.78981640223385252 50.83234639501049656, 5.80201682372637961 50.82687930488952333, 5.80309063066622599 50.82364956499026221, 5.80384514273606467 50.81981843345366201, 5.79153369397034101 50.82126808788986949, 5.79093206349312695 50.81654823319821901, 5.78689664722921737 50.81326166968513292, 5.7801919499999892 50.81415743415930564, 5.77641824981281715 50.81320109947868247, 5.77439059140966737 50.81435764185865622, 5.77293396133693371 50.8167968082314232, 5.77274468699251297 50.8204837106657763, 5.77146954411783497 50.82176606091287852, 5.76095942249054538 50.82292864011292721, 5.75420542998255335 50.82161741345515793, 5.74590497824061242 50.81863025566611469, 5.74425778603713422 50.81911655954829854, 5.74348376690659546 50.82132384813165515, 5.74369828246766723 50.82299034624662681, 5.7448731906842152 50.8229211234017626, 5.74536455363815968 50.8240120328303604, 5.74491489182079107 50.82776958341800366, 5.74626618240864939 50.82764811462010357, 5.74649380149138267 50.83029444373181605, 5.74556562223063683 50.83478558703667716, 5.74938418467022849 50.83478667599151635, 5.75529242465374047 50.83840961366526301, 5.75887631193081351 50.84240716957923922, 5.75887631193081351 50.84240716957923922),(5.7715456662671647 50.83386227440477256, 5.77056346468805881 50.83524083155568007, 5.76733809807198039 50.83312646630125897, 5.76092138422065592 50.8344630956097987, 5.75582934022682302 50.83381854657883281, 5.75574078546937073 50.82999799422251641, 5.75454552165644184 50.82692873997687144, 5.78236119726799824 50.82263551259234902, 5.78397910028943318 50.82480161884698333, 5.78039698187402884 50.82628354218807232, 5.7715456662671647 50.83386227440477256, 5.7715456662671647 50.83386227440477256)))</t>
  </si>
  <si>
    <t>MultiPolygon (((5.79093206349312695 50.81654823319821901, 5.79153369397034101 50.82126808788986949, 5.80384514273606467 50.81981843345366201, 5.80305642101409003 50.81368103837606043, 5.80483493866367084 50.80918918031718334, 5.80103749034688221 50.8103534208421479, 5.79440782944785759 50.81244526084197588, 5.79093206349312695 50.81654823319821901, 5.79093206349312695 50.81654823319821901)))</t>
  </si>
  <si>
    <t>MultiPolygon (((5.75734037422391953 50.85529059102324823, 5.7641822667978575 50.85454572217074798, 5.76903249893024483 50.85296068133467884, 5.77075291717557182 50.85239542812707469, 5.77461345426379591 50.85257188581924481, 5.7757923290469213 50.8533940588260549, 5.77878072688980193 50.85230446559189943, 5.77940576001013007 50.85021032570275423, 5.77425178196272881 50.8437777820744472, 5.76990991541334353 50.84341386517763794, 5.77005891353967293 50.84235802439115304, 5.76616238243266999 50.84608494972248849, 5.7613201074276672 50.84532778124627583, 5.75731537445480068 50.84561630664618548, 5.75734037422391953 50.85529059102324823, 5.75734037422391953 50.85529059102324823)))</t>
  </si>
  <si>
    <t>MultiPolygon (((5.75731537445480068 50.84561630664618548, 5.7613201074276672 50.84532778124627583, 5.75864226300826676 50.84331748040507648, 5.75887631193081351 50.84240716957923922, 5.75529242465374047 50.83840961366526301, 5.74938418467022849 50.83478667599151635, 5.74556562223063683 50.83478558703667716, 5.74556515283435143 50.83561931712455362, 5.74670625516484535 50.83587172553186662, 5.74556474930904493 50.83633932018788215, 5.74631141356108444 50.83732493905607441, 5.74045390243989218 50.83839895739806991, 5.74063914939116238 50.83915727391873673, 5.74126091755232881 50.84010271365895761, 5.74680812355819448 50.84026955996263553, 5.74685592840697446 50.84081896218115304, 5.74801366917694878 50.84090855150148514, 5.75485495171460215 50.84184052493358763, 5.75731537445480068 50.84561630664618548, 5.75731537445480068 50.84561630664618548)))</t>
  </si>
  <si>
    <t>MultiPolygon (((5.7613201074276672 50.84532778124627583, 5.76616238243266999 50.84608494972248849, 5.77005891353967293 50.84235802439115304, 5.76985373714665339 50.84107048958544084, 5.7627650073562604 50.84120975511039831, 5.75887631193081351 50.84240716957923922, 5.75864226300826676 50.84331748040507648, 5.7613201074276672 50.84532778124627583, 5.7613201074276672 50.84532778124627583)))</t>
  </si>
  <si>
    <t>MultiPolygon (((5.7715456662671647 50.83386227440477256, 5.78039698187402884 50.82628354218807232, 5.78397910028943318 50.82480161884698333, 5.78236119726799824 50.82263551259234902, 5.75454552165644184 50.82692873997687144, 5.75574078546937073 50.82999799422251641, 5.75582934022682302 50.83381854657883281, 5.76092138422065592 50.8344630956097987, 5.76733809807198039 50.83312646630125897, 5.77056346468805881 50.83524083155568007, 5.7715456662671647 50.83386227440477256, 5.7715456662671647 50.83386227440477256)))</t>
  </si>
  <si>
    <t>MultiPolygon (((5.77940576001013007 50.85021032570275423, 5.78041859517257262 50.84945365211961388, 5.78270268340808347 50.84924894912536075, 5.79138486494995686 50.84987116508024485, 5.79503216902416085 50.8485701410558022, 5.7974195898183476 50.84839595585556538, 5.80066716760219947 50.8483503974721458, 5.80163782272184125 50.84987502027796324, 5.80530124545146098 50.84342692739294733, 5.80782903238452963 50.84147457617538635, 5.81082095344734206 50.84048304870699297, 5.81286988305007046 50.84123121957863845, 5.8184285179542492 50.83938295870547108, 5.82123905621266946 50.83876111311943191, 5.82089235854508669 50.83238229503138683, 5.81947392935054442 50.83289095248530032, 5.81328379825603569 50.83210044892305746, 5.8108150707919437 50.83252582311153134, 5.80202282623595167 50.83706479296795067, 5.79427975421176544 50.83840919586389617, 5.79436687310795318 50.83895889423205716, 5.78100968058301756 50.84160380636801335, 5.77148617829774224 50.8401951199430826, 5.76985373714665339 50.84107048958544084, 5.77005891353967293 50.84235802439115304, 5.76990991541334353 50.84341386517763794, 5.77425178196272881 50.8437777820744472, 5.77940576001013007 50.85021032570275423, 5.77940576001013007 50.85021032570275423)))</t>
  </si>
  <si>
    <t>MultiPolygon (((5.84493419607522213 50.83345387450799535, 5.84991893890053838 50.83195422698455701, 5.85350912213388419 50.83255159791919198, 5.85392325735308194 50.83173692567670088, 5.8513306982605231 50.82915470673570013, 5.85160645246944355 50.82706199635126865, 5.84417196076004419 50.82700258954014316, 5.83628489694095887 50.82999815596717497, 5.83736446053542135 50.83135801682269772, 5.83645892685595591 50.83272785112115599, 5.83609081838805377 50.83596218773521969, 5.84325520536532395 50.83317651764392764, 5.8440065622911419 50.83371703084258542, 5.84493419607522213 50.83345387450799535, 5.84493419607522213 50.83345387450799535)))</t>
  </si>
  <si>
    <t>MultiPolygon (((5.77148617829774224 50.8401951199430826, 5.78100968058301756 50.84160380636801335, 5.79436687310795318 50.83895889423205716, 5.79427975421176544 50.83840919586389617, 5.78981640223385252 50.83234639501049656, 5.77842392583333897 50.83598752847169067, 5.77148617829774224 50.8401951199430826, 5.77148617829774224 50.8401951199430826)))</t>
  </si>
  <si>
    <t>MultiPolygon (((5.78981640223385252 50.83234639501049656, 5.79427975421176544 50.83840919586389617, 5.80202282623595167 50.83706479296795067, 5.8108150707919437 50.83252582311153134, 5.81328379825603569 50.83210044892305746, 5.81947392935054442 50.83289095248530032, 5.82089235854508669 50.83238229503138683, 5.82360977594585005 50.83035795763040454, 5.8273058978836092 50.82998786343320319, 5.80309063066622599 50.82364956499026221, 5.80201682372637961 50.82687930488952333, 5.78981640223385252 50.83234639501049656, 5.78981640223385252 50.83234639501049656)))</t>
  </si>
  <si>
    <t>MultiPolygon (((5.83066496940495593 50.8078693317622978, 5.82671682299698901 50.8147322251546143, 5.83797431637616437 50.8149127303917254, 5.84218625159973204 50.81555858721389285, 5.84478112664250027 50.81448675829852135, 5.84225185891568355 50.8100675262972814, 5.83923949625323679 50.80758803107749344, 5.83753499724969327 50.80820986017310759, 5.83617256313658839 50.80766631148188139, 5.83171803292838575 50.80877041913461056, 5.83066496940495593 50.8078693317622978, 5.83066496940495593 50.8078693317622978)))</t>
  </si>
  <si>
    <t>MultiPolygon (((5.85392325735308194 50.83173692567670088, 5.85742106354575665 50.83210905284078507, 5.8594608653444693 50.8336841919653466, 5.85970951401900919 50.83207809130062316, 5.86232560748555631 50.82923164674129168, 5.8631408558331799 50.82679580114743345, 5.86413552951010697 50.82334432875212826, 5.85852779070669261 50.82085852020957617, 5.85317632582438296 50.82075125434735696, 5.85117778562725821 50.81917544590525893, 5.85282277935788375 50.8178314255629644, 5.84881458074255089 50.81499396846439254, 5.84548263623754139 50.81534891960238554, 5.84478112664250027 50.81448675829852135, 5.84218625159973204 50.81555858721389285, 5.83797431637616437 50.8149127303917254, 5.82671682299698901 50.8147322251546143, 5.83066496940495593 50.8078693317622978, 5.81952386136682609 50.80526019841133945, 5.81508639479701994 50.8082662603976658, 5.81207480756332906 50.80782596797367745, 5.80725621551933369 50.80867337466988687, 5.80483493866367084 50.80918918031718334, 5.80305642101409003 50.81368103837606043, 5.80384514273606467 50.81981843345366201, 5.80309063066622599 50.82364956499026221, 5.8273058978836092 50.82998786343320319, 5.83174473262633875 50.8295488087174121, 5.83628489694095887 50.82999815596717497, 5.84417196076004419 50.82700258954014316, 5.85160645246944355 50.82706199635126865, 5.8513306982605231 50.82915470673570013, 5.85392325735308194 50.83173692567670088)))</t>
  </si>
  <si>
    <t>MultiPolygon (((5.72963232094824804 50.80191378400321156, 5.73503345159347688 50.8011335929241028, 5.73617869153919191 50.80043715523144954, 5.7358846056148769 50.79849280612215523, 5.7388231613263514 50.79807125305915605, 5.74162607223923693 50.79922055919742974, 5.74428829509294125 50.79943714612300454, 5.74145105201851003 50.79392922277575906, 5.72512479646489858 50.79827225985664541, 5.72707707871861871 50.80115704414590994, 5.72868309374059326 50.80047167115502305, 5.72963232094824804 50.80191378400321156, 5.72963232094824804 50.80191378400321156)))</t>
  </si>
  <si>
    <t>MultiPolygon (((5.74348376690659546 50.82132384813165515, 5.74425778603713422 50.81911655954829854, 5.74236368677198161 50.81592586975733639, 5.74078466494359763 50.81621604610027276, 5.74039117769690321 50.81507640480119647, 5.74593457952824771 50.81461440320920531, 5.74731725744040123 50.81311435958844669, 5.74259601050139956 50.81137551012432141, 5.73971376155119462 50.80803363730173317, 5.74056299251246394 50.80800057933142, 5.74130623578783705 50.80339486137240357, 5.74428829509294125 50.79943714612300454, 5.74162607223923693 50.79922055919742974, 5.7388231613263514 50.79807125305915605, 5.7358846056148769 50.79849280612215523, 5.73617869153919191 50.80043715523144954, 5.73503345159347688 50.8011335929241028, 5.72963232094824804 50.80191378400321156, 5.72276215030566338 50.80280698829108132, 5.71701366215715012 50.80608400570187655, 5.7173119099272327 50.81450138475658207, 5.71898458694947553 50.81410957874026479, 5.72319753246244556 50.81472857914245367, 5.72818381946646493 50.81714016161896552, 5.72873247860029533 50.81792470403332374, 5.73259639457726067 50.81904805646955481, 5.74348376690659546 50.82132384813165515, 5.74348376690659546 50.82132384813165515)))</t>
  </si>
  <si>
    <t>MultiPolygon (((5.69381701684229391 50.81044970910386382, 5.69650308442904585 50.80854606004826479, 5.7094568018146914 50.80828203291599721, 5.70852849797863726 50.80491067445360187, 5.70996967930599908 50.80474271787771556, 5.70982349322570126 50.8041913835468506, 5.71694405722707 50.8038052762637804, 5.71701366215715012 50.80608400570187655, 5.72276215030566338 50.80280698829108132, 5.72963232094824804 50.80191378400321156, 5.72868309374059326 50.80047167115502305, 5.72707707871861871 50.80115704414590994, 5.72512479646489858 50.79827225985664541, 5.74145105201851003 50.79392922277575906, 5.73713352289372303 50.79045340977892664, 5.73649765962258229 50.78625467701614582, 5.7386097439662338 50.78455144822339662, 5.74122803705989426 50.78417329042488859, 5.74469463617822296 50.7845811656058217, 5.7487565272258534 50.77753911140150223, 5.74695706396395689 50.77637000067429796, 5.74868190595391404 50.77340390979730245, 5.75041518075951963 50.77219343329539925, 5.74708861775953928 50.77048492088714937, 5.74408820283769561 50.76775849088573977, 5.7415588378891842 50.76889050011954652, 5.7388835975669652 50.76789277625496055, 5.73549788713489939 50.76909321710323297, 5.72500992660907304 50.7677061168725956, 5.72466125717965024 50.76906697612426456, 5.72275475491862196 50.77022759519041983, 5.72684012737006931 50.77393786111451845, 5.72879567284511371 50.77826133025450162, 5.72560508821741632 50.77913983316644675, 5.71972018440942254 50.77937434870431588, 5.71834473350989381 50.78251090414824631, 5.71526295915864146 50.78261689304942905, 5.71019708785180224 50.78323876364030554, 5.69870827508314193 50.78314957740471414, 5.69397820686101319 50.796636826712664, 5.69381701684229391 50.81044970910386382, 5.69381701684229391 50.81044970910386382),(5.7163869975805417 50.7927575741743027, 5.71624225897171367 50.78775290041639323, 5.71726011775887777 50.78771965822995327, 5.72074223253316738 50.79039899499682065, 5.72672397530913013 50.79157988489072295, 5.72520964835190682 50.79610907585465895, 5.71659117542374506 50.79713988470927433, 5.71660849268691074 50.79939153490477111, 5.70478920343327811 50.79897267152097839, 5.70469670310370969 50.79251699135811293, 5.7163869975805417 50.7927575741743027, 5.7163869975805417 50.7927575741743027)))</t>
  </si>
  <si>
    <t>MultiPolygon (((5.7163869975805417 50.7927575741743027, 5.71653520430290651 50.7940633393880745, 5.71659117542374506 50.79713988470927433, 5.72520964835190682 50.79610907585465895, 5.72672397530913013 50.79157988489072295, 5.72074223253316738 50.79039899499682065, 5.71726011775887777 50.78771965822995327, 5.71624225897171367 50.78775290041639323, 5.7163869975805417 50.7927575741743027, 5.7163869975805417 50.7927575741743027)))</t>
  </si>
  <si>
    <t>MultiPolygon (((5.7163869975805417 50.7927575741743027, 5.70469670310370969 50.79251699135811293, 5.70478920343327811 50.79897267152097839, 5.71660849268691074 50.79939153490477111, 5.71659117542374506 50.79713988470927433, 5.71653520430290651 50.7940633393880745, 5.7163869975805417 50.7927575741743027, 5.7163869975805417 50.7927575741743027)))</t>
  </si>
  <si>
    <t>MultiPolygon (((5.72500992660907304 50.7677061168725956, 5.73549788713489939 50.76909321710323297, 5.7388835975669652 50.76789277625496055, 5.7415588378891842 50.76889050011954652, 5.74408820283769561 50.76775849088573977, 5.74055484453257758 50.76306685581977973, 5.74143734462278132 50.76228577325954916, 5.74045951284436384 50.76144905248452233, 5.74157159890033775 50.76116203754715173, 5.73917895341887796 50.75707382870199069, 5.73038757351813199 50.75741603506732957, 5.73022164295449699 50.75827327898812769, 5.72640395943061531 50.75941490445140403, 5.72401225048256013 50.76090589802230824, 5.72461954691231689 50.76143975864337676, 5.7223176173021324 50.76278162669878924, 5.72278231211582877 50.76313308750540187, 5.72202402594087456 50.76349428465616143, 5.72284200933620824 50.7637764139672143, 5.72215358169420796 50.76411479296026386, 5.72500992660907304 50.7677061168725956, 5.72500992660907304 50.7677061168725956)))</t>
  </si>
  <si>
    <t>MultiPolygon (((5.71114475364523244 50.77417903711224767, 5.71814018437270111 50.77311930194158407, 5.71925089537603348 50.77143408096038968, 5.72275475491862196 50.77022759519041983, 5.72466125717965024 50.76906697612426456, 5.72500992660907304 50.7677061168725956, 5.72215358169420796 50.76411479296026386, 5.72026649447073865 50.76471510589302483, 5.71563284913034053 50.75987807559783249, 5.71356128093802784 50.76015193483825527, 5.71366841670219561 50.76068365238241142, 5.71229258519409466 50.76096057058424549, 5.71215702359867272 50.7604797725074377, 5.71062747748486466 50.76078687444032767, 5.71023495909442502 50.75981156461706689, 5.7088974671586552 50.75993496807181771, 5.70867916331222336 50.75901141031511798, 5.70740640762201856 50.75901298869789713, 5.70704645681285161 50.75828729586358179, 5.70297694584447967 50.75880812423484656, 5.71114475364523244 50.77417903711224767, 5.71114475364523244 50.77417903711224767)))</t>
  </si>
  <si>
    <t>MultiPolygon (((5.71114475364523244 50.77417903711224767, 5.71526295915864146 50.78261689304942905, 5.71834473350989381 50.78251090414824631, 5.71972018440942254 50.77937434870431588, 5.72560508821741632 50.77913983316644675, 5.72879567284511371 50.77826133025450162, 5.72684012737006931 50.77393786111451845, 5.72275475491862196 50.77022759519041983, 5.71925089537603348 50.77143408096038968, 5.71814018437270111 50.77311930194158407, 5.71114475364523244 50.77417903711224767, 5.71114475364523244 50.77417903711224767)))</t>
  </si>
  <si>
    <t>MultiPolygon (((5.69870827508314193 50.78314957740471414, 5.71019708785180224 50.78323876364030554, 5.71526295915864146 50.78261689304942905, 5.71114475364523244 50.77417903711224767, 5.70297694584447967 50.75880812423484656, 5.69940875354143905 50.7554093023749715, 5.69509401778266877 50.75476500801499213, 5.68847497544355463 50.75571366182321498, 5.68782302437707976 50.75768193971282471, 5.6820619569742945 50.75753637886671754, 5.68283232967840313 50.76125954482557745, 5.69375450120781235 50.77093976770341754, 5.69736787463827454 50.77531027070327241, 5.69874597494447954 50.7796202886870347, 5.69870827508314193 50.78314957740471414, 5.69870827508314193 50.78314957740471414)))</t>
  </si>
  <si>
    <t>MultiPolygon (((5.71853268667799064 53.11038407286297058, 5.71990049536079326 53.10804281589839348, 5.72172424597721641 53.10693808368984037, 5.72403034579633374 53.10663845267610839, 5.73230391057278155 53.10322887436900174, 5.72981181700801123 53.10247988600746538, 5.72367625142753944 53.09879509437088529, 5.72080556488718273 53.09618445940211018, 5.71289318174812077 53.09244397878704547, 5.70901014228158399 53.08953332249352997, 5.70228690270373928 53.0787921731717347, 5.70125576437912596 53.07947080215405578, 5.68052821265763708 53.07119700909043303, 5.67684171858941333 53.07695930250525862, 5.6763263178211032 53.07854670402900865, 5.68277992767099249 53.08092738988688097, 5.68088831534229044 53.08256749566800181, 5.67545469645291156 53.08099468065740467, 5.67473771336766397 53.08226623593742488, 5.67571699013481989 53.08386562861519309, 5.67888326874220528 53.08376304120894673, 5.67927249680959889 53.08595017643958158, 5.67636112279260363 53.08625378268402528, 5.67624624057564464 53.09116769528557001, 5.67264010748489778 53.09121453950685066, 5.67162518295966667 53.09211835787887424, 5.67353931128647115 53.09221881750931971, 5.67453874653787693 53.09345423790830409, 5.67172289895836013 53.09588604470859963, 5.67243259201180905 53.09892047878744137, 5.67617421324927474 53.10031106487698338, 5.67665721744513263 53.09931470529838293, 5.68108787593307696 53.09856931104446431, 5.68504496955188365 53.10001412939251964, 5.68408268786591631 53.10120547150307857, 5.68841674018395427 53.10353604012181705, 5.70107380888082993 53.1012789480279821, 5.71441783457222918 53.1057457344985977, 5.71649034646559251 53.10710142053190452, 5.71514387381509703 53.10953805409600648, 5.71853268667799064 53.11038407286297058, 5.71853268667799064 53.11038407286297058),(5.69428610530816748 53.0932018984985703, 5.69279627788739884 53.09361625878834445, 5.68784555549462389 53.08468045878868224, 5.6937018438165321 53.08214447600877151, 5.69621512347411141 53.08195380045523848, 5.70049595785577345 53.08535734502573433, 5.70455915894792831 53.09073653884740907, 5.69428610530816748 53.0932018984985703, 5.69428610530816748 53.0932018984985703)))</t>
  </si>
  <si>
    <t>MultiPolygon (((5.7562437058895588 53.12083663105526909, 5.7565897937885051 53.11578057698213229, 5.73954385840078274 53.10750377121886601, 5.73908408441139528 53.10639728328110465, 5.73230391057278155 53.10322887436900174, 5.72403034579633374 53.10663845267610839, 5.72172424597721641 53.10693808368984037, 5.71990049536079326 53.10804281589839348, 5.71853268667799064 53.11038407286297058, 5.71989187496373486 53.11081162821901103, 5.71871642015776693 53.11350953857474622, 5.71599663048225803 53.11288353076157165, 5.71454084038752264 53.11431346832163314, 5.71725971080499562 53.11520852883491983, 5.71872490856081228 53.11696908594660727, 5.71698623532505668 53.11754280615504342, 5.71145021935846486 53.11402478217374323, 5.71060579113904954 53.11416016849488386, 5.70986634651749014 53.11960298687320403, 5.7183927665489378 53.11972894853047222, 5.72113855327016552 53.12050108336063658, 5.72512387242328735 53.12359452847292829, 5.73055981600163378 53.12053911489405778, 5.73382664254250596 53.12023363726212466, 5.7371536123724507 53.12083578473453116, 5.73617876098674273 53.12190220853219813, 5.74667084202915035 53.12606712994350033, 5.75150760597431177 53.12651590966994064, 5.75150892664810698 53.12553388305083502, 5.75456309821269052 53.12466293454647825, 5.7562437058895588 53.12083663105526909)))</t>
  </si>
  <si>
    <t>MultiPolygon (((5.69428610530816748 53.0932018984985703, 5.70455915894792831 53.09073653884740907, 5.70049595785577345 53.08535734502573433, 5.69621512347411141 53.08195380045523848, 5.6937018438165321 53.08214447600877151, 5.68784555549462389 53.08468045878868224, 5.69279627788739884 53.09361625878834445, 5.69428610530816748 53.0932018984985703, 5.69428610530816748 53.0932018984985703)))</t>
  </si>
  <si>
    <t>MultiPolygon (((5.69610810134347734 53.11994190471070709, 5.7006126911825179 53.11577500543795338, 5.70793887365970942 53.1196987961842737, 5.70986634651749014 53.11960298687320403, 5.71060579113904954 53.11416016849488386, 5.71145021935846486 53.11402478217374323, 5.71698623532505668 53.11754280615504342, 5.71872490856081228 53.11696908594660727, 5.71725971080499562 53.11520852883491983, 5.71454084038752264 53.11431346832163314, 5.71599663048225803 53.11288353076157165, 5.71871642015776693 53.11350953857474622, 5.71989187496373486 53.11081162821901103, 5.71853268667799064 53.11038407286297058, 5.71514387381509703 53.10953805409600648, 5.71649034646559251 53.10710142053190452, 5.71441783457222918 53.1057457344985977, 5.70107380888082993 53.1012789480279821, 5.68841674018395427 53.10353604012181705, 5.68408268786591631 53.10120547150307857, 5.68504496955188365 53.10001412939251964, 5.68108787593307696 53.09856931104446431, 5.67665721744513263 53.09931470529838293, 5.67617421324927474 53.10031106487698338, 5.67496912364107065 53.10386677723265336, 5.67610751193889396 53.10598639743459159, 5.67925694922349056 53.10823534305813354, 5.68110492393551159 53.10838189575706281, 5.68319515663437436 53.10963027974816697, 5.68541120393965382 53.11744868920739293, 5.68660237361732701 53.11863690622704581, 5.68857724077629623 53.11803551449937544, 5.69063439292962236 53.11576138398208968, 5.69270984908804234 53.11651260747006376, 5.69090018060503855 53.11829136066921819, 5.69209026006895868 53.11973113323359996, 5.69610810134347734 53.11994190471070709)))</t>
  </si>
  <si>
    <t>MultiPolygon (((5.68597405389978494 53.12986741889255882, 5.69223254378205556 53.12884844537833828, 5.69157347402452807 53.12736344810279832, 5.69437330567715616 53.12696949400515933, 5.69561653521759403 53.12682589590713889, 5.69336688308299799 53.1229146479552341, 5.69544042204397361 53.12299764228437482, 5.69610810134347734 53.11994190471070709, 5.69209026006895868 53.11973113323359996, 5.69090018060503855 53.11829136066921819, 5.69270984908804234 53.11651260747006376, 5.69063439292962236 53.11576138398208968, 5.68857724077629623 53.11803551449937544, 5.68660237361732701 53.11863690622704581, 5.68541120393965382 53.11744868920739293, 5.68319515663437436 53.10963027974816697, 5.68110492393551159 53.10838189575706281, 5.67925694922349056 53.10823534305813354, 5.67610751193889396 53.10598639743459159, 5.67496912364107065 53.10386677723265336, 5.67617421324927474 53.10031106487698338, 5.67243259201180905 53.09892047878744137, 5.66634600759735463 53.10058037532485997, 5.67057219979710769 53.10344762697324228, 5.66598524357196887 53.10553414238960812, 5.66386008087823711 53.10822470973437248, 5.65768199643216185 53.10844159509201035, 5.65793513050095243 53.11094134768836739, 5.65656531503565496 53.112381717840627, 5.66225575643565016 53.11810042935126575, 5.6800370389002417 53.1285754500963705, 5.68488069773633864 53.12826748778613251, 5.68597405389978494 53.12986741889255882)))</t>
  </si>
  <si>
    <t>MultiPolygon (((5.55419078703795499 53.13293809488640562, 5.55538073806805954 53.13460362779481727, 5.55744876064659188 53.13472723423227961, 5.55812689960456652 53.13428684456210505, 5.55992945323640786 53.1346365820307156, 5.56229730259558863 53.1315862284624032, 5.56360308276845128 53.13124252667010694, 5.56260447475464481 53.13023170624222757, 5.56520001756443783 53.1296004233139243, 5.57133726662337558 53.12991983432522858, 5.5739805814498391 53.13120572555693855, 5.57436095538264098 53.13350938946774704, 5.57531098816219473 53.13429169657884898, 5.57760296063308392 53.13369298927894135, 5.57799460747663822 53.13401954805490846, 5.58175638822596554 53.1337497978978277, 5.58245595730596555 53.13310994807501686, 5.58403361262573483 53.13394927250465116, 5.58286081337307571 53.13247727035190593, 5.5859195293701287 53.130997284201257, 5.58661600210066034 53.13124608478891986, 5.58764130742074716 53.13033513414612941, 5.58976640401055214 53.13098114642382086, 5.59376893230123873 53.12414479824163038, 5.58340678074064467 53.11171570019531885, 5.58008803768491024 53.11125663767180072, 5.57611214336340488 53.11183358099588503, 5.57289067368007007 53.10830099558512529, 5.5672333916217065 53.10989227546217961, 5.56505586312423706 53.10839208306999382, 5.56238803185279718 53.11109907882271131, 5.56018303411938586 53.11128368891411355, 5.55932237806006402 53.11002297520406756, 5.55552116572322063 53.10755558368806817, 5.5549051573987116 53.10772381037208589, 5.55394318206095416 53.11227200345666688, 5.54962090872032743 53.11499448276253332, 5.55067515224190089 53.11689524056973255, 5.54559414994786248 53.11775741140295537, 5.53865437164064467 53.11751387107715061, 5.53826429404977461 53.12183902460571971, 5.54279227689388865 53.12542208284293821, 5.54346844730807931 53.12763582897091652, 5.54885668502204243 53.12732590613439498, 5.55365969162392492 53.12967292487433468, 5.55067337226934665 53.13122010977627951, 5.54918660359366989 53.13036637618233016, 5.5472677939996613 53.13074746618412547, 5.54585942183799219 53.13262944974314195, 5.54635209025979847 53.13457403264815326, 5.5479026692644382 53.13522899387803733, 5.54731706180361783 53.13736545669178213, 5.5508477762478714 53.1340876365300403, 5.55419078703795499 53.13293809488640562),(5.56509044586960755 53.11789738597116184, 5.56616168613402884 53.11723308383977837, 5.57104823997939835 53.11679829019436738, 5.57459375184815187 53.11743584082697112, 5.57633171997310662 53.11835696718957678, 5.57370730820527083 53.12142469393820932, 5.57033503371839789 53.12330569418275417, 5.56492091749563844 53.12060406157649339, 5.56509044586960755 53.11789738597116184, 5.56509044586960755 53.11789738597116184)))</t>
  </si>
  <si>
    <t>MultiPolygon (((5.53865437164064467 53.11751387107715061, 5.54559414994786248 53.11775741140295537, 5.55067515224190089 53.11689524056973255, 5.54962090872032743 53.11499448276253332, 5.55394318206095416 53.11227200345666688, 5.5549051573987116 53.10772381037208589, 5.55185240393652446 53.10796673553269898, 5.54789058141697122 53.10549875744891324, 5.54458531541582911 53.10069661715007783, 5.53896382004681254 53.10200850607505174, 5.53004467977802605 53.10188438344619755, 5.52694359464298834 53.10571483705194851, 5.52684809737088756 53.10749450793966986, 5.52565449825955923 53.10782631527121822, 5.52788747106385525 53.11139825136054071, 5.52694831814993659 53.11366987974649589, 5.52778318631900412 53.11454493251642361, 5.53245257527560508 53.11744939571161694, 5.53712319415502119 53.11549988991581728, 5.53865437164064467 53.11751387107715061, 5.53865437164064467 53.11751387107715061)))</t>
  </si>
  <si>
    <t>MultiPolygon (((5.57033503371839789 53.12330569418275417, 5.57370730820527083 53.12142469393820932, 5.57633171997310662 53.11835696718957678, 5.57459375184815187 53.11743584082697112, 5.57104823997939835 53.11679829019436738, 5.56616168613402884 53.11723308383977837, 5.56509044586960755 53.11789738597116184, 5.56492091749563844 53.12060406157649339, 5.57033503371839789 53.12330569418275417, 5.57033503371839789 53.12330569418275417)))</t>
  </si>
  <si>
    <t>MultiPolygon (((5.62189372533123954 53.12694563039021745, 5.62448133062381217 53.12820016558047342, 5.62750227266600067 53.12820535799114197, 5.62330618110351921 53.12586041083849153, 5.6252948074555249 53.12482591152753741, 5.62660001123110565 53.12203208038918945, 5.62369176128103465 53.12123755612434195, 5.62273913936972125 53.12017910208730598, 5.61640147109504007 53.1170778023235286, 5.61130012279340473 53.11750417856288919, 5.61003279294308665 53.11906895901898196, 5.60541369420044777 53.1204051271008737, 5.59943475520168032 53.11892310008387597, 5.59529706082041045 53.11855857365937794, 5.59376893230123873 53.12414479824163038, 5.58976640401055214 53.13098114642382086, 5.58995010228106803 53.13100153975592121, 5.59123168517529923 53.12881776324985594, 5.5944205407341423 53.12946984287012242, 5.59633144392866733 53.12596357584021689, 5.61887182854117828 53.13611798800807406, 5.62221591499869877 53.13824792039584111, 5.62541348774541206 53.13418743939122635, 5.62420950398967445 53.13389079800785453, 5.62623601942038931 53.13200770969730513, 5.62448279013684527 53.12848029603429723, 5.62189372533123954 53.12694563039021745, 5.62189372533123954 53.12694563039021745)))</t>
  </si>
  <si>
    <t>MultiPolygon (((5.61130012279340473 53.11750417856288919, 5.61640147109504007 53.1170778023235286, 5.62273913936972125 53.12017910208730598, 5.62750650674957864 53.11580025330228949, 5.62706519932093308 53.11486885502498012, 5.62991496417165305 53.11224372804070981, 5.63602965020286995 53.11080691330293035, 5.63378290176135454 53.10777882397713512, 5.63194777535006619 53.10433649863244909, 5.63050790120273437 53.10397325824006032, 5.6272732701600523 53.10065500227310054, 5.62933118368787433 53.10047113989145373, 5.63086425016959069 53.10125092665342095, 5.63628957006320963 53.10065230612198661, 5.63609338665903881 53.09821472137575427, 5.63432745213272579 53.09512778449036574, 5.64267629726563325 53.09581340494536761, 5.64544087166204189 53.09503524477901948, 5.64710887945089013 53.09461210186977098, 5.64695147466909653 53.09376158951759095, 5.64525505159654362 53.09363776918316091, 5.64505387496992572 53.09220494634629972, 5.64656537291540772 53.08735095413545224, 5.64272362181732756 53.08610904702710087, 5.62956109372399283 53.08738828145116884, 5.62111535171549548 53.08279529316633472, 5.61743238473283135 53.08507251299476337, 5.61412959830089342 53.08596113072608347, 5.61336849986406516 53.0848123680991435, 5.60917460008414359 53.08365260891243054, 5.59740092326288341 53.0842439185600341, 5.59544218039670493 53.08503698362003576, 5.59633379120299868 53.08670175889159282, 5.59591541225350841 53.08878442013898535, 5.59406471227524449 53.08973621058162706, 5.59416758663235836 53.09379767211868995, 5.60025072068172936 53.09501132930748923, 5.60466647763368453 53.0947495348462013, 5.60411464953652416 53.09993372520120403, 5.60807131804921877 53.10232572600430245, 5.61419784652079379 53.10154316059162483, 5.6129472244086509 53.09881380931300043, 5.61288407263155076 53.09497188751111452, 5.6161492495698031 53.09420244306090808, 5.62262346788808287 53.09450270687210605, 5.62397057249060062 53.09597317896712809, 5.6245213695096874 53.0992272375921317, 5.6237824927651765 53.10224915423751213, 5.62177989363201025 53.10364745613705395, 5.61796404421258089 53.10225033866335309, 5.61450129061230907 53.1019317876799164, 5.61361861670292939 53.10270793222134245, 5.61129222766921654 53.1029785174026685, 5.60593606262045707 53.10612731134028053, 5.60660859056083272 53.10744307401094488, 5.60563314040974348 53.11120376541813215, 5.60970656803205081 53.1131681007213885, 5.60731920686272289 53.11473493194453255, 5.61130012279340473 53.11750417856288919, 5.61130012279340473 53.11750417856288919)))</t>
  </si>
  <si>
    <t>MultiPolygon (((5.59376893230123873 53.12414479824163038, 5.59529706082041045 53.11855857365937794, 5.59943475520168032 53.11892310008387597, 5.60541369420044777 53.1204051271008737, 5.61003279294308665 53.11906895901898196, 5.61130012279340473 53.11750417856288919, 5.60731920686272289 53.11473493194453255, 5.60970656803205081 53.1131681007213885, 5.60563314040974348 53.11120376541813215, 5.60660859056083272 53.10744307401094488, 5.60593606262045707 53.10612731134028053, 5.61129222766921654 53.1029785174026685, 5.61361861670292939 53.10270793222134245, 5.61450129061230907 53.1019317876799164, 5.61448610714105456 53.10188351547520114, 5.61419784652079379 53.10154316059162483, 5.60807131804921877 53.10232572600430245, 5.60411464953652416 53.09993372520120403, 5.60466647763368453 53.0947495348462013, 5.60025072068172936 53.09501132930748923, 5.59416758663235836 53.09379767211868995, 5.59406471227524449 53.08973621058162706, 5.59591541225350841 53.08878442013898535, 5.59633379120299868 53.08670175889159282, 5.59544218039670493 53.08503698362003576, 5.59305176563643514 53.08544829367926354, 5.59207705284326995 53.08417677200112195, 5.58805605360379243 53.08430616126460677, 5.57436280763947778 53.086147667092483, 5.56626095468065873 53.08425742299260008, 5.56139983561770901 53.08905631778515755, 5.55975023337997687 53.08955226913806058, 5.55954203466822428 53.099776533832447, 5.55651333390956292 53.10143263458314777, 5.54458531541582911 53.10069661715007783, 5.54789058141697122 53.10549875744891324, 5.55185240393652446 53.10796673553269898, 5.5549051573987116 53.10772381037208589, 5.55552116572322063 53.10755558368806817, 5.55932237806006402 53.11002297520406756, 5.56018303411938586 53.11128368891411355, 5.56238803185279718 53.11109907882271131, 5.56505586312423706 53.10839208306999382, 5.5672333916217065 53.10989227546217961, 5.57289067368007007 53.10830099558512529, 5.57611214336340488 53.11183358099588503, 5.58008803768491024 53.11125663767180072, 5.58340678074064467 53.11171570019531885, 5.59376893230123873 53.12414479824163038, 5.59376893230123873 53.12414479824163038),(5.5929408894936623 53.11369287267255146, 5.59386839940335889 53.11495322650988271, 5.58981940805494837 53.11490342551606147, 5.58247156361454611 53.1103193639784763, 5.57882477656503184 53.10556274262840759, 5.58203647512350987 53.10301792146689337, 5.58533726819346299 53.1023885437440839, 5.58696196470204587 53.10452897870173672, 5.59638818204843513 53.10479705482646295, 5.59931468819109757 53.10845814676027032, 5.59956808023868824 53.10988757572172858, 5.5971488665439324 53.1126252344679699, 5.5929408894936623 53.11369287267255146, 5.5929408894936623 53.11369287267255146)))</t>
  </si>
  <si>
    <t>MultiPolygon (((5.64656537291540772 53.08735095413545224, 5.64812249846339309 53.08792997080968945, 5.64923906353264993 53.08544909094767661, 5.65191134526944072 53.08339328769470455, 5.65442242119706862 53.07939624958726199, 5.65016300260085114 53.07833186068591402, 5.6578630810603876 53.069025637989931, 5.65537619239290379 53.066633046486821, 5.6516290648956895 53.06735209075571902, 5.64934638118706811 53.06935376929094872, 5.63935858290870229 53.06685004248922155, 5.63606275794732525 53.0687588408376385, 5.63482779925116439 53.07190883023313432, 5.62683448471963299 53.07131183074729108, 5.62396427166238588 53.07522325065073687, 5.61103826813561213 53.07377549771086933, 5.6085458027374111 53.07681938838942415, 5.60869907458008043 53.07761324003842418, 5.61532496869405318 53.08054650174818789, 5.6200299123027726 53.08158542845959005, 5.62111535171549548 53.08279529316633472, 5.62956109372399283 53.08738828145116884, 5.64272362181732756 53.08610904702710087, 5.64656537291540772 53.08735095413545224, 5.64656537291540772 53.08735095413545224)))</t>
  </si>
  <si>
    <t>MultiPolygon (((5.58805605360379243 53.08430616126460677, 5.59207705284326995 53.08417677200112195, 5.59305176563643514 53.08544829367926354, 5.59544218039670493 53.08503698362003576, 5.59740092326288341 53.0842439185600341, 5.60917460008414359 53.08365260891243054, 5.61336849986406516 53.0848123680991435, 5.61412959830089342 53.08596113072608347, 5.61743238473283135 53.08507251299476337, 5.62111535171549548 53.08279529316633472, 5.6200299123027726 53.08158542845959005, 5.61532496869405318 53.08054650174818789, 5.60869907458008043 53.07761324003842418, 5.6085458027374111 53.07681938838942415, 5.61103826813561213 53.07377549771086933, 5.6106810999193657 53.07254939077549238, 5.60876795084923874 53.07110494807243128, 5.60208204390570774 53.06995273930496637, 5.60195447168926997 53.06882831575590842, 5.59894256154190906 53.06849239672630603, 5.59716550995133755 53.07029440031627132, 5.59172588357696387 53.07041990493002714, 5.58961094919971835 53.07311121843644486, 5.58857560250918795 53.07606948604535546, 5.59249243986770495 53.0766113507186077, 5.59036753226729299 53.08156085165260407, 5.58805605360379243 53.08430616126460677, 5.58805605360379243 53.08430616126460677)))</t>
  </si>
  <si>
    <t>MultiPolygon (((5.64812249846339309 53.08792997080968945, 5.65068167858704129 53.08879656417641257, 5.65437343597075603 53.09204073110308997, 5.65773694597197441 53.09043704695250909, 5.66445795715914002 53.09016444388942801, 5.67264010748489778 53.09121453950685066, 5.67624624057564464 53.09116769528557001, 5.67636112279260363 53.08625378268402528, 5.67927249680959889 53.08595017643958158, 5.67888326874220528 53.08376304120894673, 5.67571699013481989 53.08386562861519309, 5.67473771336766397 53.08226623593742488, 5.67545469645291156 53.08099468065740467, 5.68088831534229044 53.08256749566800181, 5.68277992767099249 53.08092738988688097, 5.6763263178211032 53.07854670402900865, 5.67684171858941333 53.07695930250525862, 5.66326070917508329 53.07319094948756089, 5.6578630810603876 53.069025637989931, 5.65016300260085114 53.07833186068591402, 5.65442242119706862 53.07939624958726199, 5.65191134526944072 53.08339328769470455, 5.64923906353264993 53.08544909094767661, 5.64812249846339309 53.08792997080968945, 5.64812249846339309 53.08792997080968945)))</t>
  </si>
  <si>
    <t>MultiPolygon (((5.66598524357196887 53.10553414238960812, 5.67057219979710769 53.10344762697324228, 5.66634600759735463 53.10058037532485997, 5.67243259201180905 53.09892047878744137, 5.67172289895836013 53.09588604470859963, 5.67453874653787693 53.09345423790830409, 5.67353931128647115 53.09221881750931971, 5.67162518295966667 53.09211835787887424, 5.67264010748489778 53.09121453950685066, 5.66445795715914002 53.09016444388942801, 5.65773694597197441 53.09043704695250909, 5.65437343597075603 53.09204073110308997, 5.65068167858704129 53.08879656417641257, 5.64812249846339309 53.08792997080968945, 5.64656537291540772 53.08735095413545224, 5.64505387496992572 53.09220494634629972, 5.64525505159654362 53.09363776918316091, 5.64695147466909653 53.09376158951759095, 5.64710887945089013 53.09461210186977098, 5.64544087166204189 53.09503524477901948, 5.64638998567549777 53.09620866466806888, 5.65904820079758952 53.10414043043964938, 5.66176995947276041 53.104116247281695, 5.66598524357196887 53.10553414238960812, 5.66598524357196887 53.10553414238960812)))</t>
  </si>
  <si>
    <t>MultiPolygon (((5.65651011199329723 53.11236547691882492, 5.65656531503565496 53.112381717840627, 5.65793513050095243 53.11094134768836739, 5.65768199643216185 53.10844159509201035, 5.66386008087823711 53.10822470973437248, 5.66598524357196887 53.10553414238960812, 5.66176995947276041 53.104116247281695, 5.65904820079758952 53.10414043043964938, 5.64638998567549777 53.09620866466806888, 5.64544087166204189 53.09503524477901948, 5.64267629726563325 53.09581340494536761, 5.63432745213272579 53.09512778449036574, 5.63609338665903881 53.09821472137575427, 5.63628957006320963 53.10065230612198661, 5.63086425016959069 53.10125092665342095, 5.62933118368787433 53.10047113989145373, 5.6272732701600523 53.10065500227310054, 5.63050790120273437 53.10397325824006032, 5.63194777535006619 53.10433649863244909, 5.63378290176135454 53.10777882397713512, 5.64218742698941522 53.11014023361422431, 5.65508820271322765 53.11135885673649426, 5.65505384734212946 53.11255854977002144, 5.65651011199329723 53.11236547691882492, 5.65651011199329723 53.11236547691882492)))</t>
  </si>
  <si>
    <t>MultiPolygon (((5.63208871985645043 53.12627023839060314, 5.6321867671903405 53.12558926146070348, 5.63540026345276512 53.12541421363776095, 5.63734790464719193 53.12414909636098059, 5.64288646174365738 53.12289959777609738, 5.64641269648123156 53.1163501187953031, 5.65651011199329723 53.11236547691882492, 5.65505384734212946 53.11255854977002144, 5.65508820271322765 53.11135885673649426, 5.64218742698941522 53.11014023361422431, 5.63378290176135454 53.10777882397713512, 5.63602965020286995 53.11080691330293035, 5.62991496417165305 53.11224372804070981, 5.62706519932093308 53.11486885502498012, 5.62750650674957864 53.11580025330228949, 5.62273913936972125 53.12017910208730598, 5.62369176128103465 53.12123755612434195, 5.62660001123110565 53.12203208038918945, 5.6252948074555249 53.12482591152753741, 5.62330618110351921 53.12586041083849153, 5.62750227266600067 53.12820535799114197, 5.62742372563909665 53.12670299206817504, 5.63208871985645043 53.12627023839060314)))</t>
  </si>
  <si>
    <t>MultiPolygon (((5.61419784652079379 53.10154316059162483, 5.61448610714105456 53.10188351547520114, 5.61450129061230907 53.1019317876799164, 5.61796404421258089 53.10225033866335309, 5.62177989363201025 53.10364745613705395, 5.6237824927651765 53.10224915423751213, 5.6245213695096874 53.0992272375921317, 5.62397057249060062 53.09597317896712809, 5.62262346788808287 53.09450270687210605, 5.6161492495698031 53.09420244306090808, 5.61288407263155076 53.09497188751111452, 5.6129472244086509 53.09881380931300043, 5.61419784652079379 53.10154316059162483, 5.61419784652079379 53.10154316059162483)))</t>
  </si>
  <si>
    <t>MultiPolygon (((5.5929408894936623 53.11369287267255146, 5.5971488665439324 53.1126252344679699, 5.59956808023868824 53.10988757572172858, 5.59931468819109757 53.10845814676027032, 5.59638818204843513 53.10479705482646295, 5.58696196470204587 53.10452897870173672, 5.58533726819346299 53.1023885437440839, 5.58203647512350987 53.10301792146689337, 5.57882477656503184 53.10556274262840759, 5.58247156361454611 53.1103193639784763, 5.58981940805494837 53.11490342551606147, 5.59386839940335889 53.11495322650988271, 5.5929408894936623 53.11369287267255146, 5.5929408894936623 53.11369287267255146)))</t>
  </si>
  <si>
    <t>MultiPolygon (((5.72367625142753944 53.09879509437088529, 5.72897109660245096 53.09433445421104381, 5.73606255600304493 53.09328355848334269, 5.73789760811986582 53.0916619343220475, 5.73792039740855131 53.08930836196613257, 5.73155857226143084 53.08618936311761871, 5.73484391727516662 53.08153887798375337, 5.72069482410872432 53.07767532282995404, 5.71884867768974026 53.07569981853905006, 5.719697418929786 53.07218711197635486, 5.71635791279775063 53.07035625800395451, 5.71399412645668825 53.07086225108234601, 5.70897713461720269 53.07005687883233946, 5.70147596064690632 53.06756876044142501, 5.69979271344490979 53.06873766266967607, 5.69843276815830446 53.07361702027886707, 5.7045469549929253 53.07602089560631242, 5.70228690270373928 53.0787921731717347, 5.70901014228158399 53.08953332249352997, 5.71289318174812077 53.09244397878704547, 5.72080556488718273 53.09618445940211018, 5.72367625142753944 53.09879509437088529, 5.72367625142753944 53.09879509437088529)))</t>
  </si>
  <si>
    <t>MultiPolygon (((5.763124771023171 53.05662157338071694, 5.75303059881670276 53.05225968330276487, 5.73853309494993802 53.05911352407911608, 5.73927860629776809 53.06060822155932755, 5.73192594093265306 53.06654077516633805, 5.72522610319890912 53.06975931412686975, 5.72568407517385136 53.0709788078570881, 5.72298530456730159 53.07206931726040011, 5.719697418929786 53.07218711197635486, 5.71884867768974026 53.07569981853905006, 5.72069482410872432 53.07767532282995404, 5.73484391727516662 53.08153887798375337, 5.74224641332587282 53.08291775169087146, 5.74279220085325104 53.07988015384225378, 5.75289330041686942 53.06771274054109, 5.76183217208932241 53.0619250763668191, 5.76184314235392492 53.06079840426775718, 5.763124771023171 53.05662157338071694, 5.763124771023171 53.05662157338071694)))</t>
  </si>
  <si>
    <t>MultiPolygon (((5.72568407517385136 53.0709788078570881, 5.72522610319890912 53.06975931412686975, 5.73192594093265306 53.06654077516633805, 5.73927860629776809 53.06060822155932755, 5.73853309494993802 53.05911352407911608, 5.75303059881670276 53.05225968330276487, 5.763124771023171 53.05662157338071694, 5.76681301533141699 53.05054539074033926, 5.76946893048197129 53.04963302105690559, 5.77101181042213263 53.04696774246413327, 5.77038300495393308 53.04736878675019085, 5.7685386858242369 53.0466721818016822, 5.7672905181380516 53.04728258213499004, 5.76748001454699466 53.04644765512080795, 5.75983846651305686 53.04668990436408649, 5.75543215673415798 53.04683805444894062, 5.75039041370990045 53.04729419271630775, 5.73750239948133878 53.05305047885307346, 5.73454051752613392 53.05360726611066013, 5.73281819448881169 53.05438595574525351, 5.73296965593661589 53.05498438084022439, 5.71876066104724323 53.06106069977839468, 5.71320324584394879 53.06156288253784226, 5.71087197402950952 53.06251231753663689, 5.7103666920205276 53.06464159383796897, 5.70810918765885944 53.06538632231453789, 5.70624064959851562 53.06527539933861704, 5.70484226379524184 53.06683877741383526, 5.70147596064690632 53.06756876044142501, 5.70897713461720269 53.07005687883233946, 5.71399412645668825 53.07086225108234601, 5.71635791279775063 53.07035625800395451, 5.719697418929786 53.07218711197635486, 5.72298530456730159 53.07206931726040011, 5.72568407517385136 53.0709788078570881, 5.72568407517385136 53.0709788078570881)))</t>
  </si>
  <si>
    <t>MultiPolygon (((5.75870489324240076 53.08408193383665008, 5.76428273129068636 53.08027617010652222, 5.77356361553815312 53.07410912516872514, 5.77505388820215249 53.06664419123093523, 5.76964910322199653 53.0634774944893195, 5.76608380912038765 53.06138817834330723, 5.76184314235392492 53.06079840426775718, 5.76183217208932241 53.0619250763668191, 5.75289330041686942 53.06771274054109, 5.74279220085325104 53.07988015384225378, 5.74224641332587282 53.08291775169087146, 5.73484391727516662 53.08153887798375337, 5.73155857226143084 53.08618936311761871, 5.73792039740855131 53.08930836196613257, 5.74245501488246024 53.09168879025749987, 5.74358221347002562 53.0951158806568273, 5.74544376035611126 53.09632581168427379, 5.75332585370188276 53.09452875406887529, 5.75269153188729643 53.0918262809122723, 5.75446125913019557 53.08553223319198366, 5.75870489324240076 53.08408193383665008)))</t>
  </si>
  <si>
    <t>MultiPolygon (((5.7565897937885051 53.11578057698213229, 5.75744894416070441 53.11271550264930141, 5.76140401823203074 53.11367904493730663, 5.76264640902151459 53.11163881896218442, 5.76081264898763834 53.11119495203035967, 5.76262769878383008 53.10881742844925668, 5.77034128948882952 53.1061157861223947, 5.76777930406426798 53.10506383875989656, 5.76953292851703736 53.10326323550685146, 5.77022931043104581 53.10350678480192244, 5.77052037077509361 53.1026918871439193, 5.77420852707040044 53.10380937865858897, 5.77696404593428081 53.10345723990518962, 5.78057230684061452 53.10189420176241271, 5.78461549379175555 53.09902989710484889, 5.78738027220585938 53.09849667965028885, 5.78822925659423859 53.09659411212145841, 5.78648281596183001 53.09601390388005626, 5.78571500803105732 53.09632255804520895, 5.78481550365023001 53.09545994572579275, 5.78204772618990503 53.09454027918978625, 5.78228738172692047 53.09402577745465379, 5.77813351783932116 53.0927363012597695, 5.77138390585581629 53.08910592937193229, 5.77204160282219458 53.08837983267630278, 5.77148263506206138 53.08764740907382418, 5.77294817081772305 53.08748175603040664, 5.77450238710523678 53.08632836172756697, 5.77262951585524053 53.08182157664876399, 5.77100943596923166 53.08107711481481772, 5.76428273129068636 53.08027617010652222, 5.75870489324240076 53.08408193383665008, 5.75446125913019557 53.08553223319198366, 5.75269153188729643 53.0918262809122723, 5.75332585370188276 53.09452875406887529, 5.74544376035611126 53.09632581168427379, 5.74358221347002562 53.0951158806568273, 5.74245501488246024 53.09168879025749987, 5.73792039740855131 53.08930836196613257, 5.73789760811986582 53.0916619343220475, 5.73606255600304493 53.09328355848334269, 5.72897109660245096 53.09433445421104381, 5.72367625142753944 53.09879509437088529, 5.72981181700801123 53.10247988600746538, 5.73230391057278155 53.10322887436900174, 5.73908408441139528 53.10639728328110465, 5.73954385840078274 53.10750377121886601, 5.7565897937885051 53.11578057698213229)))</t>
  </si>
  <si>
    <t>MultiPolygon (((5.43175282395471282 53.03177756500068796, 5.43340419697458366 53.0302818790296655, 5.4356131835410233 53.03019731980368334, 5.43683925330776674 53.03229506306723096, 5.44012919722278543 53.03347363033820017, 5.44217756450094559 53.03371251950439813, 5.44333958040810728 53.03315315839524402, 5.45010108905199875 53.03404558315733652, 5.45127068140166582 53.03047805449608632, 5.45405299362555951 53.03020469882525134, 5.4552928764197075 53.02896111133078705, 5.4528558012599051 53.02707876986185198, 5.45288320811229887 53.02549102598555208, 5.45575835778132667 53.02272281638193618, 5.45516127295336339 53.02107140191571233, 5.45384562629608549 53.02029765352752833, 5.44167084126065426 53.02193930388497733, 5.43590620000255775 53.02027263002571544, 5.43194249246342142 53.01787040112048999, 5.43042023767854953 53.01556377943301612, 5.42475660649856462 53.01212120870088995, 5.41743618100169488 53.00965491719467337, 5.41216200018679316 53.00592971637798456, 5.40688718652181333 53.01134956078574589, 5.40790207060530204 53.01331703826289754, 5.40571100481337563 53.01259290807496427, 5.40470052889937946 53.01334837979955239, 5.40655127613592867 53.01445553029861912, 5.41004489532053512 53.01248270299502252, 5.41418483087000801 53.01609144500454818, 5.42044624963370136 53.01822686878148261, 5.41965068660462013 53.02046238098827757, 5.41763234027316454 53.02178330781585203, 5.4080940851263799 53.02029724860015847, 5.39767017144284367 53.02343290491108974, 5.3967719088839452 53.02507468380158429, 5.39838548617796565 53.0278941241677515, 5.41622982610351311 53.02800652376968316, 5.42434993955843225 53.02954256999375104, 5.42759744756287343 53.02926182252114273, 5.43084613491401935 53.02996102926650224, 5.43015096622411875 53.03093964032903784, 5.43061528885027567 53.03177798470253634, 5.43175282395471282 53.03177756500068796, 5.43175282395471282 53.03177756500068796)))</t>
  </si>
  <si>
    <t>MultiPolygon (((5.41216200018679316 53.00592971637798456, 5.41743618100169488 53.00965491719467337, 5.42475660649856462 53.01212120870088995, 5.43042023767854953 53.01556377943301612, 5.43194249246342142 53.01787040112048999, 5.43590620000255775 53.02027263002571544, 5.44167084126065426 53.02193930388497733, 5.45384562629608549 53.02029765352752833, 5.45228174516585717 53.01590599550182503, 5.45304303841243154 53.01480028582371773, 5.4563467445698528 53.01318990297144751, 5.46241486640460394 53.01192255853996471, 5.4637904588704016 53.00621942148527665, 5.46261994573224285 53.00480709713188787, 5.4486858817309507 53.00416808828423854, 5.44685617330155214 52.99843809953973306, 5.44862421152949494 52.99317364069825942, 5.44727486633624025 52.99136896591100765, 5.44331594560485232 52.99212708154854568, 5.44066938690758928 52.9919043624081425, 5.43866714321868017 52.98920058347408713, 5.43676603658854685 52.98852059599449404, 5.42948133876148908 52.9881232490419265, 5.41216200018679316 53.00592971637798456, 5.41216200018679316 53.00592971637798456),(5.433880600330105 53.00898631878640543, 5.43099627703470933 53.00891552459457046, 5.42825393851186089 53.00783423387466797, 5.42638375191797095 53.00575850395437527, 5.42706809648560284 53.00474284400699077, 5.43329602725584593 53.00413010129950209, 5.43684368486129532 53.00484756785175477, 5.43780478134716461 53.00624675492715454, 5.43529144611042003 53.00890769001432545, 5.433880600330105 53.00898631878640543, 5.433880600330105 53.00898631878640543)))</t>
  </si>
  <si>
    <t>MultiPolygon (((5.433880600330105 53.00898631878640543, 5.43529144611042003 53.00890769001432545, 5.43780478134716461 53.00624675492715454, 5.43684368486129532 53.00484756785175477, 5.43329602725584593 53.00413010129950209, 5.42706809648560284 53.00474284400699077, 5.42638375191797095 53.00575850395437527, 5.42825393851186089 53.00783423387466797, 5.43099627703470933 53.00891552459457046, 5.433880600330105 53.00898631878640543, 5.433880600330105 53.00898631878640543)))</t>
  </si>
  <si>
    <t>MultiPolygon (((5.40655127613592867 53.01445553029861912, 5.40838561145391239 53.01846758009989458, 5.4080940851263799 53.02029724860015847, 5.41763234027316454 53.02178330781585203, 5.41965068660462013 53.02046238098827757, 5.42044624963370136 53.01822686878148261, 5.41418483087000801 53.01609144500454818, 5.41004489532053512 53.01248270299502252, 5.40655127613592867 53.01445553029861912, 5.40655127613592867 53.01445553029861912)))</t>
  </si>
  <si>
    <t>MultiPolygon (((5.40439730734040502 53.04212455704617213, 5.41432870981998082 53.04131139436464792, 5.41552125989606647 53.038497922662728, 5.41953070582870566 53.03939157546979999, 5.42977627478115199 53.03952539125236854, 5.43119568972753708 53.03818595461736152, 5.43092633708651995 53.03719534237368549, 5.43278208302662513 53.03401751429500877, 5.43051532499587619 53.03312929987843205, 5.43175282395471282 53.03177756500068796, 5.43061528885027567 53.03177798470253634, 5.43015096622411875 53.03093964032903784, 5.43084613491401935 53.02996102926650224, 5.42759744756287343 53.02926182252114273, 5.42434993955843225 53.02954256999375104, 5.41622982610351311 53.02800652376968316, 5.39838548617796565 53.0278941241677515, 5.39610834400403405 53.02862988271768785, 5.39660497942144524 53.03014160173270142, 5.40118538223377787 53.03033239033678825, 5.40287709492536905 53.03163846527494485, 5.40095265349834186 53.03529296320184727, 5.40106358023709543 53.03769668380861901, 5.40222429916498825 53.03778999707460429, 5.40367907972371952 53.03688079257823773, 5.40499489257761923 53.03413847114317292, 5.40682080340456306 53.03309264589542238, 5.40312629445414228 53.03958813035163189, 5.40439730734040502 53.04212455704617213, 5.40439730734040502 53.04212455704617213)))</t>
  </si>
  <si>
    <t>MultiPolygon (((5.43671068781661759 53.05268443954704338, 5.43597967669057169 53.0551513998695512, 5.44213936323012781 53.05411083815857864, 5.45824392433977135 53.04803677919651506, 5.45833771370749954 53.04612326095188735, 5.45738478923142356 53.04597667951927775, 5.45673846162166765 53.04378278046282702, 5.46056620542275262 53.03949246138768814, 5.46034802218344151 53.0356802625702457, 5.45010108905199875 53.03404558315733652, 5.44333958040810728 53.03315315839524402, 5.44217756450094559 53.03371251950439813, 5.44012919722278543 53.03347363033820017, 5.43683925330776674 53.03229506306723096, 5.4356131835410233 53.03019731980368334, 5.43340419697458366 53.0302818790296655, 5.43175282395471282 53.03177756500068796, 5.43051532499587619 53.03312929987843205, 5.43278208302662513 53.03401751429500877, 5.43092633708651995 53.03719534237368549, 5.43119568972753708 53.03818595461736152, 5.43489438915612144 53.03945493617498386, 5.43674743771840774 53.0418281813410033, 5.43590196877847642 53.04448671173722119, 5.43630139148599589 53.04827247416554314, 5.43828493476165686 53.04848786745552047, 5.43671068781661759 53.05268443954704338, 5.43671068781661759 53.05268443954704338)))</t>
  </si>
  <si>
    <t>MultiPolygon (((5.39293509249984471 53.05483869293477994, 5.39596515719988634 53.05168535995404966, 5.39503101409407115 53.05022017540569834, 5.40042501201718572 53.049896107231028, 5.4008880323230537 53.05046492063879526, 5.40450820811313903 53.05070579791863139, 5.41069400422000424 53.04980621351565162, 5.41893741477879942 53.04959818358071999, 5.42094531275913827 53.04851200798851352, 5.42471209517462327 53.04862769985744109, 5.42636798937370113 53.0493505418513962, 5.42701271325511403 53.05137948326235886, 5.43671068781661759 53.05268443954704338, 5.43828493476165686 53.04848786745552047, 5.43630139148599589 53.04827247416554314, 5.43590196877847642 53.04448671173722119, 5.43674743771840774 53.0418281813410033, 5.43489438915612144 53.03945493617498386, 5.43119568972753708 53.03818595461736152, 5.42977627478115199 53.03952539125236854, 5.41953070582870566 53.03939157546979999, 5.41552125989606647 53.038497922662728, 5.41432870981998082 53.04131139436464792, 5.40439730734040502 53.04212455704617213, 5.40458557710696663 53.04724132355460142, 5.40350521839375908 53.04852140127994886, 5.40321154791404457 53.04409154543556326, 5.40130281950925628 53.04121280553008688, 5.40006696539085862 53.03363552129065539, 5.39869529293630901 53.03247628085468079, 5.39428739229759646 53.03212741706190059, 5.39287035564795403 53.03359385300561257, 5.39361203579451765 53.03444658365275899, 5.38920231834214469 53.04062821330985145, 5.3849277449549513 53.04458968184035683, 5.3840674003889859 53.04500779708349967, 5.37618825161897185 53.04281950061186279, 5.37423773800663529 53.04430697467115152, 5.37362640804631564 53.04570597522307196, 5.37992758413074679 53.04710191083038495, 5.38017340354785478 53.04786767013256821, 5.37803652181145964 53.05338275749604549, 5.37606547269833257 53.05474958917658768, 5.39293509249984471 53.05483869293477994)),((5.36752253956187797 53.07631282746120149, 5.37300216893836868 53.07225690595588219, 5.3765070767413059 53.07129103257707925, 5.37817233284109619 53.07139744443429663, 5.37834421961256304 53.07231712481969765, 5.38101939274090313 53.07258109891655806, 5.3859932346684305 53.06910418607640167, 5.39086997257497291 53.05961180616777995, 5.39449730206428324 53.05766548371538249, 5.39545766283421013 53.05537384012420432, 5.37534801445881794 53.05604911286561531, 5.3657336318111124 53.06879864452863416, 5.36406950211008304 53.0750592053919803, 5.36464083898941801 53.07574053832295391, 5.36752253956187797 53.07631282746120149, 5.36752253956187797 53.07631282746120149)))</t>
  </si>
  <si>
    <t>MultiPolygon (((5.39118628515763199 53.06677070562255949, 5.40344326211639814 53.06887907109077673, 5.40422120425931851 53.07020102187345856, 5.40336476746052963 53.07028875484211738, 5.40314577512728267 53.07129184230385022, 5.40383414256686567 53.0723846647754911, 5.40744596063935834 53.07478110649820735, 5.40866792017677067 53.07491511961679009, 5.41613488402148935 53.07545100911120528, 5.4191197814845804 53.07032544422451537, 5.41897202805544786 53.06816492079151004, 5.41765473601817682 53.06616363995339469, 5.4293875864182457 53.06450552166773349, 5.43680504554997324 53.06609936457135746, 5.43896085181812694 53.06505158188122806, 5.44213936323012781 53.05411083815857864, 5.43597967669057169 53.0551513998695512, 5.43671068781661759 53.05268443954704338, 5.42701271325511403 53.05137948326235886, 5.42636798937370113 53.0493505418513962, 5.42471209517462327 53.04862769985744109, 5.42094531275913827 53.04851200798851352, 5.41893741477879942 53.04959818358071999, 5.41069400422000424 53.04980621351565162, 5.41097279421875665 53.05255194709802424, 5.41302810013546321 53.05263688556909329, 5.41471145937924359 53.06399143598082446, 5.41038461106528246 53.06494351831219802, 5.40232838450979891 53.06472731448256752, 5.40263028053367922 53.06325570737718067, 5.39483505247143569 53.06085555130218268, 5.39262933416519363 53.0631666738667036, 5.39118628515763199 53.06677070562255949, 5.39118628515763199 53.06677070562255949)))</t>
  </si>
  <si>
    <t>MultiPolygon (((5.4008880323230537 53.05046492063879526, 5.39674540364025468 53.05064431442514916, 5.3966063467797083 53.05162008095587822, 5.39753578988965099 53.05187332234498854, 5.39663965965842873 53.05207927249849575, 5.39484039142203287 53.05480992666632289, 5.39708907323986065 53.05480086375141013, 5.39916003701259939 53.05179282135706131, 5.40022779071824655 53.0517516603632231, 5.39827745482268373 53.05476290004301632, 5.40120600462002454 53.05390806507681134, 5.40267040125364684 53.05167957704040305, 5.40375357995979222 53.05174447144084127, 5.40210627989976455 53.05444432533839461, 5.4010420775016259 53.05476019131977949, 5.39708365274701496 53.05928860637440891, 5.39483505247143569 53.06085555130218268, 5.40263028053367922 53.06325570737718067, 5.40232838450979891 53.06472731448256752, 5.41038461106528246 53.06494351831219802, 5.41471145937924359 53.06399143598082446, 5.41302810013546321 53.05263688556909329, 5.41097279421875665 53.05255194709802424, 5.41069400422000424 53.04980621351565162, 5.40450820811313903 53.05070579791863139, 5.4008880323230537 53.05046492063879526, 5.4008880323230537 53.05046492063879526)))</t>
  </si>
  <si>
    <t>MultiPolygon (((5.44128502539060488 53.06863089978833159, 5.44824694658430797 53.06807209857223029, 5.45168974178495969 53.06874142846960751, 5.45758682691565511 53.06853422865444259, 5.45728999497783107 53.06761671186109908, 5.46366465802786117 53.07012606374681951, 5.46771427444015679 53.06318005252715864, 5.47302103937911522 53.06354478480815828, 5.47598321694499912 53.06488546249656935, 5.47972719884185278 53.06122701145469023, 5.48537385509379671 53.06024359435027549, 5.48806135651778426 53.06006388300949794, 5.49010711927337169 53.06102139395841988, 5.48911803695181799 53.06600440936441032, 5.48718246049041181 53.06763868387481153, 5.48967698282671357 53.06836555747798201, 5.49464506117611862 53.06784225511211162, 5.4958419184455245 53.06698458873520252, 5.49665962843626943 53.06311619113512279, 5.50168745830210604 53.0596276932959583, 5.50287652913872893 53.05582992398731079, 5.50099426263015001 53.0563472284617248, 5.49534004728990499 53.05573075857650878, 5.49144444441328883 53.05393477136215097, 5.48741839591158431 53.05353159846299604, 5.48393208396355636 53.05176029505771851, 5.47863578837134302 53.04367367004464029, 5.47339330093099719 53.04444755900143349, 5.47076930767909353 53.03914878102798269, 5.46701885874825955 53.03714970223170866, 5.46621151973356501 53.03499190097372207, 5.46034802218344151 53.0356802625702457, 5.46056620542275262 53.03949246138768814, 5.45673846162166765 53.04378278046282702, 5.45738478923142356 53.04597667951927775, 5.45833771370749954 53.04612326095188735, 5.45824392433977135 53.04803677919651506, 5.44213936323012781 53.05411083815857864, 5.43896085181812694 53.06505158188122806, 5.43680504554997324 53.06609936457135746, 5.44128502539060488 53.06863089978833159, 5.44128502539060488 53.06863089978833159),(5.46646332429892379 53.05948842445836533, 5.46561364637837688 53.05976396653812799, 5.46399884888719889 53.05915059732767247, 5.46255962095334091 53.05632952287154325, 5.4586182438784947 53.05583772083597438, 5.45829432944891213 53.05479971952417628, 5.45962283811414029 53.05339778047423493, 5.46439670233712427 53.05314432133403102, 5.46775642432042019 53.05450404407123699, 5.46778153266268774 53.0584859507890485, 5.46646332429892379 53.05948842445836533, 5.46646332429892379 53.05948842445836533)))</t>
  </si>
  <si>
    <t>MultiPolygon (((5.50287652913872893 53.05582992398731079, 5.50254804812917087 53.05377203217800997, 5.50641408665721421 53.05260454951309157, 5.50997846815287584 53.05226082140662669, 5.5116389564019812 53.05336618181429031, 5.51253070660392996 53.05550473937678646, 5.51700057675930289 53.05740426673479959, 5.51824086019762117 53.05773172064537135, 5.52299080253521435 53.05688847463823521, 5.52532117387096999 53.05555003352832699, 5.52560467840812386 53.05297179701923938, 5.52885471138815543 53.05025088583623472, 5.53531009353041537 53.0469728648805372, 5.5321268381877049 53.04413079785532403, 5.52960761153528146 53.04528475816987054, 5.52867056255062206 53.04394317520199564, 5.53115541509892683 53.04255635798423185, 5.53043120469799288 53.0381173074611425, 5.53479355500474934 53.03271658306524472, 5.53361418837188346 53.0278654584105098, 5.53456710498384652 53.02658193129956032, 5.52493028301908673 53.02332106406745993, 5.51931532040485262 53.02278745655065251, 5.51284148221030801 53.02360058180582314, 5.5098177059907778 53.02165697089609608, 5.50542278524849227 53.0241897118785559, 5.50162299830773893 53.02328862319204461, 5.49847716429477895 53.02399363467898752, 5.49271806829524856 53.02811055821358366, 5.49350412351997708 53.02841538813051869, 5.48946623510703713 53.0308900849808964, 5.48479485418375301 53.03162186494304819, 5.48449092731901544 53.03100769007027537, 5.48282855500140176 53.0308478448229792, 5.47122364683187001 53.03125308358035994, 5.47142458138320542 53.03350058179972137, 5.47037274537458629 53.03448866380966109, 5.46621151973356501 53.03499190097372207, 5.46701885874825955 53.03714970223170866, 5.47076930767909353 53.03914878102798269, 5.47339330093099719 53.04444755900143349, 5.47863578837134302 53.04367367004464029, 5.48393208396355636 53.05176029505771851, 5.48741839591158431 53.05353159846299604, 5.49144444441328883 53.05393477136215097, 5.49534004728990499 53.05573075857650878, 5.50099426263015001 53.0563472284617248, 5.50287652913872893 53.05582992398731079, 5.50287652913872893 53.05582992398731079),(5.50174222915016031 53.04474443408569329, 5.4982441218702407 53.04414286301207682, 5.49380768591924173 53.04088272175526697, 5.50048287907178501 53.03756858930640306, 5.50637337361431367 53.04311792403451875, 5.50174222915016031 53.04474443408569329, 5.50174222915016031 53.04474443408569329)))</t>
  </si>
  <si>
    <t>MultiPolygon (((5.46034802218344151 53.0356802625702457, 5.46621151973356501 53.03499190097372207, 5.47037274537458629 53.03448866380966109, 5.47142458138320542 53.03350058179972137, 5.47122364683187001 53.03125308358035994, 5.48282855500140176 53.0308478448229792, 5.48449092731901544 53.03100769007027537, 5.48479485418375301 53.03162186494304819, 5.48946623510703713 53.0308900849808964, 5.48265463480295168 53.02229547601405102, 5.4865664939972616 53.02089045281083912, 5.48869044263757644 53.01914087030056066, 5.48995148704054348 53.01607552795510259, 5.49332382569292577 53.01563001182601909, 5.49489080892639414 53.01415881790148887, 5.48827657390220303 53.01099137358067992, 5.4804063559618994 53.01209239882165036, 5.47765575455221221 53.01063595270871076, 5.47571642973345085 53.00726311412494596, 5.47589903541680201 53.00184377144624648, 5.47976935252753972 52.9942632510620939, 5.48352761588416016 52.992755142428976, 5.47794638211434926 52.98962261549313979, 5.47329705942976208 52.98997712067821197, 5.46495085273721504 52.99111540874547188, 5.46552212353580646 52.99309873376438418, 5.45878033189663103 52.99390516361790304, 5.45817903778242375 52.99195920825496842, 5.45178588470181058 52.99273493329707918, 5.45180913571686965 52.9931484644256301, 5.44862421152949494 52.99317364069825942, 5.44685617330155214 52.99843809953973306, 5.4486858817309507 53.00416808828423854, 5.46261994573224285 53.00480709713188787, 5.4637904588704016 53.00621942148527665, 5.46241486640460394 53.01192255853996471, 5.4563467445698528 53.01318990297144751, 5.45304303841243154 53.01480028582371773, 5.45228174516585717 53.01590599550182503, 5.45384562629608549 53.02029765352752833, 5.45516127295336339 53.02107140191571233, 5.45575835778132667 53.02272281638193618, 5.45288320811229887 53.02549102598555208, 5.4528558012599051 53.02707876986185198, 5.4552928764197075 53.02896111133078705, 5.45405299362555951 53.03020469882525134, 5.45127068140166582 53.03047805449608632, 5.45010108905199875 53.03404558315733652, 5.46034802218344151 53.0356802625702457, 5.46034802218344151 53.0356802625702457),(5.48167445948284904 53.02044568034709471, 5.47463466261281084 53.02123451813656629, 5.47239231390553194 53.01460832127866496, 5.47256049556350987 53.01299350861862791, 5.47417262684131778 53.01225716695954304, 5.47806118430388977 53.01136520702499411, 5.48233270657495453 53.01678905638653561, 5.48291046058023834 53.01929840616477208, 5.48167445948284904 53.02044568034709471, 5.48167445948284904 53.02044568034709471)))</t>
  </si>
  <si>
    <t>MultiPolygon (((5.46646332429892379 53.05948842445836533, 5.46778153266268774 53.0584859507890485, 5.46775642432042019 53.05450404407123699, 5.46439670233712427 53.05314432133403102, 5.45962283811414029 53.05339778047423493, 5.45829432944891213 53.05479971952417628, 5.4586182438784947 53.05583772083597438, 5.46255962095334091 53.05632952287154325, 5.46399884888719889 53.05915059732767247, 5.46561364637837688 53.05976396653812799, 5.46646332429892379 53.05948842445836533, 5.46646332429892379 53.05948842445836533)))</t>
  </si>
  <si>
    <t>MultiPolygon (((5.50174222915016031 53.04474443408569329, 5.50637337361431367 53.04311792403451875, 5.50048287907178501 53.03756858930640306, 5.49380768591924173 53.04088272175526697, 5.4982441218702407 53.04414286301207682, 5.50174222915016031 53.04474443408569329, 5.50174222915016031 53.04474443408569329)))</t>
  </si>
  <si>
    <t>MultiPolygon (((5.48946623510703713 53.0308900849808964, 5.49350412351997708 53.02841538813051869, 5.49271806829524856 53.02811055821358366, 5.49847716429477895 53.02399363467898752, 5.50162299830773893 53.02328862319204461, 5.50542278524849227 53.0241897118785559, 5.5098177059907778 53.02165697089609608, 5.51026388685388113 53.01880091049523713, 5.50323514178288065 53.01729845829369481, 5.5019591337731466 53.01735216990551436, 5.50067271360831089 53.0191826117152516, 5.49696497701699727 53.01606672714776636, 5.49635720078890788 53.01454952240494833, 5.49489080892639414 53.01415881790148887, 5.49332382569292577 53.01563001182601909, 5.48995148704054348 53.01607552795510259, 5.48869044263757644 53.01914087030056066, 5.4865664939972616 53.02089045281083912, 5.48265463480295168 53.02229547601405102, 5.48946623510703713 53.0308900849808964, 5.48946623510703713 53.0308900849808964)))</t>
  </si>
  <si>
    <t>MultiPolygon (((5.49489080892639414 53.01415881790148887, 5.49635720078890788 53.01454952240494833, 5.50098398981762315 53.01371084822690705, 5.50273583117063225 53.01176358027887403, 5.5027789536077627 53.0108911650270187, 5.50105857316399582 53.01038815627488532, 5.50413358520999285 53.00568804040748461, 5.50210073532784527 53.00215485306144814, 5.5062430355216172 52.99975527550488152, 5.49412087324839682 52.99749459351175318, 5.48806735054238359 52.99527794119921964, 5.48352761588416016 52.992755142428976, 5.47976935252753972 52.9942632510620939, 5.47589903541680201 53.00184377144624648, 5.47571642973345085 53.00726311412494596, 5.47765575455221221 53.01063595270871076, 5.4804063559618994 53.01209239882165036, 5.48827657390220303 53.01099137358067992, 5.49489080892639414 53.01415881790148887, 5.49489080892639414 53.01415881790148887)))</t>
  </si>
  <si>
    <t>MultiPolygon (((5.48167445948284904 53.02044568034709471, 5.48291046058023834 53.01929840616477208, 5.48233270657495453 53.01678905638653561, 5.47806118430388977 53.01136520702499411, 5.47417262684131778 53.01225716695954304, 5.47256049556350987 53.01299350861862791, 5.47239231390553194 53.01460832127866496, 5.47463466261281084 53.02123451813656629, 5.48167445948284904 53.02044568034709471, 5.48167445948284904 53.02044568034709471)))</t>
  </si>
  <si>
    <t>MultiPolygon (((5.39902782302806461 53.11610893020053226, 5.40092760835814545 53.11752240480021214, 5.40532401664939588 53.11378753260613905, 5.40419579183794596 53.11208488234414204, 5.4071208589388986 53.10782681933060445, 5.40607229227580444 53.10669027941672482, 5.40688419903209549 53.1061375181341333, 5.4051086908101027 53.10552170500301372, 5.40560089881918771 53.10427090965972496, 5.40255284240475131 53.10298187102210932, 5.39778465769304372 53.09955484387689495, 5.39956032963319998 53.09627875490556903, 5.39833163043916819 53.09576275089281694, 5.3924258461290826 53.09552784403553005, 5.39049871064092923 53.09551275149505756, 5.39045396926225884 53.09606089209362523, 5.38111363619051275 53.09324652456086824, 5.37940920490885599 53.09165017465043235, 5.37459940486880061 53.09102515070392769, 5.35080988126385293 53.07732622469294625, 5.34372886132745428 53.07453336056734372, 5.34289848430156944 53.07374416621065905, 5.33806899287706837 53.07272957655817436, 5.33905211936453039 53.0680075637738824, 5.33818867329715552 53.06916433579338133, 5.33755584146853224 53.06911889894904988, 5.33624295710600727 53.0732487700777753, 5.33505857387037352 53.07370646540489645, 5.33487572934240628 53.07419143144352347, 5.33548961182362103 53.07546809497564766, 5.33492412739779276 53.07707508733646051, 5.33656758787957486 53.07726243663635302, 5.33837034871785932 53.07511715027034427, 5.34371108850840137 53.07607855988975132, 5.34853683653369494 53.07770486765988949, 5.3778688741178815 53.09493782405503026, 5.38065266852411739 53.09820291952932081, 5.38238604072915905 53.10460340431490778, 5.37918934793739467 53.10711965626932596, 5.37901930557012786 53.1080614077777895, 5.38741522594180644 53.11118139173246533, 5.38831823493211548 53.1102406363607713, 5.39287856172996083 53.10919364924356501, 5.39700171273218654 53.10938657318093448, 5.40220857248786857 53.11318872518633327, 5.39902782302806461 53.11610893020053226, 5.39902782302806461 53.11610893020053226)))</t>
  </si>
  <si>
    <t>MultiPolygon (((5.33309831541335555 53.08017472276169002, 5.33421836742053834 53.07960006914258599, 5.33196622297604605 53.07737231054350246, 5.33293785618233329 53.07513950316015894, 5.33487572934240628 53.07419143144352347, 5.33505857387037352 53.07370646540489645, 5.33453362215625138 53.07198681769500581, 5.33536041133131 53.06988140009764976, 5.33649370377236831 53.06998637991890888, 5.33719881168126165 53.06838516973417796, 5.33600484348836446 53.0682402100710604, 5.33739047177981796 53.06481903926137988, 5.33355425879081047 53.07238199996046291, 5.33117668045905013 53.07328439818245158, 5.32742475336951671 53.07267857528256627, 5.32664027139447249 53.07136331886103164, 5.32635188112072822 53.07183820411527364, 5.32290729094199655 53.07188042173139308, 5.30167997247883349 53.06851793776438342, 5.29712496512017861 53.06724262089269217, 5.2218079150737573 53.02809588212114278, 5.21338547578041567 53.02321767366096594, 5.21270889819820837 53.02126422330228905, 5.21096308172544376 53.02027990625068554, 5.207916753132392 53.01892605290335325, 5.20656436044339443 53.01952762684014431, 5.20469927634390572 53.01864949982415709, 5.20722620226652211 53.01706944696539381, 5.20252874961408907 53.0175109507607516, 5.16676243721782846 52.99925907611944353, 5.16588307062717966 52.99986718892512982, 5.20190554620326129 53.01876416148549964, 5.20161463198776719 53.02084414779344002, 5.20352878422711029 53.01961504967906791, 5.29323566246756627 53.06655245200482085, 5.30115715640448837 53.0692866729961068, 5.3236487830956305 53.07284415626680385, 5.32491890023303061 53.07436023495856858, 5.32350830594521174 53.07911035002484113, 5.32713489594618483 53.0795415602781091, 5.32368282618215272 53.07872804762069308, 5.3258316595616213 53.07370476282100213, 5.3273606605348709 53.073017039838426, 5.33097963815107168 53.07362677428822906, 5.33233121037738744 53.0746863086433649, 5.33146073998623482 53.07753751717659441, 5.33329423501720612 53.07933334975854933, 5.33309831541335555 53.08017472276169002)))</t>
  </si>
  <si>
    <t>MultiPolygon (((5.37940920490885599 53.09165017465043235, 5.38111363619051275 53.09324652456086824, 5.39045396926225884 53.09606089209362523, 5.39049871064092923 53.09551275149505756, 5.3924258461290826 53.09552784403553005, 5.39833163043916819 53.09576275089281694, 5.39956032963319998 53.09627875490556903, 5.40256541038708793 53.0963744397704005, 5.40539937732090703 53.09391471247209182, 5.40925775723648883 53.09311599889402089, 5.40730601761725627 53.08514584353505938, 5.40849043347787983 53.08422064981935762, 5.40963821467964401 53.08423953290888164, 5.41020086529664468 53.08153803118148062, 5.40878432386760633 53.0806329650654547, 5.40783232900812116 53.07781323394166861, 5.40866792017677067 53.07491511961679009, 5.40744596063935834 53.07478110649820735, 5.40383414256686567 53.0723846647754911, 5.40314577512728267 53.07129184230385022, 5.40336476746052963 53.07028875484211738, 5.40422120425931851 53.07020102187345856, 5.40344326211639814 53.06887907109077673, 5.39118628515763199 53.06677070562255949, 5.38993164016606041 53.06951636527371363, 5.39118514353669642 53.07295730095805197, 5.38939772774267922 53.07540799165241907, 5.3894270342765429 53.07678699220743113, 5.38274935303001278 53.08493460951550702, 5.37940920490885599 53.09165017465043235, 5.37940920490885599 53.09165017465043235)))</t>
  </si>
  <si>
    <t>MultiPolygon (((5.39956032963319998 53.09627875490556903, 5.39778465769304372 53.09955484387689495, 5.40255284240475131 53.10298187102210932, 5.40560089881918771 53.10427090965972496, 5.4051086908101027 53.10552170500301372, 5.40688419903209549 53.1061375181341333, 5.4241633704298966 53.0938901489309103, 5.42721369781487173 53.09309391175945336, 5.43389996112581564 53.09329647406357822, 5.43527569625871276 53.0927404869789612, 5.4348889121746371 53.09118832657446063, 5.43600724711291772 53.0889150014636968, 5.44168864200855484 53.08575961135669985, 5.44215470397084644 53.08494167801649155, 5.43864312976131892 53.08131798263539025, 5.43829515629689997 53.07987083502700898, 5.43879947536076092 53.07476379405218125, 5.44072674565084835 53.07203683142903827, 5.44128502539060488 53.06863089978833159, 5.43680504554997324 53.06609936457135746, 5.4293875864182457 53.06450552166773349, 5.41765473601817682 53.06616363995339469, 5.41897202805544786 53.06816492079151004, 5.4191197814845804 53.07032544422451537, 5.41613488402148935 53.07545100911120528, 5.40866792017677067 53.07491511961679009, 5.40783232900812116 53.07781323394166861, 5.40878432386760633 53.0806329650654547, 5.41020086529664468 53.08153803118148062, 5.40963821467964401 53.08423953290888164, 5.40849043347787983 53.08422064981935762, 5.40730601761725627 53.08514584353505938, 5.40925775723648883 53.09311599889402089, 5.40539937732090703 53.09391471247209182, 5.40256541038708793 53.0963744397704005, 5.39956032963319998 53.09627875490556903, 5.39956032963319998 53.09627875490556903)))</t>
  </si>
  <si>
    <t>MultiPolygon (((5.38741522594180644 53.11118139173246533, 5.39605814158663311 53.11448424952823189, 5.39902782302806461 53.11610893020053226, 5.40220857248786857 53.11318872518633327, 5.39700171273218654 53.10938657318093448, 5.39287856172996083 53.10919364924356501, 5.38831823493211548 53.1102406363607713, 5.38741522594180644 53.11118139173246533, 5.38741522594180644 53.11118139173246533)))</t>
  </si>
  <si>
    <t>MultiPolygon (((5.46509083835843246 53.08165636316282132, 5.47046290061328566 53.08692804172109447, 5.46950585037921577 53.08755715726305624, 5.47295081244916748 53.09214428977428923, 5.47841963783343644 53.09123041889339589, 5.48242609262177005 53.09198828810480819, 5.49019673554979715 53.08992463525380145, 5.49092855843090266 53.08825543042776474, 5.49659014151713432 53.08782748628877357, 5.50038953561900179 53.08922294563045341, 5.50290582497169378 53.08750928156107562, 5.50138736762140201 53.08670200802725248, 5.50111866236742841 53.08446252112497632, 5.5029646278402149 53.08324315457197429, 5.50333349627458901 53.08157079547410007, 5.50115874560543272 53.08008835389046709, 5.49843561095588296 53.07508349915687518, 5.49149958193725496 53.07141417662081295, 5.48482561900285059 53.07180843591857666, 5.4813682119486149 53.07291648395985106, 5.472828264827867 53.07852396315892207, 5.46509083835843246 53.08165636316282132, 5.46509083835843246 53.08165636316282132),(5.48486203700272235 53.08600900563673974, 5.48204659648917136 53.08569114884505069, 5.47983571976917894 53.08409675643279257, 5.47952709689904971 53.08065088985374302, 5.48102779996411549 53.07979100340914869, 5.48477005451464805 53.08026707046604287, 5.48705991298287099 53.08244426932153459, 5.48641067491136614 53.08506870142308998, 5.48486203700272235 53.08600900563673974, 5.48486203700272235 53.08600900563673974)))</t>
  </si>
  <si>
    <t>MultiPolygon (((5.52193325901848997 53.10539376574122628, 5.52694359464298834 53.10571483705194851, 5.53004467977802605 53.10188438344619755, 5.53896382004681254 53.10200850607505174, 5.54458531541582911 53.10069661715007783, 5.55651333390956292 53.10143263458314777, 5.55954203466822428 53.099776533832447, 5.55975023337997687 53.08955226913806058, 5.56139983561770901 53.08905631778515755, 5.56626095468065873 53.08425742299260008, 5.56592430121922899 53.08032777928272594, 5.56406922011930138 53.07701808774727681, 5.55818672449085316 53.07429041441539397, 5.5532596589792691 53.07325160133455455, 5.54632467997172096 53.07266614738244925, 5.54158996539657434 53.07356599751491899, 5.53075382547476302 53.07389768160615517, 5.53954106761032783 53.08135611102146356, 5.53446857248284996 53.08438791732599071, 5.52749633796112505 53.08590368828286898, 5.52712829247565018 53.0907284369673107, 5.52304840124699847 53.09153176298033827, 5.51690663744350385 53.09072535512853364, 5.51559043258547987 53.09289518705631394, 5.51184664053825113 53.09392297954261153, 5.51126167218780161 53.09449643908633476, 5.51599800015773845 53.10038561918648981, 5.52129454267104247 53.10217585374149252, 5.52193325901848997 53.10539376574122628, 5.52193325901848997 53.10539376574122628),(5.53926364711606034 53.09201377611719863, 5.53537996077248717 53.09300653911552814, 5.53406861364817448 53.09146931843898187, 5.54411879586298362 53.0881227805051239, 5.54197061766862653 53.08386119321473018, 5.54637244829923315 53.08326122192998042, 5.5488942246798123 53.08353584251906199, 5.55087742191540556 53.08623510457376682, 5.54941950217728586 53.08949505018863135, 5.53926364711606034 53.09201377611719863, 5.53926364711606034 53.09201377611719863)))</t>
  </si>
  <si>
    <t>MultiPolygon (((5.5312123326758913 53.1478887956694237, 5.53795206090337455 53.1444650394824265, 5.53765675945876712 53.14210379784133664, 5.53918235645534551 53.14198454388598947, 5.53966560566969424 53.1409530813820723, 5.54217750086053318 53.1399470436543524, 5.54382534998443166 53.13850960043760097, 5.54731706180361783 53.13736545669178213, 5.5479026692644382 53.13522899387803733, 5.54635209025979847 53.13457403264815326, 5.54585942183799219 53.13262944974314195, 5.5472677939996613 53.13074746618412547, 5.54918660359366989 53.13036637618233016, 5.55067337226934665 53.13122010977627951, 5.55365969162392492 53.12967292487433468, 5.54885668502204243 53.12732590613439498, 5.54346844730807931 53.12763582897091652, 5.54279227689388865 53.12542208284293821, 5.53826429404977461 53.12183902460571971, 5.53865437164064467 53.11751387107715061, 5.53712319415502119 53.11549988991581728, 5.53245257527560508 53.11744939571161694, 5.52778318631900412 53.11454493251642361, 5.52694831814993659 53.11366987974649589, 5.52788747106385525 53.11139825136054071, 5.52565449825955923 53.10782631527121822, 5.52684809737088756 53.10749450793966986, 5.52694359464298834 53.10571483705194851, 5.52193325901848997 53.10539376574122628, 5.5203532208028987 53.10483335573984931, 5.51910105333149126 53.10551317626095624, 5.51239391077416752 53.11074622491868524, 5.51120341639216438 53.11114677369827319, 5.5070618811270764 53.11045796016580312, 5.50475627856254057 53.11104601336484876, 5.50474419734188025 53.11373054858401588, 5.50317183548577571 53.11659014307361559, 5.50562973824695501 53.11756213741983856, 5.5105476667783817 53.12103637130511657, 5.51228917480030578 53.12570550541577319, 5.50888373437775059 53.12689963759190448, 5.5091113926011106 53.12767218561628368, 5.51321955477474468 53.13067368247904199, 5.51410604014910799 53.13039193951604489, 5.51615230467270035 53.13169943292250252, 5.51689978580401874 53.13286228609649697, 5.51410123621405823 53.13584126755257842, 5.5167435045315969 53.13657358687821386, 5.51129343217008305 53.1408369287844522, 5.51250545265737646 53.14187130420111771, 5.51170469519080353 53.14216561491905821, 5.51239572248090326 53.14314901546239156, 5.51019875878996057 53.14454088731492476, 5.51159694059466521 53.14576652901561715, 5.52085652489615342 53.14641499935648028, 5.52464563704016065 53.14554403309328023, 5.52765666138825562 53.14594957063034286, 5.5312123326758913 53.1478887956694237, 5.5312123326758913 53.1478887956694237),(5.52907352084089787 53.12183355412560104, 5.53178180387466245 53.12140629438185613, 5.53573706064764171 53.12187039936826238, 5.53567600062859011 53.12666272719316396, 5.53330819987474598 53.1284672963796325, 5.53194665729432078 53.12876323578103666, 5.52997712841645317 53.12817703052867557, 5.52836141378702361 53.12655363688318033, 5.52907352084089787 53.12183355412560104, 5.52907352084089787 53.12183355412560104)))</t>
  </si>
  <si>
    <t>MultiPolygon (((5.44168864200855484 53.08575961135669985, 5.44528347607078622 53.08770954503282269, 5.45172700441575397 53.08671441729914875, 5.45509027721418338 53.08521808242034723, 5.45408175370786452 53.08359219976270538, 5.46509083835843246 53.08165636316282132, 5.472828264827867 53.07852396315892207, 5.46852389941856742 53.07655062336669971, 5.4647137882629071 53.07618192369140075, 5.46150387585792441 53.07418851931732462, 5.46185641195278304 53.07190642804551572, 5.46366465802786117 53.07012606374681951, 5.45728999497783107 53.06761671186109908, 5.45758682691565511 53.06853422865444259, 5.45168974178495969 53.06874142846960751, 5.44824694658430797 53.06807209857223029, 5.44128502539060488 53.06863089978833159, 5.44072674565084835 53.07203683142903827, 5.43879947536076092 53.07476379405218125, 5.43829515629689997 53.07987083502700898, 5.43864312976131892 53.08131798263539025, 5.44215470397084644 53.08494167801649155, 5.44168864200855484 53.08575961135669985, 5.44168864200855484 53.08575961135669985)))</t>
  </si>
  <si>
    <t>MultiPolygon (((5.472828264827867 53.07852396315892207, 5.4813682119486149 53.07291648395985106, 5.48482561900285059 53.07180843591857666, 5.49149958193725496 53.07141417662081295, 5.49725638379530945 53.06749639145974129, 5.4958419184455245 53.06698458873520252, 5.49464506117611862 53.06784225511211162, 5.48967698282671357 53.06836555747798201, 5.48718246049041181 53.06763868387481153, 5.48911803695181799 53.06600440936441032, 5.49010711927337169 53.06102139395841988, 5.48806135651778426 53.06006388300949794, 5.48537385509379671 53.06024359435027549, 5.47972719884185278 53.06122701145469023, 5.47598321694499912 53.06488546249656935, 5.47302103937911522 53.06354478480815828, 5.46771427444015679 53.06318005252715864, 5.46366465802786117 53.07012606374681951, 5.46185641195278304 53.07190642804551572, 5.46150387585792441 53.07418851931732462, 5.4647137882629071 53.07618192369140075, 5.46852389941856742 53.07655062336669971, 5.472828264827867 53.07852396315892207, 5.472828264827867 53.07852396315892207)))</t>
  </si>
  <si>
    <t>MultiPolygon (((5.48486203700272235 53.08600900563673974, 5.48641067491136614 53.08506870142308998, 5.48705991298287099 53.08244426932153459, 5.48477005451464805 53.08026707046604287, 5.48102779996411549 53.07979100340914869, 5.47952709689904971 53.08065088985374302, 5.47983571976917894 53.08409675643279257, 5.48204659648917136 53.08569114884505069, 5.48486203700272235 53.08600900563673974, 5.48486203700272235 53.08600900563673974)))</t>
  </si>
  <si>
    <t>MultiPolygon (((5.50038953561900179 53.08922294563045341, 5.50170427592214217 53.09031404346946204, 5.50803370360607136 53.09213308047403501, 5.51184664053825113 53.09392297954261153, 5.51559043258547987 53.09289518705631394, 5.51690663744350385 53.09072535512853364, 5.52304840124699847 53.09153176298033827, 5.52712829247565018 53.0907284369673107, 5.52749633796112505 53.08590368828286898, 5.53446857248284996 53.08438791732599071, 5.53954106761032783 53.08135611102146356, 5.53075382547476302 53.07389768160615517, 5.52749830253783525 53.07490079930325777, 5.52146426440068616 53.07466278749976851, 5.51180291317670878 53.07790017282381001, 5.50333349627458901 53.08157079547410007, 5.5029646278402149 53.08324315457197429, 5.50111866236742841 53.08446252112497632, 5.50138736762140201 53.08670200802725248, 5.50290582497169378 53.08750928156107562, 5.50038953561900179 53.08922294563045341, 5.50038953561900179 53.08922294563045341)))</t>
  </si>
  <si>
    <t>MultiPolygon (((5.56626095468065873 53.08425742299260008, 5.57436280763947778 53.086147667092483, 5.58805605360379243 53.08430616126460677, 5.59036753226729299 53.08156085165260407, 5.59249243986770495 53.0766113507186077, 5.58857560250918795 53.07606948604535546, 5.58961094919971835 53.07311121843644486, 5.59172588357696387 53.07041990493002714, 5.59716550995133755 53.07029440031627132, 5.59894256154190906 53.06849239672630603, 5.5915764095566578 53.06701323500636391, 5.59081104444045263 53.06795546729167512, 5.58138307403045975 53.06757152748334505, 5.57116817021180122 53.06402248091902862, 5.56618452432200339 53.06357329335098427, 5.56204356511890818 53.06244429819350472, 5.55367388108162174 53.05804609856361509, 5.54620005415974582 53.05904723698463243, 5.55325067456580257 53.07124647393980865, 5.5532596589792691 53.07325160133455455, 5.55818672449085316 53.07429041441539397, 5.56406922011930138 53.07701808774727681, 5.56592430121922899 53.08032777928272594, 5.56626095468065873 53.08425742299260008, 5.56626095468065873 53.08425742299260008)))</t>
  </si>
  <si>
    <t>MultiPolygon (((5.53926364711606034 53.09201377611719863, 5.54941950217728586 53.08949505018863135, 5.55087742191540556 53.08623510457376682, 5.5488942246798123 53.08353584251906199, 5.54637244829923315 53.08326122192998042, 5.54197061766862653 53.08386119321473018, 5.54411879586298362 53.0881227805051239, 5.53406861364817448 53.09146931843898187, 5.53537996077248717 53.09300653911552814, 5.53926364711606034 53.09201377611719863, 5.53926364711606034 53.09201377611719863)))</t>
  </si>
  <si>
    <t>MultiPolygon (((5.53330819987474598 53.1284672963796325, 5.53567600062859011 53.12666272719316396, 5.53573706064764171 53.12187039936826238, 5.53178180387466245 53.12140629438185613, 5.52907352084089787 53.12183355412560104, 5.52836141378702361 53.12655363688318033, 5.52997712841645317 53.12817703052867557, 5.53194665729432078 53.12876323578103666, 5.53330819987474598 53.1284672963796325, 5.53330819987474598 53.1284672963796325)))</t>
  </si>
  <si>
    <t>MultiPolygon (((5.47219184225531663 53.14661448649404463, 5.4784974825069872 53.14529152362248965, 5.47726946629014311 53.14294249871029052, 5.47966467951447012 53.14298996767463024, 5.48280172697098855 53.14146694943075033, 5.48462949679153411 53.14171860429200223, 5.48710166768231389 53.14100021166296273, 5.48663533333528708 53.14033181619100077, 5.48419180226896508 53.13982001529016941, 5.48302414983357611 53.13886080823915137, 5.48119562752072209 53.13861568894905218, 5.48432167023545247 53.13698817755341963, 5.48827057197697155 53.13830548425194422, 5.49251862903976296 53.14201241461603331, 5.49687166469401678 53.14039147986652267, 5.49791855418276132 53.14073541686175162, 5.50094080955120113 53.13897989439225711, 5.50080661622874167 53.13847063162958051, 5.50288824304173652 53.13784858303230862, 5.50106878534514276 53.1362251054438417, 5.50473757333474811 53.13533916360574949, 5.50498554252698469 53.13472725724795254, 5.5129403919705382 53.13858076078973625, 5.51042601632336826 53.14010137872018902, 5.51129343217008305 53.1408369287844522, 5.5167435045315969 53.13657358687821386, 5.51410123621405823 53.13584126755257842, 5.51689978580401874 53.13286228609649697, 5.51615230467270035 53.13169943292250252, 5.51410604014910799 53.13039193951604489, 5.51321955477474468 53.13067368247904199, 5.5091113926011106 53.12767218561628368, 5.50888373437775059 53.12689963759190448, 5.51228917480030578 53.12570550541577319, 5.5105476667783817 53.12103637130511657, 5.50562973824695501 53.11756213741983856, 5.50317183548577571 53.11659014307361559, 5.50474419734188025 53.11373054858401588, 5.50475627856254057 53.11104601336484876, 5.5070618811270764 53.11045796016580312, 5.50711792339259354 53.10962951921609942, 5.50381566417497847 53.10782550294892701, 5.49995378470395746 53.10765229509466678, 5.49499178564629709 53.10886209897316945, 5.49438725966132502 53.1101886179918381, 5.49565565877001827 53.11214919907143184, 5.49484395921158075 53.11247061477166653, 5.48719174571564938 53.11310570293148459, 5.47889690710480703 53.11573172397216069, 5.47537859915300995 53.1130223300028419, 5.46936773350212935 53.11777225769768052, 5.47171868507111281 53.1194240120807919, 5.46532900818788558 53.12527981060019044, 5.45805318368831305 53.12934199556448789, 5.45876832562746372 53.13083264940194539, 5.46152885519538422 53.13657906076404913, 5.46669702413221881 53.14372772721519311, 5.46833759650868512 53.14333277904007957, 5.46964378617531555 53.14512711454273131, 5.47219184225531663 53.14661448649404463, 5.47219184225531663 53.14661448649404463),(5.46612990581481029 53.13106951047392101, 5.47723557570113861 53.12267285365476965, 5.48574498318863757 53.12509905719311121, 5.48456320767212979 53.12696121088360712, 5.48674337947342217 53.13051947981045942, 5.47488967190769138 53.13637569575426056, 5.47211259162160335 53.13665288861540148, 5.47064806207505416 53.13740535398319764, 5.46756002921795581 53.13209911719935974, 5.46612990581481029 53.13106951047392101, 5.46612990581481029 53.13106951047392101)))</t>
  </si>
  <si>
    <t>MultiPolygon (((5.42641880583690561 53.15313151796522106, 5.43550980905545256 53.15352550017805555, 5.43517608851910428 53.15278288326535261, 5.44264995697099341 53.15108960380718628, 5.4427403815528681 53.1502705658566299, 5.44390782955788755 53.14993659293786266, 5.44462887427198083 53.15109893122770046, 5.45111857669801392 53.14992338570414177, 5.4528498320681198 53.1480925373775861, 5.45511000739417007 53.1475826128908011, 5.46302806020644915 53.14726806888380395, 5.46143649708423418 53.14454716618271846, 5.46669702413221881 53.14372772721519311, 5.46152885519538422 53.13657906076404913, 5.45876832562746372 53.13083264940194539, 5.44779854474827818 53.1336108291213165, 5.44714011649926189 53.1317022435769033, 5.43674045332881839 53.13226861947769208, 5.434023230993966 53.13132115305614889, 5.42379362854951719 53.12963146643264167, 5.41300789814663119 53.12877558374150055, 5.40617348845320578 53.12672302134083679, 5.40970706894007236 53.13741103968003188, 5.41159832635395066 53.15193900472411315, 5.41269148691736834 53.1519673477388892, 5.41303187155546794 53.15288512181876968, 5.41347866766163666 53.15271763975793107, 5.41489455310136591 53.15219514759908748, 5.41419584657393482 53.15163632351433165, 5.41708980564285447 53.15082214560773366, 5.42143588797776665 53.1538140344678709, 5.42641880583690561 53.15313151796522106),(5.43317763134013365 53.13923243384680006, 5.44040994201732531 53.13824033918157852, 5.44578391190583844 53.138684306329381, 5.44710849480396675 53.14122718365945275, 5.44646883981760954 53.14234622991860846, 5.44224464911357142 53.14392468876662434, 5.43539059789467771 53.14499526927647821, 5.43299499365558614 53.14172820054822921, 5.43317763134013365 53.13923243384680006, 5.43317763134013365 53.13923243384680006)))</t>
  </si>
  <si>
    <t>MultiPolygon (((5.40617348845320578 53.12672302134083679, 5.41300789814663119 53.12877558374150055, 5.42379362854951719 53.12963146643264167, 5.434023230993966 53.13132115305614889, 5.43674045332881839 53.13226861947769208, 5.44714011649926189 53.1317022435769033, 5.44779854474827818 53.1336108291213165, 5.45876832562746372 53.13083264940194539, 5.45805318368831305 53.12934199556448789, 5.46532900818788558 53.12527981060019044, 5.47171868507111281 53.1194240120807919, 5.46936773350212935 53.11777225769768052, 5.46756577376848441 53.11659184511226073, 5.46462295581736068 53.11798715262663961, 5.45868832773656454 53.11307840220171528, 5.46039786978370412 53.11200019018314578, 5.46045472401779985 53.11029789829805736, 5.45171179712804843 53.10655976482495788, 5.45060264299167496 53.10481710154811452, 5.44582325599349559 53.10261519501667493, 5.44519910022716136 53.10149507340910446, 5.44659216184446926 53.10056154338228396, 5.44081909096041993 53.09596687093003453, 5.43527569625871276 53.0927404869789612, 5.43389996112581564 53.09329647406357822, 5.42721369781487173 53.09309391175945336, 5.4241633704298966 53.0938901489309103, 5.40688419903209549 53.1061375181341333, 5.40607229227580444 53.10669027941672482, 5.4071208589388986 53.10782681933060445, 5.40419579183794596 53.11208488234414204, 5.40532401664939588 53.11378753260613905, 5.40092760835814545 53.11752240480021214, 5.40439955276577155 53.12152593808410472, 5.40617348845320578 53.12672302134083679, 5.40617348845320578 53.12672302134083679),(5.43763831864087255 53.11808077445794396, 5.43558729161248522 53.11775083219303895, 5.43400359806004296 53.1159986635768675, 5.43416241773848174 53.11504610347643762, 5.44041870909551317 53.11274759616724594, 5.44273960560225323 53.11278248390963341, 5.44364582751011827 53.11718287350551293, 5.44262807400451099 53.11788705200977034, 5.43763831864087255 53.11808077445794396, 5.43763831864087255 53.11808077445794396)))</t>
  </si>
  <si>
    <t>MultiPolygon (((5.46936773350212935 53.11777225769768052, 5.47537859915300995 53.1130223300028419, 5.47889690710480703 53.11573172397216069, 5.48719174571564938 53.11310570293148459, 5.49484395921158075 53.11247061477166653, 5.49565565877001827 53.11214919907143184, 5.49438725966132502 53.1101886179918381, 5.49499178564629709 53.10886209897316945, 5.49995378470395746 53.10765229509466678, 5.50381566417497847 53.10782550294892701, 5.50711792339259354 53.10962951921609942, 5.5070618811270764 53.11045796016580312, 5.51120341639216438 53.11114677369827319, 5.51239391077416752 53.11074622491868524, 5.51910105333149126 53.10551317626095624, 5.5203532208028987 53.10483335573984931, 5.52193325901848997 53.10539376574122628, 5.52129454267104247 53.10217585374149252, 5.51599800015773845 53.10038561918648981, 5.51126167218780161 53.09449643908633476, 5.51184664053825113 53.09392297954261153, 5.50803370360607136 53.09213308047403501, 5.50170427592214217 53.09031404346946204, 5.50038953561900179 53.08922294563045341, 5.49659014151713432 53.08782748628877357, 5.49092855843090266 53.08825543042776474, 5.49019673554979715 53.08992463525380145, 5.48242609262177005 53.09198828810480819, 5.47841963783343644 53.09123041889339589, 5.47295081244916748 53.09214428977428923, 5.46950585037921577 53.08755715726305624, 5.47046290061328566 53.08692804172109447, 5.46509083835843246 53.08165636316282132, 5.45408175370786452 53.08359219976270538, 5.45509027721418338 53.08521808242034723, 5.45172700441575397 53.08671441729914875, 5.44528347607078622 53.08770954503282269, 5.44168864200855484 53.08575961135669985, 5.43600724711291772 53.0889150014636968, 5.4348889121746371 53.09118832657446063, 5.43527569625871276 53.0927404869789612, 5.44081909096041993 53.09596687093003453, 5.44659216184446926 53.10056154338228396, 5.44519910022716136 53.10149507340910446, 5.44582325599349559 53.10261519501667493, 5.45060264299167496 53.10481710154811452, 5.45171179712804843 53.10655976482495788, 5.46045472401779985 53.11029789829805736, 5.46039786978370412 53.11200019018314578, 5.45868832773656454 53.11307840220171528, 5.46462295581736068 53.11798715262663961, 5.46756577376848441 53.11659184511226073, 5.46936773350212935 53.11777225769768052, 5.46936773350212935 53.11777225769768052),(5.47297555613309505 53.10770332898991342, 5.47223232487017697 53.10788301544593537, 5.45939324888021815 53.10243535153799854, 5.4567815802436197 53.10040946104449944, 5.456181465731893 53.09945562063667523, 5.45708915693245444 53.09759108356978885, 5.46113341111213568 53.09413188914528092, 5.46235285438596208 53.09401992894990485, 5.46516470701658985 53.09536488914476848, 5.47816454580125267 53.09654233198685347, 5.48006135774616254 53.09974621149573437, 5.47816484539812443 53.1035098322483492, 5.47297555613309505 53.10770332898991342, 5.47297555613309505 53.10770332898991342)))</t>
  </si>
  <si>
    <t>MultiPolygon (((5.47211259162160335 53.13665288861540148, 5.47488967190769138 53.13637569575426056, 5.48674337947342217 53.13051947981045942, 5.48456320767212979 53.12696121088360712, 5.48574498318863757 53.12509905719311121, 5.47723557570113861 53.12267285365476965, 5.46612990581481029 53.13106951047392101, 5.46756002921795581 53.13209911719935974, 5.47064806207505416 53.13740535398319764, 5.47211259162160335 53.13665288861540148, 5.47211259162160335 53.13665288861540148)))</t>
  </si>
  <si>
    <t>MultiPolygon (((5.44224464911357142 53.14392468876662434, 5.44646883981760954 53.14234622991860846, 5.44710849480396675 53.14122718365945275, 5.44578391190583844 53.138684306329381, 5.44040994201732531 53.13824033918157852, 5.43317763134013365 53.13923243384680006, 5.43299499365558614 53.14172820054822921, 5.43539059789467771 53.14499526927647821, 5.44224464911357142 53.14392468876662434)))</t>
  </si>
  <si>
    <t>MultiPolygon (((5.43763831864087255 53.11808077445794396, 5.44262807400451099 53.11788705200977034, 5.44364582751011827 53.11718287350551293, 5.44273960560225323 53.11278248390963341, 5.44041870909551317 53.11274759616724594, 5.43416241773848174 53.11504610347643762, 5.43400359806004296 53.1159986635768675, 5.43558729161248522 53.11775083219303895, 5.43763831864087255 53.11808077445794396, 5.43763831864087255 53.11808077445794396)))</t>
  </si>
  <si>
    <t>MultiPolygon (((5.47297555613309505 53.10770332898991342, 5.47816484539812443 53.1035098322483492, 5.48006135774616254 53.09974621149573437, 5.47816454580125267 53.09654233198685347, 5.46516470701658985 53.09536488914476848, 5.46235285438596208 53.09401992894990485, 5.46113341111213568 53.09413188914528092, 5.45708915693245444 53.09759108356978885, 5.456181465731893 53.09945562063667523, 5.4567815802436197 53.10040946104449944, 5.45939324888021815 53.10243535153799854, 5.47223232487017697 53.10788301544593537, 5.47297555613309505 53.10770332898991342, 5.47297555613309505 53.10770332898991342)))</t>
  </si>
  <si>
    <t>MultiPolygon (((5.64965765759800309 52.93897409184860692, 5.65582233445418758 52.93503866303657901, 5.64245500509971087 52.93616728285305584, 5.6399782778120775 52.92246947831666404, 5.63963379511499241 52.92241637260678999, 5.63027849713070072 52.93540957333845398, 5.63043662900535402 52.93813436332711575, 5.63871438310027706 52.93768530410844875, 5.63916315248821753 52.93888909081928063, 5.64075705516244419 52.93952755922175868, 5.64965765759800309 52.93897409184860692, 5.64965765759800309 52.93897409184860692)),((5.64088665911236831 52.96637682952025017, 5.64189296515495187 52.9659017857414014, 5.64924145647230258 52.96622399790653191, 5.6493783896820613 52.95312335539725979, 5.64725183500455952 52.95032708225652129, 5.64517572556922165 52.94395128956772822, 5.63151526363006916 52.94481013685962267, 5.63441218150854795 52.95041051912878061, 5.63855499942678318 52.95747522161165932, 5.6408554376070601 52.96385231252885717, 5.6399996190490036 52.96512680883513013, 5.64088665911236831 52.96637682952025017, 5.64088665911236831 52.96637682952025017)),((5.6893259643199432 52.93296662689434839, 5.68334034127739685 52.93388108037426321, 5.6790662678773387 52.9329518102753056, 5.66377209370146772 52.93432014444562839, 5.6590186273797487 52.94403066055907203, 5.65746984392628249 52.95384500398436955, 5.65974784700925415 52.96120410781713872, 5.65912231714639624 52.96682533653188329, 5.690872987950228 52.96703959812063545, 5.69075008360067436 52.96255711984986903, 5.68913444289105996 52.94552024600511686, 5.68814120936612078 52.93627232937023308, 5.6893259643199432 52.93296662689434839)))</t>
  </si>
  <si>
    <t>MultiPolygon (((5.63075749637438783 52.95724313256851445, 5.63441218150854795 52.95041051912878061, 5.63151526363006916 52.94481013685962267, 5.62781813141621079 52.94774381853984124, 5.6274452510413342 52.94917564143486288, 5.62644257232379807 52.94921135339540541, 5.62460793577065488 52.95164581425651562, 5.63075749637438783 52.95724313256851445, 5.63075749637438783 52.95724313256851445)))</t>
  </si>
  <si>
    <t>MultiPolygon (((5.65791322229789806 52.96675169953684303, 5.65912231714639624 52.96682533653188329, 5.65974784700925415 52.96120410781713872, 5.65746984392628249 52.95384500398436955, 5.6590186273797487 52.94403066055907203, 5.66377209370146772 52.93432014444562839, 5.65582233445418758 52.93503866303657901, 5.64965765759800309 52.93897409184860692, 5.64719823615586947 52.94060622849320197, 5.64517572556922165 52.94395128956772822, 5.64725183500455952 52.95032708225652129, 5.6493783896820613 52.95312335539725979, 5.64924145647230258 52.96622399790653191, 5.65791322229789806 52.96675169953684303, 5.65791322229789806 52.96675169953684303)))</t>
  </si>
  <si>
    <t>MultiPolygon (((5.62843416164661026 52.96818640592091043, 5.63085716594753549 52.9670778607424424, 5.63936498824305943 52.96733765218102263, 5.64088665911236831 52.96637682952025017, 5.6399996190490036 52.96512680883513013, 5.6408554376070601 52.96385231252885717, 5.63855499942678318 52.95747522161165932, 5.63441218150854795 52.95041051912878061, 5.63075749637438783 52.95724313256851445, 5.62904799335720885 52.9607900159638163, 5.6276487571432332 52.96612114642990576, 5.62843416164661026 52.96818640592091043, 5.62843416164661026 52.96818640592091043)))</t>
  </si>
  <si>
    <t>MultiPolygon (((5.63043662900535402 52.93813436332711575, 5.63027849713070072 52.93540957333845398, 5.63963379511499241 52.92241637260678999, 5.62075060918150449 52.91950356986951221, 5.5942598490800437 52.9154115794446156, 5.58260235712275588 52.92941311241809643, 5.58027466681845929 52.93275209256273683, 5.58052782448977247 52.93395921549545591, 5.58655939509404043 52.93531255378696443, 5.58656359665994096 52.93689133520027212, 5.59256102669545907 52.93758322550596063, 5.59615685987562195 52.93962193912025072, 5.59699876206736224 52.93959013263184943, 5.59727153664304833 52.93817486688104168, 5.60576946013030852 52.93883190035536757, 5.61346767639971045 52.94150615806770332, 5.61922010896900215 52.94238757254456118, 5.61980918382726102 52.93931309758151826, 5.63043662900535402 52.93813436332711575, 5.63043662900535402 52.93813436332711575)))</t>
  </si>
  <si>
    <t>MultiPolygon (((5.62904799335720885 52.9607900159638163, 5.63075749637438783 52.95724313256851445, 5.62460793577065488 52.95164581425651562, 5.62644257232379807 52.94921135339540541, 5.6274452510413342 52.94917564143486288, 5.62781813141621079 52.94774381853984124, 5.62738890079953791 52.94650232215777663, 5.62117800581604676 52.94548066662643038, 5.61922010896900215 52.94238757254456118, 5.61346767639971045 52.94150615806770332, 5.60576946013030852 52.93883190035536757, 5.59727153664304833 52.93817486688104168, 5.59699876206736224 52.93959013263184943, 5.59615685987562195 52.93962193912025072, 5.59256102669545907 52.93758322550596063, 5.58656359665994096 52.93689133520027212, 5.58655939509404043 52.93531255378696443, 5.58052782448977247 52.93395921549545591, 5.57890100068057571 52.9339416912566918, 5.57725938448580294 52.93520454396029606, 5.57281869808385988 52.94224649386800508, 5.56957358253243395 52.94474251793339192, 5.57300306318269545 52.95678476262472856, 5.60987959902431932 52.95895365531837484, 5.61826454444241907 52.95995486033559274, 5.61837460498305052 52.95909308657164871, 5.62008385885209449 52.95869773842055395, 5.62617963247361175 52.95878398375798923, 5.62690385576865992 52.96029054482868759, 5.62904799335720885 52.9607900159638163, 5.62904799335720885 52.9607900159638163)))</t>
  </si>
  <si>
    <t>MultiPolygon (((5.62781813141621079 52.94774381853984124, 5.63151526363006916 52.94481013685962267, 5.64517572556922165 52.94395128956772822, 5.64719823615586947 52.94060622849320197, 5.64965765759800309 52.93897409184860692, 5.64075705516244419 52.93952755922175868, 5.63916315248821753 52.93888909081928063, 5.63871438310027706 52.93768530410844875, 5.63043662900535402 52.93813436332711575, 5.61980918382726102 52.93931309758151826, 5.61922010896900215 52.94238757254456118, 5.62117800581604676 52.94548066662643038, 5.62738890079953791 52.94650232215777663, 5.62781813141621079 52.94774381853984124, 5.62781813141621079 52.94774381853984124)))</t>
  </si>
  <si>
    <t>MultiPolygon (((5.70718753939813794 52.98658546551180137, 5.70777678020535806 52.98510883768760493, 5.70654169272411593 52.98447529790956168, 5.7051744776096438 52.98424319856784592, 5.69736915710559177 52.98608796828322909, 5.69185890318698906 52.98859110902397873, 5.69080103729297093 52.98827151711087424, 5.68687367367743946 52.99235349565658737, 5.69693885556481838 53.00143031040687447, 5.70059656448368646 53.0033752754474321, 5.71445310438858911 52.99337413973017874, 5.71311758703797334 52.99033084859464537, 5.70718753939813794 52.98658546551180137)),((5.74889122642568129 53.00784193243175935, 5.74818122403125642 53.00728191007896584, 5.74218255719012127 53.00535143820976458, 5.74149983969517308 53.00429781690682773, 5.74225818050042935 53.00230062581367463, 5.73894226916117667 53.00119613774976557, 5.73356566122695899 53.00093000927874698, 5.73103392218710361 53.00137191415348781, 5.72316858903305725 52.99905334334056306, 5.72187212854356897 52.99758204443345022, 5.71613240069391981 52.99516434462405101, 5.71485676528520514 52.99798742845076305, 5.71233405150162543 53.00064693725068565, 5.70794064789765532 53.00379632830956211, 5.71255355826814792 53.00448724570994585, 5.71456609912043856 53.00581555603629624, 5.71160288761835755 53.00927357655758954, 5.72194028967852475 53.01031091940271267, 5.72227709336063306 53.00782641569103504, 5.73386707194030443 53.00959341626488452, 5.73616429380887638 53.01389279605596982, 5.74806592512923409 53.00846139284947611, 5.74889122642568129 53.00784193243175935, 5.74889122642568129 53.00784193243175935)))</t>
  </si>
  <si>
    <t>MultiPolygon (((5.70004876135069338 53.00384399215576536, 5.70059656448368646 53.0033752754474321, 5.69693885556481838 53.00143031040687447, 5.68687367367743946 52.99235349565658737, 5.6816553768545548 53.0000586680998822, 5.67810991871436421 53.0087383711415896, 5.6785464806848811 53.00959733560605258, 5.68022435294027517 53.00987881326631168, 5.68791909555794284 53.01438552477466004, 5.70004876135069338 53.00384399215576536, 5.70004876135069338 53.00384399215576536)),((5.73324130153335343 53.01543806578099094, 5.73616429380887638 53.01389279605596982, 5.73386707194030443 53.00959341626488452, 5.72227709336063306 53.00782641569103504, 5.72194028967852475 53.01031091940271267, 5.71160288761835755 53.00927357655758954, 5.70809186377771116 53.00731268550737951, 5.70421955915919199 53.00686753106460714, 5.70061616161741291 53.01084275084411246, 5.69716920658185799 53.01671664324857858, 5.70772264474156188 53.0152836143275934, 5.71498684478921781 53.0153552177307219, 5.72294124910074409 53.0145935814213729, 5.72458544357022792 53.01833150261710159, 5.73324130153335343 53.01543806578099094, 5.73324130153335343 53.01543806578099094)))</t>
  </si>
  <si>
    <t>MultiPolygon (((5.70421955915919199 53.00686753106460714, 5.70809186377771116 53.00731268550737951, 5.71160288761835755 53.00927357655758954, 5.71456609912043856 53.00581555603629624, 5.71255355826814792 53.00448724570994585, 5.70794064789765532 53.00379632830956211, 5.71233405150162543 53.00064693725068565, 5.71485676528520514 52.99798742845076305, 5.71613240069391981 52.99516434462405101, 5.71445310438858911 52.99337413973017874, 5.70059656448368646 53.0033752754474321, 5.70004876135069338 53.00384399215576536, 5.70421955915919199 53.00686753106460714, 5.70421955915919199 53.00686753106460714)))</t>
  </si>
  <si>
    <t>MultiPolygon (((5.68791909555794284 53.01438552477466004, 5.69296661807940918 53.01753142445375744, 5.69716920658185799 53.01671664324857858, 5.70061616161741291 53.01084275084411246, 5.70421955915919199 53.00686753106460714, 5.70004876135069338 53.00384399215576536, 5.68791909555794284 53.01438552477466004, 5.68791909555794284 53.01438552477466004)))</t>
  </si>
  <si>
    <t>MultiPolygon (((5.59894256154190906 53.06849239672630603, 5.60195447168926997 53.06882831575590842, 5.60158145498589732 53.06373330422300683, 5.60439367409255595 53.06323624622462631, 5.60516183576194837 53.06025149233105509, 5.601813222778528 53.05931850845772857, 5.60321223281255154 53.05870157178607371, 5.60851234939160381 53.06002012795917011, 5.61100680948447916 53.05893323266491279, 5.61211676663355341 53.05815049068674227, 5.60995935268800228 53.05627925544049361, 5.60993965814944762 53.05534755385948387, 5.61196486975617148 53.05442438062400612, 5.60531552562842261 53.04983415397622082, 5.60586035179783249 53.04609664719676232, 5.60410152898365599 53.04623744834207599, 5.5992106510958779 53.04409462103409112, 5.59854017037374607 53.04146682246515354, 5.59369484835919462 53.0431006426347551, 5.58881043582100201 53.04216375558306851, 5.58796285401987713 53.03943173333740901, 5.59014470749223058 53.03893830893996864, 5.58967338052156304 53.03377548205977376, 5.58881181493309764 53.03377862207065618, 5.58819381019166173 53.02973704555961376, 5.58051972667661111 53.02957615802012015, 5.57248868553545673 53.0310025006667658, 5.56996686922965534 53.03002970719554554, 5.56228227490356275 53.03684872793296279, 5.57458291268768047 53.0403267850605431, 5.57467368686531461 53.04370877040390297, 5.57019574932966499 53.04505406896300457, 5.57135020802493131 53.04654454144974807, 5.56969586380902459 53.04746028477757136, 5.54948765650732323 53.05252219050230877, 5.54927125174680747 53.05331255244848165, 5.55286568426834393 53.05466271777036269, 5.55476263354711008 53.05412675506901365, 5.5572987854521525 53.05603764602400929, 5.55444102127000505 53.05697397618067868, 5.55367388108162174 53.05804609856361509, 5.56204356511890818 53.06244429819350472, 5.56618452432200339 53.06357329335098427, 5.57116817021180122 53.06402248091902862, 5.58138307403045975 53.06757152748334505, 5.59081104444045263 53.06795546729167512, 5.5915764095566578 53.06701323500636391, 5.59894256154190906 53.06849239672630603, 5.59894256154190906 53.06849239672630603),(5.57773919102487881 53.05380635118779509, 5.57343973901487644 53.05327877814831083, 5.57224195125393074 53.05181211698796773, 5.57194029271098135 53.04926359525612867, 5.57582862734876006 53.04737494862448699, 5.58015003808628407 53.0477027838165256, 5.58299904999511831 53.04923701292354821, 5.58206768706844425 53.05332942760766457, 5.57773919102487881 53.05380635118779509, 5.57773919102487881 53.05380635118779509)))</t>
  </si>
  <si>
    <t>MultiPolygon (((5.60195447168926997 53.06882831575590842, 5.60208204390570774 53.06995273930496637, 5.60876795084923874 53.07110494807243128, 5.6106810999193657 53.07254939077549238, 5.61103826813561213 53.07377549771086933, 5.62396427166238588 53.07522325065073687, 5.62683448471963299 53.07131183074729108, 5.63482779925116439 53.07190883023313432, 5.63606275794732525 53.0687588408376385, 5.63935858290870229 53.06685004248922155, 5.64371427780302604 53.06131540479424302, 5.63799630880136959 53.06120882452557197, 5.63571898178529729 53.05961566676110408, 5.63502011259158575 53.05989030716551014, 5.63029834274354712 53.05619307835873855, 5.63074967025729034 53.05353579601007397, 5.62918348663548329 53.05001483634590187, 5.62634228675937642 53.04708049229608946, 5.62427549480287148 53.04774154650979057, 5.62531188961658746 53.04908162246778147, 5.62280798157481776 53.04984646534491333, 5.62216736497910574 53.0491434437741276, 5.62059270615139006 53.04970422392668183, 5.61532533234044173 53.05334025626374483, 5.61196486975617148 53.05442438062400612, 5.60993965814944762 53.05534755385948387, 5.60995935268800228 53.05627925544049361, 5.61211676663355341 53.05815049068674227, 5.61100680948447916 53.05893323266491279, 5.60851234939160381 53.06002012795917011, 5.60321223281255154 53.05870157178607371, 5.601813222778528 53.05931850845772857, 5.60516183576194837 53.06025149233105509, 5.60439367409255595 53.06323624622462631, 5.60158145498589732 53.06373330422300683, 5.60195447168926997 53.06882831575590842, 5.60195447168926997 53.06882831575590842),(5.62520763926371803 53.06160555775485932, 5.62302901676947453 53.06145767279664938, 5.62062759492858 53.05896876082688607, 5.62120660965483943 53.05682558571593432, 5.62348382649054113 53.05620668892874647, 5.62685234900242559 53.05690539099273906, 5.62894592550129857 53.05843385820210756, 5.62786433012379295 53.06053820780215347, 5.62520763926371803 53.06160555775485932, 5.62520763926371803 53.06160555775485932)))</t>
  </si>
  <si>
    <t>MultiPolygon (((5.61196486975617148 53.05442438062400612, 5.61532533234044173 53.05334025626374483, 5.62059270615139006 53.04970422392668183, 5.62216736497910574 53.0491434437741276, 5.62280798157481776 53.04984646534491333, 5.62531188961658746 53.04908162246778147, 5.62427549480287148 53.04774154650979057, 5.62056475890900575 53.04477034756207132, 5.62170539849552586 53.04418375241179717, 5.620767242405039 53.04265376294978296, 5.61012384945842779 53.04560689810043783, 5.60586035179783249 53.04609664719676232, 5.60531552562842261 53.04983415397622082, 5.61196486975617148 53.05442438062400612, 5.61196486975617148 53.05442438062400612)))</t>
  </si>
  <si>
    <t>MultiPolygon (((5.60586035179783249 53.04609664719676232, 5.61012384945842779 53.04560689810043783, 5.620767242405039 53.04265376294978296, 5.62124847149565454 53.0423174322303197, 5.61881024108889893 53.0403590827081004, 5.6148555411978025 53.03879159748465355, 5.61522274212175354 53.03660404474483414, 5.61849225029816246 53.03400689468008267, 5.62164801528237401 53.02817375619281393, 5.61824864302164251 53.02815397733657221, 5.61507031388202993 53.02552377685807272, 5.60816491272839013 53.0239916896139718, 5.60408742970701645 53.02461133616336042, 5.5972064287153378 53.02739134430306223, 5.59618728765678775 53.02874216911906302, 5.59633662266284215 53.0306396598181351, 5.58819381019166173 53.02973704555961376, 5.58881181493309764 53.03377862207065618, 5.58967338052156304 53.03377548205977376, 5.59014470749223058 53.03893830893996864, 5.58796285401987713 53.03943173333740901, 5.58881043582100201 53.04216375558306851, 5.59369484835919462 53.0431006426347551, 5.59854017037374607 53.04146682246515354, 5.5992106510958779 53.04409462103409112, 5.60410152898365599 53.04623744834207599, 5.60586035179783249 53.04609664719676232, 5.60586035179783249 53.04609664719676232)))</t>
  </si>
  <si>
    <t>MultiPolygon (((5.57773919102487881 53.05380635118779509, 5.58206768706844425 53.05332942760766457, 5.58299904999511831 53.04923701292354821, 5.58015003808628407 53.0477027838165256, 5.57582862734876006 53.04737494862448699, 5.57194029271098135 53.04926359525612867, 5.57224195125393074 53.05181211698796773, 5.57343973901487644 53.05327877814831083, 5.57773919102487881 53.05380635118779509, 5.57773919102487881 53.05380635118779509)))</t>
  </si>
  <si>
    <t>MultiPolygon (((5.62520763926371803 53.06160555775485932, 5.62786433012379295 53.06053820780215347, 5.62894592550129857 53.05843385820210756, 5.62685234900242559 53.05690539099273906, 5.62348382649054113 53.05620668892874647, 5.62120660965483943 53.05682558571593432, 5.62062759492858 53.05896876082688607, 5.62302901676947453 53.06145767279664938, 5.62520763926371803 53.06160555775485932, 5.62520763926371803 53.06160555775485932)))</t>
  </si>
  <si>
    <t>MultiPolygon (((5.53531009353041537 53.0469728648805372, 5.5382443217856876 53.0463129430520155, 5.54693115853431795 53.04930388869607327, 5.54975893295303724 53.05084387791151102, 5.54948765650732323 53.05252219050230877, 5.56969586380902459 53.04746028477757136, 5.57135020802493131 53.04654454144974807, 5.57019574932966499 53.04505406896300457, 5.57467368686531461 53.04370877040390297, 5.57458291268768047 53.0403267850605431, 5.56228227490356275 53.03684872793296279, 5.56182279231789067 53.03641076643478414, 5.56332488490763044 53.03477534451826614, 5.55530106140660518 53.03268134568497771, 5.55543494140634486 53.03224814048814295, 5.53456710498384652 53.02658193129956032, 5.53361418837188346 53.0278654584105098, 5.53479355500474934 53.03271658306524472, 5.53043120469799288 53.0381173074611425, 5.53115541509892683 53.04255635798423185, 5.52867056255062206 53.04394317520199564, 5.52960761153528146 53.04528475816987054, 5.5321268381877049 53.04413079785532403, 5.53531009353041537 53.0469728648805372, 5.53531009353041537 53.0469728648805372),(5.54720487464685075 53.03785776558638787, 5.54530746647505079 53.0383472226845285, 5.54292585107013114 53.03776962463267353, 5.54160183075038493 53.03561468495139053, 5.54251432591298521 53.03440656173362555, 5.5459715654326498 53.03406953462361884, 5.54839497155129813 53.03515585265724042, 5.54893557708850249 53.0362126707937378, 5.54720487464685075 53.03785776558638787, 5.54720487464685075 53.03785776558638787)))</t>
  </si>
  <si>
    <t>MultiPolygon (((5.55543494140634486 53.03224814048814295, 5.55530106140660518 53.03268134568497771, 5.56332488490763044 53.03477534451826614, 5.56182279231789067 53.03641076643478414, 5.56228227490356275 53.03684872793296279, 5.56996686922965534 53.03002970719554554, 5.57248868553545673 53.0310025006667658, 5.58051972667661111 53.02957615802012015, 5.58819381019166173 53.02973704555961376, 5.58716092457320368 53.02296156882353984, 5.58863887802198533 53.02255246461523797, 5.58750392840293131 53.01523067984156512, 5.58890311497155157 53.01491325026243118, 5.58800327310636202 53.01204257018066102, 5.58465807922220936 53.01034919985466587, 5.57788306347206575 53.01094654920628813, 5.57356009456696899 53.01043161089003064, 5.57200720959879359 53.00684124643657924, 5.56831056159604376 53.00563489969540854, 5.55922048367704136 53.00607236649671705, 5.55867363988184504 53.00529023376416404, 5.55568496669064071 53.00561180923463667, 5.55886537502848999 53.01122699436270835, 5.56090849278719812 53.01916328776541576, 5.55427763749216297 53.01887620007056512, 5.55316033992346014 53.02134444468831731, 5.55104873172507052 53.02175622735862959, 5.55244260653676047 53.02303932179433588, 5.55265530184418665 53.02569273628593294, 5.55808280600665316 53.02818941269332953, 5.55543494140634486 53.03224814048814295, 5.55543494140634486 53.03224814048814295),(5.57032686871986549 53.01995741650954841, 5.56926091081336416 53.02051786928585386, 5.56860038308857774 53.02008866323916436, 5.56832998904890619 53.01778413221251895, 5.57346800379841767 53.01501749383681528, 5.57641666834778604 53.01704541226571621, 5.57596113121165793 53.018519857365348, 5.57263697424175142 53.0203447507988912, 5.57032686871986549 53.01995741650954841, 5.57032686871986549 53.01995741650954841)))</t>
  </si>
  <si>
    <t>MultiPolygon (((5.62164801528237401 53.02817375619281393, 5.62756408733978652 53.02544975171174002, 5.62495525298575316 53.02368764552427649, 5.62092811731092912 53.02227465595480993, 5.61855248285089548 53.01890779260289577, 5.61776220653118763 53.01570183146828441, 5.61644756593468841 53.01448898317160996, 5.60765540451391065 53.01169004989284161, 5.60732283486753147 53.00955027339070114, 5.6090694113041053 53.00702867320826073, 5.61447866060947831 52.99730669553908768, 5.61227220309659014 52.99690705497670251, 5.6125700210079561 52.99514182976369625, 5.6080792693698962 52.99362087807416088, 5.60606535516510363 52.99356168070508488, 5.60560164646812886 52.99464311945581585, 5.60302332071241249 52.99518472874646591, 5.59728542150053254 52.99382231518169561, 5.59702229545019314 52.9926781606673174, 5.58715550814160355 52.99293433801970821, 5.58679541353969267 52.99073107584208486, 5.58446200438516982 52.99078718380269493, 5.58501860957230711 52.99431896095427419, 5.5815241138919065 52.99585684195213275, 5.58358336982292336 53.00068523190969927, 5.56508015987058613 53.00034297052810928, 5.56564512963196911 53.00155919236087954, 5.56664126481467836 53.00143807207986413, 5.56831056159604376 53.00563489969540854, 5.57200720959879359 53.00684124643657924, 5.57356009456696899 53.01043161089003064, 5.57788306347206575 53.01094654920628813, 5.58465807922220936 53.01034919985466587, 5.58800327310636202 53.01204257018066102, 5.58890311497155157 53.01491325026243118, 5.58750392840293131 53.01523067984156512, 5.58863887802198533 53.02255246461523797, 5.58716092457320368 53.02296156882353984, 5.58819381019166173 53.02973704555961376, 5.59633662266284215 53.0306396598181351, 5.59618728765678775 53.02874216911906302, 5.5972064287153378 53.02739134430306223, 5.60408742970701645 53.02461133616336042, 5.60816491272839013 53.0239916896139718, 5.61507031388202993 53.02552377685807272, 5.61824864302164251 53.02815397733657221, 5.62164801528237401 53.02817375619281393, 5.62164801528237401 53.02817375619281393),(5.60283027631150343 53.01933313965034955, 5.60013178048139171 53.01970191627527385, 5.59577761283783559 53.0182111566373564, 5.59666894765192602 53.01517284606239144, 5.60163669045594848 53.01386725183712656, 5.6034203526979196 53.01411099198762855, 5.60476898930134571 53.01757508521496476, 5.60283027631150343 53.01933313965034955, 5.60283027631150343 53.01933313965034955)))</t>
  </si>
  <si>
    <t>MultiPolygon (((5.5098177059907778 53.02165697089609608, 5.51284148221030801 53.02360058180582314, 5.51931532040485262 53.02278745655065251, 5.52493028301908673 53.02332106406745993, 5.52701744449140264 53.01887750701739321, 5.53422354186688814 53.01918505726954578, 5.53428309001713625 53.01737877363744644, 5.53115684273377628 53.0115494617823515, 5.52669951366853773 53.01217423105905624, 5.52645133643719522 53.00912091930642589, 5.52386273366088698 53.00653590041233088, 5.52446737661355058 53.00554279943784053, 5.52902231371937969 53.00442768879775457, 5.53135277357543576 53.00506572429048191, 5.53059923050294522 53.00285603632404019, 5.53170415340530486 53.000064502610293, 5.50660902631474158 52.99952783698374503, 5.5062430355216172 52.99975527550488152, 5.50210073532784527 53.00215485306144814, 5.50413358520999285 53.00568804040748461, 5.50105857316399582 53.01038815627488532, 5.5027789536077627 53.0108911650270187, 5.50273583117063225 53.01176358027887403, 5.50098398981762315 53.01371084822690705, 5.49635720078890788 53.01454952240494833, 5.49696497701699727 53.01606672714776636, 5.50067271360831089 53.0191826117152516, 5.5019591337731466 53.01735216990551436, 5.50323514178288065 53.01729845829369481, 5.51026388685388113 53.01880091049523713, 5.5098177059907778 53.02165697089609608, 5.5098177059907778 53.02165697089609608),(5.51992834507886787 53.0211652570960581, 5.51730096896886746 53.02067110292612284, 5.51450294860644785 53.01635291919530601, 5.51560834782687159 53.01475389154124684, 5.5184158563905914 53.01380729864594343, 5.52158304730876104 53.01508149257652747, 5.5227574611016319 53.01711552210148426, 5.52145862938081589 53.0206271881559914, 5.51992834507886787 53.0211652570960581, 5.51992834507886787 53.0211652570960581)))</t>
  </si>
  <si>
    <t>MultiPolygon (((5.51992834507886787 53.0211652570960581, 5.52145862938081589 53.0206271881559914, 5.5227574611016319 53.01711552210148426, 5.52158304730876104 53.01508149257652747, 5.5184158563905914 53.01380729864594343, 5.51560834782687159 53.01475389154124684, 5.51450294860644785 53.01635291919530601, 5.51730096896886746 53.02067110292612284, 5.51992834507886787 53.0211652570960581, 5.51992834507886787 53.0211652570960581)))</t>
  </si>
  <si>
    <t>MultiPolygon (((5.54720487464685075 53.03785776558638787, 5.54893557708850249 53.0362126707937378, 5.54839497155129813 53.03515585265724042, 5.5459715654326498 53.03406953462361884, 5.54251432591298521 53.03440656173362555, 5.54160183075038493 53.03561468495139053, 5.54292585107013114 53.03776962463267353, 5.54530746647505079 53.0383472226845285, 5.54720487464685075 53.03785776558638787, 5.54720487464685075 53.03785776558638787)))</t>
  </si>
  <si>
    <t>MultiPolygon (((5.57032686871986549 53.01995741650954841, 5.57263697424175142 53.0203447507988912, 5.57596113121165793 53.018519857365348, 5.57641666834778604 53.01704541226571621, 5.57346800379841767 53.01501749383681528, 5.56832998904890619 53.01778413221251895, 5.56860038308857774 53.02008866323916436, 5.56926091081336416 53.02051786928585386, 5.57032686871986549 53.01995741650954841, 5.57032686871986549 53.01995741650954841)))</t>
  </si>
  <si>
    <t>MultiPolygon (((5.53422354186688814 53.01918505726954578, 5.53784364464322199 53.02014936269658563, 5.54034888525710478 53.0189004780717994, 5.54210383361352843 53.01877521941675298, 5.54838794568503602 53.01995588370665047, 5.55104873172507052 53.02175622735862959, 5.55316033992346014 53.02134444468831731, 5.55427763749216297 53.01887620007056512, 5.56090849278719812 53.01916328776541576, 5.55886537502848999 53.01122699436270835, 5.55568496669064071 53.00561180923463667, 5.54923588646296739 53.00638118271461252, 5.5441854942982518 53.00512705511368239, 5.53589074661973957 53.00422838134122827, 5.53135277357543576 53.00506572429048191, 5.52902231371937969 53.00442768879775457, 5.52446737661355058 53.00554279943784053, 5.52386273366088698 53.00653590041233088, 5.52645133643719522 53.00912091930642589, 5.52669951366853773 53.01217423105905624, 5.53115684273377628 53.0115494617823515, 5.53428309001713625 53.01737877363744644, 5.53422354186688814 53.01918505726954578, 5.53422354186688814 53.01918505726954578)))</t>
  </si>
  <si>
    <t>MultiPolygon (((5.53456710498384652 53.02658193129956032, 5.55543494140634486 53.03224814048814295, 5.55808280600665316 53.02818941269332953, 5.55265530184418665 53.02569273628593294, 5.55244260653676047 53.02303932179433588, 5.55104873172507052 53.02175622735862959, 5.54838794568503602 53.01995588370665047, 5.54210383361352843 53.01877521941675298, 5.54034888525710478 53.0189004780717994, 5.53784364464322199 53.02014936269658563, 5.53422354186688814 53.01918505726954578, 5.52701744449140264 53.01887750701739321, 5.52493028301908673 53.02332106406745993, 5.53456710498384652 53.02658193129956032, 5.53456710498384652 53.02658193129956032)))</t>
  </si>
  <si>
    <t>MultiPolygon (((5.60283027631150343 53.01933313965034955, 5.60476898930134571 53.01757508521496476, 5.6034203526979196 53.01411099198762855, 5.60163669045594848 53.01386725183712656, 5.59666894765192602 53.01517284606239144, 5.59577761283783559 53.0182111566373564, 5.60013178048139171 53.01970191627527385, 5.60283027631150343 53.01933313965034955, 5.60283027631150343 53.01933313965034955)))</t>
  </si>
  <si>
    <t>MultiPolygon (((5.4978369477026936 52.98052146181802158, 5.51855788644729639 52.97946087005780669, 5.51819978791203969 52.97673057464005808, 5.51950878383605126 52.97491672235431537, 5.52714359830074642 52.97656822322866788, 5.5389831293638645 52.97392753291931911, 5.5406143524378777 52.97168113503736464, 5.54211815156569987 52.97138489485687529, 5.55121693385212822 52.96920874166488602, 5.55654890508060806 52.96924903897770776, 5.55432633127688558 52.962568078048605, 5.55548366128261861 52.96244120540143996, 5.5574184700668825 52.95901019911313767, 5.55657575945087068 52.95624811592565351, 5.55320272380760827 52.9525880795763797, 5.54363217902913252 52.95696423753490478, 5.50216662218656083 52.9665808517168557, 5.49231144037107732 52.9708107010935052, 5.4978369477026936 52.98052146181802158, 5.4978369477026936 52.98052146181802158),(5.54559093119637758 52.96797953526142066, 5.54427916796529718 52.96798133831148903, 5.54005865025882116 52.96564308876870086, 5.5392597445106091 52.96402489639670108, 5.54156391702587836 52.96240834328561675, 5.54699337628767974 52.96167949085089788, 5.54853470704839147 52.96239070300422469, 5.54716456953047743 52.96656385632927311, 5.54559093119637758 52.96797953526142066, 5.54559093119637758 52.96797953526142066)))</t>
  </si>
  <si>
    <t>MultiPolygon (((5.55568496669064071 53.00561180923463667, 5.55867363988184504 53.00529023376416404, 5.55922048367704136 53.00607236649671705, 5.56831056159604376 53.00563489969540854, 5.56664126481467836 53.00143807207986413, 5.56564512963196911 53.00155919236087954, 5.56508015987058613 53.00034297052810928, 5.58358336982292336 53.00068523190969927, 5.5815241138919065 52.99585684195213275, 5.58501860957230711 52.99431896095427419, 5.58446200438516982 52.99078718380269493, 5.58365395688341248 52.9889525216961772, 5.58058488500968242 52.98795949791564652, 5.57982409404317181 52.98497786751421756, 5.57340000925369505 52.98593609948614613, 5.5724855495649166 52.98728208208162016, 5.57380182529331947 52.98864874552234028, 5.57220133170275833 52.9897700161820282, 5.56172409554901481 52.99143475075782561, 5.56073993166020841 52.99485149809287776, 5.54941939322677502 52.99567279384264396, 5.54907745971256539 53.00027979509738429, 5.54336863866338803 52.99998860437299442, 5.54271417695221214 52.9986229979127188, 5.5445718469517038 52.99705850484614444, 5.54860527362407296 52.99063713900953587, 5.54462852639352555 52.98309965282336975, 5.54562056140312354 52.97824802829738644, 5.54211815156569987 52.97138489485687529, 5.5406143524378777 52.97168113503736464, 5.5389831293638645 52.97392753291931911, 5.52714359830074642 52.97656822322866788, 5.51950878383605126 52.97491672235431537, 5.51819978791203969 52.97673057464005808, 5.51855788644729639 52.97946087005780669, 5.52320199712069471 52.98060759113675999, 5.52334903596244597 52.9852195954734313, 5.52546395875576568 52.98676503772680491, 5.52750805549261681 52.98989378199337352, 5.53170415340530486 53.000064502610293, 5.53059923050294522 53.00285603632404019, 5.53135277357543576 53.00506572429048191, 5.53589074661973957 53.00422838134122827, 5.5441854942982518 53.00512705511368239, 5.54923588646296739 53.00638118271461252, 5.55568496669064071 53.00561180923463667, 5.55568496669064071 53.00561180923463667)))</t>
  </si>
  <si>
    <t>MultiPolygon (((5.50660902631474158 52.99952783698374503, 5.53170415340530486 53.000064502610293, 5.52750805549261681 52.98989378199337352, 5.52546395875576568 52.98676503772680491, 5.52334903596244597 52.9852195954734313, 5.52320199712069471 52.98060759113675999, 5.51855788644729639 52.97946087005780669, 5.4978369477026936 52.98052146181802158, 5.51263854239328221 52.99528206418751353, 5.51057966919203235 52.99797421931776853, 5.50660902631474158 52.99952783698374503, 5.50660902631474158 52.99952783698374503)))</t>
  </si>
  <si>
    <t>MultiPolygon (((5.54860527362407296 52.99063713900953587, 5.55498017052325288 52.98975781698835874, 5.55762590177524984 52.98883017697866649, 5.55985168806490471 52.98981602409381964, 5.5603622491271798 52.99128902209340453, 5.56172409554901481 52.99143475075782561, 5.57220133170275833 52.9897700161820282, 5.57380182529331947 52.98864874552234028, 5.5724855495649166 52.98728208208162016, 5.57340000925369505 52.98593609948614613, 5.57982409404317181 52.98497786751421756, 5.57804558629096814 52.97801864433196073, 5.57974773523072187 52.97545258833739723, 5.57987274857470616 52.97106204385920591, 5.57771671510333533 52.96889363838056397, 5.57358302896854241 52.96815654878808033, 5.56589640125582275 52.96953364690548227, 5.55654890508060806 52.96924903897770776, 5.55121693385212822 52.96920874166488602, 5.54211815156569987 52.97138489485687529, 5.54562056140312354 52.97824802829738644, 5.54462852639352555 52.98309965282336975, 5.54860527362407296 52.99063713900953587, 5.54860527362407296 52.99063713900953587)))</t>
  </si>
  <si>
    <t>MultiPolygon (((5.54559093119637758 52.96797953526142066, 5.54716456953047743 52.96656385632927311, 5.54853470704839147 52.96239070300422469, 5.54699337628767974 52.96167949085089788, 5.54156391702587836 52.96240834328561675, 5.5392597445106091 52.96402489639670108, 5.54005865025882116 52.96564308876870086, 5.54427916796529718 52.96798133831148903, 5.54559093119637758 52.96797953526142066, 5.54559093119637758 52.96797953526142066)))</t>
  </si>
  <si>
    <t>MultiPolygon (((5.54860527362407296 52.99063713900953587, 5.5445718469517038 52.99705850484614444, 5.54271417695221214 52.9986229979127188, 5.54336863866338803 52.99998860437299442, 5.54907745971256539 53.00027979509738429, 5.54941939322677502 52.99567279384264396, 5.56073993166020841 52.99485149809287776, 5.56172409554901481 52.99143475075782561, 5.5603622491271798 52.99128902209340453, 5.55985168806490471 52.98981602409381964, 5.55762590177524984 52.98883017697866649, 5.55498017052325288 52.98975781698835874, 5.54860527362407296 52.99063713900953587, 5.54860527362407296 52.99063713900953587)))</t>
  </si>
  <si>
    <t>MultiPolygon (((5.73296965593661589 53.05498438084022439, 5.72239951857318996 53.04803127202013968, 5.72115088813346695 53.04877774333497342, 5.71987842547752123 53.04813485218154057, 5.71209546600608498 53.05345353859024016, 5.71818979590101684 53.05919353111966075, 5.71876066104724323 53.06106069977839468, 5.73296965593661589 53.05498438084022439, 5.73296965593661589 53.05498438084022439)),((5.70836511955103276 53.05723101964449739, 5.70419824306983614 53.05688437576677785, 5.70377040208938979 53.05976610025274454, 5.70809760010392253 53.06057679678354333, 5.71087197402950952 53.06251231753663689, 5.71320324584394879 53.06156288253784226, 5.70836511955103276 53.05723101964449739, 5.70836511955103276 53.05723101964449739)))</t>
  </si>
  <si>
    <t>MultiPolygon (((5.70484226379524184 53.06683877741383526, 5.70624064959851562 53.06527539933861704, 5.70810918765885944 53.06538632231453789, 5.7103666920205276 53.06464159383796897, 5.71087197402950952 53.06251231753663689, 5.70809760010392253 53.06057679678354333, 5.70377040208938979 53.05976610025274454, 5.70419824306983614 53.05688437576677785, 5.70836511955103276 53.05723101964449739, 5.7082779777106083 53.05493250614737377, 5.71209546600608498 53.05345353859024016, 5.71987842547752123 53.04813485218154057, 5.72115088813346695 53.04877774333497342, 5.72239951857318996 53.04803127202013968, 5.71063825339741982 53.04035823975623032, 5.7071457328646984 53.0397696081448089, 5.70146222787199974 53.04360359017614712, 5.7005609486378912 53.04309464602533808, 5.69672186834786665 53.04559892907524699, 5.68941000861577262 53.05068920151892797, 5.69736469116274158 53.05297987153351613, 5.69821094285043817 53.05452833240219235, 5.69737025293540444 53.05646701124101838, 5.69546389954679455 53.05728068377214868, 5.69341852603754006 53.05679844321399941, 5.68790363648068276 53.05266213465119307, 5.68314412824764137 53.05500839232739452, 5.68382218050361576 53.05786051099689615, 5.6960461010090544 53.06092414894938969, 5.70335494177895974 53.06477186502095122, 5.7049339728839934 53.06589823801735406, 5.70484226379524184 53.06683877741383526, 5.70484226379524184 53.06683877741383526)))</t>
  </si>
  <si>
    <t>MultiPolygon (((5.67684171858941333 53.07695930250525862, 5.68052821265763708 53.07119700909043303, 5.70125576437912596 53.07947080215405578, 5.70228690270373928 53.0787921731717347, 5.7045469549929253 53.07602089560631242, 5.69843276815830446 53.07361702027886707, 5.69979271344490979 53.06873766266967607, 5.70147596064690632 53.06756876044142501, 5.70484226379524184 53.06683877741383526, 5.7049339728839934 53.06589823801735406, 5.70335494177895974 53.06477186502095122, 5.6960461010090544 53.06092414894938969, 5.68382218050361576 53.05786051099689615, 5.68746957230313832 53.05966547036116054, 5.68792039226126001 53.06058540760594155, 5.68473506080042945 53.06354247726932272, 5.68219878416932822 53.06764301658875382, 5.67782483142440952 53.06701852039136469, 5.67171551526728202 53.05591716744238084, 5.66727638325635574 53.05761962315606439, 5.65717254294263938 53.05505737852780612, 5.64371427780302604 53.06131540479424302, 5.63935858290870229 53.06685004248922155, 5.64934638118706811 53.06935376929094872, 5.6516290648956895 53.06735209075571902, 5.65537619239290379 53.066633046486821, 5.6578630810603876 53.069025637989931, 5.66326070917508329 53.07319094948756089, 5.67684171858941333 53.07695930250525862, 5.67684171858941333 53.07695930250525862)))</t>
  </si>
  <si>
    <t>MultiPolygon (((5.71320324584394879 53.06156288253784226, 5.71876066104724323 53.06106069977839468, 5.71818979590101684 53.05919353111966075, 5.71209546600608498 53.05345353859024016, 5.7082779777106083 53.05493250614737377, 5.70836511955103276 53.05723101964449739, 5.71320324584394879 53.06156288253784226, 5.71320324584394879 53.06156288253784226)))</t>
  </si>
  <si>
    <t>MultiPolygon (((5.68790363648068276 53.05266213465119307, 5.69341852603754006 53.05679844321399941, 5.69546389954679455 53.05728068377214868, 5.69737025293540444 53.05646701124101838, 5.69821094285043817 53.05452833240219235, 5.69736469116274158 53.05297987153351613, 5.68941000861577262 53.05068920151892797, 5.6891754295851964 53.05192490043002351, 5.68790363648068276 53.05266213465119307, 5.68790363648068276 53.05266213465119307)))</t>
  </si>
  <si>
    <t>MultiPolygon (((5.67171551526728202 53.05591716744238084, 5.67782483142440952 53.06701852039136469, 5.68219878416932822 53.06764301658875382, 5.68473506080042945 53.06354247726932272, 5.68792039226126001 53.06058540760594155, 5.68746957230313832 53.05966547036116054, 5.68382218050361576 53.05786051099689615, 5.68314412824764137 53.05500839232739452, 5.67937010128209074 53.05316659267339929, 5.67171551526728202 53.05591716744238084, 5.67171551526728202 53.05591716744238084)))</t>
  </si>
  <si>
    <t>MultiPolygon (((5.62982835718365227 52.99425322097432201, 5.64746344988474558 52.99620374889264696, 5.64963820037873354 52.99276569818962201, 5.64878078219626989 52.98960723774482062, 5.64796253434600715 52.99001396872718317, 5.62600821283102004 52.98828227764104071, 5.62624215020862284 52.98749495397060372, 5.62449920609650977 52.98681603817369279, 5.62026660338052864 52.98645256506028289, 5.61636509602116263 52.9943382105358225, 5.62619402245971756 52.99609990814362703, 5.62794442245207982 52.99641371865877915, 5.62982835718365227 52.99425322097432201, 5.62982835718365227 52.99425322097432201)),((5.67810991871436421 53.0087383711415896, 5.6816553768545548 53.0000586680998822, 5.68687367367743946 52.99235349565658737, 5.69080103729297093 52.98827151711087424, 5.69070168216214523 52.98817875472661143, 5.6852541342447207 52.98855749213947774, 5.68017588100833049 52.99049366727105337, 5.67022126265806392 52.989262395160317, 5.6674902627875765 52.98973443046629939, 5.66714334075004089 52.99045975825595178, 5.65839212493555799 52.98938530619662401, 5.65568980278640421 52.99022768833020791, 5.65263548964616369 52.98972679153209242, 5.65449979915104617 53.00060044163308959, 5.65191945619470992 53.00103752227781939, 5.64609625775749535 52.99996519626233038, 5.64496520060406759 53.00339306395192551, 5.64560908356645719 53.0062251285262036, 5.64836738312923625 53.00733566548592535, 5.65262480017312097 53.00786319739054164, 5.65631682504535771 53.00683488835335311, 5.66125622947155449 53.00339175202437758, 5.67507841662516466 53.00762769840614652, 5.67660234884134596 53.0074272210137849, 5.67810991871436421 53.0087383711415896, 5.67810991871436421 53.0087383711415896)))</t>
  </si>
  <si>
    <t>MultiPolygon (((5.64812436780001903 52.97202876945159034, 5.64924145647230258 52.96622399790653191, 5.64189296515495187 52.9659017857414014, 5.64088665911236831 52.96637682952025017, 5.63936498824305943 52.96733765218102263, 5.63085716594753549 52.9670778607424424, 5.62843416164661026 52.96818640592091043, 5.62621702503805565 52.97372977204724975, 5.63198725383100207 52.97482171137681917, 5.63089988834811361 52.98056783207731968, 5.63060919657032155 52.98100257242268896, 5.62289443886522378 52.98113991800589417, 5.62026660338052864 52.98645256506028289, 5.62449920609650977 52.98681603817369279, 5.62624215020862284 52.98749495397060372, 5.62600821283102004 52.98828227764104071, 5.64796253434600715 52.99001396872718317, 5.64878078219626989 52.98960723774482062, 5.64871674210717156 52.98390786275055575, 5.64324729377263878 52.98308623511429261, 5.64496727478971572 52.97483652988960756, 5.64634035481851537 52.97268752719448059, 5.64812436780001903 52.97202876945159034, 5.64812436780001903 52.97202876945159034)),((5.68017588100833049 52.99049366727105337, 5.6852541342447207 52.98855749213947774, 5.69070168216214523 52.98817875472661143, 5.68809022160585354 52.98486837468895061, 5.68744291352057996 52.98208036496761508, 5.69032269078567765 52.97419336903671905, 5.690872987950228 52.96703959812063545, 5.65912231714639624 52.96682533653188329, 5.65791322229789806 52.96675169953684303, 5.65735507745157662 52.97061369378544526, 5.65614834485011464 52.97165433140060742, 5.65311804152455366 52.9724344964701146, 5.65255486121688566 52.97383479823856334, 5.65263548964616369 52.98972679153209242, 5.65568980278640421 52.99022768833020791, 5.65839212493555799 52.98938530619662401, 5.66714334075004089 52.99045975825595178, 5.6674902627875765 52.98973443046629939, 5.67022126265806392 52.989262395160317, 5.68017588100833049 52.99049366727105337, 5.68017588100833049 52.99049366727105337)))</t>
  </si>
  <si>
    <t>MultiPolygon (((5.61447866060947831 52.99730669553908768, 5.61636509602116263 52.9943382105358225, 5.62026660338052864 52.98645256506028289, 5.62289443886522378 52.98113991800589417, 5.63060919657032155 52.98100257242268896, 5.63089988834811361 52.98056783207731968, 5.63198725383100207 52.97482171137681917, 5.62621702503805565 52.97372977204724975, 5.62843416164661026 52.96818640592091043, 5.6276487571432332 52.96612114642990576, 5.62904799335720885 52.9607900159638163, 5.62690385576865992 52.96029054482868759, 5.62617963247361175 52.95878398375798923, 5.62008385885209449 52.95869773842055395, 5.61837460498305052 52.95909308657164871, 5.61826454444241907 52.95995486033559274, 5.60987959902431932 52.95895365531837484, 5.57300306318269545 52.95678476262472856, 5.56957358253243395 52.94474251793339192, 5.56902151037371507 52.94553492437019315, 5.56447385246700321 52.94736551085578924, 5.55320272380760827 52.9525880795763797, 5.55657575945087068 52.95624811592565351, 5.5574184700668825 52.95901019911313767, 5.55548366128261861 52.96244120540143996, 5.55432633127688558 52.962568078048605, 5.55654890508060806 52.96924903897770776, 5.56589640125582275 52.96953364690548227, 5.57358302896854241 52.96815654878808033, 5.57771671510333533 52.96889363838056397, 5.57987274857470616 52.97106204385920591, 5.57974773523072187 52.97545258833739723, 5.57804558629096814 52.97801864433196073, 5.57982409404317181 52.98497786751421756, 5.58058488500968242 52.98795949791564652, 5.58365395688341248 52.9889525216961772, 5.58446200438516982 52.99078718380269493, 5.58679541353969267 52.99073107584208486, 5.58715550814160355 52.99293433801970821, 5.59702229545019314 52.9926781606673174, 5.59728542150053254 52.99382231518169561, 5.60302332071241249 52.99518472874646591, 5.60560164646812886 52.99464311945581585, 5.60606535516510363 52.99356168070508488, 5.6080792693698962 52.99362087807416088, 5.6125700210079561 52.99514182976369625, 5.61227220309659014 52.99690705497670251, 5.61447866060947831 52.99730669553908768, 5.61447866060947831 52.99730669553908768),(5.60983369067052262 52.9782152404263087, 5.60556186875349383 52.97842082308680034, 5.60155733098724351 52.97592158104007609, 5.60223609592629845 52.97274024704083217, 5.59965220242887529 52.97097963460286962, 5.59980378669242729 52.96877604625525038, 5.59577656634116138 52.96829901167486554, 5.5960392204355216 52.96657038150426899, 5.59826040839266259 52.96415923335327136, 5.60395084000903054 52.96366729995770584, 5.60772906894381062 52.96457178535442978, 5.60909437776655206 52.96592675178612097, 5.61226458905638381 52.96614452387056815, 5.61445011166148422 52.96518686423907951, 5.62066974848497392 52.96630853314126597, 5.6206440677405709 52.96873953521025413, 5.61675125989253221 52.96930631732718098, 5.61423361088965489 52.97804689153864643, 5.60983369067052262 52.9782152404263087, 5.60983369067052262 52.9782152404263087)))</t>
  </si>
  <si>
    <t>MultiPolygon (((5.64746344988474558 52.99620374889264696, 5.64609625775749535 52.99996519626233038, 5.65191945619470992 53.00103752227781939, 5.65449979915104617 53.00060044163308959, 5.65263548964616369 52.98972679153209242, 5.64878078219626989 52.98960723774482062, 5.64963820037873354 52.99276569818962201, 5.64746344988474558 52.99620374889264696, 5.64746344988474558 52.99620374889264696)))</t>
  </si>
  <si>
    <t>MultiPolygon (((5.64878078219626989 52.98960723774482062, 5.65263548964616369 52.98972679153209242, 5.65255486121688566 52.97383479823856334, 5.65311804152455366 52.9724344964701146, 5.65614834485011464 52.97165433140060742, 5.65735507745157662 52.97061369378544526, 5.65791322229789806 52.96675169953684303, 5.64924145647230258 52.96622399790653191, 5.64812436780001903 52.97202876945159034, 5.64634035481851537 52.97268752719448059, 5.64496727478971572 52.97483652988960756, 5.64324729377263878 52.98308623511429261, 5.64871674210717156 52.98390786275055575, 5.64878078219626989 52.98960723774482062, 5.64878078219626989 52.98960723774482062)))</t>
  </si>
  <si>
    <t>MultiPolygon (((5.60983369067052262 52.9782152404263087, 5.61423361088965489 52.97804689153864643, 5.61675125989253221 52.96930631732718098, 5.6206440677405709 52.96873953521025413, 5.62066974848497392 52.96630853314126597, 5.61445011166148422 52.96518686423907951, 5.61226458905638381 52.96614452387056815, 5.60909437776655206 52.96592675178612097, 5.60772906894381062 52.96457178535442978, 5.60395084000903054 52.96366729995770584, 5.59826040839266259 52.96415923335327136, 5.5960392204355216 52.96657038150426899, 5.59577656634116138 52.96829901167486554, 5.59980378669242729 52.96877604625525038, 5.59965220242887529 52.97097963460286962, 5.60223609592629845 52.97274024704083217, 5.60155733098724351 52.97592158104007609, 5.60556186875349383 52.97842082308680034, 5.60983369067052262 52.9782152404263087, 5.60983369067052262 52.9782152404263087)))</t>
  </si>
  <si>
    <t>MultiPolygon (((5.61636509602116263 52.9943382105358225, 5.61447866060947831 52.99730669553908768, 5.6090694113041053 53.00702867320826073, 5.61283661459887906 53.00920918884710886, 5.61814173831785713 53.01084183753149404, 5.621165977656152 53.0071971209538475, 5.62501916338155272 53.00485254964589643, 5.62629976245462338 53.00314318253382595, 5.62619402245971756 52.99609990814362703, 5.61636509602116263 52.9943382105358225, 5.61636509602116263 52.9943382105358225)),((5.63599758177406418 53.02151233297328758, 5.63630535360956042 53.0205398317811003, 5.64125380283374955 53.01657506524674801, 5.64787282089663289 53.01228699937879441, 5.65298742035205493 53.01160794658667186, 5.65262480017312097 53.00786319739054164, 5.64836738312923625 53.00733566548592535, 5.64560908356645719 53.0062251285262036, 5.64496520060406759 53.00339306395192551, 5.64609625775749535 52.99996519626233038, 5.64746344988474558 52.99620374889264696, 5.62982835718365227 52.99425322097432201, 5.62794442245207982 52.99641371865877915, 5.62891727452590995 52.99914917499852862, 5.6280623096204252 53.00534687284140745, 5.63468400960245308 53.00544455008722622, 5.63264400774627205 53.01047595544535085, 5.63026734084769576 53.01284304754204157, 5.62652772778210863 53.01369192315195278, 5.62779899819682239 53.01484577611458349, 5.62853470292842584 53.01555756843449529, 5.62289248864182412 53.01788725137671321, 5.61776220653118763 53.01570183146828441, 5.61855248285089548 53.01890779260289577, 5.62092811731092912 53.02227465595480993, 5.62495525298575316 53.02368764552427649, 5.62756408733978652 53.02544975171174002, 5.63217200121492034 53.02285755914573429, 5.63599758177406418 53.02151233297328758, 5.63599758177406418 53.02151233297328758)))</t>
  </si>
  <si>
    <t>MultiPolygon (((5.6280623096204252 53.00534687284140745, 5.6242626742167765 53.01121513440218536, 5.62652772778210863 53.01369192315195278, 5.63026734084769576 53.01284304754204157, 5.63264400774627205 53.01047595544535085, 5.63468400960245308 53.00544455008722622, 5.6280623096204252 53.00534687284140745, 5.6280623096204252 53.00534687284140745)))</t>
  </si>
  <si>
    <t>MultiPolygon (((5.61776220653118763 53.01570183146828441, 5.62289248864182412 53.01788725137671321, 5.62853470292842584 53.01555756843449529, 5.62779899819682239 53.01484577611458349, 5.62693370899188139 53.01490760954353476, 5.62164220702844908 53.01098947214257606, 5.61814173831785713 53.01084183753149404, 5.61283661459887906 53.00920918884710886, 5.6090694113041053 53.00702867320826073, 5.60732283486753147 53.00955027339070114, 5.60765540451391065 53.01169004989284161, 5.61644756593468841 53.01448898317160996, 5.61776220653118763 53.01570183146828441, 5.61776220653118763 53.01570183146828441)))</t>
  </si>
  <si>
    <t>MultiPolygon (((5.62779899819682239 53.01484577611458349, 5.62652772778210863 53.01369192315195278, 5.6242626742167765 53.01121513440218536, 5.6280623096204252 53.00534687284140745, 5.62891727452590995 52.99914917499852862, 5.62794442245207982 52.99641371865877915, 5.62619402245971756 52.99609990814362703, 5.62629976245462338 53.00314318253382595, 5.62501916338155272 53.00485254964589643, 5.621165977656152 53.0071971209538475, 5.61814173831785713 53.01084183753149404, 5.62164220702844908 53.01098947214257606, 5.62693370899188139 53.01490760954353476, 5.62779899819682239 53.01484577611458349, 5.62779899819682239 53.01484577611458349)))</t>
  </si>
  <si>
    <t>MultiPolygon (((5.36131757913104234 52.8875587739446047, 5.35394450064788874 52.88735508221903103, 5.35763112669113184 52.88910887478891709, 5.36035187025445126 52.89232469225108701, 5.36428240679597756 52.89424724541143519, 5.36881314049474589 52.89800471278477545, 5.37623026171494267 52.89841609098196784, 5.37499813645592095 52.89365597712921385, 5.37851405612626454 52.89185450055598636, 5.37601381570569092 52.89028897105529836, 5.37776518873490073 52.88486467753187981, 5.3843254956219937 52.88578162581224262, 5.38717792184819455 52.88373442974665295, 5.3792765695030651 52.86850554101544475, 5.37374499781685966 52.87118084466750645, 5.36919248806110616 52.87239040650594291, 5.36509368451166591 52.87278404453390124, 5.36640332932628894 52.87354840225088282, 5.36342191526264056 52.87656398217907139, 5.36267977842476373 52.87912332856988229, 5.36638956362585962 52.88087065876868564, 5.36711700551230209 52.88199352826060107, 5.36675488360877573 52.88333973286034251, 5.36164867384020027 52.88399177537502283, 5.36109359080230785 52.88568728707679156, 5.36321175073976608 52.88618029845771673, 5.36131757913104234 52.8875587739446047, 5.36131757913104234 52.8875587739446047)))</t>
  </si>
  <si>
    <t>MultiPolygon (((5.4887742544449365 52.89278983764783248, 5.49384479089671895 52.88983575283330651, 5.48971245834256294 52.88603001375691548, 5.49432712805882684 52.88295720501341179, 5.50181898693158811 52.88004348329322113, 5.50109723236720249 52.87957111838883861, 5.49590274149770508 52.8760544914529973, 5.49551709063231719 52.8738156806148254, 5.49017143099991589 52.87143226095822968, 5.48748692967536211 52.87339847603496423, 5.48523411399148131 52.87169300822180418, 5.47709258268355281 52.86876621901825501, 5.47365801548226472 52.8712414328942728, 5.47246974571678901 52.87297182890814895, 5.4686889253432156 52.87179412766686681, 5.4677183338074391 52.8725634110364453, 5.46512872256317106 52.87130109444766646, 5.45752642748677808 52.8721268326869378, 5.45743700714998514 52.87167658161443029, 5.44789560790800653 52.87271047600273732, 5.44365150856976587 52.8737207044275408, 5.43253184522548072 52.87464996351692292, 5.42624452560873749 52.87332636007931796, 5.42469826157926782 52.87417756047676676, 5.42420141467423189 52.87665292862138955, 5.42539522883186809 52.87795165761605176, 5.42012141864730346 52.88495593436118725, 5.4214960653766564 52.8873010085339601, 5.41973902533509211 52.88795302095952167, 5.42729488839772056 52.88752441739869425, 5.43593321867496915 52.88785312832203545, 5.43880931892812214 52.89399470631160227, 5.44260686059573207 52.89716071505099393, 5.44403265689962534 52.89762284358433675, 5.44852426213300145 52.89715051168752069, 5.45064234320459562 52.89637151562772033, 5.45063246117234979 52.8946871275455095, 5.4667338095306155 52.90103030308114285, 5.47712027598702456 52.90258602106236907, 5.4887742544449365 52.89278983764783248),(5.457425484631373 52.87678511068364884, 5.46118005873744305 52.87564548721119451, 5.46870373342160487 52.87598824020805921, 5.47096218713431703 52.87953632938831561, 5.47436822881045515 52.88243707659550807, 5.47223554536144086 52.88433026768704082, 5.46138594093818064 52.88316253976284287, 5.45483809018795185 52.88350571362096986, 5.45269882210993906 52.88597447940369989, 5.4506513641381602 52.88576920531999548, 5.45307556654526415 52.88018167426172766, 5.457425484631373 52.87678511068364884, 5.457425484631373 52.87678511068364884)))</t>
  </si>
  <si>
    <t>MultiPolygon (((5.35644435896185023 52.88426109103374984, 5.35508441875442198 52.88497313388815257, 5.35430079044555551 52.88631776169531662, 5.35818643235046643 52.88595388838461275, 5.35676267293854558 52.88658040876762101, 5.36136766077475002 52.88702789429014928, 5.36131757913104234 52.8875587739446047, 5.36321175073976608 52.88618029845771673, 5.36109359080230785 52.88568728707679156, 5.36164867384020027 52.88399177537502283, 5.36675488360877573 52.88333973286034251, 5.36711700551230209 52.88199352826060107, 5.36638956362585962 52.88087065876868564, 5.36267977842476373 52.87912332856988229, 5.35972256530114688 52.87897156650951302, 5.35644435896185023 52.88426109103374984)))</t>
  </si>
  <si>
    <t>MultiPolygon (((5.38717792184819455 52.88373442974665295, 5.39730070401054451 52.88373342800981192, 5.39832973537900696 52.88208656612994929, 5.40281379022081421 52.87984056577199965, 5.40377865196413776 52.87444518202450894, 5.4067974304338362 52.87289623767188829, 5.40608377799572448 52.86743762379778389, 5.40466954591351634 52.86632576221183655, 5.41029659927476114 52.86178661385241639, 5.41345358128117304 52.86195726203341394, 5.41522947324169923 52.85747539324307809, 5.41732795498480879 52.85610780521628271, 5.43439969069122686 52.86024334894872823, 5.43484573826847939 52.85953267471784045, 5.43742138905777139 52.85973243651763198, 5.44100456225036666 52.85091618153773396, 5.43853371277939779 52.85110274866426039, 5.43079344193630398 52.85003928954339614, 5.42612623297659535 52.84813503998688589, 5.41488207595519366 52.85025457417508932, 5.3980809090850741 52.85710051652474561, 5.38986099264988816 52.86194265127368652, 5.38420257249822498 52.86652056859063009, 5.3792765695030651 52.86850554101544475, 5.38717792184819455 52.88373442974665295, 5.38717792184819455 52.88373442974665295)))</t>
  </si>
  <si>
    <t>MultiPolygon (((5.42012141864730346 52.88495593436118725, 5.42539522883186809 52.87795165761605176, 5.42420141467423189 52.87665292862138955, 5.42469826157926782 52.87417756047676676, 5.42624452560873749 52.87332636007931796, 5.43240016524563707 52.86990419756615722, 5.43335153066900567 52.87010871510170773, 5.43808728480205072 52.86023851661302331, 5.43742138905777139 52.85973243651763198, 5.43484573826847939 52.85953267471784045, 5.43439969069122686 52.86024334894872823, 5.41732795498480879 52.85610780521628271, 5.41522947324169923 52.85747539324307809, 5.41345358128117304 52.86195726203341394, 5.41029659927476114 52.86178661385241639, 5.40466954591351634 52.86632576221183655, 5.40608377799572448 52.86743762379778389, 5.4067974304338362 52.87289623767188829, 5.40377865196413776 52.87444518202450894, 5.40281379022081421 52.87984056577199965, 5.39832973537900696 52.88208656612994929, 5.39730070401054451 52.88373342800981192, 5.39967899239764915 52.88366130821952282, 5.4141537125949748 52.88728830017355875, 5.41973902533509211 52.88795302095952167, 5.4214960653766564 52.8873010085339601, 5.42012141864730346 52.88495593436118725, 5.42012141864730346 52.88495593436118725)))</t>
  </si>
  <si>
    <t>MultiPolygon (((5.45483809018795185 52.88350571362096986, 5.46138594093818064 52.88316253976284287, 5.47223554536144086 52.88433026768704082, 5.47436822881045515 52.88243707659550807, 5.47096218713431703 52.87953632938831561, 5.46870373342160487 52.87598824020805921, 5.46118005873744305 52.87564548721119451, 5.457425484631373 52.87678511068364884, 5.45307556654526415 52.88018167426172766, 5.4506513641381602 52.88576920531999548, 5.45269882210993906 52.88597447940369989, 5.45483809018795185 52.88350571362096986)))</t>
  </si>
  <si>
    <t>MultiPolygon (((5.42773978912089916 52.91380053477705303, 5.43020266385296324 52.9116918027180887, 5.42831847601052697 52.91093536508871154, 5.438628657988545 52.90084861640563929, 5.43973915571728028 52.90109076360721474, 5.44260686059573207 52.89716071505099393, 5.43880931892812214 52.89399470631160227, 5.43593321867496915 52.88785312832203545, 5.42729488839772056 52.88752441739869425, 5.41973902533509211 52.88795302095952167, 5.4141537125949748 52.88728830017355875, 5.39967899239764915 52.88366130821952282, 5.39730070401054451 52.88373342800981192, 5.38717792184819455 52.88373442974665295, 5.3843254956219937 52.88578162581224262, 5.37776518873490073 52.88486467753187981, 5.37601381570569092 52.89028897105529836, 5.37851405612626454 52.89185450055598636, 5.37499813645592095 52.89365597712921385, 5.37623026171494267 52.89841609098196784, 5.36881314049474589 52.89800471278477545, 5.37137267623724579 52.89940025769839593, 5.38336849983172261 52.90258837563637684, 5.38879321371036291 52.90543696507955929, 5.39090598546153643 52.90563775148920911, 5.39344432079199443 52.90470718509318715, 5.40101853256989628 52.90605076640567006, 5.40679015143774055 52.91011402026102672, 5.4072196376278292 52.91322956712060233, 5.40996098533706959 52.91239103937486021, 5.41657723670163893 52.91403746435516808, 5.42094371329157276 52.91648172167149511, 5.42341227334471832 52.9189432602886427, 5.42671674495119927 52.91677930071046632, 5.42773978912089916 52.91380053477705303, 5.42773978912089916 52.91380053477705303),(5.39565693025895765 52.90308358749756934, 5.39401294065587678 52.90113139689500343, 5.39622970078654074 52.89807586700624853, 5.39915560399702166 52.89803966024810222, 5.4024940655493543 52.89982757148464998, 5.40192408855031569 52.90213490480537217, 5.39969960070220534 52.90350558829202754, 5.39565693025895765 52.90308358749756934, 5.39565693025895765 52.90308358749756934)))</t>
  </si>
  <si>
    <t>MultiPolygon (((5.43409483013381234 52.94531497498014971, 5.43597172741947077 52.94479133076824695, 5.43690343561633593 52.94525317738978032, 5.45000641636946259 52.93663810587149499, 5.45725168020710161 52.94046448390339776, 5.46057222115379393 52.93903759375249507, 5.46456361703093929 52.93597410484795063, 5.46824080769079846 52.93856533977227485, 5.47058146821527913 52.93906752036620134, 5.4762697123458457 52.93264829366033553, 5.49521753467656193 52.91557631262246275, 5.48995013163511913 52.91174580298248742, 5.47712027598702456 52.90258602106236907, 5.4667338095306155 52.90103030308114285, 5.45063246117234979 52.8946871275455095, 5.45064234320459562 52.89637151562772033, 5.44852426213300145 52.89715051168752069, 5.44403265689962534 52.89762284358433675, 5.44260686059573207 52.89716071505099393, 5.43973915571728028 52.90109076360721474, 5.438628657988545 52.90084861640563929, 5.42831847601052697 52.91093536508871154, 5.43020266385296324 52.9116918027180887, 5.42773978912089916 52.91380053477705303, 5.42671674495119927 52.91677930071046632, 5.42341227334471832 52.9189432602886427, 5.42353567755509403 52.92261246603778346, 5.42461121049665884 52.92487388528211767, 5.42634903704962657 52.9260808665715814, 5.42890266247187547 52.92647034326013511, 5.42564276200151241 52.93270796003056233, 5.42818466045050574 52.9330727428043204, 5.4311443034553859 52.93446007430809175, 5.4284784629867362 52.94023810817884623, 5.42356163235097632 52.94473230320037516, 5.42777566028301894 52.94575425535534663, 5.43409483013381234 52.94531497498014971, 5.43409483013381234 52.94531497498014971),(5.44412154630446921 52.90646935977201792, 5.44570883123246396 52.90640568558328027, 5.45066923554508165 52.90781288620276257, 5.46155353562590484 52.91268619966616882, 5.46650010682304899 52.91641123474629893, 5.46994911126882588 52.92100036218207038, 5.47068672196692596 52.92342223452542527, 5.46902745289267855 52.92666128043673268, 5.46516222084849712 52.92893853988724828, 5.46163119446235878 52.92849428828640868, 5.45481684745475004 52.92538177205739913, 5.44768957910745222 52.91991459731220715, 5.44173656857240751 52.91659195430807472, 5.43632756322128596 52.91494137718084545, 5.43547986105246217 52.91172291494002167, 5.43943637533658197 52.90846367929744787, 5.44412154630446921 52.90646935977201792, 5.44412154630446921 52.90646935977201792)))</t>
  </si>
  <si>
    <t>MultiPolygon (((5.39969960070220534 52.90350558829202754, 5.40192408855031569 52.90213490480537217, 5.4024940655493543 52.89982757148464998, 5.39915560399702166 52.89803966024810222, 5.39622970078654074 52.89807586700624853, 5.39401294065587678 52.90113139689500343, 5.39565693025895765 52.90308358749756934, 5.39969960070220534 52.90350558829202754, 5.39969960070220534 52.90350558829202754)))</t>
  </si>
  <si>
    <t>MultiPolygon (((5.46555822223325904 52.97865486374485755, 5.46859911887164341 52.97753685215405994, 5.47190256782280482 52.97813662906318655, 5.47417497012851406 52.97773735330660827, 5.49231144037107732 52.9708107010935052, 5.50216662218656083 52.9665808517168557, 5.54363217902913252 52.95696423753490478, 5.55320272380760827 52.9525880795763797, 5.56447385246700321 52.94736551085578924, 5.51183148463017591 52.92697477634956016, 5.49521753467656193 52.91557631262246275, 5.4762697123458457 52.93264829366033553, 5.47058146821527913 52.93906752036620134, 5.46824080769079846 52.93856533977227485, 5.46514702932795871 52.94199399623582991, 5.46588270191939962 52.94239508865201316, 5.46365114312915967 52.94571978783993416, 5.46164641448088961 52.94703474083475214, 5.46189482358922263 52.94955580207031431, 5.46359170559123353 52.95171592878944722, 5.45600874495587451 52.95695954522881976, 5.45872734634836121 52.96040417780897513, 5.45717860939241906 52.96164519960483119, 5.45642601693177287 52.96376864236360404, 5.45734527359780319 52.96535417812703628, 5.45672784471261352 52.9673921697853558, 5.4537218398438263 52.9687058757282756, 5.46011426794358545 52.97378497674417019, 5.46181965551725934 52.97511725294143758, 5.46139772624972064 52.97567410022885781, 5.46555822223325904 52.97865486374485755, 5.46555822223325904 52.97865486374485755)))</t>
  </si>
  <si>
    <t>MultiPolygon (((5.46516222084849712 52.92893853988724828, 5.46902745289267855 52.92666128043673268, 5.47068672196692596 52.92342223452542527, 5.46994911126882588 52.92100036218207038, 5.46650010682304899 52.91641123474629893, 5.46155353562590484 52.91268619966616882, 5.45066923554508165 52.90781288620276257, 5.44570883123246396 52.90640568558328027, 5.44412154630446921 52.90646935977201792, 5.43943637533658197 52.90846367929744787, 5.43547986105246217 52.91172291494002167, 5.43632756322128596 52.91494137718084545, 5.44173656857240751 52.91659195430807472, 5.44768957910745222 52.91991459731220715, 5.45481684745475004 52.92538177205739913, 5.46163119446235878 52.92849428828640868, 5.46516222084849712 52.92893853988724828, 5.46516222084849712 52.92893853988724828)))</t>
  </si>
  <si>
    <t>MultiPolygon (((5.41639445073580905 52.94720607112173383, 5.4328344052102473 52.94921326833386388, 5.43409483013381234 52.94531497498014971, 5.42777566028301894 52.94575425535534663, 5.42356163235097632 52.94473230320037516, 5.4284784629867362 52.94023810817884623, 5.4311443034553859 52.93446007430809175, 5.42818466045050574 52.9330727428043204, 5.42564276200151241 52.93270796003056233, 5.42890266247187547 52.92647034326013511, 5.42634903704962657 52.9260808665715814, 5.42461121049665884 52.92487388528211767, 5.42353567755509403 52.92261246603778346, 5.42341227334471832 52.9189432602886427, 5.42094371329157276 52.91648172167149511, 5.41657723670163893 52.91403746435516808, 5.40996098533706959 52.91239103937486021, 5.4072196376278292 52.91322956712060233, 5.40792631987424954 52.91376572932558275, 5.40715459068911297 52.91739864101516844, 5.40928888936638863 52.9215088354257901, 5.40589342877691426 52.9262143645885601, 5.40220828579907053 52.93671012695998712, 5.40724866210895705 52.93849349878618682, 5.40360131094836671 52.94068104258333562, 5.40559882226475441 52.94287412832051132, 5.40950505871318477 52.9429242042033863, 5.40995102496091818 52.94467162791636383, 5.40786768652411176 52.94642221536403071, 5.40911515513456109 52.94788799440510729, 5.40881005249659985 52.95064228790821659, 5.40957839475323876 52.95144589288202752, 5.40893984627351099 52.95395781101003507, 5.40772789507737439 52.95359355715928729, 5.40680925922268241 52.95625952433849193, 5.40834596007793422 52.95692138728430365, 5.40805699169612897 52.95955798649159618, 5.40611243208516168 52.95900701367681762, 5.40453299714622659 52.95977496948432162, 5.41084279192799844 52.96053974570297385, 5.41639445073580905 52.94720607112173383, 5.41639445073580905 52.94720607112173383)))</t>
  </si>
  <si>
    <t>MultiPolygon (((5.44149787167031729 52.9677869264888983, 5.44481177374020575 52.97003527719120086, 5.45083154310968965 52.96688549399095791, 5.4537218398438263 52.9687058757282756, 5.45672784471261352 52.9673921697853558, 5.45734527359780319 52.96535417812703628, 5.45642601693177287 52.96376864236360404, 5.45717860939241906 52.96164519960483119, 5.45872734634836121 52.96040417780897513, 5.45600874495587451 52.95695954522881976, 5.46359170559123353 52.95171592878944722, 5.46189482358922263 52.94955580207031431, 5.46164641448088961 52.94703474083475214, 5.46365114312915967 52.94571978783993416, 5.46588270191939962 52.94239508865201316, 5.46514702932795871 52.94199399623582991, 5.46824080769079846 52.93856533977227485, 5.46456361703093929 52.93597410484795063, 5.46057222115379393 52.93903759375249507, 5.45725168020710161 52.94046448390339776, 5.45000641636946259 52.93663810587149499, 5.43690343561633593 52.94525317738978032, 5.43597172741947077 52.94479133076824695, 5.43409483013381234 52.94531497498014971, 5.4328344052102473 52.94921326833386388, 5.41639445073580905 52.94720607112173383, 5.41084279192799844 52.96053974570297385, 5.43222854370546404 52.97103162671202625, 5.43338693947302076 52.97059473807334484, 5.43585656811457518 52.97085547892545776, 5.44149787167031729 52.9677869264888983, 5.44149787167031729 52.9677869264888983)),((5.41216200018679316 53.00592971637798456, 5.42948133876148908 52.9881232490419265, 5.43676603658854685 52.98852059599449404, 5.43866714321868017 52.98920058347408713, 5.44066938690758928 52.9919043624081425, 5.44331594560485232 52.99212708154854568, 5.44727486633624025 52.99136896591100765, 5.44862421152949494 52.99317364069825942, 5.45180913571686965 52.9931484644256301, 5.45178588470181058 52.99273493329707918, 5.45817903778242375 52.99195920825496842, 5.45878033189663103 52.99390516361790304, 5.46552212353580646 52.99309873376438418, 5.46495085273721504 52.99111540874547188, 5.47329705942976208 52.98997712067821197, 5.46827246934581979 52.98200041289322115, 5.46420047820988497 52.9794959577462663, 5.46555822223325904 52.97865486374485755, 5.46139772624972064 52.97567410022885781, 5.46181965551725934 52.97511725294143758, 5.46011426794358545 52.97378497674417019, 5.45434126457507862 52.97664238234149536, 5.46068504690593048 52.9813717293917108, 5.45994012656783312 52.98355871232563885, 5.45608942236031158 52.98615576153235907, 5.45349731078364908 52.98647848776504787, 5.44979584983784004 52.98458215464153653, 5.44635776108325675 52.98570493766898437, 5.43045758709275006 52.97366575805614275, 5.43072391279173594 52.97203971491531149, 5.43197536841006823 52.97120197078750437, 5.42182429484848871 52.96633080374878944, 5.41831704995104335 52.9689186838626469, 5.41747435907131969 52.96886926144816243, 5.41807552104431256 52.96661241523957386, 5.41945277753972388 52.96519250896545117, 5.41133360422773535 52.96129460748137063, 5.41278454329806102 52.96352596580363326, 5.41029658374423672 52.97039472314130393, 5.40813582706336238 52.97426945456880532, 5.40587096664935007 52.97637172993879062, 5.40289482778858776 52.98442399617334075, 5.39947217596958229 52.99000705963481295, 5.3986231264314446 52.9966395784468034, 5.3967967229442122 53.00281964391934508, 5.40114750937124999 53.0052994882756181, 5.40536898344305072 53.01174734910516406, 5.40688718652181333 53.01134956078574589, 5.41216200018679316 53.00592971637798456, 5.41216200018679316 53.00592971637798456)))</t>
  </si>
  <si>
    <t>MultiPolygon (((5.40637344510519213 52.94511599122269985, 5.40639084719078422 52.94692103671474115, 5.40408079513830675 52.9469705911714712, 5.4023492771584376 52.94643220335477451, 5.4039488864473606 52.94720232055602338, 5.40659718333722861 52.94719085428513949, 5.40786768652411176 52.94642221536403071, 5.40995102496091818 52.94467162791636383, 5.40950505871318477 52.9429242042033863, 5.40559882226475441 52.94287412832051132, 5.40360131094836671 52.94068104258333562, 5.40724866210895705 52.93849349878618682, 5.40220828579907053 52.93671012695998712, 5.40102529923722763 52.93918234567458114, 5.39590488320670136 52.94302896331281261, 5.40219251280766777 52.94513955731802923, 5.40172485635026334 52.9444853611007602, 5.4030852975367667 52.94389888760002094, 5.40283773788563959 52.94468713676489102, 5.40366074629672166 52.9447555186702985, 5.40374212059792747 52.94398609589429583, 5.40482164604606918 52.94396910426608827, 5.40486215790964675 52.94508838038364473, 5.40637344510519213 52.94511599122269985, 5.40637344510519213 52.94511599122269985)))</t>
  </si>
  <si>
    <t>MultiPolygon (((5.5062430355216172 52.99975527550488152, 5.50660902631474158 52.99952783698374503, 5.51057966919203235 52.99797421931776853, 5.51263854239328221 52.99528206418751353, 5.4978369477026936 52.98052146181802158, 5.49231144037107732 52.9708107010935052, 5.47417497012851406 52.97773735330660827, 5.47190256782280482 52.97813662906318655, 5.46859911887164341 52.97753685215405994, 5.46555822223325904 52.97865486374485755, 5.46420047820988497 52.9794959577462663, 5.46827246934581979 52.98200041289322115, 5.47329705942976208 52.98997712067821197, 5.47794638211434926 52.98962261549313979, 5.48352761588416016 52.992755142428976, 5.48806735054238359 52.99527794119921964, 5.49412087324839682 52.99749459351175318, 5.5062430355216172 52.99975527550488152, 5.5062430355216172 52.99975527550488152)))</t>
  </si>
  <si>
    <t>MultiPolygon (((5.43197536841006823 52.97120197078750437, 5.43072391279173594 52.97203971491531149, 5.43045758709275006 52.97366575805614275, 5.44635776108325675 52.98570493766898437, 5.44979584983784004 52.98458215464153653, 5.45349731078364908 52.98647848776504787, 5.45608942236031158 52.98615576153235907, 5.45994012656783312 52.98355871232563885, 5.46068504690593048 52.9813717293917108, 5.45434126457507862 52.97664238234149536, 5.46011426794358545 52.97378497674417019, 5.4537218398438263 52.9687058757282756, 5.45083154310968965 52.96688549399095791, 5.44481177374020575 52.97003527719120086, 5.44149787167031729 52.9677869264888983, 5.43585656811457518 52.97085547892545776, 5.43338693947302076 52.97059473807334484, 5.43222854370546404 52.97103162671202625, 5.43197536841006823 52.97120197078750437, 5.43197536841006823 52.97120197078750437)))</t>
  </si>
  <si>
    <t>MultiPolygon (((5.63571898178529729 53.05961566676110408, 5.64229613163411603 53.05576142914043913, 5.64679827440504489 53.05518337682077146, 5.65396999068282202 53.05120025562288077, 5.64761992971439764 53.04969897580694038, 5.64403635982451135 53.04790164969782751, 5.64118763991954264 53.04577522757082875, 5.64163741326663981 53.04185634248908343, 5.64097121769207632 53.04063452871041306, 5.63790561804101298 53.0385197173633216, 5.63445786112560132 53.03837413252667687, 5.63402486239011502 53.03772690552633406, 5.6324801967416791 53.03636735245649447, 5.63038516757633545 53.03715768703929712, 5.62612255046083742 53.03405247988023063, 5.62636730429395637 53.03328199439615531, 5.6221723983718066 53.02996096223325395, 5.62164801528237401 53.02817375619281393, 5.61849225029816246 53.03400689468008267, 5.61522274212175354 53.03660404474483414, 5.6148555411978025 53.03879159748465355, 5.61881024108889893 53.0403590827081004, 5.62124847149565454 53.0423174322303197, 5.620767242405039 53.04265376294978296, 5.62170539849552586 53.04418375241179717, 5.62056475890900575 53.04477034756207132, 5.62427549480287148 53.04774154650979057, 5.62634228675937642 53.04708049229608946, 5.62918348663548329 53.05001483634590187, 5.63074967025729034 53.05353579601007397, 5.63029834274354712 53.05619307835873855, 5.63502011259158575 53.05989030716551014, 5.63571898178529729 53.05961566676110408, 5.63571898178529729 53.05961566676110408)))</t>
  </si>
  <si>
    <t>MultiPolygon (((5.63571898178529729 53.05961566676110408, 5.63799630880136959 53.06120882452557197, 5.64371427780302604 53.06131540479424302, 5.65717254294263938 53.05505737852780612, 5.66727638325635574 53.05761962315606439, 5.67171551526728202 53.05591716744238084, 5.67937010128209074 53.05316659267339929, 5.68314412824764137 53.05500839232739452, 5.68790363648068276 53.05266213465119307, 5.6891754295851964 53.05192490043002351, 5.68941000861577262 53.05068920151892797, 5.69672186834786665 53.04559892907524699, 5.69018596097805673 53.04238070488347034, 5.68518239756676813 53.04506033874444171, 5.67985859301022877 53.04606935644184773, 5.67590443982969184 53.04316688139965663, 5.67383238877747864 53.04394523013858986, 5.67656762603484744 53.04672095912995644, 5.67714391245776451 53.0483763711786267, 5.67334568679205553 53.04836417607643995, 5.66873342476467013 53.05066319849672851, 5.66647691733607139 53.05156765614829339, 5.66420044542501699 53.05005093534902016, 5.65980213696076628 53.05116183274779473, 5.65690492601940864 53.04855233320277819, 5.65565346904375232 53.04923022669152033, 5.65826617892293005 53.05139896092634189, 5.65713742837774802 53.05192102001021226, 5.65396999068282202 53.05120025562288077, 5.64679827440504489 53.05518337682077146, 5.64229613163411603 53.05576142914043913, 5.63571898178529729 53.05961566676110408, 5.63571898178529729 53.05961566676110408)))</t>
  </si>
  <si>
    <t>MultiPolygon (((5.75543215673415798 53.04683805444894062, 5.73670465811509711 53.0301519032958808, 5.73324130153335343 53.01543806578099094, 5.72458544357022792 53.01833150261710159, 5.7156001919183943 53.02108776562314318, 5.68908706790416208 53.02436963595165764, 5.69059137206317533 53.02806587078016776, 5.69303278335554186 53.02783443635207306, 5.69405489413735033 53.02990592942478543, 5.69184854382776173 53.03368349627658773, 5.69305309788255798 53.03644646014463149, 5.69102865095453581 53.03857964317303697, 5.68779577177823992 53.04022665282298021, 5.69018596097805673 53.04238070488347034, 5.69672186834786665 53.04559892907524699, 5.7005609486378912 53.04309464602533808, 5.70146222787199974 53.04360359017614712, 5.7071457328646984 53.0397696081448089, 5.71063825339741982 53.04035823975623032, 5.72239951857318996 53.04803127202013968, 5.73296965593661589 53.05498438084022439, 5.73281819448881169 53.05438595574525351, 5.73454051752613392 53.05360726611066013, 5.73750239948133878 53.05305047885307346, 5.75039041370990045 53.04729419271630775, 5.75543215673415798 53.04683805444894062, 5.75543215673415798 53.04683805444894062)))</t>
  </si>
  <si>
    <t>MultiPolygon (((5.65524688985241575 53.02227340011120305, 5.67127346501658725 53.02176293583198685, 5.67323712876632236 53.01807786519836441, 5.67644001679674481 53.0168120962104723, 5.67706449871478114 53.01255563481018385, 5.6785464806848811 53.00959733560605258, 5.67810991871436421 53.0087383711415896, 5.67660234884134596 53.0074272210137849, 5.67507841662516466 53.00762769840614652, 5.66125622947155449 53.00339175202437758, 5.65631682504535771 53.00683488835335311, 5.65262480017312097 53.00786319739054164, 5.65298742035205493 53.01160794658667186, 5.65524688985241575 53.02227340011120305, 5.65524688985241575 53.02227340011120305)))</t>
  </si>
  <si>
    <t>MultiPolygon (((5.64254387430465876 53.02536659945997854, 5.64711650933671017 53.0228889294953305, 5.65524688985241575 53.02227340011120305, 5.65298742035205493 53.01160794658667186, 5.64787282089663289 53.01228699937879441, 5.64125380283374955 53.01657506524674801, 5.63630535360956042 53.0205398317811003, 5.63599758177406418 53.02151233297328758, 5.64254387430465876 53.02536659945997854, 5.64254387430465876 53.02536659945997854)))</t>
  </si>
  <si>
    <t>MultiPolygon (((5.65879629606359469 53.02933971893700971, 5.65920049669440761 53.02891252109330367, 5.65579069619536945 53.02631818435122568, 5.65524688985241575 53.02227340011120305, 5.64711650933671017 53.0228889294953305, 5.64254387430465876 53.02536659945997854, 5.64761996086195683 53.02829130418141546, 5.65587506917913974 53.02866505859777391, 5.65879629606359469 53.02933971893700971, 5.65879629606359469 53.02933971893700971)))</t>
  </si>
  <si>
    <t>MultiPolygon (((5.65920049669440761 53.02891252109330367, 5.66209880165753265 53.02900867153018538, 5.66713763626731737 53.02613265212528404, 5.67127346501658725 53.02176293583198685, 5.65524688985241575 53.02227340011120305, 5.65579069619536945 53.02631818435122568, 5.65920049669440761 53.02891252109330367, 5.65920049669440761 53.02891252109330367)))</t>
  </si>
  <si>
    <t>MultiPolygon (((5.66708477248578824 53.03271454892936987, 5.66808449153532745 53.0331171414806164, 5.67179174872616887 53.0301474494999141, 5.67552570911503285 53.02903265027861579, 5.68161016459316937 53.02638769499178295, 5.68908706790416208 53.02436963595165764, 5.7156001919183943 53.02108776562314318, 5.72458544357022792 53.01833150261710159, 5.72294124910074409 53.0145935814213729, 5.71498684478921781 53.0153552177307219, 5.70772264474156188 53.0152836143275934, 5.69716920658185799 53.01671664324857858, 5.69296661807940918 53.01753142445375744, 5.68791909555794284 53.01438552477466004, 5.68022435294027517 53.00987881326631168, 5.6785464806848811 53.00959733560605258, 5.67706449871478114 53.01255563481018385, 5.67644001679674481 53.0168120962104723, 5.67323712876632236 53.01807786519836441, 5.67127346501658725 53.02176293583198685, 5.66713763626731737 53.02613265212528404, 5.66209880165753265 53.02900867153018538, 5.66383645427597848 53.03153425518415531, 5.66708477248578824 53.03271454892936987, 5.66708477248578824 53.03271454892936987)))</t>
  </si>
  <si>
    <t>MultiPolygon (((5.66808449153532745 53.0331171414806164, 5.67138286253676593 53.03418599587566717, 5.67698091521803949 53.032884739809937, 5.67552570911503285 53.02903265027861579, 5.67179174872616887 53.0301474494999141, 5.66808449153532745 53.0331171414806164, 5.66808449153532745 53.0331171414806164)))</t>
  </si>
  <si>
    <t>MultiPolygon (((5.68151689802307391 53.03507188984712428, 5.68635226804400329 53.03693012493148018, 5.68779577177823992 53.04022665282298021, 5.69102865095453581 53.03857964317303697, 5.69305309788255798 53.03644646014463149, 5.69184854382776173 53.03368349627658773, 5.69405489413735033 53.02990592942478543, 5.69303278335554186 53.02783443635207306, 5.69059137206317533 53.02806587078016776, 5.68908706790416208 53.02436963595165764, 5.68161016459316937 53.02638769499178295, 5.67552570911503285 53.02903265027861579, 5.67698091521803949 53.032884739809937, 5.68151689802307391 53.03507188984712428, 5.68151689802307391 53.03507188984712428)))</t>
  </si>
  <si>
    <t>MultiPolygon (((5.67590443982969184 53.04316688139965663, 5.67985859301022877 53.04606935644184773, 5.68518239756676813 53.04506033874444171, 5.69018596097805673 53.04238070488347034, 5.68779577177823992 53.04022665282298021, 5.68635226804400329 53.03693012493148018, 5.68151689802307391 53.03507188984712428, 5.67777924884048701 53.03791895483585961, 5.6723788923648133 53.03987126677186126, 5.67590443982969184 53.04316688139965663, 5.67590443982969184 53.04316688139965663)))</t>
  </si>
  <si>
    <t>MultiPolygon (((5.6723788923648133 53.03987126677186126, 5.67777924884048701 53.03791895483585961, 5.68151689802307391 53.03507188984712428, 5.67698091521803949 53.032884739809937, 5.67138286253676593 53.03418599587566717, 5.66808449153532745 53.0331171414806164, 5.66708477248578824 53.03271454892936987, 5.66583783105028438 53.03378287674322422, 5.66918497454260883 53.03590754617563618, 5.6723788923648133 53.03987126677186126, 5.6723788923648133 53.03987126677186126)))</t>
  </si>
  <si>
    <t>MultiPolygon (((5.67383238877747864 53.04394523013858986, 5.67590443982969184 53.04316688139965663, 5.6723788923648133 53.03987126677186126, 5.66918497454260883 53.03590754617563618, 5.66583783105028438 53.03378287674322422, 5.66385878856497893 53.03434741864955271, 5.66775210906349614 53.03935708446240227, 5.67383238877747864 53.04394523013858986, 5.67383238877747864 53.04394523013858986)))</t>
  </si>
  <si>
    <t>MultiPolygon (((5.66873342476467013 53.05066319849672851, 5.67334568679205553 53.04836417607643995, 5.67714391245776451 53.0483763711786267, 5.67656762603484744 53.04672095912995644, 5.67383238877747864 53.04394523013858986, 5.66775210906349614 53.03935708446240227, 5.66309133272813892 53.04073549913901786, 5.66873342476467013 53.05066319849672851, 5.66873342476467013 53.05066319849672851)))</t>
  </si>
  <si>
    <t>MultiPolygon (((5.66309133272813892 53.04073549913901786, 5.66775210906349614 53.03935708446240227, 5.66385878856497893 53.03434741864955271, 5.65965650171952639 53.03409166883665904, 5.65605170304832772 53.03477971027848525, 5.66041427596718361 53.03727245145493896, 5.66309133272813892 53.04073549913901786, 5.66309133272813892 53.04073549913901786)))</t>
  </si>
  <si>
    <t>MultiPolygon (((5.65396999068282202 53.05120025562288077, 5.65713742837774802 53.05192102001021226, 5.65826617892293005 53.05139896092634189, 5.65565346904375232 53.04923022669152033, 5.65690492601940864 53.04855233320277819, 5.65980213696076628 53.05116183274779473, 5.66420044542501699 53.05005093534902016, 5.66647691733607139 53.05156765614829339, 5.66873342476467013 53.05066319849672851, 5.66309133272813892 53.04073549913901786, 5.66004423178541938 53.0417393837578004, 5.6586212075542841 53.04139216448201921, 5.64914031417062379 53.0357144399276379, 5.63402486239011502 53.03772690552633406, 5.63445786112560132 53.03837413252667687, 5.63790561804101298 53.0385197173633216, 5.64097121769207632 53.04063452871041306, 5.64163741326663981 53.04185634248908343, 5.64118763991954264 53.04577522757082875, 5.64403635982451135 53.04790164969782751, 5.64761992971439764 53.04969897580694038, 5.65396999068282202 53.05120025562288077, 5.65396999068282202 53.05120025562288077)))</t>
  </si>
  <si>
    <t>MultiPolygon (((5.64914031417062379 53.0357144399276379, 5.6586212075542841 53.04139216448201921, 5.66004423178541938 53.0417393837578004, 5.66309133272813892 53.04073549913901786, 5.66041427596718361 53.03727245145493896, 5.65605170304832772 53.03477971027848525, 5.64914031417062379 53.0357144399276379, 5.64914031417062379 53.0357144399276379)))</t>
  </si>
  <si>
    <t>MultiPolygon (((5.63402486239011502 53.03772690552633406, 5.64914031417062379 53.0357144399276379, 5.65605170304832772 53.03477971027848525, 5.63217200121492034 53.02285755914573429, 5.62756408733978652 53.02544975171174002, 5.62164801528237401 53.02817375619281393, 5.6221723983718066 53.02996096223325395, 5.62636730429395637 53.03328199439615531, 5.62612255046083742 53.03405247988023063, 5.63038516757633545 53.03715768703929712, 5.6324801967416791 53.03636735245649447, 5.63402486239011502 53.03772690552633406, 5.63402486239011502 53.03772690552633406)))</t>
  </si>
  <si>
    <t>MultiPolygon (((5.65605170304832772 53.03477971027848525, 5.65965650171952639 53.03409166883665904, 5.65707818301337717 53.03398661994209107, 5.6567448960895188 53.03335272792917721, 5.65681382623115603 53.03173619612105938, 5.65879629606359469 53.02933971893700971, 5.65587506917913974 53.02866505859777391, 5.64761996086195683 53.02829130418141546, 5.64254387430465876 53.02536659945997854, 5.63599758177406418 53.02151233297328758, 5.63217200121492034 53.02285755914573429, 5.65605170304832772 53.03477971027848525, 5.65605170304832772 53.03477971027848525)))</t>
  </si>
  <si>
    <t>MultiPolygon (((5.65965650171952639 53.03409166883665904, 5.66385878856497893 53.03434741864955271, 5.66583783105028438 53.03378287674322422, 5.66708477248578824 53.03271454892936987, 5.66383645427597848 53.03153425518415531, 5.66209880165753265 53.02900867153018538, 5.65920049669440761 53.02891252109330367, 5.65879629606359469 53.02933971893700971, 5.65681382623115603 53.03173619612105938, 5.6567448960895188 53.03335272792917721, 5.65707818301337717 53.03398661994209107, 5.65965650171952639 53.03409166883665904, 5.65965650171952639 53.03409166883665904)))</t>
  </si>
  <si>
    <t>MultiPolygon (((5.50333349627458901 53.08157079547410007, 5.51180291317670878 53.07790017282381001, 5.52146426440068616 53.07466278749976851, 5.52309492815759828 53.07224719527901868, 5.51784672890773553 53.06981347836643437, 5.50959995946596415 53.06424359631333942, 5.50802283016607053 53.06195545798313873, 5.50840076511115306 53.06058190211386005, 5.51079193269007916 53.05957133717819119, 5.51935950654647112 53.05806094963670461, 5.53115900106668512 53.0567505298629527, 5.53779453658298149 53.05542197387878645, 5.53963487415685396 53.05795482073720137, 5.53748470828551742 53.05855062000411948, 5.54004360590559219 53.06217884495382719, 5.5391892669923708 53.06227653247205467, 5.54009804780478898 53.06367213467397903, 5.54168705714721721 53.06376276139657477, 5.54181263115861711 53.06837027033392218, 5.53933029943713962 53.07019413161987842, 5.54080047543793786 53.07201191212210745, 5.54632467997172096 53.07266614738244925, 5.5532596589792691 53.07325160133455455, 5.55325067456580257 53.07124647393980865, 5.54620005415974582 53.05904723698463243, 5.55367388108162174 53.05804609856361509, 5.55444102127000505 53.05697397618067868, 5.5572987854521525 53.05603764602400929, 5.55476263354711008 53.05412675506901365, 5.55286568426834393 53.05466271777036269, 5.54927125174680747 53.05331255244848165, 5.54948765650732323 53.05252219050230877, 5.54975893295303724 53.05084387791151102, 5.54693115853431795 53.04930388869607327, 5.5382443217856876 53.0463129430520155, 5.53531009353041537 53.0469728648805372, 5.52885471138815543 53.05025088583623472, 5.52560467840812386 53.05297179701923938, 5.52532117387096999 53.05555003352832699, 5.52299080253521435 53.05688847463823521, 5.51824086019762117 53.05773172064537135, 5.51700057675930289 53.05740426673479959, 5.51253070660392996 53.05550473937678646, 5.5116389564019812 53.05336618181429031, 5.50997846815287584 53.05226082140662669, 5.50641408665721421 53.05260454951309157, 5.50254804812917087 53.05377203217800997, 5.50287652913872893 53.05582992398731079, 5.50168745830210604 53.0596276932959583, 5.49665962843626943 53.06311619113512279, 5.4958419184455245 53.06698458873520252, 5.49725638379530945 53.06749639145974129, 5.49149958193725496 53.07141417662081295, 5.49843561095588296 53.07508349915687518, 5.50115874560543272 53.08008835389046709, 5.50333349627458901 53.08157079547410007, 5.50333349627458901 53.08157079547410007)))</t>
  </si>
  <si>
    <t>MultiPolygon (((5.52146426440068616 53.07466278749976851, 5.52749830253783525 53.07490079930325777, 5.53075382547476302 53.07389768160615517, 5.54158996539657434 53.07356599751491899, 5.54632467997172096 53.07266614738244925, 5.54080047543793786 53.07201191212210745, 5.53933029943713962 53.07019413161987842, 5.54181263115861711 53.06837027033392218, 5.54168705714721721 53.06376276139657477, 5.54009804780478898 53.06367213467397903, 5.53319193810652621 53.06425923878578743, 5.52843630239287087 53.06612055778035852, 5.52571454950516916 53.06646605185547827, 5.52489018820133104 53.06941300071017764, 5.52661551428580111 53.07099685885702911, 5.52309492815759828 53.07224719527901868, 5.52146426440068616 53.07466278749976851, 5.52146426440068616 53.07466278749976851)))</t>
  </si>
  <si>
    <t>MultiPolygon (((5.50802283016607053 53.06195545798313873, 5.51618650186911808 53.06265201298349155, 5.51980866588990526 53.05992917073656656, 5.51935950654647112 53.05806094963670461, 5.51079193269007916 53.05957133717819119, 5.50840076511115306 53.06058190211386005, 5.50802283016607053 53.06195545798313873, 5.50802283016607053 53.06195545798313873)))</t>
  </si>
  <si>
    <t>MultiPolygon (((5.52843630239287087 53.06612055778035852, 5.53319193810652621 53.06425923878578743, 5.54009804780478898 53.06367213467397903, 5.5391892669923708 53.06227653247205467, 5.54004360590559219 53.06217884495382719, 5.53748470828551742 53.05855062000411948, 5.53963487415685396 53.05795482073720137, 5.53779453658298149 53.05542197387878645, 5.53115900106668512 53.0567505298629527, 5.51935950654647112 53.05806094963670461, 5.51980866588990526 53.05992917073656656, 5.52665376981488965 53.06109891889411756, 5.52843630239287087 53.06612055778035852, 5.52843630239287087 53.06612055778035852)))</t>
  </si>
  <si>
    <t>MultiPolygon (((5.52309492815759828 53.07224719527901868, 5.52661551428580111 53.07099685885702911, 5.52489018820133104 53.06941300071017764, 5.52571454950516916 53.06646605185547827, 5.52140441986168895 53.06390125526369417, 5.51618650186911808 53.06265201298349155, 5.50802283016607053 53.06195545798313873, 5.50959995946596415 53.06424359631333942, 5.51784672890773553 53.06981347836643437, 5.52309492815759828 53.07224719527901868, 5.52309492815759828 53.07224719527901868)))</t>
  </si>
  <si>
    <t>MultiPolygon (((5.52571454950516916 53.06646605185547827, 5.52843630239287087 53.06612055778035852, 5.52665376981488965 53.06109891889411756, 5.51980866588990526 53.05992917073656656, 5.51618650186911808 53.06265201298349155, 5.52140441986168895 53.06390125526369417, 5.52571454950516916 53.06646605185547827, 5.52571454950516916 53.06646605185547827)))</t>
  </si>
  <si>
    <t>MultiPolygon (((6.01288817361340389 52.58611404879451356, 6.01389378156205634 52.58747351048298668, 6.05393352410539798 52.59853824523163723, 6.05446995707063618 52.59760685271383096, 6.06478057676364113 52.58397595692892423, 6.06606972316445603 52.58433131965375651, 6.07204150316577529 52.57637290324512946, 6.06968673832977235 52.57572231768226345, 6.07771238828128624 52.56507583434734698, 6.07354434344105787 52.55917605655686486, 6.0701559465636068 52.5582262031051286, 6.06315371386156698 52.5672799086088105, 6.0335453966915793 52.55902989043917728, 6.03303753927702768 52.55940346816952058, 6.01288817361340389 52.58611404879451356, 6.01288817361340389 52.58611404879451356)))</t>
  </si>
  <si>
    <t>MultiPolygon (((6.06152203676987966 52.64494418771513295, 6.06233972424744572 52.64274167977417562, 6.06086690919896043 52.64261475210120977, 6.06202270888558825 52.63948721529855135, 6.05927826181447227 52.63801607477581967, 6.05764499856568239 52.6396653403309287, 6.05641442174126077 52.64316298689755769, 6.05930847873070721 52.64464716103609732, 6.06152203676987966 52.64494418771513295, 6.06152203676987966 52.64494418771513295)))</t>
  </si>
  <si>
    <t>MultiPolygon (((6.12027132418665598 52.66508959000123014, 6.10808277973639058 52.65845106546881027, 6.1063895470961489 52.65679524596738759, 6.10429128921784514 52.65711978054365261, 6.10383259466521899 52.65614053651503923, 6.1044709347647208 52.64792571198720594, 6.10412447822535231 52.64692895936634187, 6.10299942710836429 52.64674461640839098, 6.10193203166958753 52.64062020845351952, 6.09738264912743588 52.63618197823821987, 6.09723840574770914 52.63604363253504914, 6.08625239426292719 52.63769270339190598, 6.08624653993723186 52.63869622668919135, 6.09016168062170404 52.6416811407232359, 6.09396830202604356 52.64705028775334483, 6.09851472355658153 52.6486684399028988, 6.09287971505776493 52.65175642164304293, 6.0890084242357938 52.64940776622592011, 6.08828895664632608 52.64971465575363396, 6.08231674104493347 52.645200226877229, 6.0809367533256955 52.64754854736702328, 6.07695752442903014 52.64671915052481665, 6.07578340986689458 52.64865913645473228, 6.07117470335052101 52.64772203999446987, 6.07200167956286574 52.64623745470809268, 6.06519999635691764 52.64515797012614229, 6.06436663766662853 52.64730852815557682, 6.06072724494304094 52.64678349581793526, 6.06152203676987966 52.64494418771513295, 6.05930847873070721 52.64464716103609732, 6.05641442174126077 52.64316298689755769, 6.05764499856568239 52.6396653403309287, 6.05927826181447227 52.63801607477581967, 6.06134452042432947 52.63529306973347843, 6.06009004441285359 52.63291143346281586, 6.05665615551289882 52.63083784959260925, 6.04868388076981045 52.62949152435309941, 6.03966813460705687 52.63022393558081546, 6.03836098627294593 52.6305834790936018, 6.03510116641866023 52.6320040937943574, 6.02877738252256723 52.63567912752203171, 6.02578427799633776 52.63639041605126323, 6.02240166690828005 52.63609512120363121, 6.02037962914793123 52.63649728991970278, 6.02033905258590707 52.63789367209506764, 6.02035328620210031 52.63866189394118322, 6.02222676809052437 52.63951218572219659, 6.01864777704980281 52.6432400336369426, 6.01750477531939421 52.64339949713126288, 6.01885903723506566 52.64351411174595796, 6.02110189270408025 52.64136724149265234, 6.02449448931923293 52.64203470523891326, 6.02621661279924048 52.64291903732408429, 6.0382082158760646 52.64950000641381678, 6.05486416404883521 52.65021892515036228, 6.05891898309959576 52.6523292370340954, 6.06153433095189698 52.65291039348550584, 6.08556284400794656 52.66327421250758789, 6.09736035683582767 52.66462737569491281, 6.09991728817755341 52.66082127534782131, 6.10246902794331891 52.66343371667205275, 6.10279845901278861 52.66318347856770288, 6.1074919854732892 52.66563571732722693, 6.11956608639549682 52.66793686841844391, 6.12027132418665598 52.66508959000123014, 6.12027132418665598 52.66508959000123014)))</t>
  </si>
  <si>
    <t>MultiPolygon (((6.09834789446396286 52.62555485540956823, 6.10393057906306602 52.62556941191408555, 6.10509396233834867 52.62149404718915235, 6.10666593791464951 52.62147448975827757, 6.10672730362019411 52.62084526305682175, 6.10587205303510494 52.62082840235618875, 6.10615856711769744 52.61889746434633253, 6.10747676253219307 52.61887277249407191, 6.10761434585554053 52.61797077302009029, 6.10641357283261055 52.61789437561478167, 6.10695085900825063 52.61483221844191149, 6.10370096590502165 52.61268550622857987, 6.10622977750771589 52.60703472929940716, 6.10306358745220567 52.60565213149921249, 6.10528277005857678 52.60343316198041919, 6.09731391025399905 52.60073581734160797, 6.09526690020733408 52.60008089711774204, 6.089887025054737 52.60118520860578428, 6.09356620361198154 52.60509837743252604, 6.09330363122310015 52.60801174836397109, 6.09101673243640729 52.61022670131809775, 6.08319526324717774 52.61448195194768829, 6.07880530647359407 52.61773924048731743, 6.07655031636710241 52.62168306596046818, 6.07835303712517661 52.63152807879498596, 6.07742673059881966 52.63360849368359595, 6.08086132093833598 52.63717430660151564, 6.08625239426292719 52.63769270339190598, 6.09723840574770914 52.63604363253504914, 6.095916658717079 52.63094119603650967, 6.09834789446396286 52.62555485540956823, 6.09834789446396286 52.62555485540956823)))</t>
  </si>
  <si>
    <t>MultiPolygon (((6.0890084242357938 52.64940776622592011, 6.09287971505776493 52.65175642164304293, 6.09851472355658153 52.6486684399028988, 6.09396830202604356 52.64705028775334483, 6.09016168062170404 52.6416811407232359, 6.08624653993723186 52.63869622668919135, 6.08625239426292719 52.63769270339190598, 6.08086132093833598 52.63717430660151564, 6.07742673059881966 52.63360849368359595, 6.07622623080403823 52.63502931060418177, 6.08166216819242944 52.64222691959654554, 6.0890084242357938 52.64940776622592011, 6.0890084242357938 52.64940776622592011)))</t>
  </si>
  <si>
    <t>MultiPolygon (((6.07450418905318745 52.64053735011852098, 6.07690531404548828 52.64249254822515667, 6.08166216819242944 52.64222691959654554, 6.07622623080403823 52.63502931060418177, 6.07292977534212852 52.63687384534971869, 6.06917067113414532 52.63764434071332943, 6.07036313305421249 52.63890229973059576, 6.07450418905318745 52.64053735011852098, 6.07450418905318745 52.64053735011852098)))</t>
  </si>
  <si>
    <t>MultiPolygon (((6.08231674104493347 52.645200226877229, 6.08828895664632608 52.64971465575363396, 6.0890084242357938 52.64940776622592011, 6.08166216819242944 52.64222691959654554, 6.07690531404548828 52.64249254822515667, 6.07450418905318745 52.64053735011852098, 6.07349012382710107 52.64243371557275708, 6.08231674104493347 52.645200226877229, 6.08231674104493347 52.645200226877229)))</t>
  </si>
  <si>
    <t>MultiPolygon (((6.06519999635691764 52.64515797012614229, 6.07200167956286574 52.64623745470809268, 6.07117470335052101 52.64772203999446987, 6.07578340986689458 52.64865913645473228, 6.07695752442903014 52.64671915052481665, 6.0809367533256955 52.64754854736702328, 6.08231674104493347 52.645200226877229, 6.07349012382710107 52.64243371557275708, 6.0693893123192959 52.64036388523741294, 6.06798496084474515 52.64037157394875521, 6.06519999635691764 52.64515797012614229, 6.06519999635691764 52.64515797012614229)))</t>
  </si>
  <si>
    <t>MultiPolygon (((6.06152203676987966 52.64494418771513295, 6.06072724494304094 52.64678349581793526, 6.06436663766662853 52.64730852815557682, 6.06519999635691764 52.64515797012614229, 6.06798496084474515 52.64037157394875521, 6.06354039436970638 52.64010769925945254, 6.06233972424744572 52.64274167977417562, 6.06152203676987966 52.64494418771513295, 6.06152203676987966 52.64494418771513295)))</t>
  </si>
  <si>
    <t>MultiPolygon (((6.06798496084474515 52.64037157394875521, 6.0693893123192959 52.64036388523741294, 6.07036313305421249 52.63890229973059576, 6.06917067113414532 52.63764434071332943, 6.06471691255695866 52.63721966295629784, 6.06134452042432947 52.63529306973347843, 6.05927826181447227 52.63801607477581967, 6.06202270888558825 52.63948721529855135, 6.06086690919896043 52.64261475210120977, 6.06233972424744572 52.64274167977417562, 6.06354039436970638 52.64010769925945254, 6.06798496084474515 52.64037157394875521, 6.06798496084474515 52.64037157394875521)))</t>
  </si>
  <si>
    <t>MultiPolygon (((6.07349012382710107 52.64243371557275708, 6.07450418905318745 52.64053735011852098, 6.07036313305421249 52.63890229973059576, 6.0693893123192959 52.64036388523741294, 6.07349012382710107 52.64243371557275708, 6.07349012382710107 52.64243371557275708)))</t>
  </si>
  <si>
    <t>MultiPolygon (((6.12746587897780692 52.58675663156618896, 6.13137787575850091 52.58124629317215692, 6.1474185459382058 52.58440824205246855, 6.14753151412208076 52.58380048532724516, 6.15506950934584118 52.58270634505423402, 6.1574254638998358 52.58077670157831562, 6.15881232874868623 52.57540570752750853, 6.16681424497990172 52.56525215381562077, 6.14052723937967393 52.55210243897251843, 6.12781787052630378 52.55672578561433284, 6.12571930535708198 52.55626611785588409, 6.11808095442654931 52.55739749401824668, 6.11396211321502747 52.56081043206734194, 6.1097905023749659 52.56111455065305194, 6.11005963520409789 52.56741236092271663, 6.10367525240335773 52.56735249207014249, 6.10316719876709346 52.57681898406172394, 6.09501632834415563 52.58563427552748948, 6.10305468052670896 52.58402750410014903, 6.10669010279817304 52.58797319721318786, 6.10632123198316812 52.58842801533196365, 6.1067080329978003 52.59102314072589479, 6.12746587897780692 52.58675663156618896)))</t>
  </si>
  <si>
    <t>MultiPolygon (((6.09330363122310015 52.60801174836397109, 6.09356620361198154 52.60509837743252604, 6.089887025054737 52.60118520860578428, 6.08779970031951567 52.60107883813540042, 6.0843062817989404 52.59793470148658656, 6.08368790817408556 52.59421136114094253, 6.08507066396343799 52.591812263224476, 6.08204509813130834 52.58948716284230329, 6.08624329468243808 52.58217790600007646, 6.08269616114920808 52.57220456441657319, 6.10316719876709346 52.57681898406172394, 6.10367525240335773 52.56735249207014249, 6.10078679654470424 52.56376169883429839, 6.09768412741949728 52.55862943978219448, 6.09335039996418448 52.55578797399174107, 6.09241104438790693 52.55351630438964605, 6.08939955732374205 52.55184063512058401, 6.08112824001416019 52.55384723215072995, 6.07418575399981098 52.55640235761065782, 6.07616281086446275 52.55696278948192912, 6.07354434344105787 52.55917605655686486, 6.07771238828128624 52.56507583434734698, 6.06968673832977235 52.57572231768226345, 6.07204150316577529 52.57637290324512946, 6.06606972316445603 52.58433131965375651, 6.06478057676364113 52.58397595692892423, 6.05446995707063618 52.59760685271383096, 6.06944822797113037 52.60180422205446149, 6.0667036926327178 52.60607439375137773, 6.06552728679450404 52.60679085982274472, 6.06324963429578645 52.60642584481512785, 6.05929124906734451 52.61183975705819904, 6.067062119145473 52.61403495182810985, 6.0739620303613675 52.61548691888909701, 6.07880530647359407 52.61773924048731743, 6.08319526324717774 52.61448195194768829, 6.09101673243640729 52.61022670131809775, 6.09330363122310015 52.60801174836397109)))</t>
  </si>
  <si>
    <t>MultiPolygon (((6.12052859658602433 52.59706943373916488, 6.12405685728830029 52.5940565724531055, 6.12550763975822576 52.59249182444332149, 6.12403152328721401 52.59128260747237249, 6.12746587897780692 52.58675663156618896, 6.1067080329978003 52.59102314072589479, 6.10673438440232452 52.59106003000731278, 6.1088476000051406 52.59411641539398374, 6.10633876566284695 52.59462001119550933, 6.10731575105888336 52.59804446885225104, 6.10929251743163704 52.59924617707391548, 6.11101679449359914 52.59903380659716987, 6.1142448694828424 52.59999284473376946, 6.12052859658602433 52.59706943373916488)))</t>
  </si>
  <si>
    <t>MultiPolygon (((6.089887025054737 52.60118520860578428, 6.09526690020733408 52.60008089711774204, 6.09731391025399905 52.60073581734160797, 6.09567352210126323 52.5966879180012441, 6.09324680073311775 52.59487562813426109, 6.08507066396343799 52.591812263224476, 6.08368790817408556 52.59421136114094253, 6.0843062817989404 52.59793470148658656, 6.08779970031951567 52.60107883813540042, 6.089887025054737 52.60118520860578428, 6.089887025054737 52.60118520860578428)))</t>
  </si>
  <si>
    <t>MultiPolygon (((6.09731391025399905 52.60073581734160797, 6.10528277005857678 52.60343316198041919, 6.10584794664368502 52.60369631060312656, 6.1142448694828424 52.59999284473376946, 6.11101679449359914 52.59903380659716987, 6.10929251743163704 52.59924617707391548, 6.10731575105888336 52.59804446885225104, 6.10633876566284695 52.59462001119550933, 6.09567352210126323 52.5966879180012441, 6.09731391025399905 52.60073581734160797, 6.09731391025399905 52.60073581734160797)))</t>
  </si>
  <si>
    <t>MultiPolygon (((6.09324680073311775 52.59487562813426109, 6.09567352210126323 52.5966879180012441, 6.10633876566284695 52.59462001119550933, 6.1088476000051406 52.59411641539398374, 6.10673438440232452 52.59106003000731278, 6.09467922685105368 52.59350593792455442, 6.09324680073311775 52.59487562813426109, 6.09324680073311775 52.59487562813426109)))</t>
  </si>
  <si>
    <t>MultiPolygon (((6.08507066396343799 52.591812263224476, 6.09391382927402603 52.58644793452157984, 6.09501632834415563 52.58563427552748948, 6.10316719876709346 52.57681898406172394, 6.08269616114920808 52.57220456441657319, 6.08624329468243808 52.58217790600007646, 6.08204509813130834 52.58948716284230329, 6.08507066396343799 52.591812263224476, 6.08507066396343799 52.591812263224476)))</t>
  </si>
  <si>
    <t>MultiPolygon (((6.09467922685105368 52.59350593792455442, 6.10673438440232452 52.59106003000731278, 6.1067080329978003 52.59102314072589479, 6.10632123198316812 52.58842801533196365, 6.09819762238896157 52.59035106905267298, 6.09757664557573786 52.58974543611137875, 6.0949802551269805 52.59080038495838494, 6.09348102729444641 52.5922121323305447, 6.09331644700952246 52.59339040134419463, 6.09467922685105368 52.59350593792455442, 6.09467922685105368 52.59350593792455442)))</t>
  </si>
  <si>
    <t>MultiPolygon (((6.09757664557573786 52.58974543611137875, 6.09819762238896157 52.59035106905267298, 6.10632123198316812 52.58842801533196365, 6.10669010279817304 52.58797319721318786, 6.10305468052670896 52.58402750410014903, 6.09501632834415563 52.58563427552748948, 6.09391382927402603 52.58644793452157984, 6.09757664557573786 52.58974543611137875, 6.09757664557573786 52.58974543611137875)))</t>
  </si>
  <si>
    <t>MultiPolygon (((6.09324680073311775 52.59487562813426109, 6.09467922685105368 52.59350593792455442, 6.09331644700952246 52.59339040134419463, 6.09348102729444641 52.5922121323305447, 6.0949802551269805 52.59080038495838494, 6.09757664557573786 52.58974543611137875, 6.09391382927402603 52.58644793452157984, 6.08507066396343799 52.591812263224476, 6.09324680073311775 52.59487562813426109, 6.09324680073311775 52.59487562813426109)))</t>
  </si>
  <si>
    <t>MultiPolygon (((6.02136921986147122 52.60632301394212362, 6.02137758321363936 52.60177991921734986, 6.01896495936059051 52.6018553485131477, 6.01581128428195111 52.60093729204707103, 6.01408658420464359 52.59952493259071105, 5.99896807769158702 52.5991940864950891, 5.99894994958702821 52.59788912613817047, 5.98671619258316134 52.59825425746539196, 5.98275340465777816 52.59482602743666035, 5.97395799004867634 52.59377497910655563, 5.97272014120486894 52.59553769232614684, 5.97667262536827959 52.59965146815050474, 5.98024299326101527 52.60508846687376661, 5.9909091657831679 52.61350875361946322, 5.99210566804011435 52.61898059659989713, 5.99174540698609004 52.6217475049712462, 5.99170496699955635 52.62431427962054187, 6.01387069124702567 52.61360306857442026, 6.01939343280483641 52.60876779461106167, 6.0208728776058793 52.60867684073583206, 6.02216704672798375 52.6076610129343436, 6.02136921986147122 52.60632301394212362, 6.02136921986147122 52.60632301394212362)))</t>
  </si>
  <si>
    <t>MultiPolygon (((6.04566698283821946 52.61579823924186172, 6.05418941279671152 52.61819997212602118, 6.05929124906734451 52.61183975705819904, 6.06324963429578645 52.60642584481512785, 6.06552728679450404 52.60679085982274472, 6.0667036926327178 52.60607439375137773, 6.06944822797113037 52.60180422205446149, 6.05446995707063618 52.59760685271383096, 6.05393352410539798 52.59853824523163723, 6.01389378156205634 52.58747351048298668, 6.01288817361340389 52.58611404879451356, 6.0126877377566279 52.58563638305206922, 5.9829406980700055 52.57751377043307883, 5.97300930310027578 52.59090270846107273, 5.97262358448326225 52.59145814262770102, 5.98616557831209928 52.59424006156420006, 5.99285687377487264 52.59632806172950126, 5.99893616781798222 52.5968970599063752, 6.00053123454988846 52.59513642775018383, 6.00181349921659457 52.59554568821547349, 6.00183973390357828 52.5966238186701105, 6.01833877665656036 52.59768907203294219, 6.02214102163120302 52.60017615786843237, 6.02261138946852626 52.60174132640003108, 6.02137758321363936 52.60177991921734986, 6.02136921986147122 52.60632301394212362, 6.02216704672798375 52.6076610129343436, 6.02540605716590161 52.6089241977335007, 6.03126696229267356 52.61271533202017991, 6.03310955053043152 52.6154316743840198, 6.03610059880707173 52.61718238102034917, 6.03616163477944845 52.61528776417073772, 6.04595454579779723 52.615104839889689, 6.04566698283821946 52.61579823924186172, 6.04566698283821946 52.61579823924186172)))</t>
  </si>
  <si>
    <t>MultiPolygon (((5.99894994958702821 52.59788912613817047, 5.99893616781798222 52.5968970599063752, 5.99285687377487264 52.59632806172950126, 5.98616557831209928 52.59424006156420006, 5.97262358448326225 52.59145814262770102, 5.97134122864173822 52.59415730914313514, 5.97272014120486894 52.59553769232614684, 5.97395799004867634 52.59377497910655563, 5.98275340465777816 52.59482602743666035, 5.98671619258316134 52.59825425746539196, 5.99894994958702821 52.59788912613817047, 5.99894994958702821 52.59788912613817047)))</t>
  </si>
  <si>
    <t>MultiPolygon (((5.99894994958702821 52.59788912613817047, 5.99896807769158702 52.5991940864950891, 6.01408658420464359 52.59952493259071105, 6.01581128428195111 52.60093729204707103, 6.01896495936059051 52.6018553485131477, 6.02137758321363936 52.60177991921734986, 6.02261138946852626 52.60174132640003108, 6.02214102163120302 52.60017615786843237, 6.01833877665656036 52.59768907203294219, 6.00183973390357828 52.5966238186701105, 6.00181349921659457 52.59554568821547349, 6.00053123454988846 52.59513642775018383, 5.99893616781798222 52.5968970599063752, 5.99894994958702821 52.59788912613817047, 5.99894994958702821 52.59788912613817047)))</t>
  </si>
  <si>
    <t>MultiPolygon (((6.03510116641866023 52.6320040937943574, 6.03836098627294593 52.6305834790936018, 6.03703678208724082 52.62647054320063233, 6.03754625965587621 52.62402879187418847, 6.03119951625803274 52.62490785533973536, 6.03049472559774635 52.62661849601339981, 6.03241103596178263 52.63077203447192431, 6.03385804484246435 52.630922313748421, 6.03510116641866023 52.6320040937943574, 6.03510116641866023 52.6320040937943574)))</t>
  </si>
  <si>
    <t>MultiPolygon (((6.04236349884691926 52.62289625160279627, 6.04739946077216661 52.62346367625931265, 6.04769496186561462 52.61899682054082206, 6.04566698283821946 52.61579823924186172, 6.04595454579779723 52.615104839889689, 6.03616163477944845 52.61528776417073772, 6.03610059880707173 52.61718238102034917, 6.03925047610543331 52.61867157759189695, 6.04212272153982166 52.62005500827167026, 6.04236349884691926 52.62289625160279627, 6.04236349884691926 52.62289625160279627)))</t>
  </si>
  <si>
    <t>MultiPolygon (((6.03119951625803274 52.62490785533973536, 6.03754625965587621 52.62402879187418847, 6.03974829644856648 52.62184166903968929, 6.03883434697198407 52.62017444611102235, 6.03925047610543331 52.61867157759189695, 6.03610059880707173 52.61718238102034917, 6.03310955053043152 52.6154316743840198, 6.03126696229267356 52.61271533202017991, 6.02924580143678046 52.6142140550150188, 6.02899956538543869 52.61635473925385043, 6.02567226429444247 52.61953080425838181, 6.03119951625803274 52.62490785533973536, 6.03119951625803274 52.62490785533973536)))</t>
  </si>
  <si>
    <t>MultiPolygon (((6.04739946077216661 52.62346367625931265, 6.0480786216632012 52.62368832601168123, 6.05041148921927441 52.6239199073889381, 6.05418941279671152 52.61819997212602118, 6.04566698283821946 52.61579823924186172, 6.04769496186561462 52.61899682054082206, 6.04739946077216661 52.62346367625931265, 6.04739946077216661 52.62346367625931265)))</t>
  </si>
  <si>
    <t>MultiPolygon (((6.03966813460705687 52.63022393558081546, 6.04868388076981045 52.62949152435309941, 6.05665615551289882 52.63083784959260925, 6.05747930775617149 52.62853640605732863, 6.06404528720149472 52.62794806026118977, 6.0642560739922029 52.62307667372520115, 6.06316466818911159 52.61942048805386918, 6.067062119145473 52.61403495182810985, 6.05929124906734451 52.61183975705819904, 6.05418941279671152 52.61819997212602118, 6.05041148921927441 52.6239199073889381, 6.0480786216632012 52.62368832601168123, 6.04748766273047078 52.6273454970439758, 6.0401408501883731 52.62708909827892967, 6.03966813460705687 52.63022393558081546, 6.03966813460705687 52.63022393558081546)))</t>
  </si>
  <si>
    <t>MultiPolygon (((6.0128616320730579 52.63974405114634436, 6.0178415737727029 52.63906714147532995, 6.02033905258590707 52.63789367209506764, 6.02037962914793123 52.63649728991970278, 6.02240166690828005 52.63609512120363121, 6.02578427799633776 52.63639041605126323, 6.02877738252256723 52.63567912752203171, 6.03510116641866023 52.6320040937943574, 6.03385804484246435 52.630922313748421, 6.03241103596178263 52.63077203447192431, 6.03049472559774635 52.62661849601339981, 6.03119951625803274 52.62490785533973536, 6.02567226429444247 52.61953080425838181, 6.02899956538543869 52.61635473925385043, 6.02924580143678046 52.6142140550150188, 6.03126696229267356 52.61271533202017991, 6.02540605716590161 52.6089241977335007, 6.02216704672798375 52.6076610129343436, 6.0208728776058793 52.60867684073583206, 6.01939343280483641 52.60876779461106167, 6.01387069124702567 52.61360306857442026, 5.99170496699955635 52.62431427962054187, 5.99174540698609004 52.6217475049712462, 5.98640156509783417 52.62501768640007782, 5.98717490698738697 52.626930108049784, 5.99040052275402779 52.62583437149107368, 6.010786503834602 52.63714428469975104, 6.01198392904074641 52.63683146665129442, 6.0128616320730579 52.63974405114634436)))</t>
  </si>
  <si>
    <t>MultiPolygon (((6.06134452042432947 52.63529306973347843, 6.06471691255695866 52.63721966295629784, 6.06917067113414532 52.63764434071332943, 6.07292977534212852 52.63687384534971869, 6.07622623080403823 52.63502931060418177, 6.07742673059881966 52.63360849368359595, 6.07835303712517661 52.63152807879498596, 6.07655031636710241 52.62168306596046818, 6.07880530647359407 52.61773924048731743, 6.0739620303613675 52.61548691888909701, 6.067062119145473 52.61403495182810985, 6.06316466818911159 52.61942048805386918, 6.0642560739922029 52.62307667372520115, 6.06404528720149472 52.62794806026118977, 6.05747930775617149 52.62853640605732863, 6.05665615551289882 52.63083784959260925, 6.06009004441285359 52.63291143346281586, 6.06134452042432947 52.63529306973347843, 6.06134452042432947 52.63529306973347843)))</t>
  </si>
  <si>
    <t>MultiPolygon (((6.0401408501883731 52.62708909827892967, 6.04748766273047078 52.6273454970439758, 6.0480786216632012 52.62368832601168123, 6.04739946077216661 52.62346367625931265, 6.04236349884691926 52.62289625160279627, 6.0401408501883731 52.62708909827892967, 6.0401408501883731 52.62708909827892967)))</t>
  </si>
  <si>
    <t>MultiPolygon (((6.03836098627294593 52.6305834790936018, 6.03966813460705687 52.63022393558081546, 6.0401408501883731 52.62708909827892967, 6.04236349884691926 52.62289625160279627, 6.04212272153982166 52.62005500827167026, 6.03925047610543331 52.61867157759189695, 6.03883434697198407 52.62017444611102235, 6.03974829644856648 52.62184166903968929, 6.03754625965587621 52.62402879187418847, 6.03703678208724082 52.62647054320063233, 6.03836098627294593 52.6305834790936018, 6.03836098627294593 52.6305834790936018)))</t>
  </si>
  <si>
    <t>MultiPolygon (((6.92859118373253668 53.23707549413359885, 6.93760345172210702 53.2442492704322774, 6.94250643228316111 53.24204335356124318, 6.94499036794653346 53.24361477448939439, 6.94613633682524245 53.24897373176654725, 6.95223080424392403 53.25649864195931116, 6.99701160399974498 53.26712894122027109, 7.01322852182827106 53.26684043079253428, 7.01260530641763502 53.26063824947986092, 7.01329591355927029 53.26070173833860366, 7.02184725022981482 53.25323684447324979, 7.03159799220742077 53.25613194368612824, 7.0345962756255016 53.25842273748202871, 7.03720896372355487 53.25968209707609446, 7.03871879639754106 53.25862988989503322, 7.04030691506988315 53.25983663279581748, 7.05742082459677089 53.24734026926088859, 7.05944088055694596 53.24822793770813689, 7.06750307085457141 53.24239159566426594, 7.0653553210486848 53.24127049718173765, 7.07968490694209329 53.23090798995363571, 7.07581416720453227 53.22987318289763436, 7.07349795715618868 53.22988418331386384, 7.0723145295865546 53.22853338269876389, 7.0710054370420421 53.22868096453795772, 7.0642235186459148 53.22662742218714271, 7.05710564904286741 53.22831293142920117, 7.04747194781758957 53.22568584785200585, 7.03378172188896578 53.22652324713632765, 7.01653175838928078 53.24633769551854812, 7.01269838948875623 53.24547747781208074, 7.00480344254683107 53.23733848665878554, 7.00079116261025547 53.23435486052945009, 7.00084223915978399 53.23324089791887559, 6.99341921057213245 53.22482183772721243, 6.99360922979104238 53.22356334615776063, 6.98455964822032183 53.21971410830276028, 6.97670946920303159 53.21427388605324893, 6.97514927430545306 53.21390192263370267, 6.97157297957696098 53.22424951734587495, 6.95701939652818968 53.22129701722445816, 6.95448571977082608 53.22470625371828845, 6.95895253895368615 53.22599137680671078, 6.96207277788900303 53.22822000329959025, 6.96382272024888405 53.23083130793082063, 6.96549293592496976 53.23712447036658091, 6.96778546363642359 53.23926512151960111, 6.97019955428937088 53.24071897203415205, 6.97405329012298036 53.24073548737926842, 6.98414441815691589 53.24340953734819948, 6.98511916836845614 53.24723739436208803, 6.98751069630643329 53.24797224210703206, 6.98764071090547123 53.24877035281552651, 6.98073139735646375 53.25160780007639261, 6.97563484691408053 53.25110803947751492, 6.97075434656046244 53.2495947398557945, 6.96382821056097168 53.24933709756655986, 6.96119708696476813 53.2485583033263481, 6.9645795224347955 53.24365194758505737, 6.9626568715264332 53.23891409120230378, 6.96324075523488961 53.23708133392921127, 6.9617822287150366 53.23256935860391792, 6.95691021331422199 53.23053711045643155, 6.95093553265041741 53.22921239767298118, 6.94742045178336554 53.22750361626581395, 6.92859118373253668 53.23707549413359885),(7.00336352535471462 53.25130243921805118, 7.00200965150094223 53.25212612171032589, 6.99623643367015013 53.24976871539546863, 6.99543391216502464 53.24784669406640347, 6.99691254846152155 53.24611203485634547, 6.99920674928535202 53.24552124287667709, 7.00352023477185259 53.24711966577736888, 7.00456509207632916 53.24830143268437155, 7.00336352535471462 53.25130243921805118)))</t>
  </si>
  <si>
    <t>MultiPolygon (((7.00336352535471462 53.25130243921805118, 7.00456509207632916 53.24830143268437155, 7.00352023477185259 53.24711966577736888, 6.99920674928535202 53.24552124287667709, 6.99691254846152155 53.24611203485634547, 6.99543391216502464 53.24784669406640347, 6.99623643367015013 53.24976871539546863, 7.00200965150094223 53.25212612171032589, 7.00336352535471462 53.25130243921805118, 7.00336352535471462 53.25130243921805118)))</t>
  </si>
  <si>
    <t>MultiPolygon (((6.95093553265041741 53.22921239767298118, 6.95691021331422199 53.23053711045643155, 6.9617822287150366 53.23256935860391792, 6.96324075523488961 53.23708133392921127, 6.9626568715264332 53.23891409120230378, 6.9645795224347955 53.24365194758505737, 6.96119708696476813 53.2485583033263481, 6.96382821056097168 53.24933709756655986, 6.97075434656046244 53.2495947398557945, 6.97563484691408053 53.25110803947751492, 6.98073139735646375 53.25160780007639261, 6.98764071090547123 53.24877035281552651, 6.98751069630643329 53.24797224210703206, 6.98511916836845614 53.24723739436208803, 6.98414441815691589 53.24340953734819948, 6.97405329012298036 53.24073548737926842, 6.97019955428937088 53.24071897203415205, 6.96778546363642359 53.23926512151960111, 6.96549293592496976 53.23712447036658091, 6.96382272024888405 53.23083130793082063, 6.96207277788900303 53.22822000329959025, 6.95895253895368615 53.22599137680671078, 6.95448571977082608 53.22470625371828845, 6.95299689450495073 53.22647207161938354, 6.95093553265041741 53.22921239767298118, 6.95093553265041741 53.22921239767298118)))</t>
  </si>
  <si>
    <t>MultiPolygon (((7.01253268265241303 53.18456469102918049, 7.01541875615008692 53.18448734223546381, 7.01712173303997222 53.18513712828512752, 7.01752518694798955 53.18710884156163132, 7.0215739350124915 53.18781427717421195, 7.0184936481746858 53.18433377209790081, 7.02438361450052628 53.18278407905097538, 7.02874608247396981 53.16901601511887065, 7.01432656099009044 53.16947936010097919, 7.00997667970014948 53.17026741681259239, 6.99800943955486687 53.1684437443087603, 6.99546053580943372 53.17205826718669215, 6.99852815667339367 53.1747952644985844, 6.99809191215213389 53.17633682280299467, 6.99382497004124648 53.17663954030808071, 6.98838034433738109 53.17543000776264961, 6.98576920729649764 53.18083471580061428, 6.99166275501137946 53.18137499508626576, 6.99297281235514134 53.18224663210573766, 6.99130424139742424 53.18606831081495301, 6.99300197983848015 53.18803400917985869, 6.99967558076314322 53.18944532675597259, 7.01176836219757416 53.19050775392148012, 7.01253268265241303 53.18456469102918049, 7.01253268265241303 53.18456469102918049)),((7.0474351990057551 53.17126608445111202, 7.04916125056226139 53.16791871723891205, 7.03480395862019048 53.16871580372995254, 7.02687843634322817 53.18986791777587086, 7.02386539608187377 53.18949060637775972, 7.02320591221616564 53.19187280349605373, 7.03820877438260961 53.19931930815379673, 7.04550013544886955 53.19681181333022835, 7.04118115759266505 53.19611708201281175, 7.03542045543009298 53.19311375021200661, 7.0474351990057551 53.17126608445111202, 7.0474351990057551 53.17126608445111202)),((7.03378172188896578 53.22652324713632765, 7.04747194781758957 53.22568584785200585, 7.05710564904286741 53.22831293142920117, 7.0642235186459148 53.22662742218714271, 7.0710054370420421 53.22868096453795772, 7.0723145295865546 53.22853338269876389, 7.06722852790928968 53.20096522516176663, 7.06582178061023303 53.20047848516508537, 7.06450670055404473 53.19516683913289512, 7.05267098602270082 53.19787630898328246, 7.04916384151712805 53.20289380282384428, 7.05507136614827424 53.20330161317852458, 7.05662820400738777 53.20412925395906711, 7.05673805155644551 53.20514497385794783, 7.04648887934118395 53.20841868340615832, 7.04158908419130736 53.20888460478209936, 7.03818573233674183 53.20801479327941763, 7.03584678555024379 53.20461832728955187, 7.03377175124942688 53.20496194463601825, 7.03138143602670151 53.20453132733041457, 7.02841989195319794 53.20166900688085576, 7.0184365327384004 53.20190405018765034, 7.00753305844883556 53.20036673540033689, 6.99880137505221267 53.19774777357374518, 6.99130396217448702 53.19453537909745933, 6.97910836020174141 53.19000825541267119, 6.95701939652818968 53.22129701722445816, 6.97157297957696098 53.22424951734587495, 6.97514927430545306 53.21390192263370267, 6.97670946920303159 53.21427388605324893, 6.98455964822032183 53.21971410830276028, 6.99360922979104238 53.22356334615776063, 6.99341921057213245 53.22482183772721243, 7.00084223915978399 53.23324089791887559, 7.00079116261025547 53.23435486052945009, 7.00480344254683107 53.23733848665878554, 7.01269838948875623 53.24547747781208074, 7.01653175838928078 53.24633769551854812, 7.03378172188896578 53.22652324713632765, 7.03378172188896578 53.22652324713632765)))</t>
  </si>
  <si>
    <t>MultiPolygon (((7.04550013544886955 53.19681181333022835, 7.04993043955647281 53.19533778649283562, 7.05288921533504976 53.19133781820259088, 7.05379378218730224 53.18370736459193182, 7.06221518799216064 53.18336252123683039, 7.06079448732373471 53.17471798020356744, 7.05470854020272142 53.17375294288762433, 7.0474351990057551 53.17126608445111202, 7.03542045543009298 53.19311375021200661, 7.04118115759266505 53.19611708201281175, 7.04550013544886955 53.19681181333022835, 7.04550013544886955 53.19681181333022835)))</t>
  </si>
  <si>
    <t>MultiPolygon (((7.0215739350124915 53.18781427717421195, 7.02386539608187377 53.18949060637775972, 7.02687843634322817 53.18986791777587086, 7.03480395862019048 53.16871580372995254, 7.02874608247396981 53.16901601511887065, 7.02438361450052628 53.18278407905097538, 7.0184936481746858 53.18433377209790081, 7.0215739350124915 53.18781427717421195, 7.0215739350124915 53.18781427717421195)))</t>
  </si>
  <si>
    <t>MultiPolygon (((7.05267098602270082 53.19787630898328246, 7.06450670055404473 53.19516683913289512, 7.06347192400533253 53.18991496281648068, 7.06485477795359262 53.18863068306685449, 7.06653392940534442 53.18822599987934296, 7.06638776978550709 53.18651617947827503, 7.0611438554677699 53.18563312379760077, 7.06221518799216064 53.18336252123683039, 7.05379378218730224 53.18370736459193182, 7.05288921533504976 53.19133781820259088, 7.04993043955647281 53.19533778649283562, 7.05267098602270082 53.19787630898328246, 7.05267098602270082 53.19787630898328246)))</t>
  </si>
  <si>
    <t>MultiPolygon (((7.0474351990057551 53.17126608445111202, 7.05470854020272142 53.17375294288762433, 7.06079448732373471 53.17471798020356744, 7.05943888267417385 53.16717288235434324, 7.04916125056226139 53.16791871723891205, 7.0474351990057551 53.17126608445111202, 7.0474351990057551 53.17126608445111202)))</t>
  </si>
  <si>
    <t>MultiPolygon (((6.97910836020174141 53.19000825541267119, 6.99130396217448702 53.19453537909745933, 6.99300197983848015 53.18803400917985869, 6.99130424139742424 53.18606831081495301, 6.99297281235514134 53.18224663210573766, 6.99166275501137946 53.18137499508626576, 6.98576920729649764 53.18083471580061428, 6.98103551989200266 53.18772799915896599, 6.97910836020174141 53.19000825541267119, 6.97910836020174141 53.19000825541267119)))</t>
  </si>
  <si>
    <t>MultiPolygon (((7.03584678555024379 53.20461832728955187, 7.03818573233674183 53.20801479327941763, 7.04158908419130736 53.20888460478209936, 7.04648887934118395 53.20841868340615832, 7.05673805155644551 53.20514497385794783, 7.05662820400738777 53.20412925395906711, 7.05507136614827424 53.20330161317852458, 7.04916384151712805 53.20289380282384428, 7.05267098602270082 53.19787630898328246, 7.04993043955647281 53.19533778649283562, 7.04550013544886955 53.19681181333022835, 7.03820877438260961 53.19931930815379673, 7.03886142772510848 53.20026746652627736, 7.03584678555024379 53.20461832728955187, 7.03584678555024379 53.20461832728955187)))</t>
  </si>
  <si>
    <t>MultiPolygon (((7.03584678555024379 53.20461832728955187, 7.03886142772510848 53.20026746652627736, 7.03820877438260961 53.19931930815379673, 7.02320591221616564 53.19187280349605373, 7.02386539608187377 53.18949060637775972, 7.0215739350124915 53.18781427717421195, 7.01752518694798955 53.18710884156163132, 7.01712173303997222 53.18513712828512752, 7.01541875615008692 53.18448734223546381, 7.01253268265241303 53.18456469102918049, 7.01176836219757416 53.19050775392148012, 6.99967558076314322 53.18944532675597259, 6.99300197983848015 53.18803400917985869, 6.99130396217448702 53.19453537909745933, 6.99880137505221267 53.19774777357374518, 7.00753305844883556 53.20036673540033689, 7.0184365327384004 53.20190405018765034, 7.02841989195319794 53.20166900688085576, 7.03138143602670151 53.20453132733041457, 7.03377175124942688 53.20496194463601825, 7.03584678555024379 53.20461832728955187, 7.03584678555024379 53.20461832728955187)))</t>
  </si>
  <si>
    <t>MultiPolygon (((6.97910836020174141 53.19000825541267119, 6.98103551989200266 53.18772799915896599, 6.96646535369619269 53.18142753314561588, 6.96435119799105351 53.18290060823535725, 6.96319799847684973 53.18200076434525414, 6.95668942802534751 53.18392007147289746, 6.95329545441794128 53.18708129719334465, 6.95116360668555888 53.18783258283129811, 6.94892918560417527 53.18641140481273766, 6.94773455143676433 53.18099872751944446, 6.94833288712986441 53.17900758942761996, 6.95127526794735573 53.17900238332787666, 6.9525790167508843 53.17501360684793354, 6.95407407005128952 53.17048644716083317, 6.95199230902858023 53.17016313585475018, 6.95261763458465687 53.16784863697107966, 6.9422991425699081 53.16641923735380715, 6.92983352807241726 53.1653346959673172, 6.92927552023800164 53.16905065449668655, 6.90373092595428162 53.16650601164884193, 6.90740472483371626 53.16969928832318715, 6.91220834035878084 53.17196631762275416, 6.90828407817843448 53.17223420558200075, 6.90763617076806113 53.17287799087895905, 6.90820304886799352 53.17428689597696234, 6.91253418185867918 53.17562343406721936, 6.91308461192970203 53.1769293540989807, 6.91149806269116596 53.17870354300954006, 6.91158012010210676 53.18128367771835485, 6.91386007460238616 53.18302684698154792, 6.91579568472590545 53.18827857087637767, 6.91868954365491273 53.19139242314241045, 6.92290282132197632 53.19070441878148614, 6.92510874723095249 53.19424874226869804, 6.93086744455655523 53.19635580309567757, 6.94380870585186294 53.20702246316869122, 6.94610708930052301 53.20666346616558684, 6.94877612710557546 53.20745668530231143, 6.94967747147477155 53.20936368728060728, 6.94286707642195999 53.21879590380419245, 6.9494909926684505 53.22259953651298048, 6.95299689450495073 53.22647207161938354, 6.95448571977082608 53.22470625371828845, 6.95701939652818968 53.22129701722445816, 6.97910836020174141 53.19000825541267119, 6.97910836020174141 53.19000825541267119)),((6.91614822291580023 53.2436183229961344, 6.92172060266044031 53.23918011343877765, 6.92859118373253668 53.23707549413359885, 6.94742045178336554 53.22750361626581395, 6.93761728495854424 53.21883352431484582, 6.93724353907942426 53.21732042957864905, 6.93813087797179673 53.21303194209649945, 6.94061901681839544 53.2095717582409975, 6.93586177533795922 53.20510323377617823, 6.92677820309409853 53.19978637143884015, 6.92271816750181657 53.19464785686434993, 6.91682000981676914 53.19556991528623513, 6.91839752452479484 53.1987333548022292, 6.92468787414660447 53.20507124988768766, 6.92059631174288192 53.20744892207499532, 6.92900479222004684 53.21308412291669043, 6.92694247043313815 53.2145974009021856, 6.92281564788047543 53.2206298652562424, 6.92553229677169391 53.22155763544989782, 6.92004138260784618 53.22734250830832536, 6.91271631837679124 53.22512461606160628, 6.908591239232722 53.23395393283502841, 6.91134419147853496 53.24301546694540832, 6.91395345314074738 53.24283564094820775, 6.91614822291580023 53.2436183229961344, 6.91614822291580023 53.2436183229961344)))</t>
  </si>
  <si>
    <t>MultiPolygon (((6.95127526794735573 53.17900238332787666, 6.94833288712986441 53.17900758942761996, 6.94773455143676433 53.18099872751944446, 6.94892918560417527 53.18641140481273766, 6.95116360668555888 53.18783258283129811, 6.95329545441794128 53.18708129719334465, 6.95668942802534751 53.18392007147289746, 6.96319799847684973 53.18200076434525414, 6.96024882377579246 53.1780373904996253, 6.95103031445823838 53.17975937569316613, 6.95127526794735573 53.17900238332787666, 6.95127526794735573 53.17900238332787666)))</t>
  </si>
  <si>
    <t>MultiPolygon (((6.94061901681839544 53.2095717582409975, 6.94380870585186294 53.20702246316869122, 6.93086744455655523 53.19635580309567757, 6.92510874723095249 53.19424874226869804, 6.92271816750181657 53.19464785686434993, 6.92677820309409853 53.19978637143884015, 6.93586177533795922 53.20510323377617823, 6.94061901681839544 53.2095717582409975, 6.94061901681839544 53.2095717582409975)))</t>
  </si>
  <si>
    <t>MultiPolygon (((6.94742045178336554 53.22750361626581395, 6.95093553265041741 53.22921239767298118, 6.95299689450495073 53.22647207161938354, 6.9494909926684505 53.22259953651298048, 6.94286707642195999 53.21879590380419245, 6.93724353907942426 53.21732042957864905, 6.93761728495854424 53.21883352431484582, 6.94742045178336554 53.22750361626581395, 6.94742045178336554 53.22750361626581395)))</t>
  </si>
  <si>
    <t>MultiPolygon (((6.93724353907942426 53.21732042957864905, 6.94286707642195999 53.21879590380419245, 6.94967747147477155 53.20936368728060728, 6.94877612710557546 53.20745668530231143, 6.94610708930052301 53.20666346616558684, 6.94380870585186294 53.20702246316869122, 6.94061901681839544 53.2095717582409975, 6.93813087797179673 53.21303194209649945, 6.93724353907942426 53.21732042957864905, 6.93724353907942426 53.21732042957864905)))</t>
  </si>
  <si>
    <t>MultiPolygon (((6.95261763458465687 53.16784863697107966, 6.96782028154779098 53.16904610703090839, 6.97258194181020219 53.16817887454876512, 6.97609766269054532 53.16633095046483959, 6.97228332306502363 53.16586299586452924, 6.97237318423753383 53.15973981179380559, 6.99094678257818458 53.15842157116565403, 6.99555340583452256 53.1558765426055686, 6.99174981505044979 53.15455752070229778, 6.9890038421202787 53.15100494732839564, 6.98466694146027312 53.14825542451803386, 6.97156169019799687 53.14307746755908823, 6.96646281484808849 53.14023794755473062, 6.95762609380099839 53.13828364133038207, 6.95631640688303499 53.13504556294368797, 6.95492866079177219 53.13674331806748796, 6.95444777412494464 53.14379582614143516, 6.95038114794728745 53.15889510298822529, 6.9437834900919988 53.15901344280215568, 6.9422991425699081 53.16641923735380715, 6.95261763458465687 53.16784863697107966, 6.95261763458465687 53.16784863697107966)))</t>
  </si>
  <si>
    <t>MultiPolygon (((7.00269116422873772 53.15215023145957218, 7.01086738239293084 53.1478561102055167, 6.99937777967341379 53.13192836875663971, 6.9876929829152532 53.11610352568601456, 6.98736159808218549 53.11577303142677664, 6.98378148997139636 53.11765097180374084, 6.9844521144321341 53.11811027412668551, 6.98253527915388883 53.11912326303970389, 6.97974904928872242 53.11919620737838699, 6.96738987116291408 53.11135724935031277, 6.96529491040712401 53.11083106030953616, 6.96584676350286625 53.11207788560297871, 6.95987210451829252 53.1244994043494998, 6.95653723529124246 53.13438881851625695, 6.95833515671495295 53.13594832413952673, 6.96647772289380729 53.13781511300575033, 6.97013173713962786 53.13736471455479204, 6.97351615382849133 53.13771034228152246, 6.99205317003904714 53.14220431999300587, 6.99722495517516396 53.14513727836364865, 7.0016573745588806 53.14975948888059776, 7.00269116422873772 53.15215023145957218, 7.00269116422873772 53.15215023145957218)))</t>
  </si>
  <si>
    <t>MultiPolygon (((6.99555340583452256 53.1558765426055686, 7.00028870136592651 53.15335094297572027, 7.00269116422873772 53.15215023145957218, 7.0016573745588806 53.14975948888059776, 6.99722495517516396 53.14513727836364865, 6.99205317003904714 53.14220431999300587, 6.97351615382849133 53.13771034228152246, 6.97013173713962786 53.13736471455479204, 6.96647772289380729 53.13781511300575033, 6.95833515671495295 53.13594832413952673, 6.95653723529124246 53.13438881851625695, 6.95631640688303499 53.13504556294368797, 6.95762609380099839 53.13828364133038207, 6.96646281484808849 53.14023794755473062, 6.97156169019799687 53.14307746755908823, 6.98466694146027312 53.14825542451803386, 6.9890038421202787 53.15100494732839564, 6.99174981505044979 53.15455752070229778, 6.99555340583452256 53.1558765426055686, 6.99555340583452256 53.1558765426055686)))</t>
  </si>
  <si>
    <t>MultiPolygon (((7.00028870136592651 53.15335094297572027, 7.0046246862914181 53.15452152378013295, 7.01408560715017693 53.15222858691457475, 7.01086738239293084 53.1478561102055167, 7.00269116422873772 53.15215023145957218, 7.00028870136592651 53.15335094297572027, 7.00028870136592651 53.15335094297572027)))</t>
  </si>
  <si>
    <t>MultiPolygon (((6.98155957909547897 53.17182602893827692, 6.98541859612214733 53.17482244375223388, 6.98838034433738109 53.17543000776264961, 6.99382497004124648 53.17663954030808071, 6.99809191215213389 53.17633682280299467, 6.99852815667339367 53.1747952644985844, 6.99546053580943372 53.17205826718669215, 6.99800943955486687 53.1684437443087603, 6.99595379684745566 53.16710696629084509, 6.99594726136970824 53.16535902954853299, 6.99512342512591268 53.16572620261070625, 6.98155957909547897 53.17182602893827692, 6.98155957909547897 53.17182602893827692)))</t>
  </si>
  <si>
    <t>MultiPolygon (((6.98019292985552209 53.17240533484961418, 6.98155957909547897 53.17182602893827692, 6.99512342512591268 53.16572620261070625, 7.00050910367138268 53.15714792638717512, 6.99555340583452256 53.1558765426055686, 6.99094678257818458 53.15842157116565403, 6.97237318423753383 53.15973981179380559, 6.97228332306502363 53.16586299586452924, 6.97609766269054532 53.16633095046483959, 6.97917516028667073 53.16917165571488368, 6.9786475403642827 53.17146141768998291, 6.98019292985552209 53.17240533484961418, 6.98019292985552209 53.17240533484961418)))</t>
  </si>
  <si>
    <t>MultiPolygon (((6.99800943955486687 53.1684437443087603, 7.00997667970014948 53.17026741681259239, 7.01432656099009044 53.16947936010097919, 7.01824163469235884 53.16189591024437533, 7.01996425719053896 53.15670574372083479, 7.01436402104459322 53.15251295350594773, 7.01408560715017693 53.15222858691457475, 7.0046246862914181 53.15452152378013295, 7.00028870136592651 53.15335094297572027, 6.99555340583452256 53.1558765426055686, 7.00050910367138268 53.15714792638717512, 6.99512342512591268 53.16572620261070625, 6.99594726136970824 53.16535902954853299, 6.99595379684745566 53.16710696629084509, 6.99800943955486687 53.1684437443087603, 6.99800943955486687 53.1684437443087603)))</t>
  </si>
  <si>
    <t>MultiPolygon (((6.9525790167508843 53.17501360684793354, 6.96434420741079308 53.17380005660691467, 6.97417045014994219 53.17418154196857927, 6.98019292985552209 53.17240533484961418, 6.9786475403642827 53.17146141768998291, 6.97917516028667073 53.16917165571488368, 6.97609766269054532 53.16633095046483959, 6.97258194181020219 53.16817887454876512, 6.96782028154779098 53.16904610703090839, 6.95261763458465687 53.16784863697107966, 6.95199230902858023 53.17016313585475018, 6.95407407005128952 53.17048644716083317, 6.9525790167508843 53.17501360684793354, 6.9525790167508843 53.17501360684793354)))</t>
  </si>
  <si>
    <t>MultiPolygon (((6.96319799847684973 53.18200076434525414, 6.96435119799105351 53.18290060823535725, 6.96646535369619269 53.18142753314561588, 6.98103551989200266 53.18772799915896599, 6.98576920729649764 53.18083471580061428, 6.98838034433738109 53.17543000776264961, 6.98541859612214733 53.17482244375223388, 6.98155957909547897 53.17182602893827692, 6.98019292985552209 53.17240533484961418, 6.97417045014994219 53.17418154196857927, 6.96434420741079308 53.17380005660691467, 6.9525790167508843 53.17501360684793354, 6.95127526794735573 53.17900238332787666, 6.95103031445823838 53.17975937569316613, 6.96024882377579246 53.1780373904996253, 6.96319799847684973 53.18200076434525414, 6.96319799847684973 53.18200076434525414)))</t>
  </si>
  <si>
    <t>MultiPolygon (((7.20572716050255835 53.18934449629321648, 7.20819039376718695 53.18865101797932482, 7.21824438049640182 53.18424349569337295, 7.21353360875596117 53.18230503522446639, 7.20902083652202386 53.18334495702734444, 7.20413549375790474 53.18305870668534396, 7.20572716050255835 53.18934449629321648, 7.20572716050255835 53.18934449629321648)))</t>
  </si>
  <si>
    <t>MultiPolygon (((7.20413549375790474 53.18305870668534396, 7.20902083652202386 53.18334495702734444, 7.21353360875596117 53.18230503522446639, 7.21824438049640182 53.18424349569337295, 7.22749837322441291 53.18027850960181979, 7.21400228587596981 53.17720411430641292, 7.20599486495216635 53.17649704212720962, 7.20724536864114285 53.18098203100516486, 7.20675795598315627 53.18186572712566829, 7.20413549375790474 53.18305870668534396, 7.20413549375790474 53.18305870668534396)))</t>
  </si>
  <si>
    <t>MultiPolygon (((7.19767855887223007 53.1846314899645165, 7.20572716050255835 53.18934449629321648, 7.20413549375790474 53.18305870668534396, 7.20675795598315627 53.18186572712566829, 7.20724536864114285 53.18098203100516486, 7.20599486495216635 53.17649704212720962, 7.20365486874918837 53.17656421046987703, 7.20077108962445855 53.17327961467324826, 7.19748699516468893 53.17633147054224452, 7.19394072959590947 53.18217750687035306, 7.19767855887223007 53.1846314899645165, 7.19767855887223007 53.1846314899645165)))</t>
  </si>
  <si>
    <t>MultiPolygon (((7.16327775330775118 53.19185404801716999, 7.16525949083275382 53.19130452667609177, 7.17034355600026885 53.18703633643757911, 7.1648767462958185 53.18538177946447831, 7.16142527890858105 53.186332215178453, 7.15639302750540462 53.19118906278522729, 7.16327775330775118 53.19185404801716999, 7.16327775330775118 53.19185404801716999)))</t>
  </si>
  <si>
    <t>MultiPolygon (((7.15532012337655576 53.20635558733265214, 7.16560094889356769 53.2002583614107607, 7.17713106431253944 53.19859603651553215, 7.18883959549334328 53.1937595372218226, 7.19767855887223007 53.1846314899645165, 7.19394072959590947 53.18217750687035306, 7.19748699516468893 53.17633147054224452, 7.20077108962445855 53.17327961467324826, 7.19090042586308442 53.16183974227163134, 7.19117934176283669 53.1595718125790242, 7.18932346544301826 53.15732287554285307, 7.18924422316437628 53.15488296003680091, 7.18317271174058458 53.15475425658882358, 7.1769953371524613 53.15258247796713675, 7.17395930263565429 53.14793125199741297, 7.14806960519580858 53.15954441961719823, 7.14530806901823112 53.16077367014771937, 7.14321600403867318 53.15716281296596435, 7.14011028279270921 53.15460650001343623, 7.13362597649960684 53.15239832227945982, 7.12627884088870811 53.15144890318199344, 7.11611142441600641 53.14801589272655491, 7.10719675246807903 53.1444162232395314, 7.10213926414707331 53.14323230214422722, 7.09840010680193245 53.14336091050501665, 7.08951512135205686 53.14518898842346317, 7.08620738954144791 53.14502310217073244, 7.06954863339821227 53.15812038862688382, 7.06461823653668208 53.16459065493316416, 7.08198993466618454 53.1790847105303186, 7.08255759798266027 53.18008084197418128, 7.08485278796753271 53.17911643243913034, 7.08390256374068006 53.17523575854640683, 7.09202857954755039 53.17258321570245272, 7.08638008681247822 53.16848689542433704, 7.09073768636788149 53.16692570350256375, 7.09381548499928538 53.16830166741628716, 7.10251558592310506 53.17415810279167232, 7.10149860989316739 53.17478829017993291, 7.1037452006813 53.17683024095510547, 7.10946125773651438 53.17416171790992507, 7.11023788846141436 53.17475384400915317, 7.10446453423657243 53.17748400257175945, 7.10680752638423652 53.1796132432890829, 7.10333533167811026 53.18135712557429429, 7.09889268561215658 53.17859347993716312, 7.09510243468995494 53.17949895742300015, 7.09394551760746417 53.17854027053099486, 7.09118777018233803 53.17943629889597901, 7.08901366627374063 53.17815837021592529, 7.08405601599266266 53.18020559803699854, 7.08432138161613967 53.18040883331710234, 7.0889544861404401 53.18347753003720868, 7.1371097714948144 53.19036034811136204, 7.14216797901953804 53.19154524514093652, 7.15532012337655576 53.20635558733265214, 7.15532012337655576 53.20635558733265214),(7.16327775330775118 53.19185404801716999, 7.15639302750540462 53.19118906278522729, 7.16142527890858105 53.186332215178453, 7.1648767462958185 53.18538177946447831, 7.17034355600026885 53.18703633643757911, 7.16525949083275382 53.19130452667609177, 7.16327775330775118 53.19185404801716999, 7.16327775330775118 53.19185404801716999)))</t>
  </si>
  <si>
    <t>MultiPolygon (((7.08901366627374063 53.17815837021592529, 7.09118777018233803 53.17943629889597901, 7.09394551760746417 53.17854027053099486, 7.09869330242199315 53.1763404068922938, 7.0964577406496403 53.17475634403092499, 7.08901366627374063 53.17815837021592529, 7.08901366627374063 53.17815837021592529)))</t>
  </si>
  <si>
    <t>MultiPolygon (((7.08255759798266027 53.18008084197418128, 7.08405601599266266 53.18020559803699854, 7.08901366627374063 53.17815837021592529, 7.0964577406496403 53.17475634403092499, 7.09202857954755039 53.17258321570245272, 7.08390256374068006 53.17523575854640683, 7.08485278796753271 53.17911643243913034, 7.08255759798266027 53.18008084197418128, 7.08255759798266027 53.18008084197418128)))</t>
  </si>
  <si>
    <t>MultiPolygon (((7.09394551760746417 53.17854027053099486, 7.09510243468995494 53.17949895742300015, 7.09889268561215658 53.17859347993716312, 7.10333533167811026 53.18135712557429429, 7.10680752638423652 53.1796132432890829, 7.10446453423657243 53.17748400257175945, 7.11023788846141436 53.17475384400915317, 7.10946125773651438 53.17416171790992507, 7.1037452006813 53.17683024095510547, 7.10149860989316739 53.17478829017993291, 7.10251558592310506 53.17415810279167232, 7.09381548499928538 53.16830166741628716, 7.09073768636788149 53.16692570350256375, 7.08638008681247822 53.16848689542433704, 7.09202857954755039 53.17258321570245272, 7.0964577406496403 53.17475634403092499, 7.09869330242199315 53.1763404068922938, 7.09394551760746417 53.17854027053099486, 7.09394551760746417 53.17854027053099486)))</t>
  </si>
  <si>
    <t>MultiPolygon (((7.20894802532320167 53.24307284718152289, 7.20967276183432304 53.23963874082497938, 7.20805296947029461 53.23919755270307519, 7.20645723248309444 53.23764483883088161, 7.20513610905405333 53.23941086084705177, 7.20672566311073215 53.23947237040617608, 7.20687244633675128 53.24158012650499217, 7.20894802532320167 53.24307284718152289, 7.20894802532320167 53.24307284718152289)),((7.163137206545378 53.2453736322562321, 7.16654536190491065 53.24388070812818796, 7.16775027672107967 53.2427561115032475, 7.17040360717159775 53.24268282968945698, 7.17306605731393709 53.24049820663937282, 7.17375816928241061 53.24150818476449132, 7.17748513510778263 53.24123317355616081, 7.18321745010521351 53.23912920248790215, 7.18357995746314337 53.2398759339360268, 7.18622090712143713 53.23873576350775494, 7.18747783799038054 53.23912318924446652, 7.1895975685639506 53.23795024615271387, 7.19455639548252535 53.23802543579096636, 7.20486168329143339 53.23672185640660359, 7.2070276622255296 53.23238361298560051, 7.2089495964989343 53.23181110642394032, 7.2065766645156808 53.23681979897617822, 7.20807076423101822 53.23887379518173191, 7.20980621223086615 53.23940787872135161, 7.21250456623248493 53.22818866573432928, 7.2104917168704068 53.2283971304050354, 7.21702536778698445 53.21476659985766133, 7.21762276371519373 53.19781733261394407, 7.21655168582311735 53.19554802372633162, 7.21145325812699323 53.1925085860286444, 7.20819039376718695 53.18865101797932482, 7.20572716050255835 53.18934449629321648, 7.19767855887223007 53.1846314899645165, 7.18883959549334328 53.1937595372218226, 7.17713106431253944 53.19859603651553215, 7.16560094889356769 53.2002583614107607, 7.15532012337655576 53.20635558733265214, 7.16327913650991199 53.21212594456275013, 7.16491079672054632 53.21498616419300021, 7.15624282648115084 53.21790830363035951, 7.15269364236248339 53.23021214227122755, 7.15012011570610717 53.24519250858382691, 7.15586431807457224 53.24339187791251504, 7.15615696458435657 53.24491817869621002, 7.15864005161834704 53.24502493099721079, 7.1593693243798544 53.24609343437855102, 7.163137206545378 53.2453736322562321, 7.163137206545378 53.2453736322562321),(7.17762258635913764 53.20733920298986419, 7.17990517538687278 53.20328037549189304, 7.1840657931785028 53.20140389784597801, 7.18697571827520321 53.20269095688307459, 7.18641820553417165 53.20560275965802077, 7.18210354022394704 53.20910288956546452, 7.17686757450367985 53.21133104051425278, 7.17471248848465137 53.21028804555562886, 7.17762258635913764 53.20733920298986419, 7.17762258635913764 53.20733920298986419)))</t>
  </si>
  <si>
    <t>MultiPolygon (((7.18210354022394704 53.20910288956546452, 7.18641820553417165 53.20560275965802077, 7.18697571827520321 53.20269095688307459, 7.1840657931785028 53.20140389784597801, 7.17990517538687278 53.20328037549189304, 7.17762258635913764 53.20733920298986419, 7.17471248848465137 53.21028804555562886, 7.17686757450367985 53.21133104051425278, 7.18210354022394704 53.20910288956546452, 7.18210354022394704 53.20910288956546452)))</t>
  </si>
  <si>
    <t>MultiPolygon (((7.10361294430174528 53.25227734889059406, 7.10527698611491498 53.25274497716120692, 7.1065506637078526 53.25190309645092412, 7.10826600516444618 53.25266238780496764, 7.11182802889465204 53.25069169353506027, 7.11510577248688492 53.25223064192387312, 7.11661126037536551 53.25064682088846268, 7.11924100189202491 53.25119030869723957, 7.12093505688383921 53.24988285173206037, 7.12399668542152842 53.25041540207254087, 7.13400804155572121 53.25015497369160045, 7.13545192463211198 53.24840176458980778, 7.1396815054705236 53.24750856422014778, 7.14304360235211444 53.24569866720299416, 7.14708918036933394 53.24634858617037025, 7.15012011570610717 53.24519250858382691, 7.15269364236248339 53.23021214227122755, 7.15624282648115084 53.21790830363035951, 7.16491079672054632 53.21498616419300021, 7.16327913650991199 53.21212594456275013, 7.15532012337655576 53.20635558733265214, 7.14216797901953804 53.19154524514093652, 7.1371097714948144 53.19036034811136204, 7.0889544861404401 53.18347753003720868, 7.08432138161613967 53.18040883331710234, 7.08409148048546289 53.18543099268399743, 7.08063169927020919 53.18561882420549836, 7.08096609554798917 53.19052042449536088, 7.0815856788598337 53.19050094302633624, 7.08745075899474131 53.19031636852120926, 7.08761645213743563 53.19614964014804315, 7.10083966179161052 53.1958766171146209, 7.1014505007646056 53.19481580024107359, 7.10534738771113084 53.19516390913490511, 7.10568933076048026 53.1986382622532048, 7.08787881940380959 53.20053849784860489, 7.07846450176310871 53.20314931104650924, 7.07412092805351023 53.19943242499270752, 7.07776633232330976 53.19849977641735705, 7.07506389153660731 53.18477593576348994, 7.08198993466618454 53.1790847105303186, 7.06461823653668208 53.16459065493316416, 7.05943888267417385 53.16717288235434324, 7.06079448732373471 53.17471798020356744, 7.06221518799216064 53.18336252123683039, 7.0611438554677699 53.18563312379760077, 7.06638776978550709 53.18651617947827503, 7.06653392940534442 53.18822599987934296, 7.06485477795359262 53.18863068306685449, 7.06347192400533253 53.18991496281648068, 7.06450670055404473 53.19516683913289512, 7.06582178061023303 53.20047848516508537, 7.06722852790928968 53.20096522516176663, 7.0723145295865546 53.22853338269876389, 7.07349795715618868 53.22988418331386384, 7.07581416720453227 53.22987318289763436, 7.07968490694209329 53.23090798995363571, 7.0653553210486848 53.24127049718173765, 7.06750307085457141 53.24239159566426594, 7.07943077383791941 53.24817720883572747, 7.07663256537422036 53.24969943911266057, 7.08394328657097994 53.25434779302343458, 7.09324967824090891 53.25714430046495806, 7.09602223371935725 53.25581508273803877, 7.0977217627397442 53.25612219875047515, 7.10361294430174528 53.25227734889059406, 7.10361294430174528 53.25227734889059406),(7.11527721035141347 53.20594882657188407, 7.11381597950572431 53.20148908337048255, 7.11782704855097759 53.20128298458002547, 7.11933738107039371 53.20514824311258195, 7.12351682915249906 53.20638987264370456, 7.12319362405446199 53.21089652155548322, 7.12026740331995711 53.21103606915595208, 7.11875780330448382 53.21038166587999285, 7.11776599442018476 53.20624435886226422, 7.11527721035141347 53.20594882657188407, 7.11527721035141347 53.20594882657188407)))</t>
  </si>
  <si>
    <t>MultiPolygon (((7.12319362405446199 53.21089652155548322, 7.12351682915249906 53.20638987264370456, 7.11933738107039371 53.20514824311258195, 7.11782704855097759 53.20128298458002547, 7.11381597950572431 53.20148908337048255, 7.11527721035141347 53.20594882657188407, 7.11776599442018476 53.20624435886226422, 7.11875780330448382 53.21038166587999285, 7.12026740331995711 53.21103606915595208, 7.12319362405446199 53.21089652155548322, 7.12319362405446199 53.21089652155548322)))</t>
  </si>
  <si>
    <t>MultiPolygon (((7.08211399349402182 53.19740203706601989, 7.08761645213743563 53.19614964014804315, 7.08745075899474131 53.19031636852120926, 7.0815856788598337 53.19050094302633624, 7.08211399349402182 53.19740203706601989, 7.08211399349402182 53.19740203706601989)))</t>
  </si>
  <si>
    <t>MultiPolygon (((7.07776633232330976 53.19849977641735705, 7.08211399349402182 53.19740203706601989, 7.0815856788598337 53.19050094302633624, 7.08096609554798917 53.19052042449536088, 7.08063169927020919 53.18561882420549836, 7.08409148048546289 53.18543099268399743, 7.08432138161613967 53.18040883331710234, 7.08405601599266266 53.18020559803699854, 7.08255759798266027 53.18008084197418128, 7.08198993466618454 53.1790847105303186, 7.07506389153660731 53.18477593576348994, 7.07776633232330976 53.19849977641735705, 7.07776633232330976 53.19849977641735705)))</t>
  </si>
  <si>
    <t>MultiPolygon (((7.07776633232330976 53.19849977641735705, 7.07412092805351023 53.19943242499270752, 7.07846450176310871 53.20314931104650924, 7.08787881940380959 53.20053849784860489, 7.10568933076048026 53.1986382622532048, 7.10534738771113084 53.19516390913490511, 7.1014505007646056 53.19481580024107359, 7.10083966179161052 53.1958766171146209, 7.08761645213743563 53.19614964014804315, 7.08211399349402182 53.19740203706601989, 7.07776633232330976 53.19849977641735705, 7.07776633232330976 53.19849977641735705)))</t>
  </si>
  <si>
    <t>MultiPolygon (((6.9876929829152532 53.11610352568601456, 6.99937777967341379 53.13192836875663971, 7.02298629561199839 53.13318565397875659, 7.02444653937896124 53.12275150946079805, 7.02223970479578696 53.11608198251971658, 6.9876929829152532 53.11610352568601456, 6.9876929829152532 53.11610352568601456)),((7.02874608247396981 53.16901601511887065, 7.03480395862019048 53.16871580372995254, 7.04916125056226139 53.16791871723891205, 7.05943888267417385 53.16717288235434324, 7.06461823653668208 53.16459065493316416, 7.06954863339821227 53.15812038862688382, 7.08620738954144791 53.14502310217073244, 7.08030572132460012 53.14357221493663275, 7.07287067549063142 53.14471271056628865, 7.06559098573258648 53.14995684694032008, 7.05415258796775735 53.15485006259958567, 7.04149151305847276 53.15851877321993157, 7.02353209234799358 53.1614519535919996, 7.01824163469235884 53.16189591024437533, 7.01432656099009044 53.16947936010097919, 7.02874608247396981 53.16901601511887065, 7.02874608247396981 53.16901601511887065)))</t>
  </si>
  <si>
    <t>MultiPolygon (((7.04937615782151283 53.150725451606192, 7.05415258796775735 53.15485006259958567, 7.06559098573258648 53.14995684694032008, 7.07287067549063142 53.14471271056628865, 7.08030572132460012 53.14357221493663275, 7.06885010991600105 53.13748632586251119, 7.05118002390212073 53.13021802298085561, 7.04990334113511441 53.12883090028436328, 7.04305984289611597 53.13426532881580044, 7.04125998638964123 53.13843733731513197, 7.04384612369902552 53.13825556241353354, 7.04400632771506796 53.14342225252286056, 7.04543103875636056 53.14659589329868794, 7.04937615782151283 53.150725451606192, 7.04937615782151283 53.150725451606192)))</t>
  </si>
  <si>
    <t>MultiPolygon (((7.01086738239293084 53.1478561102055167, 7.02208902810315738 53.14192018241163851, 7.0206643061301568 53.1397371370729843, 7.02298629561199839 53.13318565397875659, 6.99937777967341379 53.13192836875663971, 7.01086738239293084 53.1478561102055167, 7.01086738239293084 53.1478561102055167)))</t>
  </si>
  <si>
    <t>MultiPolygon (((7.01408560715017693 53.15222858691457475, 7.01436402104459322 53.15251295350594773, 7.01983786313434432 53.15119664145618117, 7.02490076036418909 53.14794603127360517, 7.02208902810315738 53.14192018241163851, 7.01086738239293084 53.1478561102055167, 7.01408560715017693 53.15222858691457475, 7.01408560715017693 53.15222858691457475)))</t>
  </si>
  <si>
    <t>MultiPolygon (((7.01824163469235884 53.16189591024437533, 7.02353209234799358 53.1614519535919996, 7.02325378223259289 53.15958975360806704, 7.02648405006801635 53.15260231790576029, 7.02689057241181114 53.15114754108577699, 7.02490076036418909 53.14794603127360517, 7.01983786313434432 53.15119664145618117, 7.01436402104459322 53.15251295350594773, 7.01996425719053896 53.15670574372083479, 7.01824163469235884 53.16189591024437533, 7.01824163469235884 53.16189591024437533)))</t>
  </si>
  <si>
    <t>MultiPolygon (((7.02298629561199839 53.13318565397875659, 7.04305984289611597 53.13426532881580044, 7.04990334113511441 53.12883090028436328, 7.03559657157192131 53.11957935019265165, 7.03365949807214275 53.11604699987071854, 7.02975434943717037 53.11509708269460361, 7.02802722134539692 53.11611212877431143, 7.02223970479578696 53.11608198251971658, 7.02444653937896124 53.12275150946079805, 7.02298629561199839 53.13318565397875659, 7.02298629561199839 53.13318565397875659)))</t>
  </si>
  <si>
    <t>MultiPolygon (((7.02208902810315738 53.14192018241163851, 7.02729099117491618 53.14035269154047825, 7.04125998638964123 53.13843733731513197, 7.04305984289611597 53.13426532881580044, 7.02298629561199839 53.13318565397875659, 7.0206643061301568 53.1397371370729843, 7.02208902810315738 53.14192018241163851, 7.02208902810315738 53.14192018241163851)))</t>
  </si>
  <si>
    <t>MultiPolygon (((7.02353209234799358 53.1614519535919996, 7.04149151305847276 53.15851877321993157, 7.05415258796775735 53.15485006259958567, 7.04937615782151283 53.150725451606192, 7.0350864351951099 53.15330725556945168, 7.02648405006801635 53.15260231790576029, 7.02325378223259289 53.15958975360806704, 7.02353209234799358 53.1614519535919996, 7.02353209234799358 53.1614519535919996)))</t>
  </si>
  <si>
    <t>MultiPolygon (((7.02648405006801635 53.15260231790576029, 7.0350864351951099 53.15330725556945168, 7.04937615782151283 53.150725451606192, 7.04543103875636056 53.14659589329868794, 7.04224630714155264 53.14723814538155011, 7.03290511952299457 53.14669497971247836, 7.02490076036418909 53.14794603127360517, 7.02689057241181114 53.15114754108577699, 7.02648405006801635 53.15260231790576029, 7.02648405006801635 53.15260231790576029)))</t>
  </si>
  <si>
    <t>MultiPolygon (((7.02490076036418909 53.14794603127360517, 7.03290511952299457 53.14669497971247836, 7.04224630714155264 53.14723814538155011, 7.04543103875636056 53.14659589329868794, 7.04400632771506796 53.14342225252286056, 7.04384612369902552 53.13825556241353354, 7.04125998638964123 53.13843733731513197, 7.02729099117491618 53.14035269154047825, 7.02208902810315738 53.14192018241163851, 7.02490076036418909 53.14794603127360517, 7.02490076036418909 53.14794603127360517)))</t>
  </si>
  <si>
    <t>MultiPolygon (((5.89827092290934818 51.34544068116137083, 5.90631691780502077 51.34677758212863097, 5.91138138663520962 51.34573297218425836, 5.91121172126462024 51.34183471752525918, 5.90495747527511394 51.32610473013083663, 5.90116380917779715 51.32459441821508506, 5.90750418740208172 51.31325159426979354, 5.91065364240881763 51.30770938274392989, 5.89041441644302655 51.31366855146823269, 5.88892090861262307 51.32350522706460083, 5.8864697420720411 51.33046332415558766, 5.88870710732858527 51.33114950295161805, 5.89163802489910271 51.33431609465618806, 5.89265355910691646 51.33906511944120865, 5.89827092290934818 51.34544068116137083, 5.89827092290934818 51.34544068116137083)))</t>
  </si>
  <si>
    <t>MultiPolygon (((5.87376629422203678 51.3473731917056071, 5.87445848591758235 51.34508881228009614, 5.87047747168829392 51.34075760320290982, 5.88170827549685793 51.33752389577506392, 5.8792255449662596 51.33222901585062914, 5.87802378417015703 51.33053519192410619, 5.87167668948097798 51.32552997695231056, 5.85947894949077508 51.31950604752648104, 5.85214173076900046 51.32070231450329345, 5.8405873490950988 51.33072051575293671, 5.87376629422203678 51.3473731917056071, 5.87376629422203678 51.3473731917056071)))</t>
  </si>
  <si>
    <t>MultiPolygon (((5.8584666860042276 51.35029474862734844, 5.86825816231825215 51.3521374351332156, 5.87376629422203678 51.3473731917056071, 5.8405873490950988 51.33072051575293671, 5.83207565503622316 51.3380465142533069, 5.84019368788354232 51.34687706374277383, 5.8584666860042276 51.35029474862734844)))</t>
  </si>
  <si>
    <t>MultiPolygon (((5.89455247719297581 51.36433784223025611, 5.89583831059847796 51.36504372052783651, 5.91134076794443253 51.34979145551276503, 5.91138138663520962 51.34573297218425836, 5.90631691780502077 51.34677758212863097, 5.89827092290934818 51.34544068116137083, 5.88893313920832728 51.34895632779205243, 5.87813164451675885 51.35522995720566541, 5.89455247719297581 51.36433784223025611, 5.89455247719297581 51.36433784223025611)))</t>
  </si>
  <si>
    <t>MultiPolygon (((5.8792255449662596 51.33222901585062914, 5.88312928913890598 51.3322843643504001, 5.8864697420720411 51.33046332415558766, 5.88892090861262307 51.32350522706460083, 5.89041441644302655 51.31366855146823269, 5.88673944623542589 51.31475440957984802, 5.87782337009383404 51.31657769394107049, 5.85947894949077508 51.31950604752648104, 5.87167668948097798 51.32552997695231056, 5.87802378417015703 51.33053519192410619, 5.8792255449662596 51.33222901585062914, 5.8792255449662596 51.33222901585062914)))</t>
  </si>
  <si>
    <t>MultiPolygon (((5.8703595650072451 51.352534966026532, 5.87454314309548309 51.35331272545592896, 5.87813164451675885 51.35522995720566541, 5.88893313920832728 51.34895632779205243, 5.89827092290934818 51.34544068116137083, 5.89265355910691646 51.33906511944120865, 5.89163802489910271 51.33431609465618806, 5.88870710732858527 51.33114950295161805, 5.8864697420720411 51.33046332415558766, 5.88312928913890598 51.3322843643504001, 5.8792255449662596 51.33222901585062914, 5.88170827549685793 51.33752389577506392, 5.87047747168829392 51.34075760320290982, 5.87445848591758235 51.34508881228009614, 5.87376629422203678 51.3473731917056071, 5.86825816231825215 51.3521374351332156, 5.8703595650072451 51.352534966026532, 5.8703595650072451 51.352534966026532)))</t>
  </si>
  <si>
    <t>MultiPolygon (((6.07210839096627364 51.33948809385452705, 6.07389722738215898 51.33658310081239762, 6.07032614988170049 51.33364138587944581, 6.07373140921883081 51.3251295584787286, 6.08170520288312666 51.32495445502456732, 6.08888305987754208 51.31932754897908211, 6.09256252046754376 51.32044158253302157, 6.10010332911279018 51.32583120162365731, 6.10084823286493094 51.32880116469126364, 6.11817435288983447 51.33004765282485948, 6.11743322285611679 51.32699185313406076, 6.11538955078845081 51.3219995398194726, 6.10917364468568103 51.31599357659999328, 6.10475675144310514 51.31818737647894579, 6.09945221549398298 51.31878769977171117, 6.09862660532800227 51.31871957739360823, 6.09430302553583214 51.31466642936588585, 6.07858226187188588 51.31297213736743146, 6.07027899041282026 51.31119387180943647, 6.0645693438519972 51.31321180213303279, 6.05702091025793088 51.31559238072290441, 6.05654004125613721 51.31757712943844041, 6.04545275909088176 51.32002108448137534, 6.04120894165055766 51.32713256655866019, 6.03884328367195433 51.33133723106475088, 6.04924061501459853 51.33350783806686479, 6.05167030122816652 51.33501229356557616, 6.06684153376283586 51.33786862810458018, 6.07210839096627364 51.33948809385452705, 6.07210839096627364 51.33948809385452705)))</t>
  </si>
  <si>
    <t>MultiPolygon (((6.09963628312052197 51.35713211193540673, 6.10710016677689449 51.35600284734183418, 6.11877302817256474 51.34593137621302361, 6.11959542090051123 51.34647875439902265, 6.12325337395775904 51.34336978006994201, 6.11879594368018243 51.34101719622069737, 6.11665749433217698 51.33910973488838181, 6.11699804393640445 51.33394447906215419, 6.10794890756261122 51.33524919225133232, 6.10580482873367725 51.34245815837457627, 6.10122382575194155 51.34336922642456358, 6.09093717282283276 51.33696227977117843, 6.08267072161842304 51.34107132207915924, 6.07444399885846931 51.34182242845697175, 6.07633139133429712 51.34685213723165731, 6.08061036357522511 51.35073611291450391, 6.08749117646099691 51.35395795385707629, 6.09963628312052197 51.35713211193540673, 6.09963628312052197 51.35713211193540673)))</t>
  </si>
  <si>
    <t>MultiPolygon (((6.07389722738215898 51.33658310081239762, 6.08798191697012747 51.33356174751990153, 6.08584760297226524 51.32835364259166511, 6.08170520288312666 51.32495445502456732, 6.07373140921883081 51.3251295584787286, 6.07032614988170049 51.33364138587944581, 6.07389722738215898 51.33658310081239762, 6.07389722738215898 51.33658310081239762)))</t>
  </si>
  <si>
    <t>MultiPolygon (((6.07210839096627364 51.33948809385452705, 6.07444399885846931 51.34182242845697175, 6.08267072161842304 51.34107132207915924, 6.09093717282283276 51.33696227977117843, 6.08798191697012747 51.33356174751990153, 6.07389722738215898 51.33658310081239762, 6.07210839096627364 51.33948809385452705, 6.07210839096627364 51.33948809385452705)))</t>
  </si>
  <si>
    <t>MultiPolygon (((6.09093717282283276 51.33696227977117843, 6.10122382575194155 51.34336922642456358, 6.10580482873367725 51.34245815837457627, 6.10794890756261122 51.33524919225133232, 6.11699804393640445 51.33394447906215419, 6.11817435288983447 51.33004765282485948, 6.10084823286493094 51.32880116469126364, 6.10010332911279018 51.32583120162365731, 6.09256252046754376 51.32044158253302157, 6.08888305987754208 51.31932754897908211, 6.08170520288312666 51.32495445502456732, 6.08584760297226524 51.32835364259166511, 6.08798191697012747 51.33356174751990153, 6.09093717282283276 51.33696227977117843, 6.09093717282283276 51.33696227977117843)))</t>
  </si>
  <si>
    <t>MultiPolygon (((6.07312618836923335 51.39572924336427207, 6.07437032297203316 51.3939092428877089, 6.07736472298589803 51.39428090232128454, 6.08183553745470373 51.39221134107765465, 6.08377312987453323 51.3924505852422584, 6.0854746550155685 51.39052651130384675, 6.08760126140918345 51.38954183006308085, 6.09012158574747975 51.38909288838590328, 6.090432246131539 51.38589795347550648, 6.07758739641753021 51.37817283332037732, 6.08623435339852481 51.37259606743838702, 6.08793055261444938 51.37045879383101266, 6.09075949116954529 51.3714833990354407, 6.09494233041398381 51.36560019230147844, 6.07942938450306603 51.36357661649522299, 6.06441455635756643 51.35866081549195172, 6.05937270946491591 51.36581378419018762, 6.05394708124944447 51.36420728353067489, 6.05309021808743175 51.36600548551675161, 6.03542123117713825 51.36129773243359864, 6.03593258904522223 51.35969204065981586, 6.03917978538650591 51.35894496269544618, 6.03880736776706062 51.35418036717432955, 6.01398366959665953 51.35205953001523937, 6.00954682788469263 51.35617959148696343, 5.99907290968182494 51.37199942402815367, 5.99728127186498927 51.37315751386104523, 5.98011796941186713 51.3722978164705637, 5.97747854599562434 51.3720424271720546, 5.97112742159167809 51.37321935066911749, 5.96053642477242285 51.3729262450101487, 5.95780479398512686 51.37809387063476407, 5.98210924306582292 51.37814906426263661, 5.98983317741907673 51.37822111978110939, 6.00685684488326377 51.37997490107448328, 6.01876589164700437 51.38225664175082841, 6.07312618836923335 51.39572924336427207, 6.07312618836923335 51.39572924336427207)))</t>
  </si>
  <si>
    <t>MultiPolygon (((6.06441455635756643 51.35866081549195172, 6.07942938450306603 51.36357661649522299, 6.09494233041398381 51.36560019230147844, 6.09963628312052197 51.35713211193540673, 6.08749117646099691 51.35395795385707629, 6.08061036357522511 51.35073611291450391, 6.07633139133429712 51.34685213723165731, 6.07444399885846931 51.34182242845697175, 6.07210839096627364 51.33948809385452705, 6.06684153376283586 51.33786862810458018, 6.05167030122816652 51.33501229356557616, 6.04924061501459853 51.33350783806686479, 6.03884328367195433 51.33133723106475088, 6.02330618062793022 51.34527767335816151, 6.01398366959665953 51.35205953001523937, 6.03880736776706062 51.35418036717432955, 6.05388972008846604 51.35543971018999088, 6.06441455635756643 51.35866081549195172, 6.06441455635756643 51.35866081549195172)))</t>
  </si>
  <si>
    <t>MultiPolygon (((6.03880736776706062 51.35418036717432955, 6.03917978538650591 51.35894496269544618, 6.03593258904522223 51.35969204065981586, 6.03542123117713825 51.36129773243359864, 6.05309021808743175 51.36600548551675161, 6.05394708124944447 51.36420728353067489, 6.05937270946491591 51.36581378419018762, 6.06441455635756643 51.35866081549195172, 6.05388972008846604 51.35543971018999088, 6.03880736776706062 51.35418036717432955, 6.03880736776706062 51.35418036717432955)))</t>
  </si>
  <si>
    <t>MultiPolygon (((6.01047037438845155 51.30204561902639426, 6.01498180800844207 51.29943080856118343, 6.02392884650942761 51.29745575052010764, 6.03296375858614464 51.29209544309290436, 6.03204534852846752 51.29162046849082657, 6.02229379554439959 51.28709337108354305, 6.01829410733737458 51.2891547878454972, 6.01602770357235972 51.28706616521833439, 6.01429773300884296 51.28247960650337234, 6.0245520144684237 51.27353911729173319, 6.02935493357619823 51.27097892384872324, 6.02819773847423335 51.26805632148436587, 6.02628392150054459 51.26689785331662108, 6.02066336337916574 51.26587133795838014, 6.01177410287978198 51.26637552682566223, 6.00961184773325652 51.26575905685064782, 6.01101462415966026 51.27155264256622758, 6.00827140606138244 51.27752941989704283, 5.98662044979701857 51.28663016691730547, 5.98840806058374486 51.29136672341007142, 6.00100869602076425 51.2974830983593364, 6.0059356301928748 51.29912931440944135, 6.01047037438845155 51.30204561902639426, 6.01047037438845155 51.30204561902639426)))</t>
  </si>
  <si>
    <t>MultiPolygon (((6.04545275909088176 51.32002108448137534, 6.05654004125613721 51.31757712943844041, 6.05702091025793088 51.31559238072290441, 6.0645693438519972 51.31321180213303279, 6.06514663330941772 51.30893308655500107, 6.07533468267939547 51.30224390284783453, 6.08149674491959669 51.2964670580310127, 6.0708908789830005 51.29367687885280702, 6.06997460875620565 51.29143092362914302, 6.06681880268058915 51.28888140697903708, 6.06327779697864422 51.28869769633822528, 6.0588801038079767 51.28967193625842924, 6.05842520469357027 51.29024661348877601, 6.06149353426151016 51.29121618896367352, 6.06206143732913016 51.29200926640357494, 6.05842797522325949 51.29705963012207093, 6.052980246504859 51.30212925787449052, 6.03296375858614464 51.29209544309290436, 6.02392884650942761 51.29745575052010764, 6.01498180800844207 51.29943080856118343, 6.01047037438845155 51.30204561902639426, 6.01494830868277131 51.30365725241123442, 6.02679880682635183 51.30810447002140506, 6.04545275909088176 51.32002108448137534, 6.04545275909088176 51.32002108448137534)))</t>
  </si>
  <si>
    <t>MultiPolygon (((6.10917364468568103 51.31599357659999328, 6.10781538687732262 51.31440518076869495, 6.10603518691654923 51.31228708453484444, 6.10045345419398988 51.30721415833393451, 6.09228211372461281 51.3013222052559783, 6.08913872956838986 51.29924005678959986, 6.08471715843046024 51.29745438170265714, 6.08149674491959669 51.2964670580310127, 6.07533468267939547 51.30224390284783453, 6.06514663330941772 51.30893308655500107, 6.0645693438519972 51.31321180213303279, 6.07027899041282026 51.31119387180943647, 6.07858226187188588 51.31297213736743146, 6.09430302553583214 51.31466642936588585, 6.09862660532800227 51.31871957739360823, 6.09945221549398298 51.31878769977171117, 6.10475675144310514 51.31818737647894579, 6.10917364468568103 51.31599357659999328, 6.10917364468568103 51.31599357659999328)))</t>
  </si>
  <si>
    <t>MultiPolygon (((6.03204534852846752 51.29162046849082657, 6.03595427721505207 51.28784668035098093, 6.03432524951468086 51.28545240845929953, 6.0314095634199143 51.28400919334786323, 6.0376026215827574 51.27896979785524678, 6.03053635900676799 51.27402694278719508, 6.02935493357619823 51.27097892384872324, 6.0245520144684237 51.27353911729173319, 6.01429773300884296 51.28247960650337234, 6.01602770357235972 51.28706616521833439, 6.01829410733737458 51.2891547878454972, 6.02229379554439959 51.28709337108354305, 6.03204534852846752 51.29162046849082657, 6.03204534852846752 51.29162046849082657)))</t>
  </si>
  <si>
    <t>MultiPolygon (((6.03296375858614464 51.29209544309290436, 6.052980246504859 51.30212925787449052, 6.05842797522325949 51.29705963012207093, 6.06206143732913016 51.29200926640357494, 6.06149353426151016 51.29121618896367352, 6.05842520469357027 51.29024661348877601, 6.04905816980115052 51.28692388227130294, 6.04226659495209972 51.28238445858141858, 6.0376026215827574 51.27896979785524678, 6.0314095634199143 51.28400919334786323, 6.03432524951468086 51.28545240845929953, 6.03595427721505207 51.28784668035098093, 6.03204534852846752 51.29162046849082657, 6.03296375858614464 51.29209544309290436, 6.03296375858614464 51.29209544309290436)))</t>
  </si>
  <si>
    <t>MultiPolygon (((5.97686450731517027 51.31985894965225725, 5.98602733213714089 51.31770792199845488, 5.99209996323947269 51.31635065540840657, 5.99537898467267727 51.31310288451881263, 6.01494830868277131 51.30365725241123442, 6.01047037438845155 51.30204561902639426, 6.0059356301928748 51.29912931440944135, 6.00100869602076425 51.2974830983593364, 5.98840806058374486 51.29136672341007142, 5.98662044979701857 51.28663016691730547, 5.96601043845275303 51.2953632385875764, 5.97398135269639585 51.30009251768198908, 5.97613943171130479 51.30310723895419756, 5.97668506853570847 51.30571829189629085, 5.97549227300612706 51.30886708523100737, 5.9813425003976306 51.31198237565484277, 5.97602236920495322 51.31583701195116731, 5.97779053535772675 51.31870367234856189, 5.97686450731517027 51.31985894965225725, 5.97686450731517027 51.31985894965225725)))</t>
  </si>
  <si>
    <t>MultiPolygon (((5.99956390940653694 51.34327566449830726, 6.00751671152885525 51.34186556871225093, 6.00887390992577419 51.34394376846955055, 6.02330618062793022 51.34527767335816151, 6.03884328367195433 51.33133723106475088, 6.04120894165055766 51.32713256655866019, 6.03286275891502743 51.32728055834675018, 6.01956876506810801 51.32560601116480825, 6.00799953566189693 51.32529804272374463, 5.99550929640708841 51.32609657192465136, 5.99000045265327419 51.32825556098874387, 5.99094233495858219 51.33087549575908071, 5.99624788761214678 51.33406506383166601, 5.99891914488826128 51.33789832932628627, 6.00039911412285143 51.3418771421229323, 5.99956390940653694 51.34327566449830726, 5.99956390940653694 51.34327566449830726)))</t>
  </si>
  <si>
    <t>MultiPolygon (((5.90495747527511394 51.32610473013083663, 5.93307973155192681 51.33560448288977796, 5.94194748017865493 51.33389316312869965, 5.9467555836493835 51.33361362976197029, 5.948443074318849 51.33241373287351905, 5.95050994855773663 51.33345112361840989, 5.9578044482767778 51.33298056633104522, 5.95408639505289106 51.33075599318279103, 5.95018837371965326 51.32970719103150259, 5.9520398558605816 51.32685042347098658, 5.94180851393609011 51.32562150133554724, 5.94127347670914308 51.32242736750973933, 5.935621482250105 51.32209822648328412, 5.91711761600355945 51.31523550845863468, 5.91189600114400271 51.31519006052890575, 5.90750418740208172 51.31325159426979354, 5.90116380917779715 51.32459441821508506, 5.90495747527511394 51.32610473013083663, 5.90495747527511394 51.32610473013083663)))</t>
  </si>
  <si>
    <t>MultiPolygon (((5.9578044482767778 51.33298056633104522, 5.96998561773923253 51.32650944247031788, 5.96890195670950074 51.32376228297474086, 5.97023856124391816 51.32120835953021754, 5.96772850995869941 51.32180686930897906, 5.96349500087243367 51.3167985986323032, 5.94193638249498335 51.31366114342492324, 5.93519168680593712 51.31350881893757787, 5.9235694072088716 51.30881322549442558, 5.91932701984375687 51.30999048269968199, 5.90750418740208172 51.31325159426979354, 5.91189600114400271 51.31519006052890575, 5.91711761600355945 51.31523550845863468, 5.935621482250105 51.32209822648328412, 5.94127347670914308 51.32242736750973933, 5.94180851393609011 51.32562150133554724, 5.9520398558605816 51.32685042347098658, 5.95018837371965326 51.32970719103150259, 5.95408639505289106 51.33075599318279103, 5.9578044482767778 51.33298056633104522, 5.9578044482767778 51.33298056633104522)))</t>
  </si>
  <si>
    <t>MultiPolygon (((5.97023856124391816 51.32120835953021754, 5.97686450731517027 51.31985894965225725, 5.97779053535772675 51.31870367234856189, 5.97602236920495322 51.31583701195116731, 5.9813425003976306 51.31198237565484277, 5.97549227300612706 51.30886708523100737, 5.97668506853570847 51.30571829189629085, 5.97613943171130479 51.30310723895419756, 5.97398135269639585 51.30009251768198908, 5.96601043845275303 51.2953632385875764, 5.954705688420173 51.30028024102242767, 5.9235694072088716 51.30881322549442558, 5.93519168680593712 51.31350881893757787, 5.94193638249498335 51.31366114342492324, 5.96349500087243367 51.3167985986323032, 5.96772850995869941 51.32180686930897906, 5.97023856124391816 51.32120835953021754, 5.97023856124391816 51.32120835953021754)))</t>
  </si>
  <si>
    <t>MultiPolygon (((5.96979792424621269 51.3482031844657385, 5.99606411824801011 51.35049246927285083, 5.99380159954496694 51.34403673618873398, 5.99956390940653694 51.34327566449830726, 6.00039911412285143 51.3418771421229323, 5.99891914488826128 51.33789832932628627, 5.989685303481183 51.33749337187383333, 5.98981644368257804 51.33862979389959946, 5.9768448454257399 51.33696049455092236, 5.96316460284192207 51.33828291934318599, 5.96374906989271647 51.34090394820258751, 5.96005832961564153 51.34152245430929895, 5.95662153773027647 51.34307388590679011, 5.96979792424621269 51.3482031844657385, 5.96979792424621269 51.3482031844657385)))</t>
  </si>
  <si>
    <t>MultiPolygon (((5.99000045265327419 51.32825556098874387, 5.99550929640708841 51.32609657192465136, 6.00799953566189693 51.32529804272374463, 6.01956876506810801 51.32560601116480825, 6.03286275891502743 51.32728055834675018, 6.04120894165055766 51.32713256655866019, 6.04545275909088176 51.32002108448137534, 6.02679880682635183 51.30810447002140506, 6.01494830868277131 51.30365725241123442, 5.99537898467267727 51.31310288451881263, 5.99209996323947269 51.31635065540840657, 5.98602733213714089 51.31770792199845488, 5.98644553688247782 51.32011649212892479, 5.99011736166911302 51.3221470127936783, 5.99030355221463306 51.32334691560698303, 5.98837704919723279 51.32629509527083655, 5.99000045265327419 51.32825556098874387, 5.99000045265327419 51.32825556098874387)))</t>
  </si>
  <si>
    <t>MultiPolygon (((5.96316460284192207 51.33828291934318599, 5.9768448454257399 51.33696049455092236, 5.98981644368257804 51.33862979389959946, 5.989685303481183 51.33749337187383333, 5.99891914488826128 51.33789832932628627, 5.99624788761214678 51.33406506383166601, 5.99094233495858219 51.33087549575908071, 5.99000045265327419 51.32825556098874387, 5.98837704919723279 51.32629509527083655, 5.99030355221463306 51.32334691560698303, 5.99011736166911302 51.3221470127936783, 5.98644553688247782 51.32011649212892479, 5.98602733213714089 51.31770792199845488, 5.97686450731517027 51.31985894965225725, 5.97023856124391816 51.32120835953021754, 5.96890195670950074 51.32376228297474086, 5.96998561773923253 51.32650944247031788, 5.9578044482767778 51.33298056633104522, 5.96239880488824792 51.33649875198706525, 5.96316460284192207 51.33828291934318599, 5.96316460284192207 51.33828291934318599)))</t>
  </si>
  <si>
    <t>MultiPolygon (((5.93850360975987179 51.35002296853777892, 5.94446507832719995 51.35144181045396294, 5.95662153773027647 51.34307388590679011, 5.96005832961564153 51.34152245430929895, 5.96374906989271647 51.34090394820258751, 5.96316460284192207 51.33828291934318599, 5.96239880488824792 51.33649875198706525, 5.9578044482767778 51.33298056633104522, 5.95050994855773663 51.33345112361840989, 5.948443074318849 51.33241373287351905, 5.9467555836493835 51.33361362976197029, 5.94194748017865493 51.33389316312869965, 5.93307973155192681 51.33560448288977796, 5.90495747527511394 51.32610473013083663, 5.91121172126462024 51.34183471752525918, 5.91138138663520962 51.34573297218425836, 5.91134076794443253 51.34979145551276503, 5.9290439885806494 51.34913982272605892, 5.93850360975987179 51.35002296853777892, 5.93850360975987179 51.35002296853777892)))</t>
  </si>
  <si>
    <t>MultiPolygon (((5.96053642477242285 51.3729262450101487, 5.97112742159167809 51.37321935066911749, 5.97747854599562434 51.3720424271720546, 5.98011796941186713 51.3722978164705637, 5.97477884541647253 51.36271155908561781, 5.96979792424621269 51.3482031844657385, 5.95662153773027647 51.34307388590679011, 5.94446507832719995 51.35144181045396294, 5.94523598785817509 51.35481906974018074, 5.95194827314096297 51.36756078895304967, 5.96053642477242285 51.3729262450101487, 5.96053642477242285 51.3729262450101487)))</t>
  </si>
  <si>
    <t>MultiPolygon (((5.91905195175705856 51.37795314905807231, 5.92122968845367925 51.37916362169956841, 5.92769230805085012 51.37080763459398725, 5.93850360975987179 51.35002296853777892, 5.9290439885806494 51.34913982272605892, 5.91134076794443253 51.34979145551276503, 5.89583831059847796 51.36504372052783651, 5.91905195175705856 51.37795314905807231, 5.91905195175705856 51.37795314905807231)))</t>
  </si>
  <si>
    <t>MultiPolygon (((5.98011796941186713 51.3722978164705637, 5.99728127186498927 51.37315751386104523, 5.99907290968182494 51.37199942402815367, 6.00954682788469263 51.35617959148696343, 6.01398366959665953 51.35205953001523937, 6.02330618062793022 51.34527767335816151, 6.00887390992577419 51.34394376846955055, 6.00751671152885525 51.34186556871225093, 5.99956390940653694 51.34327566449830726, 5.99380159954496694 51.34403673618873398, 5.99606411824801011 51.35049246927285083, 5.96979792424621269 51.3482031844657385, 5.97477884541647253 51.36271155908561781, 5.98011796941186713 51.3722978164705637, 5.98011796941186713 51.3722978164705637)))</t>
  </si>
  <si>
    <t>MultiPolygon (((5.92122968845367925 51.37916362169956841, 5.93128751580858538 51.38475267654868617, 5.94732735968647042 51.38313401448173323, 5.95780479398512686 51.37809387063476407, 5.96053642477242285 51.3729262450101487, 5.95194827314096297 51.36756078895304967, 5.94523598785817509 51.35481906974018074, 5.94446507832719995 51.35144181045396294, 5.93850360975987179 51.35002296853777892, 5.92769230805085012 51.37080763459398725, 5.92122968845367925 51.37916362169956841, 5.92122968845367925 51.37916362169956841)))</t>
  </si>
  <si>
    <t>MultiPolygon (((4.60332436305464832 51.97153654407669876, 4.59848071214025023 51.96726064111756926, 4.59977777691583078 51.9663612688539871, 4.59877902481804046 51.96590314551959011, 4.59415208825278132 51.9636462571069444, 4.59822903373591529 51.96023936848180114, 4.60320357493200749 51.96212518364112753, 4.60460675570556255 51.96093997434560663, 4.60621313887970896 51.95959728979079273, 4.60112589394144678 51.95773067614577201, 4.595049461126683 51.95603700612065978, 4.5901887420996319 51.96014283926889732, 4.58846007349334872 51.96160258937716492, 4.58399241402464419 51.96536896669718431, 4.59002194653660567 51.96858096214600664, 4.59069059633331378 51.96823184544602725, 4.5923307395861146 51.96868372084826149, 4.60180825820160777 51.97214010272926288, 4.60211163483136243 51.97202033109579133, 4.60332436305464832 51.97153654407669876, 4.60332436305464832 51.97153654407669876)))</t>
  </si>
  <si>
    <t>MultiPolygon (((4.62501015492512568 51.96978057584026089, 4.63214797839631842 51.96561200871361308, 4.63292137212075961 51.96632000563021592, 4.63977357425129444 51.96217677189111583, 4.64206072806101488 51.95987054863903865, 4.63397743286507868 51.95976517555250496, 4.63407380362638843 51.95786428194919893, 4.64600581752146535 51.95418187174359304, 4.63968447970267839 51.95112986228210161, 4.6361278910301742 51.94134354002730447, 4.63473494731158642 51.9379757360227714, 4.63335046014984542 51.93693975335098401, 4.63097091627221413 51.93629077871906219, 4.62377675979020974 51.93619176663735715, 4.6214636209635076 51.93524977749181204, 4.61948862448439801 51.9334922684701823, 4.61892406993119931 51.93389504256692391, 4.61424580660034067 51.93723101454396129, 4.61049708536078473 51.93990894671314607, 4.60590546554938651 51.9432323434260681, 4.60369919259303728 51.94480787507961139, 4.59974253856323312 51.94766615360463646, 4.6020682627924776 51.94947559834571393, 4.59939236642664362 51.95198418640906368, 4.59533250269156923 51.9557978996709835, 4.595049461126683 51.95603700612065978, 4.60112589394144678 51.95773067614577201, 4.60786385978322155 51.95221132524984853, 4.60908253649300192 51.95298491790229889, 4.61233314696928698 51.95128861669517306, 4.61325492095444556 51.951548610800657, 4.62149278473964831 51.96258760265168775, 4.62404467921325502 51.9678398994307571, 4.62501015492512568 51.96978057584026089, 4.62501015492512568 51.96978057584026089)))</t>
  </si>
  <si>
    <t>MultiPolygon (((4.61687621331283005 51.99916466031380224, 4.65053252125839833 51.97873597167362902, 4.64418232097889927 51.97590762503696027, 4.64664826124068497 51.97431290458461461, 4.63621879569312512 51.97167424453552087, 4.63278540262924654 51.97268038570391724, 4.62986896701947614 51.97444946878236038, 4.62652134309165053 51.97281782407002027, 4.62660160735408343 51.97393934701627671, 4.62250162600501557 51.97566244004608649, 4.61681108202072021 51.97913312762021576, 4.61799922342042013 51.97971567635163836, 4.6167407151235178 51.98048226712091946, 4.61152495402148066 51.98173568982386428, 4.60515946682346833 51.97764322321272346, 4.60868584963959371 51.97518215987896895, 4.60211163483136243 51.97202033109579133, 4.60180825820160777 51.97214010272926288, 4.59374061313092952 51.97608859255694824, 4.59607685709434577 51.9817452357688623, 4.59877304112821861 51.98796859337313236, 4.61687621331283005 51.99916466031380224)))</t>
  </si>
  <si>
    <t>MultiPolygon (((4.61190648222861288 51.96792854487046753, 4.61742411702627731 51.96569800895571944, 4.61290151997942832 51.96284430136977051, 4.61147551832179392 51.96396988197158606, 4.60707027829402005 51.96143341742607191, 4.60460675570556255 51.96093997434560663, 4.60320357493200749 51.96212518364112753, 4.60206534535171308 51.96308654037962071, 4.61190648222861288 51.96792854487046753, 4.61190648222861288 51.96792854487046753)))</t>
  </si>
  <si>
    <t>MultiPolygon (((4.61638395241540156 51.97242394142634936, 4.62156743412634352 51.96903938835543357, 4.61742411702627731 51.96569800895571944, 4.61190648222861288 51.96792854487046753, 4.61059348314307904 51.96849804876369916, 4.61638395241540156 51.97242394142634936, 4.61638395241540156 51.97242394142634936)))</t>
  </si>
  <si>
    <t>MultiPolygon (((4.60868584963959371 51.97518215987896895, 4.61226191832039945 51.97692098640722236, 4.61554039037345731 51.974863108547666, 4.61486266489623098 51.97337558709326544, 4.61638395241540156 51.97242394142634936, 4.61059348314307904 51.96849804876369916, 4.60804112888618533 51.9696050259750848, 4.60590640469064461 51.97092483803412222, 4.60418358221977719 51.97119376402488911, 4.60332436305464832 51.97153654407669876, 4.60211163483136243 51.97202033109579133, 4.60868584963959371 51.97518215987896895, 4.60868584963959371 51.97518215987896895)))</t>
  </si>
  <si>
    <t>MultiPolygon (((4.60112589394144678 51.95773067614577201, 4.60621313887970896 51.95959728979079273, 4.61185931918289338 51.95502332992432315, 4.60908253649300192 51.95298491790229889, 4.60786385978322155 51.95221132524984853, 4.60112589394144678 51.95773067614577201, 4.60112589394144678 51.95773067614577201)))</t>
  </si>
  <si>
    <t>MultiPolygon (((4.59877902481804046 51.96590314551959011, 4.60206534535171308 51.96308654037962071, 4.60320357493200749 51.96212518364112753, 4.59822903373591529 51.96023936848180114, 4.59415208825278132 51.9636462571069444, 4.59877902481804046 51.96590314551959011, 4.59877902481804046 51.96590314551959011)))</t>
  </si>
  <si>
    <t>MultiPolygon (((4.60332436305464832 51.97153654407669876, 4.60418358221977719 51.97119376402488911, 4.60358344252650298 51.96944898315837236, 4.60804112888618533 51.9696050259750848, 4.61059348314307904 51.96849804876369916, 4.61190648222861288 51.96792854487046753, 4.60206534535171308 51.96308654037962071, 4.59877902481804046 51.96590314551959011, 4.59977777691583078 51.9663612688539871, 4.59848071214025023 51.96726064111756926, 4.60332436305464832 51.97153654407669876, 4.60332436305464832 51.97153654407669876)))</t>
  </si>
  <si>
    <t>MultiPolygon (((4.60460675570556255 51.96093997434560663, 4.60707027829402005 51.96143341742607191, 4.61147551832179392 51.96396988197158606, 4.61290151997942832 51.96284430136977051, 4.60621313887970896 51.95959728979079273, 4.60460675570556255 51.96093997434560663, 4.60460675570556255 51.96093997434560663)))</t>
  </si>
  <si>
    <t>MultiPolygon (((4.61742411702627731 51.96569800895571944, 4.61972749608614741 51.96478359879242959, 4.61185931918289338 51.95502332992432315, 4.60621313887970896 51.95959728979079273, 4.61290151997942832 51.96284430136977051, 4.61742411702627731 51.96569800895571944, 4.61742411702627731 51.96569800895571944)))</t>
  </si>
  <si>
    <t>MultiPolygon (((4.61972749608614741 51.96478359879242959, 4.62292545035039115 51.96804171446743226, 4.62404467921325502 51.9678398994307571, 4.62149278473964831 51.96258760265168775, 4.61325492095444556 51.951548610800657, 4.61233314696928698 51.95128861669517306, 4.60908253649300192 51.95298491790229889, 4.61185931918289338 51.95502332992432315, 4.61972749608614741 51.96478359879242959, 4.61972749608614741 51.96478359879242959)))</t>
  </si>
  <si>
    <t>MultiPolygon (((4.64206072806101488 51.95987054863903865, 4.64570904314640565 51.95610720067939781, 4.64600581752146535 51.95418187174359304, 4.63407380362638843 51.95786428194919893, 4.63397743286507868 51.95976517555250496, 4.64206072806101488 51.95987054863903865, 4.64206072806101488 51.95987054863903865)))</t>
  </si>
  <si>
    <t>MultiPolygon (((4.63278540262924654 51.97268038570391724, 4.63621879569312512 51.97167424453552087, 4.64664826124068497 51.97431290458461461, 4.64857754321594729 51.97300731270264862, 4.63267850888529953 51.97024528373797381, 4.63083874813758101 51.96818947820177925, 4.63292137212075961 51.96632000563021592, 4.63214797839631842 51.96561200871361308, 4.62501015492512568 51.96978057584026089, 4.62652134309165053 51.97281782407002027, 4.62986896701947614 51.97444946878236038, 4.63278540262924654 51.97268038570391724, 4.63278540262924654 51.97268038570391724)))</t>
  </si>
  <si>
    <t>MultiPolygon (((4.62660160735408343 51.97393934701627671, 4.62652134309165053 51.97281782407002027, 4.62501015492512568 51.96978057584026089, 4.62404467921325502 51.9678398994307571, 4.62292545035039115 51.96804171446743226, 4.61972749608614741 51.96478359879242959, 4.61742411702627731 51.96569800895571944, 4.62156743412634352 51.96903938835543357, 4.62660160735408343 51.97393934701627671, 4.62660160735408343 51.97393934701627671)))</t>
  </si>
  <si>
    <t>MultiPolygon (((4.62250162600501557 51.97566244004608649, 4.62660160735408343 51.97393934701627671, 4.62156743412634352 51.96903938835543357, 4.61638395241540156 51.97242394142634936, 4.62250162600501557 51.97566244004608649, 4.62250162600501557 51.97566244004608649)))</t>
  </si>
  <si>
    <t>MultiPolygon (((4.61226191832039945 51.97692098640722236, 4.61681108202072021 51.97913312762021576, 4.62250162600501557 51.97566244004608649, 4.61638395241540156 51.97242394142634936, 4.61486266489623098 51.97337558709326544, 4.61554039037345731 51.974863108547666, 4.61226191832039945 51.97692098640722236, 4.61226191832039945 51.97692098640722236)))</t>
  </si>
  <si>
    <t>MultiPolygon (((4.61226191832039945 51.97692098640722236, 4.60868584963959371 51.97518215987896895, 4.60515946682346833 51.97764322321272346, 4.61152495402148066 51.98173568982386428, 4.6167407151235178 51.98048226712091946, 4.61799922342042013 51.97971567635163836, 4.61681108202072021 51.97913312762021576, 4.61226191832039945 51.97692098640722236, 4.61226191832039945 51.97692098640722236)))</t>
  </si>
  <si>
    <t>MultiPolygon (((4.60418358221977719 51.97119376402488911, 4.60590640469064461 51.97092483803412222, 4.60804112888618533 51.9696050259750848, 4.60358344252650298 51.96944898315837236, 4.60418358221977719 51.97119376402488911, 4.60418358221977719 51.97119376402488911)))</t>
  </si>
  <si>
    <t>MultiPolygon (((4.65345998912600223 52.01690223072647967, 4.65622504579500429 52.01275436597723711, 4.66283940186697876 52.01666980921940109, 4.66471670474131628 52.01648476544979616, 4.6647921169926585 52.01452389909289309, 4.66660655264983593 52.01297063583893276, 4.67072892081240276 52.01112640984754165, 4.67009685786911 52.01054987172303612, 4.66703205375779273 52.01000549028687914, 4.65945455910860584 52.00528769649373828, 4.66281024189952209 52.00324582476831381, 4.66952416280769 52.00246489387548365, 4.67071694381454083 52.00232611112642189, 4.67496748710696242 51.99972484652373339, 4.68022946025231601 51.99654157508702923, 4.67581382272389501 51.99489119471231646, 4.67980106030448884 51.99318002722843346, 4.683929229336524 51.99453243449673323, 4.6852824997614988 51.9956300922834842, 4.68176174931615918 51.99710721665405089, 4.68402127454090245 51.99795767247869804, 4.68868451265107211 51.99625804215054359, 4.68250897995650472 51.99269496779701427, 4.67694457876960445 51.98828581424402984, 4.6724170713951878 51.99083869610175412, 4.67086468991512493 51.99164977754145411, 4.67236888098541403 51.99257792966945146, 4.67584610952002322 51.9906158510406442, 4.6769820601161376 51.99036600097907268, 4.67765288268252188 51.99083987533153817, 4.67378660118230016 51.99251959122155142, 4.66873433542212712 51.99585606373404545, 4.66637644420546671 51.99438902090312098, 4.66125526988868266 51.99124916537228813, 4.6540540395944765 51.98675913756648725, 4.65614571187378168 51.98549249860794674, 4.65780469862125823 51.98654841061973997, 4.66286537664392231 51.98358110394200082, 4.66124237898538496 51.98253190811103508, 4.66316924693663193 51.98217224278868542, 4.66452504053700689 51.98025360991382371, 4.66302239672498331 51.97992459470381732, 4.66396350899003931 51.97901776457778311, 4.6687746952934841 51.98004765957286111, 4.66945370447032015 51.98083907669685999, 4.67067993517896873 51.98042186384640218, 4.66785099419268601 51.97885054578419073, 4.6559232742618093 51.97655312642947223, 4.64983507645112315 51.97342888830154095, 4.64857754321594729 51.97300731270264862, 4.64664826124068497 51.97431290458461461, 4.64418232097889927 51.97590762503696027, 4.65053252125839833 51.97873597167362902, 4.61687621331283005 51.99916466031380224, 4.63680252262065817 52.01167991167044846, 4.64842525338009072 52.01898651524595607, 4.64881272178393434 52.02057557744717542, 4.65305230264758674 52.02134420334724751, 4.6551848018005062 52.02101592095852567, 4.65365307484708612 52.01917288115598836, 4.65345998912600223 52.01690223072647967, 4.65345998912600223 52.01690223072647967)))</t>
  </si>
  <si>
    <t>MultiPolygon (((4.66125526988868266 51.99124916537228813, 4.66352075589073234 51.9901473559194045, 4.65780469862125823 51.98654841061973997, 4.65614571187378168 51.98549249860794674, 4.6540540395944765 51.98675913756648725, 4.66125526988868266 51.99124916537228813, 4.66125526988868266 51.99124916537228813)))</t>
  </si>
  <si>
    <t>MultiPolygon (((4.66377118523604128 52.02200759317445034, 4.66737252096509092 52.02264606591312912, 4.66776773777521914 52.02148940066517468, 4.6673032854073524 52.01924517653134927, 4.66471670474131628 52.01648476544979616, 4.66283940186697876 52.01666980921940109, 4.65622504579500429 52.01275436597723711, 4.65345998912600223 52.01690223072647967, 4.65365307484708612 52.01917288115598836, 4.6551848018005062 52.02101592095852567, 4.65684340472309177 52.02205090349049499, 4.66280027581622747 52.02398426406748655, 4.66377118523604128 52.02200759317445034, 4.66377118523604128 52.02200759317445034)))</t>
  </si>
  <si>
    <t>MultiPolygon (((4.68022946025231601 51.99654157508702923, 4.68116276396681297 51.99687667637318356, 4.68176174931615918 51.99710721665405089, 4.6852824997614988 51.9956300922834842, 4.683929229336524 51.99453243449673323, 4.67980106030448884 51.99318002722843346, 4.67581382272389501 51.99489119471231646, 4.68022946025231601 51.99654157508702923, 4.68022946025231601 51.99654157508702923)))</t>
  </si>
  <si>
    <t>MultiPolygon (((4.66637644420546671 51.99438902090312098, 4.66873433542212712 51.99585606373404545, 4.67378660118230016 51.99251959122155142, 4.67765288268252188 51.99083987533153817, 4.6769820601161376 51.99036600097907268, 4.67584610952002322 51.9906158510406442, 4.67236888098541403 51.99257792966945146, 4.67086468991512493 51.99164977754145411, 4.66637644420546671 51.99438902090312098, 4.66637644420546671 51.99438902090312098)))</t>
  </si>
  <si>
    <t>MultiPolygon (((4.67067993517896873 51.98042186384640218, 4.66945370447032015 51.98083907669685999, 4.66892334538017817 51.98208217272217269, 4.671823130735409 51.98447232047170985, 4.67067993517896873 51.98042186384640218)))</t>
  </si>
  <si>
    <t>MultiPolygon (((4.66825257278210159 51.98182787453900033, 4.66892334538017817 51.98208217272217269, 4.66945370447032015 51.98083907669685999, 4.6687746952934841 51.98004765957286111, 4.66396350899003931 51.97901776457778311, 4.66302239672498331 51.97992459470381732, 4.66452504053700689 51.98025360991382371, 4.66825257278210159 51.98182787453900033, 4.66825257278210159 51.98182787453900033)))</t>
  </si>
  <si>
    <t>MultiPolygon (((4.66316924693663193 51.98217224278868542, 4.66479818332460994 51.98358404816320189, 4.66825257278210159 51.98182787453900033, 4.66452504053700689 51.98025360991382371, 4.66316924693663193 51.98217224278868542, 4.66316924693663193 51.98217224278868542)))</t>
  </si>
  <si>
    <t>MultiPolygon (((4.66352075589073234 51.9901473559194045, 4.66791068199244474 51.98802218686472543, 4.66479818332460994 51.98358404816320189, 4.66316924693663193 51.98217224278868542, 4.66124237898538496 51.98253190811103508, 4.66286537664392231 51.98358110394200082, 4.65780469862125823 51.98654841061973997, 4.66352075589073234 51.9901473559194045, 4.66352075589073234 51.9901473559194045)))</t>
  </si>
  <si>
    <t>MultiPolygon (((4.66637644420546671 51.99438902090312098, 4.67086468991512493 51.99164977754145411, 4.6724170713951878 51.99083869610175412, 4.66961517944156679 51.98900060210132068, 4.66791068199244474 51.98802218686472543, 4.66352075589073234 51.9901473559194045, 4.66125526988868266 51.99124916537228813, 4.66637644420546671 51.99438902090312098, 4.66637644420546671 51.99438902090312098)))</t>
  </si>
  <si>
    <t>MultiPolygon (((4.66961517944156679 51.98900060210132068, 4.6724170713951878 51.99083869610175412, 4.67694457876960445 51.98828581424402984, 4.6742894556920831 51.98701695689747737, 4.66961517944156679 51.98900060210132068, 4.66961517944156679 51.98900060210132068)))</t>
  </si>
  <si>
    <t>MultiPolygon (((4.66892334538017817 51.98208217272217269, 4.66825257278210159 51.98182787453900033, 4.66479818332460994 51.98358404816320189, 4.66791068199244474 51.98802218686472543, 4.66961517944156679 51.98900060210132068, 4.6742894556920831 51.98701695689747737, 4.671823130735409 51.98447232047170985, 4.66892334538017817 51.98208217272217269, 4.66892334538017817 51.98208217272217269)))</t>
  </si>
  <si>
    <t>MultiPolygon (((4.57517692100714246 52.01017340176254322, 4.57923498677276974 52.0047599086934369, 4.58447818456840661 52.00623704028293304, 4.58457340744975017 52.00675225286271797, 4.58521293970078769 52.00693047888518805, 4.58529732557662051 52.00680288651274452, 4.59436751749740591 51.99428155345337643, 4.57894289419178335 51.98986065622674602, 4.55696354340768739 51.98357704018455649, 4.55088575841545584 51.98187362431738734, 4.54816222769721268 51.98329424947763755, 4.54841796837387857 51.98495707372457986, 4.54910528056683461 51.98468003545979599, 4.55152561558174629 51.9861920973723457, 4.54911837483235448 51.98916299689263099, 4.54690960583913562 51.99022834606032717, 4.54633927527526982 51.99151415825848943, 4.54838789556985557 51.99255733297953697, 4.54700541875543252 51.99394288377633444, 4.54989360496534712 51.9957465590111596, 4.55344453101796898 52.00392394175713662, 4.55477342454394307 52.00316645714649866, 4.55873927143455759 52.00587661550175511, 4.56132693402610734 52.0068239916122721, 4.56271959169948182 52.00735398315394065, 4.56844298932195336 52.00951845758131498, 4.57396720527630229 52.01170229315047777, 4.57517692100714246 52.01017340176254322, 4.57517692100714246 52.01017340176254322)))</t>
  </si>
  <si>
    <t>MultiPolygon (((4.58413965963682912 52.02916209310881612, 4.58904524144772363 52.02619234137830517, 4.59695232899781914 52.0315463751230709, 4.62473569871808987 52.01472205288802542, 4.63680252262065817 52.01167991167044846, 4.61687621331283005 51.99916466031380224, 4.59877304112821861 51.98796859337313236, 4.59436751749740591 51.99428155345337643, 4.58529732557662051 52.00680288651274452, 4.58703768544460111 52.00720156762270108, 4.5884468165600989 52.00508185560055807, 4.59154300314945463 52.00072747669100437, 4.60285045255287972 52.00717146146721603, 4.59137050138467551 52.01399392258453958, 4.58872509454740474 52.01235004566120068, 4.58620427496322858 52.01385052627110639, 4.58900151601333128 52.0155807307124789, 4.58825658762448807 52.01613935286729173, 4.58286393234371037 52.01932600326649947, 4.58040474748168869 52.01817128176950433, 4.5766927600399665 52.03953488915837511, 4.57761034374994136 52.04048937528802554, 4.57885721398268419 52.04128008207900535, 4.5818190509591803 52.03877053925028662, 4.58064167244124487 52.03803618576338152, 4.58588934650003122 52.03489549973345873, 4.58872086082520436 52.03205678399367429, 4.58413965963682912 52.02916209310881612, 4.58413965963682912 52.02916209310881612)))</t>
  </si>
  <si>
    <t>MultiPolygon (((4.56330477114904554 52.03827702083798101, 4.5766927600399665 52.03953488915837511, 4.58040474748168869 52.01817128176950433, 4.58116021493600112 52.01522569653925387, 4.58008044897730304 52.01494478764622187, 4.57627494926121781 52.01343173805670972, 4.57396720527630229 52.01170229315047777, 4.56844298932195336 52.00951845758131498, 4.56823597115625457 52.01078893072780573, 4.55999104329914662 52.01000137176067284, 4.56132693402610734 52.0068239916122721, 4.55873927143455759 52.00587661550175511, 4.55477342454394307 52.00316645714649866, 4.55344453101796898 52.00392394175713662, 4.55487514677653937 52.005948585416931, 4.55711943881759751 52.01393638301399136, 4.55677697341597199 52.01840072158696415, 4.55821797299231868 52.02890844935128456, 4.55934733811960502 52.03140736348855455, 4.56014028215440348 52.03318989337504519, 4.56345716946239666 52.03577697988432504, 4.56330477114904554 52.03827702083798101, 4.56330477114904554 52.03827702083798101)))</t>
  </si>
  <si>
    <t>MultiPolygon (((4.58977228249413294 52.0113099226617166, 4.58872509454740474 52.01235004566120068, 4.59137050138467551 52.01399392258453958, 4.60285045255287972 52.00717146146721603, 4.59154300314945463 52.00072747669100437, 4.5884468165600989 52.00508185560055807, 4.59361940674010949 52.00824483464904802, 4.59425103420024517 52.00950352687608813, 4.5911474210230736 52.0113265353162717, 4.58977228249413294 52.0113099226617166, 4.58977228249413294 52.0113099226617166)))</t>
  </si>
  <si>
    <t>MultiPolygon (((4.5702299010654599 51.97903010105884647, 4.5735294021284032 51.97457611883639572, 4.57792119141746667 51.97585443000581051, 4.5717270580949485 51.97244213922563461, 4.56711271981097955 51.9714297134852572, 4.55696354340768739 51.98357704018455649, 4.57894289419178335 51.98986065622674602, 4.57973635870837992 51.98883644740839571, 4.57883359758293018 51.98850782171962237, 4.57731222779992386 51.9864048332077715, 4.57891848681305369 51.98113420214043856, 4.5702299010654599 51.97903010105884647)))</t>
  </si>
  <si>
    <t>MultiPolygon (((4.55696354340768739 51.98357704018455649, 4.56711271981097955 51.9714297134852572, 4.5717270580949485 51.97244213922563461, 4.57792119141746667 51.97585443000581051, 4.57852447085241376 51.9761880093502171, 4.57899981884376306 51.97578719480294041, 4.57854397590085949 51.97553539367104491, 4.5741123445398264 51.9730865259942334, 4.57436330516477874 51.97287621169544281, 4.57190891748071859 51.97186877609446753, 4.5702756633877506 51.97202409380791721, 4.56693603216555388 51.97118981492423018, 4.56538235334762366 51.97127568830477884, 4.56433413905630569 51.97153433305190617, 4.56336773305898014 51.97172792476109038, 4.56289753248266905 51.97152076978323976, 4.5624137390123618 51.97192671908328521, 4.56115194120730294 51.97117750333691788, 4.56165190052661274 51.97076175730419578, 4.56054764426893477 51.9696221591733476, 4.55658594697968589 51.9684660404351888, 4.55421533452576188 51.96892069252692181, 4.5476862824756088 51.97280661177202887, 4.55193472530730237 51.97473738404976018, 4.55376053564319339 51.97704111155992024, 4.55199187424061158 51.97886930615096901, 4.55088575841545584 51.98187362431738734, 4.55696354340768739 51.98357704018455649)))</t>
  </si>
  <si>
    <t>MultiPolygon (((4.55152561558174629 51.9861920973723457, 4.54910528056683461 51.98468003545979599, 4.54841796837387857 51.98495707372457986, 4.54739365630562631 51.98874623925641458, 4.54690960583913562 51.99022834606032717, 4.54911837483235448 51.98916299689263099, 4.55152561558174629 51.9861920973723457, 4.55152561558174629 51.9861920973723457)))</t>
  </si>
  <si>
    <t>MultiPolygon (((4.56844298932195336 52.00951845758131498, 4.56271959169948182 52.00735398315394065, 4.56132693402610734 52.0068239916122721, 4.55999104329914662 52.01000137176067284, 4.56823597115625457 52.01078893072780573, 4.56844298932195336 52.00951845758131498, 4.56844298932195336 52.00951845758131498)))</t>
  </si>
  <si>
    <t>MultiPolygon (((4.57517692100714246 52.01017340176254322, 4.57748403597017273 52.01086113395358268, 4.57947439484525454 52.00780610436817852, 4.58261677481995111 52.00882719479001537, 4.58457340744975017 52.00675225286271797, 4.58447818456840661 52.00623704028293304, 4.57923498677276974 52.0047599086934369, 4.57517692100714246 52.01017340176254322, 4.57517692100714246 52.01017340176254322)))</t>
  </si>
  <si>
    <t>MultiPolygon (((4.57396720527630229 52.01170229315047777, 4.57627494926121781 52.01343173805670972, 4.57847774830700605 52.01361139288638924, 4.58261677481995111 52.00882719479001537, 4.57947439484525454 52.00780610436817852, 4.57748403597017273 52.01086113395358268, 4.57517692100714246 52.01017340176254322, 4.57396720527630229 52.01170229315047777, 4.57396720527630229 52.01170229315047777)))</t>
  </si>
  <si>
    <t>MultiPolygon (((4.5843672042188075 52.00932717837988406, 4.58977228249413294 52.0113099226617166, 4.5911474210230736 52.0113265353162717, 4.59425103420024517 52.00950352687608813, 4.59361940674010949 52.00824483464904802, 4.5884468165600989 52.00508185560055807, 4.58703768544460111 52.00720156762270108, 4.58529732557662051 52.00680288651274452, 4.58521293970078769 52.00693047888518805, 4.5843672042188075 52.00932717837988406, 4.5843672042188075 52.00932717837988406)))</t>
  </si>
  <si>
    <t>MultiPolygon (((4.58008044897730304 52.01494478764622187, 4.58116021493600112 52.01522569653925387, 4.58620427496322858 52.01385052627110639, 4.58872509454740474 52.01235004566120068, 4.58977228249413294 52.0113099226617166, 4.5843672042188075 52.00932717837988406, 4.58008044897730304 52.01494478764622187, 4.58008044897730304 52.01494478764622187)))</t>
  </si>
  <si>
    <t>MultiPolygon (((4.58116021493600112 52.01522569653925387, 4.58040474748168869 52.01817128176950433, 4.58286393234371037 52.01932600326649947, 4.58825658762448807 52.01613935286729173, 4.58900151601333128 52.0155807307124789, 4.58620427496322858 52.01385052627110639, 4.58116021493600112 52.01522569653925387, 4.58116021493600112 52.01522569653925387)))</t>
  </si>
  <si>
    <t>MultiPolygon (((4.57627494926121781 52.01343173805670972, 4.58008044897730304 52.01494478764622187, 4.5843672042188075 52.00932717837988406, 4.58521293970078769 52.00693047888518805, 4.58457340744975017 52.00675225286271797, 4.58261677481995111 52.00882719479001537, 4.57847774830700605 52.01361139288638924, 4.57627494926121781 52.01343173805670972, 4.57627494926121781 52.01343173805670972)))</t>
  </si>
  <si>
    <t>MultiPolygon (((4.60804684287466237 52.04911653060825927, 4.61094740841567052 52.04871085300544564, 4.61082253421036903 52.04823347810592082, 4.61022433762878947 52.04626730695437686, 4.60627271475734368 52.04594909944475489, 4.59189821394811215 52.04480288575791747, 4.58861141306683429 52.04512832680136114, 4.58825839471127139 52.04888398497665492, 4.58190408640879454 52.04819719743071715, 4.57563595654677613 52.04749606076505586, 4.57420783882908477 52.04730154055578595, 4.56863402247626915 52.04642671648296925, 4.56826392103750045 52.04416557188467607, 4.56818044849896232 52.04362068908299221, 4.56975325102631569 52.0407721347701866, 4.57755984920156855 52.04131083968778881, 4.57761034374994136 52.04048937528802554, 4.5766927600399665 52.03953488915837511, 4.56330477114904554 52.03827702083798101, 4.56105963363868661 52.04206086243792839, 4.56504296107328322 52.05856937949707941, 4.56592541247372807 52.05922595871238912, 4.60742711087767809 52.06552651866797987, 4.6080742264454555 52.06544109554705102, 4.60840592625608192 52.06294428293756482, 4.60552910216695111 52.05043832653335301, 4.60804684287466237 52.04911653060825927, 4.60804684287466237 52.04911653060825927)))</t>
  </si>
  <si>
    <t>MultiPolygon (((4.58190408640879454 52.04819719743071715, 4.58825839471127139 52.04888398497665492, 4.58861141306683429 52.04512832680136114, 4.58241717116214442 52.04441053798870342, 4.58190408640879454 52.04819719743071715, 4.58190408640879454 52.04819719743071715)))</t>
  </si>
  <si>
    <t>MultiPolygon (((4.59189821394811215 52.04480288575791747, 4.60627271475734368 52.04594909944475489, 4.6073345571832327 52.04531199615046688, 4.59108942778073637 52.03508737610080459, 4.59695232899781914 52.0315463751230709, 4.58904524144772363 52.02619234137830517, 4.58413965963682912 52.02916209310881612, 4.58872086082520436 52.03205678399367429, 4.58588934650003122 52.03489549973345873, 4.58064167244124487 52.03803618576338152, 4.5818190509591803 52.03877053925028662, 4.58764834873639504 52.04217963758360099, 4.59014777091662296 52.04065830142301508, 4.5925376203915862 52.04215821502088346, 4.58866148825132569 52.04446934884485643, 4.59189821394811215 52.04480288575791747, 4.59189821394811215 52.04480288575791747)))</t>
  </si>
  <si>
    <t>MultiPolygon (((4.57755984920156855 52.04131083968778881, 4.58258796560961201 52.04383910327589291, 4.58866148825132569 52.04446934884485643, 4.5925376203915862 52.04215821502088346, 4.59014777091662296 52.04065830142301508, 4.58764834873639504 52.04217963758360099, 4.5818190509591803 52.03877053925028662, 4.57885721398268419 52.04128008207900535, 4.57761034374994136 52.04048937528802554, 4.57755984920156855 52.04131083968778881, 4.57755984920156855 52.04131083968778881)))</t>
  </si>
  <si>
    <t>MultiPolygon (((4.57563595654677613 52.04749606076505586, 4.58190408640879454 52.04819719743071715, 4.58241717116214442 52.04441053798870342, 4.5762548304840287 52.04443026443502873, 4.57563595654677613 52.04749606076505586, 4.57563595654677613 52.04749606076505586)))</t>
  </si>
  <si>
    <t>MultiPolygon (((4.57420783882908477 52.04730154055578595, 4.57378544555500266 52.04478283607333111, 4.56826392103750045 52.04416557188467607, 4.56863402247626915 52.04642671648296925, 4.57420783882908477 52.04730154055578595, 4.57420783882908477 52.04730154055578595)))</t>
  </si>
  <si>
    <t>MultiPolygon (((4.56826392103750045 52.04416557188467607, 4.57378544555500266 52.04478283607333111, 4.56818044849896232 52.04362068908299221, 4.56826392103750045 52.04416557188467607, 4.56826392103750045 52.04416557188467607)))</t>
  </si>
  <si>
    <t>MultiPolygon (((4.57420783882908477 52.04730154055578595, 4.57563595654677613 52.04749606076505586, 4.5762548304840287 52.04443026443502873, 4.58241717116214442 52.04441053798870342, 4.58861141306683429 52.04512832680136114, 4.59189821394811215 52.04480288575791747, 4.58866148825132569 52.04446934884485643, 4.58258796560961201 52.04383910327589291, 4.57755984920156855 52.04131083968778881, 4.56975325102631569 52.0407721347701866, 4.56818044849896232 52.04362068908299221, 4.57378544555500266 52.04478283607333111, 4.57420783882908477 52.04730154055578595, 4.57420783882908477 52.04730154055578595)))</t>
  </si>
  <si>
    <t>MultiPolygon (((5.96139339218060549 53.29670993981650184, 5.95921677936138927 53.29928792819830363, 5.95626846960283274 53.30079183573553081, 5.94872607508710427 53.30293385728261768, 5.95759521715444684 53.30867479328790637, 5.96451374091525643 53.29855105376795876, 5.96139339218060549 53.29670993981650184, 5.96139339218060549 53.29670993981650184)),((5.9379537895404777 53.30711590722544457, 5.94061959113676874 53.30758718866036361, 5.94518063506811512 53.30182943579887223, 5.94228465754895563 53.30069551803740779, 5.94035738697921811 53.30187701031958625, 5.93676336110156377 53.30186486306330096, 5.93329165676000336 53.30003754795971815, 5.93324493192552804 53.29882752907221999, 5.93729356582800261 53.29499865202542708, 5.93934125721047401 53.29421706635188372, 5.94554560085704242 53.29316404407084917, 5.95946527253510627 53.29268913920261497, 5.96110821592232742 53.29341867436255598, 5.96188758589669465 53.2957573596570171, 5.96368709060938684 53.29382976986283182, 5.96475484650370547 53.29046405681913967, 5.96116174163968804 53.2870875560528745, 5.97319236817217014 53.27540552410749797, 5.97397114495026482 53.27457617250672683, 5.97121121281449074 53.27422570964702686, 5.95770895078090401 53.27452648290630322, 5.9440815716803046 53.26933838334401372, 5.94163919296631171 53.26833993106306053, 5.93668711202330179 53.26880860289217168, 5.93169163267153809 53.27631520272475285, 5.92590794226249429 53.27438356014145171, 5.92238221466622949 53.28054262246489969, 5.9132155491143088 53.27854677600972622, 5.9086061112563204 53.2762244607224531, 5.90622484622065969 53.2817889504996316, 5.89156259097527357 53.27097951431893108, 5.88959636620853999 53.27215697387789817, 5.88224459240506192 53.27678249235828645, 5.89170068724422169 53.28003829016022053, 5.8977877058756718 53.28365981063008405, 5.89769384218350368 53.28463372556895195, 5.9066486706961534 53.28783933971890008, 5.90353842723425615 53.29418165601359192, 5.89690407005779704 53.30152565979032175, 5.89904921486552869 53.30248438305139302, 5.9208866451501585 53.31109856096765753, 5.92225343876084942 53.3126069771594473, 5.92436087853947857 53.31308265721615669, 5.93501542052375175 53.31567122228415911, 5.93641993778628585 53.30905311518149148, 5.9379537895404777 53.30711590722544457, 5.9379537895404777 53.30711590722544457)))</t>
  </si>
  <si>
    <t>MultiPolygon (((5.95568467685683434 53.32141227076949974, 5.95920408199851437 53.3214955076367545, 5.96385845256123659 53.32285303253709685, 5.96878440257181797 53.32250766432858313, 5.97217413461882174 53.32109134650181659, 5.97218364655521938 53.32105171935962318, 5.9744528791168392 53.31729745205208815, 5.97384084351148381 53.31509718217954941, 5.97081335086312137 53.31332036115100692, 5.96928707902684597 53.31339281485784909, 5.9701412972754877 53.31165448021739905, 5.96613870852925299 53.31032881867082551, 5.96547454110402686 53.31104074419319971, 5.9618451370678347 53.31057855596353079, 5.95725220312060699 53.30916556718049293, 5.95759521715444684 53.30867479328790637, 5.94872607508710427 53.30293385728261768, 5.94518063506811512 53.30182943579887223, 5.94061959113676874 53.30758718866036361, 5.9379537895404777 53.30711590722544457, 5.93641993778628585 53.30905311518149148, 5.93501542052375175 53.31567122228415911, 5.93508085786434592 53.31566076145509925, 5.93841850366867607 53.31566517686447781, 5.94622441363298293 53.31765876672118765, 5.95568467685683434 53.32141227076949974, 5.95568467685683434 53.32141227076949974)))</t>
  </si>
  <si>
    <t>MultiPolygon (((5.94518063506811512 53.30182943579887223, 5.94872607508710427 53.30293385728261768, 5.95626846960283274 53.30079183573553081, 5.95921677936138927 53.29928792819830363, 5.96139339218060549 53.29670993981650184, 5.96188758589669465 53.2957573596570171, 5.96110821592232742 53.29341867436255598, 5.95946527253510627 53.29268913920261497, 5.94554560085704242 53.29316404407084917, 5.93934125721047401 53.29421706635188372, 5.93729356582800261 53.29499865202542708, 5.93324493192552804 53.29882752907221999, 5.93329165676000336 53.30003754795971815, 5.93676336110156377 53.30186486306330096, 5.94035738697921811 53.30187701031958625, 5.94228465754895563 53.30069551803740779, 5.94518063506811512 53.30182943579887223, 5.94518063506811512 53.30182943579887223)))</t>
  </si>
  <si>
    <t>MultiPolygon (((5.94811421713989841 53.26016778935502316, 5.97083603548828101 53.2645657733208111, 5.98064376025846478 53.25412076543700124, 5.98556457700332878 53.25889916647665245, 5.99196619987140533 53.25965052640196262, 5.99519799690659383 53.25833016392109442, 6.00676660798493778 53.24843396181621102, 6.01514034248076168 53.24052854659743872, 6.00959844329284198 53.23854232638262118, 6.00798080231224763 53.24014512410310829, 6.00641168756185895 53.24447984449146531, 6.00412140304791464 53.24574289474341526, 6.00194209845086046 53.24619493552881266, 5.996898803313921 53.2446305865049041, 5.9887226610982518 53.2457238897397005, 5.98657786001631109 53.24445696737520706, 5.98425288185806981 53.24071350896312538, 5.98350552405825287 53.24160550348642573, 5.97693336384932383 53.23909916326359593, 5.97765885941877873 53.23799722231230902, 5.97010625384255889 53.23181603872436085, 5.97081808098611333 53.22953077046360448, 5.96614091774544875 53.2280609575818815, 5.95597354452424987 53.22805631556452965, 5.9541048008022992 53.23222189717599662, 5.94960247830279965 53.23960103592615667, 5.94253281130904476 53.25047541000491691, 5.95197309880090675 53.25364635858527862, 5.94811421713989841 53.26016778935502316, 5.94811421713989841 53.26016778935502316)))</t>
  </si>
  <si>
    <t>MultiPolygon (((6.04429296351385403 53.28463307289032969, 6.04904572916369698 53.2886123109205414, 6.05436980027331639 53.29075958320043327, 6.05186392244934801 53.26628627223036716, 6.05011494787210591 53.26614131500686256, 6.04987970089532379 53.26485513919737258, 6.03945224189641827 53.26534035471874517, 6.03305455104468447 53.26426071466794809, 6.02704671687022575 53.26176734813441271, 6.02276565488780857 53.25812674269425173, 6.01852471517658749 53.24951107489697932, 6.01885211862716929 53.24833671995043005, 6.02869433436955049 53.24272026001656144, 6.02770553446711865 53.241392866712836, 6.02309416491508642 53.24279141799993198, 6.0213596523480426 53.24253238883800066, 6.01979068059862588 53.24091399317086371, 6.01514034248076168 53.24052854659743872, 6.00676660798493778 53.24843396181621102, 6.00767373021803408 53.2509952507121227, 6.02132294966267789 53.26090363952648232, 6.02143874940031143 53.26277709928818638, 6.02955674477408454 53.2649842894964678, 6.02960740594602917 53.27090555662930171, 6.02990687051490148 53.27269265640609319, 6.04429296351385403 53.28463307289032969, 6.04429296351385403 53.28463307289032969)))</t>
  </si>
  <si>
    <t>MultiPolygon (((5.89156259097527357 53.27097951431893108, 5.90622484622065969 53.2817889504996316, 5.9086061112563204 53.2762244607224531, 5.9132155491143088 53.27854677600972622, 5.92238221466622949 53.28054262246489969, 5.92590794226249429 53.27438356014145171, 5.93169163267153809 53.27631520272475285, 5.93668711202330179 53.26880860289217168, 5.94163919296631171 53.26833993106306053, 5.9440815716803046 53.26933838334401372, 5.94427534963507487 53.26704166835490639, 5.94811421713989841 53.26016778935502316, 5.95197309880090675 53.25364635858527862, 5.94253281130904476 53.25047541000491691, 5.92577492457972888 53.25235319450209204, 5.92591366510403361 53.25472983109671787, 5.92295508348756883 53.25740505498633581, 5.9144481765053829 53.25864643507757279, 5.91258833506270332 53.26027908207779404, 5.90431430331087093 53.26423268985525539, 5.89156259097527357 53.27097951431893108, 5.89156259097527357 53.27097951431893108)))</t>
  </si>
  <si>
    <t>MultiPolygon (((5.98534653975851771 53.23065829102240798, 5.97175806050082603 53.22794659541727924, 5.96614091774544875 53.2280609575818815, 5.97081808098611333 53.22953077046360448, 5.97010625384255889 53.23181603872436085, 5.97765885941877873 53.23799722231230902, 5.97693336384932383 53.23909916326359593, 5.98350552405825287 53.24160550348642573, 5.98425288185806981 53.24071350896312538, 5.98657786001631109 53.24445696737520706, 5.9887226610982518 53.2457238897397005, 5.996898803313921 53.2446305865049041, 6.00194209845086046 53.24619493552881266, 6.00412140304791464 53.24574289474341526, 6.00641168756185895 53.24447984449146531, 6.00798080231224763 53.24014512410310829, 6.00959844329284198 53.23854232638262118, 5.98534653975851771 53.23065829102240798, 5.98534653975851771 53.23065829102240798)))</t>
  </si>
  <si>
    <t>MultiPolygon (((6.04987970089532379 53.26485513919737258, 6.04943866104688244 53.26264400361537099, 6.04884444878272287 53.25971356336052764, 6.04700069324300848 53.25170092870862248, 6.04396563503768025 53.24350247645844547, 6.03176952914166264 53.24223801274274592, 6.02869433436955049 53.24272026001656144, 6.01885211862716929 53.24833671995043005, 6.01852471517658749 53.24951107489697932, 6.02276565488780857 53.25812674269425173, 6.02704671687022575 53.26176734813441271, 6.03305455104468447 53.26426071466794809, 6.03945224189641827 53.26534035471874517, 6.04987970089532379 53.26485513919737258, 6.04987970089532379 53.26485513919737258)))</t>
  </si>
  <si>
    <t>MultiPolygon (((6.04429296351385403 53.28463307289032969, 6.02990687051490148 53.27269265640609319, 6.02960740594602917 53.27090555662930171, 6.02268833782014124 53.27130909616608534, 6.02276826253988151 53.2771335998875557, 6.02042539606606297 53.27705387282094307, 6.02041873405750128 53.28344716061851472, 6.03854076969955855 53.28468686606188243, 6.03924929150821121 53.28613194946795772, 6.04261093839001706 53.28602829034319655, 6.04429296351385403 53.28463307289032969, 6.04429296351385403 53.28463307289032969)),((6.03632899841458936 53.32433474475145374, 6.03967457152866505 53.31949520964536049, 6.03840251459886712 53.31586073600107767, 6.04004943102617897 53.3005618034671258, 6.0349865823807507 53.30261825461354164, 6.03382415984725196 53.30653153836710345, 6.03269342734597203 53.30736203982147003, 6.02138659878718752 53.30603229889371875, 6.0211242997282115 53.30900092096894127, 6.02123493513865515 53.31689901951901334, 6.02243783709919001 53.32403095398202453, 6.02452595192911033 53.3246118275763834, 6.03230046933244957 53.32549699681060673, 6.03632899841458936 53.32433474475145374, 6.03632899841458936 53.32433474475145374)))</t>
  </si>
  <si>
    <t>MultiPolygon (((6.03632899841458936 53.32433474475145374, 6.0384167897996317 53.3251762916531149, 6.06677424114191943 53.32363523922052195, 6.07121982238074498 53.32470720367138028, 6.07364643477126265 53.32484796831636231, 6.07566329384531478 53.32429416702222369, 6.07775268595816787 53.32208710160133336, 6.07514147887772005 53.32173694007591536, 6.07295891732804627 53.31642897756776023, 6.07184466131924161 53.30102863083642717, 6.06979371579036631 53.29692008792287083, 6.07369514961344237 53.29239969572257962, 6.07296982827598519 53.29238706398970038, 6.06568051335374214 53.29247624556897023, 6.05436980027331639 53.29075958320043327, 6.04904572916369698 53.2886123109205414, 6.04429296351385403 53.28463307289032969, 6.04261093839001706 53.28602829034319655, 6.03924929150821121 53.28613194946795772, 6.0396580073810151 53.29041272700087006, 6.04120807446106234 53.29038740611147773, 6.04193027711274855 53.29299698189425527, 6.04652630696779703 53.29284163117218753, 6.04865765067305539 53.29451214652434032, 6.04875434817491531 53.29578965483422337, 6.05645218367630278 53.29858739610598661, 6.0566882342282673 53.30026638132645189, 6.05309114245223956 53.3009316474704562, 6.04526372388392996 53.30108933892883982, 6.04004943102617897 53.3005618034671258, 6.03840251459886712 53.31586073600107767, 6.03967457152866505 53.31949520964536049, 6.03632899841458936 53.32433474475145374, 6.03632899841458936 53.32433474475145374)))</t>
  </si>
  <si>
    <t>MultiPolygon (((6.02138659878718752 53.30603229889371875, 6.03269342734597203 53.30736203982147003, 6.03382415984725196 53.30653153836710345, 6.0349865823807507 53.30261825461354164, 6.04004943102617897 53.3005618034671258, 6.03925026236456119 53.29949405362944503, 6.04031806463000098 53.29424912542217641, 6.03882351252333383 53.29404519881484248, 6.03874487196890719 53.29326458960880331, 6.0396580073810151 53.29041272700087006, 6.03924929150821121 53.28613194946795772, 6.03854076969955855 53.28468686606188243, 6.02041873405750128 53.28344716061851472, 6.02040692197418625 53.29703845470443468, 6.02040101605147537 53.30378606172759959, 6.02131586320933998 53.30388457068742269, 6.02138659878718752 53.30603229889371875, 6.02138659878718752 53.30603229889371875)))</t>
  </si>
  <si>
    <t>MultiPolygon (((6.0396580073810151 53.29041272700087006, 6.03874487196890719 53.29326458960880331, 6.03882351252333383 53.29404519881484248, 6.04031806463000098 53.29424912542217641, 6.03925026236456119 53.29949405362944503, 6.04004943102617897 53.3005618034671258, 6.04526372388392996 53.30108933892883982, 6.05309114245223956 53.3009316474704562, 6.0566882342282673 53.30026638132645189, 6.05645218367630278 53.29858739610598661, 6.04875434817491531 53.29578965483422337, 6.04865765067305539 53.29451214652434032, 6.04652630696779703 53.29284163117218753, 6.04193027711274855 53.29299698189425527, 6.04120807446106234 53.29038740611147773, 6.0396580073810151 53.29041272700087006, 6.0396580073810151 53.29041272700087006)))</t>
  </si>
  <si>
    <t>MultiPolygon (((6.00375212792125179 53.28178336468411658, 6.00463536026908606 53.27792401094573194, 5.99656863176902277 53.27687402298074915, 5.99520306854243934 53.27858932839595951, 5.98032670754812123 53.27444667093058683, 5.98134146856761806 53.27258276128171843, 5.98937311616086099 53.26605065549323115, 5.99187876883977211 53.2654944338942542, 5.99662616515102798 53.26087933741528246, 5.99658461691437594 53.25911387079192849, 5.99519799690659383 53.25833016392109442, 5.99196619987140533 53.25965052640196262, 5.98556457700332878 53.25889916647665245, 5.98064376025846478 53.25412076543700124, 5.97083603548828101 53.2645657733208111, 5.94811421713989841 53.26016778935502316, 5.94427534963507487 53.26704166835490639, 5.9440815716803046 53.26933838334401372, 5.95770895078090401 53.27452648290630322, 5.97121121281449074 53.27422570964702686, 5.97397114495026482 53.27457617250672683, 5.97319236817217014 53.27540552410749797, 5.98017278664431196 53.27775075480986544, 5.99490933717728147 53.28061998182094072, 5.99676815861929846 53.28014197697988408, 6.00097056099578463 53.28076721558507955, 6.00076687103628714 53.28176171004523809, 6.00363497153469261 53.282289965547875, 6.00375212792125179 53.28178336468411658, 6.00375212792125179 53.28178336468411658)))</t>
  </si>
  <si>
    <t>MultiPolygon (((6.02041873405750128 53.28344716061851472, 6.02042539606606297 53.27705387282094307, 6.02276826253988151 53.2771335998875557, 6.02268833782014124 53.27130909616608534, 6.01752278268089213 53.27128689908585102, 6.01782622421890512 53.27286733679821396, 6.00860862351697644 53.27483493570236561, 6.00672212424685448 53.27466946371848877, 6.00654205776368855 53.27602777993481453, 6.00512365892694966 53.27579079017842645, 6.00463536026908606 53.27792401094573194, 6.00375212792125179 53.28178336468411658, 6.01166298957821343 53.28296285074350891, 6.02041873405750128 53.28344716061851472, 6.02041873405750128 53.28344716061851472)),((5.97319236817217014 53.27540552410749797, 5.96116174163968804 53.2870875560528745, 5.96475484650370547 53.29046405681913967, 5.96810807352625705 53.28613202284626738, 5.97420519560929364 53.28286196749734671, 5.98017278664431196 53.27775075480986544, 5.97319236817217014 53.27540552410749797, 5.97319236817217014 53.27540552410749797)),((5.97585274022243063 53.30692730575385951, 5.98010820446254687 53.30748928963424049, 5.98962419792617151 53.3100428794693002, 5.99429150110867415 53.31013075578506033, 5.99905595875763709 53.31048915811967248, 6.00925411465494985 53.30963068387519144, 6.01161788561906008 53.30844378553861418, 6.01609838762189497 53.30811750025424089, 6.02015189889424818 53.30822358679209572, 6.0211242997282115 53.30900092096894127, 6.02138659878718752 53.30603229889371875, 6.02131586320933998 53.30388457068742269, 6.02040101605147537 53.30378606172759959, 6.02040692197418625 53.29703845470443468, 6.00186706871005171 53.29531966068500282, 6.00130186347057926 53.29818444325174198, 5.99625311557738083 53.2977485120620571, 5.99553561112631872 53.30057809354296694, 5.96600945527539306 53.29523831410588031, 5.96368709060938684 53.29382976986283182, 5.96188758589669465 53.2957573596570171, 5.96139339218060549 53.29670993981650184, 5.96451374091525643 53.29855105376795876, 5.95759521715444684 53.30867479328790637, 5.95725220312060699 53.30916556718049293, 5.9618451370678347 53.31057855596353079, 5.96547454110402686 53.31104074419319971, 5.96613870852925299 53.31032881867082551, 5.9701412972754877 53.31165448021739905, 5.96928707902684597 53.31339281485784909, 5.97081335086312137 53.31332036115100692, 5.97585274022243063 53.30692730575385951, 5.97585274022243063 53.30692730575385951)))</t>
  </si>
  <si>
    <t>MultiPolygon (((6.00672212424685448 53.27466946371848877, 6.00860862351697644 53.27483493570236561, 6.01782622421890512 53.27286733679821396, 6.01752278268089213 53.27128689908585102, 6.02268833782014124 53.27130909616608534, 6.02960740594602917 53.27090555662930171, 6.02955674477408454 53.2649842894964678, 6.02143874940031143 53.26277709928818638, 6.02132294966267789 53.26090363952648232, 6.00767373021803408 53.2509952507121227, 6.00676660798493778 53.24843396181621102, 5.99519799690659383 53.25833016392109442, 5.99658461691437594 53.25911387079192849, 5.99662616515102798 53.26087933741528246, 5.99187876883977211 53.2654944338942542, 6.00179141090404933 53.26886313761009717, 6.00554111108014865 53.2694683886782272, 6.00718754337458183 53.2713934921366743, 6.00672212424685448 53.27466946371848877, 6.00672212424685448 53.27466946371848877)))</t>
  </si>
  <si>
    <t>MultiPolygon (((6.00463536026908606 53.27792401094573194, 6.00512365892694966 53.27579079017842645, 6.00654205776368855 53.27602777993481453, 6.00672212424685448 53.27466946371848877, 6.00718754337458183 53.2713934921366743, 6.00554111108014865 53.2694683886782272, 6.00179141090404933 53.26886313761009717, 5.99187876883977211 53.2654944338942542, 5.98937311616086099 53.26605065549323115, 5.98134146856761806 53.27258276128171843, 5.98032670754812123 53.27444667093058683, 5.99520306854243934 53.27858932839595951, 5.99656863176902277 53.27687402298074915, 6.00463536026908606 53.27792401094573194, 6.00463536026908606 53.27792401094573194)))</t>
  </si>
  <si>
    <t>MultiPolygon (((5.96368709060938684 53.29382976986283182, 5.96600945527539306 53.29523831410588031, 5.99553561112631872 53.30057809354296694, 5.99625311557738083 53.2977485120620571, 6.00130186347057926 53.29818444325174198, 6.00186706871005171 53.29531966068500282, 6.02040692197418625 53.29703845470443468, 6.02041873405750128 53.28344716061851472, 6.01166298957821343 53.28296285074350891, 6.00375212792125179 53.28178336468411658, 6.00363497153469261 53.282289965547875, 6.00076687103628714 53.28176171004523809, 6.00097056099578463 53.28076721558507955, 5.99676815861929846 53.28014197697988408, 5.99490933717728147 53.28061998182094072, 5.98017278664431196 53.27775075480986544, 5.97420519560929364 53.28286196749734671, 5.96810807352625705 53.28613202284626738, 5.96475484650370547 53.29046405681913967, 5.96368709060938684 53.29382976986283182, 5.96368709060938684 53.29382976986283182)))</t>
  </si>
  <si>
    <t>MultiPolygon (((4.68259006011781853 52.22219231887312674, 4.68205737863850313 52.22006794348876468, 4.69877649195134772 52.21802123096142623, 4.70494435852009119 52.21564624426907386, 4.71569018196148448 52.21286675168886404, 4.72336009372505572 52.21094248578872765, 4.72080682446988131 52.20142546825546503, 4.70757819499652097 52.20490160301763183, 4.6829648820891121 52.21107343319554417, 4.67919990923279538 52.21072931371001857, 4.68044541008284654 52.2145772357376714, 4.67638307745662729 52.22156921283573183, 4.68259006011781853 52.22219231887312674, 4.68259006011781853 52.22219231887312674)))</t>
  </si>
  <si>
    <t>MultiPolygon (((4.66333953928074152 52.22334867396978808, 4.66386823067141343 52.21998406524237168, 4.66903881896287132 52.22060237660687676, 4.66685760258987248 52.20959856131764809, 4.6514014699382944 52.20818115867793097, 4.6471777793941822 52.22120587840106509, 4.65847373454582403 52.22609828276863908, 4.66584720292979416 52.22799641287818417, 4.66834576951935531 52.22958041092775971, 4.67197254017112762 52.22628101262004208, 4.66991439291573318 52.22493997499410057, 4.66333953928074152 52.22334867396978808, 4.66333953928074152 52.22334867396978808)))</t>
  </si>
  <si>
    <t>MultiPolygon (((4.70442804931485981 52.23384206157585652, 4.72415453131907892 52.23237133344954231, 4.72289659841004283 52.22036390548758078, 4.72364957721783529 52.21823496816105603, 4.72330196035957339 52.21635386511619714, 4.72376439995501496 52.2165736521099646, 4.72455878454783562 52.21322283529502783, 4.71623848260130085 52.21590700386575179, 4.702944467846776 52.22047673547987046, 4.68290261058024804 52.2234390363138985, 4.68363230097257865 52.22635403358114559, 4.68621056384013368 52.226633459714634, 4.69624410562446659 52.23210927288356231, 4.70024366076546407 52.23307944044003648, 4.70442804931485981 52.23384206157585652, 4.70442804931485981 52.23384206157585652)))</t>
  </si>
  <si>
    <t>MultiPolygon (((4.66991439291573318 52.22493997499410057, 4.67211495789580944 52.22260938356735238, 4.66903881896287132 52.22060237660687676, 4.66386823067141343 52.21998406524237168, 4.66333953928074152 52.22334867396978808, 4.66991439291573318 52.22493997499410057, 4.66991439291573318 52.22493997499410057)))</t>
  </si>
  <si>
    <t>MultiPolygon (((4.72473895177563019 52.21258338117544895, 4.72956253094800427 52.21027114687225179, 4.72876599773108452 52.20981881328605567, 4.72533443720537427 52.21150994855601368, 4.72453008188390911 52.21080082440695946, 4.72356004342185809 52.21152403339995374, 4.72336009372505572 52.21094248578872765, 4.71569018196148448 52.21286675168886404, 4.71623848260130085 52.21590700386575179, 4.72455878454783562 52.21322283529502783, 4.72473895177563019 52.21258338117544895, 4.72473895177563019 52.21258338117544895)))</t>
  </si>
  <si>
    <t>MultiPolygon (((4.68259006011781853 52.22219231887312674, 4.68290261058024804 52.2234390363138985, 4.702944467846776 52.22047673547987046, 4.71623848260130085 52.21590700386575179, 4.71569018196148448 52.21286675168886404, 4.70494435852009119 52.21564624426907386, 4.69877649195134772 52.21802123096142623, 4.68205737863850313 52.22006794348876468, 4.68259006011781853 52.22219231887312674, 4.68259006011781853 52.22219231887312674)))</t>
  </si>
  <si>
    <t>MultiPolygon (((4.67669902339460375 52.22592552023062495, 4.67997512569598406 52.2267631089147315, 4.68363230097257865 52.22635403358114559, 4.68290261058024804 52.2234390363138985, 4.68259006011781853 52.22219231887312674, 4.67638307745662729 52.22156921283573183, 4.68044541008284654 52.2145772357376714, 4.67919990923279538 52.21072931371001857, 4.66685760258987248 52.20959856131764809, 4.66903881896287132 52.22060237660687676, 4.67211495789580944 52.22260938356735238, 4.66991439291573318 52.22493997499410057, 4.67197254017112762 52.22628101262004208, 4.66834576951935531 52.22958041092775971, 4.67034808714490168 52.23075578542270847, 4.67669902339460375 52.22592552023062495)))</t>
  </si>
  <si>
    <t>MultiPolygon (((4.70757819499652097 52.20490160301763183, 4.69531593605852127 52.18915448609524077, 4.69083064818148721 52.19167395504565832, 4.68892814579377504 52.19187801055044673, 4.67692978186404584 52.19048867583669704, 4.68037783127956875 52.19439141748837585, 4.67852181170907144 52.20764034681663901, 4.67919990923279538 52.21072931371001857, 4.6829648820891121 52.21107343319554417, 4.70757819499652097 52.20490160301763183, 4.70757819499652097 52.20490160301763183)))</t>
  </si>
  <si>
    <t>MultiPolygon (((4.66685760258987248 52.20959856131764809, 4.67919990923279538 52.21072931371001857, 4.67852181170907144 52.20764034681663901, 4.68037783127956875 52.19439141748837585, 4.67692978186404584 52.19048867583669704, 4.63745567595368602 52.18409129390284562, 4.63690074467692881 52.1835251609981583, 4.63402697178241496 52.18464390069177483, 4.63302924460717147 52.18519425954025337, 4.63985496067954717 52.19082573662790026, 4.65093126512041088 52.2000231820134033, 4.6505114482491221 52.20136706806462001, 4.64844442139988967 52.20790905904149071, 4.6514014699382944 52.20818115867793097, 4.66685760258987248 52.20959856131764809, 4.66685760258987248 52.20959856131764809)))</t>
  </si>
  <si>
    <t>MultiPolygon (((4.57764145703429559 52.16974440205846264, 4.56546569562172255 52.16714100314385405, 4.56470791197682768 52.16814175830263167, 4.5708607520048794 52.17236047297115675, 4.57938353108732699 52.17560741093276988, 4.58051750191795559 52.17115542493620239, 4.57719638585982214 52.17065174529979998, 4.57764145703429559 52.16974440205846264, 4.57764145703429559 52.16974440205846264)),((4.59919641107586674 52.17417870031901828, 4.60100602681556747 52.16975416061056592, 4.60273853198452354 52.17006560108856661, 4.6040301239570196 52.16841612173073628, 4.60263086979466607 52.16777146824453126, 4.60592304318474266 52.15693495958503689, 4.57273667911330595 52.15224831738886735, 4.57148090962936138 52.15310902803847171, 4.56163387426546407 52.16081906774414989, 4.56264809708693075 52.16132878695123765, 4.56049015732822127 52.16413010571530151, 4.56239981772084935 52.16611887740175746, 4.56473237600780024 52.16182913498163742, 4.56562306338071533 52.16183815003403623, 4.56820599059699894 52.16244821223123296, 4.56804267107841877 52.16387453520265183, 4.58730380461487286 52.16928814407923909, 4.58990201314214818 52.17154380971337702, 4.58896161934649083 52.17434628975898647, 4.58590519127123386 52.17820839747732009, 4.59219305614413553 52.1799247786475533, 4.59400428206449352 52.18021768555690443, 4.59919641107586674 52.17417870031901828, 4.59919641107586674 52.17417870031901828)))</t>
  </si>
  <si>
    <t>MultiPolygon (((4.63166279608288978 52.18010316072970767, 4.63215532251873618 52.1800091533978545, 4.63431711982724259 52.17516093719888204, 4.63123133075356463 52.17463383799622534, 4.63311900067932214 52.17135796028101424, 4.63015110224511961 52.17059827034611175, 4.63214943205076057 52.16639034626812332, 4.63234805668153182 52.1657267903430153, 4.63490432241461292 52.16595730869096315, 4.63792411421118711 52.16508865342819234, 4.63984582947287105 52.16160635538837198, 4.61903216298896613 52.15870800333563295, 4.61059330488639052 52.15757167377353198, 4.60597827951768135 52.16885794372257834, 4.6040301239570196 52.16841612173073628, 4.60273853198452354 52.17006560108856661, 4.60478052774489743 52.17055506408417642, 4.61518407579200662 52.17521462010270739, 4.62429942269252425 52.17829228333690139, 4.63166279608288978 52.18010316072970767, 4.63166279608288978 52.18010316072970767)))</t>
  </si>
  <si>
    <t>MultiPolygon (((4.67692978186404584 52.19048867583669704, 4.68892814579377504 52.19187801055044673, 4.68726970859205228 52.18660649789148209, 4.68120937173490326 52.16750422751823635, 4.67984109532208237 52.16274542313811935, 4.66533569346345534 52.16243344780632896, 4.64551662980351221 52.16200753545533075, 4.63775783221666948 52.17794611120449133, 4.63451446872338124 52.18083597181572486, 4.632777125928075 52.18084987870106062, 4.63215532251873618 52.1800091533978545, 4.63166279608288978 52.18010316072970767, 4.63244607377092166 52.18361176894445208, 4.63402697178241496 52.18464390069177483, 4.63690074467692881 52.1835251609981583, 4.63745567595368602 52.18409129390284562, 4.67692978186404584 52.19048867583669704, 4.67692978186404584 52.19048867583669704)))</t>
  </si>
  <si>
    <t>MultiPolygon (((4.63431711982724259 52.17516093719888204, 4.63656193272051986 52.16921654871168101, 4.63510810558162323 52.16834498603525105, 4.6358731531247086 52.16683889606269986, 4.63214943205076057 52.16639034626812332, 4.63015110224511961 52.17059827034611175, 4.63311900067932214 52.17135796028101424, 4.63123133075356463 52.17463383799622534, 4.63431711982724259 52.17516093719888204, 4.63431711982724259 52.17516093719888204)))</t>
  </si>
  <si>
    <t>MultiPolygon (((4.57938353108732699 52.17560741093276988, 4.58590519127123386 52.17820839747732009, 4.58896161934649083 52.17434628975898647, 4.58990201314214818 52.17154380971337702, 4.58730380461487286 52.16928814407923909, 4.56804267107841877 52.16387453520265183, 4.56820599059699894 52.16244821223123296, 4.56562306338071533 52.16183815003403623, 4.56473237600780024 52.16182913498163742, 4.56239981772084935 52.16611887740175746, 4.56470791197682768 52.16814175830263167, 4.56546569562172255 52.16714100314385405, 4.57764145703429559 52.16974440205846264, 4.57719638585982214 52.17065174529979998, 4.58051750191795559 52.17115542493620239, 4.57938353108732699 52.17560741093276988, 4.57938353108732699 52.17560741093276988)))</t>
  </si>
  <si>
    <t>MultiPolygon (((4.6040301239570196 52.16841612173073628, 4.60597827951768135 52.16885794372257834, 4.61059330488639052 52.15757167377353198, 4.60592304318474266 52.15693495958503689, 4.60263086979466607 52.16777146824453126, 4.6040301239570196 52.16841612173073628, 4.6040301239570196 52.16841612173073628)))</t>
  </si>
  <si>
    <t>MultiPolygon (((4.63775783221666948 52.17794611120449133, 4.64551662980351221 52.16200753545533075, 4.64148542184326818 52.16181552655950782, 4.63984582947287105 52.16160635538837198, 4.63792411421118711 52.16508865342819234, 4.63490432241461292 52.16595730869096315, 4.63234805668153182 52.1657267903430153, 4.63214943205076057 52.16639034626812332, 4.6358731531247086 52.16683889606269986, 4.63510810558162323 52.16834498603525105, 4.63656193272051986 52.16921654871168101, 4.63431711982724259 52.17516093719888204, 4.63215532251873618 52.1800091533978545, 4.632777125928075 52.18084987870106062, 4.63451446872338124 52.18083597181572486, 4.63775783221666948 52.17794611120449133, 4.63775783221666948 52.17794611120449133)))</t>
  </si>
  <si>
    <t>MultiPolygon (((4.58609404065627491 52.18545630366647714, 4.59219305614413553 52.1799247786475533, 4.58590519127123386 52.17820839747732009, 4.57938353108732699 52.17560741093276988, 4.5708607520048794 52.17236047297115675, 4.56470791197682768 52.16814175830263167, 4.56239981772084935 52.16611887740175746, 4.56059230500577595 52.16678300444920779, 4.55358878652600563 52.16335579679449808, 4.55112145247022415 52.16323740942787168, 4.54232985492550068 52.17195360440259577, 4.54007276294543249 52.17546752639239571, 4.53906574266096019 52.17710070296644176, 4.53877914989673492 52.18013007072908493, 4.53815367442998507 52.18008469391130433, 4.54366287612402786 52.1873938740456822, 4.55791298982756743 52.19054678632090827, 4.56261219998949308 52.19097215211992591, 4.56448166910832054 52.18958644527572943, 4.56544761531518084 52.18485681127999243, 4.5671136898601512 52.18449173315518408, 4.56987665457171044 52.18485076711607462, 4.57048880328167773 52.18940840881137433, 4.56947234530762181 52.19252648090394331, 4.56751194941048766 52.19352153660548765, 4.56257831665142533 52.19374053323011964, 4.56076794222937387 52.19807819629796342, 4.55814254874749647 52.20036691897671233, 4.55965019146546524 52.20049723353363902, 4.55955454580287523 52.20196138939371622, 4.5616619460234995 52.20363940301971439, 4.56052127021800757 52.20365825179692365, 4.56068648142877819 52.20477902179244722, 4.55826954419109054 52.20576054052908432, 4.56304892006489737 52.20640210145819538, 4.57551128542797336 52.21138589578366407, 4.57615271790567224 52.21498222396999012, 4.57220219166758213 52.21699910306768544, 4.57376275556788148 52.21725835470777355, 4.58355319509142678 52.21887420588917195, 4.59818076577839285 52.21554517372612736, 4.59632544016594036 52.21482693084283255, 4.59077734935074844 52.21299087765209634, 4.59021573767430446 52.21175036575720441, 4.59321494893506799 52.21036840852521266, 4.59330250335164259 52.20964376043968258, 4.58478911960831148 52.20368544249006248, 4.58065828276583087 52.20207171432472393, 4.57852587700937885 52.19989545493525185, 4.57716470318536661 52.19679416434853181, 4.57865150233182039 52.19075982938761626, 4.58201305833394024 52.18830281429183771, 4.5846535595172373 52.18765201318991842, 4.58609404065627491 52.18545630366647714, 4.58609404065627491 52.18545630366647714)))</t>
  </si>
  <si>
    <t>MultiPolygon (((4.59632544016594036 52.21482693084283255, 4.59818076577839285 52.21554517372612736, 4.60276158513280631 52.21455826911345355, 4.61843714772059322 52.21447576921377021, 4.61882630679770045 52.2132056483603435, 4.6173273329565836 52.20951887151820614, 4.61126179578178608 52.20192795178883216, 4.6111562981059544 52.20042538530008613, 4.61380516953571806 52.20052731170498816, 4.6193973847633325 52.20528627069687388, 4.61894480089565018 52.20234783449035376, 4.61429129526227211 52.19290314945357778, 4.60754178644905465 52.19205684535919687, 4.61265416307596254 52.17859527246944396, 4.61518407579200662 52.17521462010270739, 4.60478052774489743 52.17055506408417642, 4.5989599902215641 52.179050595195136, 4.59590211761685286 52.18156313751238429, 4.59059504796263695 52.18840149047479571, 4.58752138478878813 52.19408909007081121, 4.58736689144410015 52.19707663420223298, 4.59099493104025846 52.20204216146400711, 4.59035209300148317 52.20445116453789325, 4.59490251523211235 52.20934975076875162, 4.59697309934084242 52.2137866688532668, 4.59632544016594036 52.21482693084283255, 4.59632544016594036 52.21482693084283255)))</t>
  </si>
  <si>
    <t>MultiPolygon (((4.56304892006489737 52.20640210145819538, 4.55826954419109054 52.20576054052908432, 4.55809070426732799 52.20852097855432561, 4.55895463943154766 52.21024155967399594, 4.5542848679319059 52.21231199948594792, 4.55537407168430963 52.21401535084272894, 4.55782613771472356 52.21506695179500923, 4.55690850447968465 52.21641473687611068, 4.55843314616643802 52.21879853759861589, 4.57220219166758213 52.21699910306768544, 4.57615271790567224 52.21498222396999012, 4.57551128542797336 52.21138589578366407, 4.56304892006489737 52.20640210145819538, 4.56304892006489737 52.20640210145819538)))</t>
  </si>
  <si>
    <t>MultiPolygon (((4.56076794222937387 52.19807819629796342, 4.56257831665142533 52.19374053323011964, 4.56751194941048766 52.19352153660548765, 4.56947234530762181 52.19252648090394331, 4.57048880328167773 52.18940840881137433, 4.56987665457171044 52.18485076711607462, 4.5671136898601512 52.18449173315518408, 4.56544761531518084 52.18485681127999243, 4.56448166910832054 52.18958644527572943, 4.56261219998949308 52.19097215211992591, 4.55791298982756743 52.19054678632090827, 4.54366287612402786 52.1873938740456822, 4.54300119080679821 52.18811916797849193, 4.54451953829750721 52.19152147236920314, 4.54448083431501182 52.1922174023126928, 4.54525553446790909 52.19408896413090559, 4.54676765530397287 52.19897558463326703, 4.54937525811704191 52.19893770830543644, 4.5492975425596569 52.19836179910999618, 4.5541295814603151 52.19834201151660835, 4.55404618983846365 52.19758212058962954, 4.5571552288561028 52.19774191896488702, 4.55686699379727145 52.19800664958520287, 4.55680816500332941 52.19850224995520449, 4.55666420595497801 52.19881762442138751, 4.55556463474391382 52.19920276122419978, 4.55556755270776748 52.19940537470342434, 4.55535916482006265 52.19944156116498846, 4.55520060157849738 52.19961231754698616, 4.55526924535673672 52.1996972101238228, 4.55557193859877074 52.19970987606292567, 4.55557820887886855 52.20014522303051763, 4.55814254874749647 52.20036691897671233, 4.56076794222937387 52.19807819629796342)))</t>
  </si>
  <si>
    <t>MultiPolygon (((4.59219305614413553 52.1799247786475533, 4.58609404065627491 52.18545630366647714, 4.5846535595172373 52.18765201318991842, 4.58201305833394024 52.18830281429183771, 4.57865150233182039 52.19075982938761626, 4.57716470318536661 52.19679416434853181, 4.57852587700937885 52.19989545493525185, 4.58065828276583087 52.20207171432472393, 4.58478911960831148 52.20368544249006248, 4.59330250335164259 52.20964376043968258, 4.59321494893506799 52.21036840852521266, 4.59021573767430446 52.21175036575720441, 4.59077734935074844 52.21299087765209634, 4.59632544016594036 52.21482693084283255, 4.59697309934084242 52.2137866688532668, 4.59490251523211235 52.20934975076875162, 4.59035209300148317 52.20445116453789325, 4.59099493104025846 52.20204216146400711, 4.58736689144410015 52.19707663420223298, 4.58752138478878813 52.19408909007081121, 4.59059504796263695 52.18840149047479571, 4.59590211761685286 52.18156313751238429, 4.5989599902215641 52.179050595195136, 4.60478052774489743 52.17055506408417642, 4.60273853198452354 52.17006560108856661, 4.60100602681556747 52.16975416061056592, 4.59919641107586674 52.17417870031901828, 4.59400428206449352 52.18021768555690443, 4.59219305614413553 52.1799247786475533, 4.59219305614413553 52.1799247786475533)))</t>
  </si>
  <si>
    <t>MultiPolygon (((4.61843714772059322 52.21447576921377021, 4.62248379787613661 52.21492274412551637, 4.62142718796000374 52.20916072374809858, 4.6193973847633325 52.20528627069687388, 4.61380516953571806 52.20052731170498816, 4.6111562981059544 52.20042538530008613, 4.61126179578178608 52.20192795178883216, 4.6173273329565836 52.20951887151820614, 4.61882630679770045 52.2132056483603435, 4.61843714772059322 52.21447576921377021, 4.61843714772059322 52.21447576921377021)))</t>
  </si>
  <si>
    <t>MultiPolygon (((4.64364394795027202 52.20399800348013741, 4.64735531987374006 52.20117992909977289, 4.6505114482491221 52.20136706806462001, 4.65093126512041088 52.2000231820134033, 4.63985496067954717 52.19082573662790026, 4.63540123839235196 52.19484329419935875, 4.6367761467832338 52.19735890636761155, 4.6356535339728655 52.20321487635992241, 4.64364394795027202 52.20399800348013741, 4.64364394795027202 52.20399800348013741)),((4.64132772623373491 52.2096404539916179, 4.63864105624240608 52.20968480990518401, 4.63034792734722878 52.20931991868810229, 4.62478761696217777 52.20804377745059099, 4.62616767098119119 52.2038945172812987, 4.62271427043929872 52.2033888124939196, 4.6203324146882192 52.20161982257954492, 4.62032670870202278 52.20084230660408764, 4.6244457322225081 52.20009038510737298, 4.62545366254322321 52.1988009058664133, 4.62375997248184589 52.19477673107692084, 4.62573837893838657 52.18316240253748362, 4.62429942269252425 52.17829228333690139, 4.61518407579200662 52.17521462010270739, 4.61265416307596254 52.17859527246944396, 4.60754178644905465 52.19205684535919687, 4.61429129526227211 52.19290314945357778, 4.61894480089565018 52.20234783449035376, 4.6193973847633325 52.20528627069687388, 4.62142718796000374 52.20916072374809858, 4.62248379787613661 52.21492274412551637, 4.62584464855608246 52.21530124737866174, 4.63263445271148466 52.21618427423958053, 4.6385745562120313 52.21848662264807217, 4.64132772623373491 52.2096404539916179, 4.64132772623373491 52.2096404539916179)))</t>
  </si>
  <si>
    <t>MultiPolygon (((4.63864105624240608 52.20968480990518401, 4.64132772623373491 52.2096404539916179, 4.64562460892370144 52.21007635299000782, 4.64623280612373524 52.20622789720243873, 4.64454885818519969 52.20429426761403846, 4.63863013419879433 52.20830285787813807, 4.63864105624240608 52.20968480990518401, 4.63864105624240608 52.20968480990518401)))</t>
  </si>
  <si>
    <t>MultiPolygon (((4.63864105624240608 52.20968480990518401, 4.63863013419879433 52.20830285787813807, 4.64454885818519969 52.20429426761403846, 4.64364394795027202 52.20399800348013741, 4.6356535339728655 52.20321487635992241, 4.63084838754641037 52.20413880074095658, 4.62616767098119119 52.2038945172812987, 4.62478761696217777 52.20804377745059099, 4.63034792734722878 52.20931991868810229, 4.63864105624240608 52.20968480990518401, 4.63864105624240608 52.20968480990518401)))</t>
  </si>
  <si>
    <t>MultiPolygon (((4.6471777793941822 52.22120587840106509, 4.6514014699382944 52.20818115867793097, 4.64844442139988967 52.20790905904149071, 4.6505114482491221 52.20136706806462001, 4.64735531987374006 52.20117992909977289, 4.64364394795027202 52.20399800348013741, 4.64454885818519969 52.20429426761403846, 4.64623280612373524 52.20622789720243873, 4.64562460892370144 52.21007635299000782, 4.64132772623373491 52.2096404539916179, 4.6385745562120313 52.21848662264807217, 4.6471777793941822 52.22120587840106509, 4.6471777793941822 52.22120587840106509)))</t>
  </si>
  <si>
    <t>MultiPolygon (((4.62616767098119119 52.2038945172812987, 4.63084838754641037 52.20413880074095658, 4.6356535339728655 52.20321487635992241, 4.6367761467832338 52.19735890636761155, 4.63540123839235196 52.19484329419935875, 4.63985496067954717 52.19082573662790026, 4.63302924460717147 52.18519425954025337, 4.63402697178241496 52.18464390069177483, 4.63244607377092166 52.18361176894445208, 4.63166279608288978 52.18010316072970767, 4.62429942269252425 52.17829228333690139, 4.62573837893838657 52.18316240253748362, 4.62375997248184589 52.19477673107692084, 4.62545366254322321 52.1988009058664133, 4.6244457322225081 52.20009038510737298, 4.62032670870202278 52.20084230660408764, 4.6203324146882192 52.20161982257954492, 4.62271427043929872 52.2033888124939196, 4.62616767098119119 52.2038945172812987, 4.62616767098119119 52.2038945172812987)))</t>
  </si>
  <si>
    <t>MultiPolygon (((5.79933879672286867 51.06007180645048749, 5.80053671378776947 51.05930400879057629, 5.79918053869518513 51.05673070036603889, 5.79408610397820478 51.05530794087901114, 5.78797322285963389 51.05514945505542102, 5.78015920852673304 51.05369387989351537, 5.77901829522855337 51.05252104110435596, 5.77778433411173964 51.04177716783982532, 5.77893966193416908 51.03321515545373188, 5.77574127997235909 51.03226664023156189, 5.77273700045040528 51.03493485255976481, 5.77153060205555946 51.03266916749663551, 5.76779282710385388 51.03162615139221714, 5.76662893405404731 51.03034371524915969, 5.76716546955816689 51.02915924241292345, 5.76081854554308492 51.03000625116353461, 5.75830153355309893 51.03205238538453159, 5.75800232349278041 51.03366567712107127, 5.75961527060704892 51.03673991358385109, 5.7664076408301117 51.04252632154906877, 5.7707592435038082 51.04919091974441869, 5.77256433488672727 51.05629567532839275, 5.77166940952610297 51.05989132110879325, 5.77256648988240251 51.06161501651331491, 5.77465557361036197 51.0629767909603558, 5.77905459478810535 51.06285998415621918, 5.7843974408720138 51.06144655056229453, 5.78784509448789652 51.05970136229546341, 5.79317928245887259 51.05852638733451698, 5.79745369846009773 51.05915701370439308, 5.79933879672286867 51.06007180645048749, 5.79933879672286867 51.06007180645048749)))</t>
  </si>
  <si>
    <t>MultiPolygon (((5.78797322285963389 51.05514945505542102, 5.79049485234932959 51.05416457271523001, 5.79491762785717768 51.04275372215627016, 5.79646946599925883 51.0399052349263016, 5.79248039050041541 51.03248347590030676, 5.78665604841484438 51.03023849719151173, 5.78485554959106807 51.03303320897490636, 5.77893966193416908 51.03321515545373188, 5.77778433411173964 51.04177716783982532, 5.77901829522855337 51.05252104110435596, 5.78015920852673304 51.05369387989351537, 5.78797322285963389 51.05514945505542102, 5.78797322285963389 51.05514945505542102)))</t>
  </si>
  <si>
    <t>MultiPolygon (((5.77893966193416908 51.03321515545373188, 5.78485554959106807 51.03303320897490636, 5.78665604841484438 51.03023849719151173, 5.79248039050041541 51.03248347590030676, 5.79646946599925883 51.0399052349263016, 5.79491762785717768 51.04275372215627016, 5.80144675365142071 51.04480897246563131, 5.79346952737294529 51.02987407751306392, 5.78628410733922927 51.01912989519524189, 5.78263473684038676 51.01865311449693507, 5.77340652822197686 51.01899921863477516, 5.77564094994752786 51.02067874689816307, 5.77643418570038314 51.02244842269078617, 5.77549090793880016 51.02511508229481052, 5.77285490305838866 51.02742971186155785, 5.76716546955816689 51.02915924241292345, 5.76662893405404731 51.03034371524915969, 5.76779282710385388 51.03162615139221714, 5.77153060205555946 51.03266916749663551, 5.77273700045040528 51.03493485255976481, 5.77574127997235909 51.03226664023156189, 5.77893966193416908 51.03321515545373188, 5.77893966193416908 51.03321515545373188)))</t>
  </si>
  <si>
    <t>MultiPolygon (((5.82725315051691517 51.04755818086221097, 5.83527541263103711 51.04892955264080712, 5.83815233604468009 51.04661497155051109, 5.8412384342800836 51.04575394110448627, 5.84231218361557048 51.04638596592774746, 5.84423049227583302 51.04572190490255679, 5.8485805040065042 51.04628289491672888, 5.85274058861869317 51.03812321291795939, 5.84911693763383411 51.03653774461866277, 5.85107802012728229 51.03240387509277554, 5.85261413403204944 51.02931809487414938, 5.85673570355654416 51.02853714923764983, 5.85718370108373421 51.02565049400833175, 5.85406347867181598 51.02474098616361431, 5.85356682995676714 51.02556885348704441, 5.84913187330004991 51.02466606851219666, 5.84241660588046496 51.02188810049895551, 5.83761599486236449 51.02160966266154674, 5.83323214113143074 51.02237157436137949, 5.82956479583054676 51.02053588363916248, 5.82890830019571293 51.02097519112940205, 5.82156051236240035 51.02513364813005126, 5.81815344914984234 51.02638627427703, 5.8222780059585828 51.03121335316379259, 5.82514351001936781 51.0396276922783585, 5.82725315051691517 51.04755818086221097, 5.82725315051691517 51.04755818086221097)))</t>
  </si>
  <si>
    <t>MultiPolygon (((5.81962309863628402 51.07260986287094795, 5.82054188442805476 51.07258884208986416, 5.82396046627711073 51.07251055074738844, 5.82367781049480548 51.06673157132888718, 5.82677248735863618 51.0558685230690088, 5.82501499613857554 51.05522027284079201, 5.81993023102102747 51.0509336787828687, 5.81609289283292075 51.04945493885365693, 5.80908321154717111 51.04844974561776638, 5.80525153233434565 51.04485711234796952, 5.80856316806326145 51.03758771383608916, 5.80609030647299829 51.0367382366367508, 5.80508205690754497 51.03513904391797951, 5.79959517291120807 51.03596235976830542, 5.79676979659113378 51.02958296366934121, 5.79428444445000501 51.02691836804478243, 5.79105735596771432 51.02415405853894015, 5.78796648146727843 51.01915994636348728, 5.78717917795679337 51.019163988895599, 5.78628410733922927 51.01912989519524189, 5.79346952737294529 51.02987407751306392, 5.80144675365142071 51.04480897246563131, 5.79491762785717768 51.04275372215627016, 5.79049485234932959 51.05416457271523001, 5.78797322285963389 51.05514945505542102, 5.79408610397820478 51.05530794087901114, 5.79918053869518513 51.05673070036603889, 5.80053671378776947 51.05930400879057629, 5.80294588034825498 51.05855755926710771, 5.80323336458692474 51.0575947345908645, 5.80626117860776514 51.05809848074278534, 5.8069343069305317 51.05757204731778387, 5.80785614713595777 51.05921206515207444, 5.80934353649734714 51.05914416859173599, 5.81351879983603848 51.06554433982844898, 5.81962309863628402 51.07260986287094795, 5.81962309863628402 51.07260986287094795)))</t>
  </si>
  <si>
    <t>MultiPolygon (((5.79428444445000501 51.02691836804478243, 5.80445523867194879 51.02416867220056673, 5.81146967880296206 51.02421595855546599, 5.81258123614501354 51.02204949302443993, 5.80277701792635714 51.01365292414093489, 5.8012480535365798 51.01020441529094285, 5.80802991153750536 51.01019992568587469, 5.81309525011057104 51.00727828450638413, 5.81136294545979748 51.00564641309070169, 5.80866344552323444 50.99681737195526665, 5.8103410382049292 50.99648681189500365, 5.81031837485415981 50.99401579242083216, 5.81218000971712634 50.99408257307306513, 5.81216507989155229 50.99246181834493541, 5.80629417620682275 50.9917208380729079, 5.79248849020382117 50.99011601137529226, 5.78365726916207468 50.9905805565733985, 5.78611898899574406 50.99404651389281895, 5.78919666031924951 51.00119705838898199, 5.77944211397356256 51.00297916986578883, 5.77482773746737266 51.00415463284856088, 5.78115598440309508 51.01118682151092543, 5.78717917795679337 51.019163988895599, 5.78796648146727843 51.01915994636348728, 5.79105735596771432 51.02415405853894015, 5.79428444445000501 51.02691836804478243, 5.79428444445000501 51.02691836804478243)))</t>
  </si>
  <si>
    <t>MultiPolygon (((5.82065428296210374 51.0393858539795815, 5.82514351001936781 51.0396276922783585, 5.8222780059585828 51.03121335316379259, 5.81815344914984234 51.02638627427703, 5.81770895764732732 51.02636713946944269, 5.81138911007357883 51.03281216747149074, 5.80856316806326145 51.03758771383608916, 5.82065428296210374 51.0393858539795815, 5.82065428296210374 51.0393858539795815)))</t>
  </si>
  <si>
    <t>MultiPolygon (((5.79428444445000501 51.02691836804478243, 5.79676979659113378 51.02958296366934121, 5.79959517291120807 51.03596235976830542, 5.80508205690754497 51.03513904391797951, 5.80609030647299829 51.0367382366367508, 5.80856316806326145 51.03758771383608916, 5.81138911007357883 51.03281216747149074, 5.81770895764732732 51.02636713946944269, 5.81258123614501354 51.02204949302443993, 5.81146967880296206 51.02421595855546599, 5.80445523867194879 51.02416867220056673, 5.79428444445000501 51.02691836804478243, 5.79428444445000501 51.02691836804478243)))</t>
  </si>
  <si>
    <t>MultiPolygon (((5.81609289283292075 51.04945493885365693, 5.82014935390881227 51.04330858640229707, 5.82065428296210374 51.0393858539795815, 5.80856316806326145 51.03758771383608916, 5.80525153233434565 51.04485711234796952, 5.80908321154717111 51.04844974561776638, 5.81609289283292075 51.04945493885365693, 5.81609289283292075 51.04945493885365693)))</t>
  </si>
  <si>
    <t>MultiPolygon (((5.81609289283292075 51.04945493885365693, 5.81993023102102747 51.0509336787828687, 5.82501499613857554 51.05522027284079201, 5.82677248735863618 51.0558685230690088, 5.82725315051691517 51.04755818086221097, 5.82514351001936781 51.0396276922783585, 5.82065428296210374 51.0393858539795815, 5.82014935390881227 51.04330858640229707, 5.81609289283292075 51.04945493885365693, 5.81609289283292075 51.04945493885365693)))</t>
  </si>
  <si>
    <t>MultiPolygon (((5.78365726916207468 50.9905805565733985, 5.79248849020382117 50.99011601137529226, 5.80629417620682275 50.9917208380729079, 5.8041808159617343 50.98412891764945698, 5.80832766036164383 50.97978295289767914, 5.81574238594264603 50.97689306889731853, 5.81805390304377124 50.97541649259893148, 5.81873095001828311 50.973211972831038, 5.82376463544101419 50.97409958039430222, 5.80438864960347001 50.96010676086673641, 5.81263904836817247 50.95494688892688373, 5.81251329638210645 50.954834969136094, 5.81111565143147146 50.95449321131563636, 5.80371549641608553 50.94838445625244816, 5.80212966700591792 50.94741246430947967, 5.79336148505976656 50.95190444900895699, 5.78820184901247092 50.94805811684767605, 5.78810772598751466 50.94860626128048153, 5.7862682732713866 50.95466674577295407, 5.78584152110848304 50.96022362804026073, 5.78596360079566097 50.96263032684516503, 5.78420533450575824 50.96781180678023304, 5.7838981403363956 50.96887903180420665, 5.78653839469287234 50.9713724611500183, 5.78646011484649581 50.97457050737966711, 5.78246537689784645 50.98188771765576632, 5.78217807409655293 50.98580585212829419, 5.78365726916207468 50.9905805565733985, 5.78365726916207468 50.9905805565733985)))</t>
  </si>
  <si>
    <t>MultiPolygon (((5.84695053921581387 50.98358276378002074, 5.85234845285979066 50.98231399887829696, 5.85087618674825372 50.97682402277730063, 5.84735105695954971 50.97197873395780476, 5.84746244209673893 50.970366184558344, 5.85218507907166252 50.96802698783021413, 5.84523314986773812 50.96395301906151332, 5.84199791807461111 50.96553544945417258, 5.83343605431461754 50.96867089198473622, 5.83158597488579478 50.969923136460352, 5.84695053921581387 50.98358276378002074, 5.84695053921581387 50.98358276378002074)))</t>
  </si>
  <si>
    <t>MultiPolygon (((5.83150026888463202 50.96998233367600761, 5.83158597488579478 50.969923136460352, 5.83343605431461754 50.96867089198473622, 5.84199791807461111 50.96553544945417258, 5.83614704855617727 50.96145756597182697, 5.82862312556787998 50.95887896073280388, 5.82721328744411515 50.95788571710519221, 5.81930874170627277 50.95805734572694945, 5.81787590724133885 50.95886634778054258, 5.83150026888463202 50.96998233367600761, 5.83150026888463202 50.96998233367600761)))</t>
  </si>
  <si>
    <t>MultiPolygon (((5.84199791807461111 50.96553544945417258, 5.84523314986773812 50.96395301906151332, 5.84326597422674432 50.96351667984238532, 5.84260831363669908 50.96075330893338418, 5.84109242964317321 50.95959205168695405, 5.83981792919989751 50.95705767460106017, 5.83997321483172716 50.95594208236941824, 5.84028284259898367 50.95497762055521207, 5.83956119566067322 50.9539498642929729, 5.84014567910303839 50.95137835141797922, 5.83989158174259515 50.95019129941852754, 5.83860888999652072 50.9466017344811064, 5.83781989812763946 50.94639833340230695, 5.83237865863880511 50.94734955905528295, 5.82781579747958567 50.94891034469554114, 5.81251329638210645 50.954834969136094, 5.81263904836817247 50.95494688892688373, 5.81787590724133885 50.95886634778054258, 5.81930874170627277 50.95805734572694945, 5.82721328744411515 50.95788571710519221, 5.82862312556787998 50.95887896073280388, 5.83614704855617727 50.96145756597182697, 5.84199791807461111 50.96553544945417258, 5.84199791807461111 50.96553544945417258)))</t>
  </si>
  <si>
    <t>MultiPolygon (((5.81216507989155229 50.99246181834493541, 5.83112205181597165 50.99232302071157363, 5.83660904621740162 50.99443054852953594, 5.83858784766970818 50.99456976670337838, 5.8388848435782057 50.98928369179578368, 5.84089178559663313 50.98676204361976261, 5.82435357829974354 50.97453785076778843, 5.82376463544101419 50.97409958039430222, 5.81873095001828311 50.973211972831038, 5.81805390304377124 50.97541649259893148, 5.81574238594264603 50.97689306889731853, 5.80832766036164383 50.97978295289767914, 5.8041808159617343 50.98412891764945698, 5.80629417620682275 50.9917208380729079, 5.81216507989155229 50.99246181834493541, 5.81216507989155229 50.99246181834493541)))</t>
  </si>
  <si>
    <t>MultiPolygon (((5.84089178559663313 50.98676204361976261, 5.84695053921581387 50.98358276378002074, 5.83158597488579478 50.969923136460352, 5.83150026888463202 50.96998233367600761, 5.82435357829974354 50.97453785076778843, 5.84089178559663313 50.98676204361976261, 5.84089178559663313 50.98676204361976261)))</t>
  </si>
  <si>
    <t>MultiPolygon (((5.82376463544101419 50.97409958039430222, 5.82435357829974354 50.97453785076778843, 5.83150026888463202 50.96998233367600761, 5.81787590724133885 50.95886634778054258, 5.81263904836817247 50.95494688892688373, 5.80438864960347001 50.96010676086673641, 5.82376463544101419 50.97409958039430222, 5.82376463544101419 50.97409958039430222)))</t>
  </si>
  <si>
    <t>MultiPolygon (((5.82661053707707932 51.00821041400685374, 5.82816908949448553 51.00715812747029076, 5.83109150461086934 51.00880822913329382, 5.83671591806369072 51.00537525343803935, 5.84101031953064354 51.00376887964650052, 5.83858784766970818 50.99456976670337838, 5.83660904621740162 50.99443054852953594, 5.83112205181597165 50.99232302071157363, 5.81216507989155229 50.99246181834493541, 5.81218000971712634 50.99408257307306513, 5.81031837485415981 50.99401579242083216, 5.8103410382049292 50.99648681189500365, 5.81308414471459756 51.00552127633569199, 5.82661053707707932 51.00821041400685374, 5.82661053707707932 51.00821041400685374)))</t>
  </si>
  <si>
    <t>MultiPolygon (((5.82890830019571293 51.02097519112940205, 5.82956479583054676 51.02053588363916248, 5.83323214113143074 51.02237157436137949, 5.83761599486236449 51.02160966266154674, 5.84241660588046496 51.02188810049895551, 5.84913187330004991 51.02466606851219666, 5.85356682995676714 51.02556885348704441, 5.85406347867181598 51.02474098616361431, 5.854091954607477 51.02312622252626539, 5.85649121285293095 51.02079907658648494, 5.85013686795884524 51.0181613861925527, 5.85267272724392207 51.01620769343200834, 5.84223097501003341 51.00464525693153206, 5.84101031953064354 51.00376887964650052, 5.83671591806369072 51.00537525343803935, 5.83109150461086934 51.00880822913329382, 5.82816908949448553 51.00715812747029076, 5.82661053707707932 51.00821041400685374, 5.82890830019571293 51.02097519112940205, 5.82890830019571293 51.02097519112940205)))</t>
  </si>
  <si>
    <t>MultiPolygon (((5.81770895764732732 51.02636713946944269, 5.81815344914984234 51.02638627427703, 5.82156051236240035 51.02513364813005126, 5.82890830019571293 51.02097519112940205, 5.82661053707707932 51.00821041400685374, 5.81308414471459756 51.00552127633569199, 5.8103410382049292 50.99648681189500365, 5.80866344552323444 50.99681737195526665, 5.81136294545979748 51.00564641309070169, 5.81309525011057104 51.00727828450638413, 5.80802991153750536 51.01019992568587469, 5.8012480535365798 51.01020441529094285, 5.80277701792635714 51.01365292414093489, 5.81258123614501354 51.02204949302443993, 5.81770895764732732 51.02636713946944269, 5.81770895764732732 51.02636713946944269)))</t>
  </si>
  <si>
    <t>MultiPolygon (((5.87456585419596866 50.97574162247658336, 5.87698682591338262 50.97811656478302211, 5.88898944455326756 50.97883205154235498, 5.8927619566277567 50.98021002194499118, 5.8967967495666116 50.9764861494280126, 5.89708553500045074 50.9748650172219655, 5.89541111253527195 50.97492931499515834, 5.89103636653308538 50.97409396698567008, 5.8903728771300301 50.97208978382592193, 5.89084841045240992 50.97172490516081922, 5.88927372551586981 50.97100240767334611, 5.88669206802349887 50.96844816593645788, 5.88526682307018145 50.96843638998726078, 5.88518027106960595 50.96775814267982696, 5.88147818963016356 50.96632045803122679, 5.87785840833595241 50.96380226921512957, 5.87678739937880135 50.96474339150600485, 5.87789221849299715 50.97059349228591429, 5.87540028981245488 50.97283440258405562, 5.87456585419596866 50.97574162247658336, 5.87456585419596866 50.97574162247658336)))</t>
  </si>
  <si>
    <t>MultiPolygon (((5.85234845285979066 50.98231399887829696, 5.86185742722444036 50.98202850419427534, 5.87219320470963169 50.97980558829834763, 5.8731885218568598 50.9791837077016865, 5.87456585419596866 50.97574162247658336, 5.87540028981245488 50.97283440258405562, 5.87789221849299715 50.97059349228591429, 5.87678739937880135 50.96474339150600485, 5.87529920476821754 50.96399280121897846, 5.87350308646944352 50.96280431004021239, 5.87121168936560789 50.9642030866698974, 5.86917786465908442 50.96656752255547929, 5.86584388712046234 50.96396199781988656, 5.86155695690653378 50.96608213012314792, 5.86044575390489797 50.96532377837301198, 5.85887301299994689 50.96656744838116282, 5.85639888464876979 50.96475542857925234, 5.85582795504582965 50.9658571481694338, 5.85218507907166252 50.96802698783021413, 5.84746244209673893 50.970366184558344, 5.84735105695954971 50.97197873395780476, 5.85087618674825372 50.97682402277730063, 5.85234845285979066 50.98231399887829696)))</t>
  </si>
  <si>
    <t>MultiPolygon (((5.87410022171259882 51.01302488271473834, 5.87725852265041038 51.01336213685434728, 5.88212164077050126 51.01292432536022403, 5.88078791162879355 51.01439521046768988, 5.88184545138233617 51.01537275187855158, 5.88426164481898439 51.01338157949724206, 5.8854457415431165 51.01381601712354552, 5.88834399340519532 51.01347233947649329, 5.89573956512090191 51.01101906409382281, 5.89548266864927228 51.00471436950576987, 5.89187908633002522 51.00585204457321709, 5.89208854415266803 51.0062365319122506, 5.8891513537764606 51.0065650312176615, 5.88593175906483967 51.00750367143829322, 5.88165548291899576 51.00763300018984836, 5.87437162743024732 51.00971581579301528, 5.87410022171259882 51.01302488271473834, 5.87410022171259882 51.01302488271473834)))</t>
  </si>
  <si>
    <t>MultiPolygon (((5.85673570355654416 51.02853714923764983, 5.86182770311019485 51.02889446728557488, 5.86177034851174117 51.02953178307297577, 5.86531383148554308 51.02916833258859697, 5.87316858544575027 51.03104943408862937, 5.87283911580578888 51.03155081522240266, 5.87431713908209918 51.03176869797817261, 5.87480944830044116 51.03140096721733698, 5.87700041684825969 51.03204179073469504, 5.87460661139983831 51.02917970291870375, 5.87665925987307869 51.02384627045268672, 5.8788955722310412 51.02064376445094496, 5.87866105117936488 51.01820874960946384, 5.88184545138233617 51.01537275187855158, 5.88078791162879355 51.01439521046768988, 5.88212164077050126 51.01292432536022403, 5.87725852265041038 51.01336213685434728, 5.87410022171259882 51.01302488271473834, 5.86172844897109435 51.01133235750261719, 5.85900000028866419 51.0152160947623301, 5.85718370108373421 51.02565049400833175, 5.85673570355654416 51.02853714923764983, 5.85673570355654416 51.02853714923764983)))</t>
  </si>
  <si>
    <t>MultiPolygon (((5.89051215282814589 51.00029636615528261, 5.892592254729208 51.00176065365789668, 5.89610705317899875 51.00075367432563667, 5.90058812528099796 51.00331999448010833, 5.90551741658845142 51.00217196307392697, 5.90365022856271526 50.98714819103690132, 5.89168596023478752 50.99261217715486794, 5.88297893990560539 50.99379838704367529, 5.88415797034460031 50.99668412071496704, 5.88827559354258501 50.99671571773604484, 5.88874572119424755 50.99859977995037497, 5.89051215282814589 51.00029636615528261, 5.89051215282814589 51.00029636615528261)))</t>
  </si>
  <si>
    <t>MultiPolygon (((5.8891513537764606 51.0065650312176615, 5.89208854415266803 51.0062365319122506, 5.89187908633002522 51.00585204457321709, 5.89548266864927228 51.00471436950576987, 5.90058812528099796 51.00331999448010833, 5.89610705317899875 51.00075367432563667, 5.892592254729208 51.00176065365789668, 5.89051215282814589 51.00029636615528261, 5.8879087760652693 51.00152234819003638, 5.8863573092021122 51.00242045697144988, 5.8891513537764606 51.0065650312176615, 5.8891513537764606 51.0065650312176615)))</t>
  </si>
  <si>
    <t>MultiPolygon (((5.8879087760652693 51.00152234819003638, 5.89051215282814589 51.00029636615528261, 5.88874572119424755 50.99859977995037497, 5.88827559354258501 50.99671571773604484, 5.88415797034460031 50.99668412071496704, 5.88297893990560539 50.99379838704367529, 5.87544313688953856 50.99612903218891802, 5.87560032764884088 50.99901465928702038, 5.8879087760652693 51.00152234819003638, 5.8879087760652693 51.00152234819003638)))</t>
  </si>
  <si>
    <t>MultiPolygon (((5.88165548291899576 51.00763300018984836, 5.88593175906483967 51.00750367143829322, 5.8891513537764606 51.0065650312176615, 5.8863573092021122 51.00242045697144988, 5.8879087760652693 51.00152234819003638, 5.87560032764884088 50.99901465928702038, 5.87405885283717843 51.00008099809193141, 5.87798819130712857 51.00192130987989714, 5.88091100856043969 51.0054763310277508, 5.88165548291899576 51.00763300018984836, 5.88165548291899576 51.00763300018984836)))</t>
  </si>
  <si>
    <t>MultiPolygon (((5.87437162743024732 51.00971581579301528, 5.88165548291899576 51.00763300018984836, 5.88091100856043969 51.0054763310277508, 5.87798819130712857 51.00192130987989714, 5.87405885283717843 51.00008099809193141, 5.87350654709954423 50.99962185136527637, 5.87215941763248406 51.00001118179929449, 5.86861328044146635 51.00194167026651826, 5.86803982638668753 51.00250955047072665, 5.87139669577460221 51.0068858186923535, 5.87348160593026147 51.00773749561393799, 5.87437162743024732 51.00971581579301528, 5.87437162743024732 51.00971581579301528)))</t>
  </si>
  <si>
    <t>MultiPolygon (((5.85900000028866419 51.0152160947623301, 5.86172844897109435 51.01133235750261719, 5.87410022171259882 51.01302488271473834, 5.87437162743024732 51.00971581579301528, 5.87348160593026147 51.00773749561393799, 5.87139669577460221 51.0068858186923535, 5.86803982638668753 51.00250955047072665, 5.86861328044146635 51.00194167026651826, 5.86045039021199354 51.00607260484629535, 5.85900000028866419 51.0152160947623301, 5.85900000028866419 51.0152160947623301)))</t>
  </si>
  <si>
    <t>MultiPolygon (((5.87428387061046831 50.99561058849986495, 5.87544313688953856 50.99612903218891802, 5.88297893990560539 50.99379838704367529, 5.89168596023478752 50.99261217715486794, 5.90365022856271526 50.98714819103690132, 5.89572335527615099 50.98137418149070754, 5.89380231213857453 50.98109704846402934, 5.8927619566277567 50.98021002194499118, 5.88898944455326756 50.97883205154235498, 5.87698682591338262 50.97811656478302211, 5.87456585419596866 50.97574162247658336, 5.8731885218568598 50.9791837077016865, 5.87219320470963169 50.97980558829834763, 5.87647467288334546 50.98365703388815717, 5.87558395604068284 50.98413889181590264, 5.88016970728403532 50.98882966519991555, 5.87428387061046831 50.99561058849986495, 5.87428387061046831 50.99561058849986495)))</t>
  </si>
  <si>
    <t>MultiPolygon (((5.86455985566679772 50.99697325110509638, 5.87119880220627177 50.99397505138314557, 5.87428387061046831 50.99561058849986495, 5.88016970728403532 50.98882966519991555, 5.87558395604068284 50.98413889181590264, 5.87647467288334546 50.98365703388815717, 5.87219320470963169 50.97980558829834763, 5.86185742722444036 50.98202850419427534, 5.86223158838532132 50.98452785725338998, 5.86378209285516405 50.98573864363708452, 5.86106483749244944 50.99017149943482252, 5.86182973567626142 50.99432827196726237, 5.86455985566679772 50.99697325110509638, 5.86455985566679772 50.99697325110509638)))</t>
  </si>
  <si>
    <t>MultiPolygon (((5.85762575452837009 51.00036701362072478, 5.86455985566679772 50.99697325110509638, 5.86182973567626142 50.99432827196726237, 5.86106483749244944 50.99017149943482252, 5.86378209285516405 50.98573864363708452, 5.86223158838532132 50.98452785725338998, 5.86185742722444036 50.98202850419427534, 5.85234845285979066 50.98231399887829696, 5.85280760362876595 50.99600002661097875, 5.85762575452837009 51.00036701362072478, 5.85762575452837009 51.00036701362072478)))</t>
  </si>
  <si>
    <t>MultiPolygon (((5.84089178559663313 50.98676204361976261, 5.85280760362876595 50.99600002661097875, 5.85234845285979066 50.98231399887829696, 5.84695053921581387 50.98358276378002074, 5.84089178559663313 50.98676204361976261, 5.84089178559663313 50.98676204361976261)))</t>
  </si>
  <si>
    <t>MultiPolygon (((5.85902153637650347 51.00231937795800974, 5.86045039021199354 51.00607260484629535, 5.86861328044146635 51.00194167026651826, 5.87215941763248406 51.00001118179929449, 5.87350654709954423 50.99962185136527637, 5.87405885283717843 51.00008099809193141, 5.87560032764884088 50.99901465928702038, 5.87544313688953856 50.99612903218891802, 5.87428387061046831 50.99561058849986495, 5.87119880220627177 50.99397505138314557, 5.86455985566679772 50.99697325110509638, 5.85762575452837009 51.00036701362072478, 5.85902153637650347 51.00231937795800974, 5.85902153637650347 51.00231937795800974)))</t>
  </si>
  <si>
    <t>MultiPolygon (((5.84101031953064354 51.00376887964650052, 5.84223097501003341 51.00464525693153206, 5.845210888254738 51.00399422787171488, 5.84685416977456551 51.00537129630046707, 5.85166262495915834 51.00338464787115811, 5.85902153637650347 51.00231937795800974, 5.85762575452837009 51.00036701362072478, 5.85280760362876595 50.99600002661097875, 5.84089178559663313 50.98676204361976261, 5.8388848435782057 50.98928369179578368, 5.83858784766970818 50.99456976670337838, 5.84101031953064354 51.00376887964650052, 5.84101031953064354 51.00376887964650052)))</t>
  </si>
  <si>
    <t>MultiPolygon (((5.85406347867181598 51.02474098616361431, 5.85718370108373421 51.02565049400833175, 5.85900000028866419 51.0152160947623301, 5.86045039021199354 51.00607260484629535, 5.85902153637650347 51.00231937795800974, 5.85166262495915834 51.00338464787115811, 5.84685416977456551 51.00537129630046707, 5.845210888254738 51.00399422787171488, 5.84223097501003341 51.00464525693153206, 5.85267272724392207 51.01620769343200834, 5.85013686795884524 51.0181613861925527, 5.85649121285293095 51.02079907658648494, 5.854091954607477 51.02312622252626539, 5.85406347867181598 51.02474098616361431, 5.85406347867181598 51.02474098616361431)))</t>
  </si>
  <si>
    <t>MultiPolygon (((6.15950096616171017 52.0066724894361343, 6.16035896803162952 52.00631163348604957, 6.16283442702290341 52.005268966051581, 6.17268737065396511 52.00445024793528859, 6.17848479824442354 52.00195219699983795, 6.18814627896761582 52.00049640504519743, 6.19452188696709172 52.00252187392531056, 6.1983881953881248 52.00266971247506831, 6.21485387968978564 51.99865652521015136, 6.21667692509603231 51.9970726531230909, 6.22665988498114942 51.99268732386018144, 6.22660235823184749 51.99194786217075404, 6.23211266546178777 51.98836545385088215, 6.2325214502804922 51.98648155655198622, 6.2287211671527114 51.98717229998609923, 6.22808662373051902 51.98779501904175504, 6.22399353577813841 51.98581830889628463, 6.22241731634612893 51.98414782958072777, 6.23160809510355573 51.98083605414553432, 6.2301307279398852 51.97909099050330184, 6.23111918240850393 51.97864901529741388, 6.22928017814985857 51.97677660526409227, 6.22979976529189461 51.97620685799812179, 6.22508317253415377 51.97830234784959913, 6.21726014382034808 51.97933194445248972, 6.21520377171121652 51.97945454508369068, 6.21342471327731882 51.97849855545810271, 6.2116789848570928 51.97839026120715289, 6.20513426294193682 51.98024757250882999, 6.1909865310530483 51.97905616572955978, 6.18343495799955356 51.97953428044134938, 6.17940735293314436 51.97934504013391432, 6.17169799880405279 51.98082700218822794, 6.16843117303692434 51.97980481043541801, 6.16058266560456502 51.97951273839037611, 6.16048348693781822 51.98103674845966538, 6.16158500774310358 51.99075370162518794, 6.16188917244044632 51.9932485878184707, 6.15956570985554652 51.99602503791899011, 6.15993454812727759 51.99784706680942037, 6.16431726386852308 51.99898629816090079, 6.16307561320936248 51.99956743912242274, 6.15925053213323093 51.99973978188688761, 6.1591602867788291 52.00068425937902106, 6.15846389745772971 52.00181226983014682, 6.1588563831764791 52.00396369081121861, 6.15726567253136547 52.00413544786081843, 6.15395665916244816 52.00327133216006104, 6.15665948674986652 52.00636493788859127, 6.15950096616171017 52.0066724894361343, 6.15950096616171017 52.0066724894361343)))</t>
  </si>
  <si>
    <t>MultiPolygon (((6.17848479824442354 52.00195219699983795, 6.18199149835498396 52.00374423990173511, 6.18002108946071438 52.00408027893903551, 6.18210556926046095 52.00869979228380657, 6.18273548574001541 52.00906940037884141, 6.18402938172722294 52.0086893077809691, 6.1851204715330228 52.00991895684632738, 6.18570107412253822 52.01283179017062253, 6.18474477387560384 52.01311860585040847, 6.18831238714072107 52.01532633022426921, 6.19342893218748802 52.01681381482640631, 6.1964536294812449 52.01610824021159374, 6.20331406059147561 52.02085005569396259, 6.20915133169371281 52.02017742458892258, 6.20971777983668893 52.02523934089449398, 6.21200823621064302 52.02539324974046764, 6.21011784980391024 52.01068243341226349, 6.21707024113917939 52.00565844379825364, 6.22260972909577692 51.998967707653307, 6.21568778455343462 52.00051493861514729, 6.21485387968978564 51.99865652521015136, 6.1983881953881248 52.00266971247506831, 6.19452188696709172 52.00252187392531056, 6.18814627896761582 52.00049640504519743, 6.17848479824442354 52.00195219699983795, 6.17848479824442354 52.00195219699983795),(6.2011916996700176 52.00708169767500522, 6.20053330459015317 52.00763258456593263, 6.19496983241863841 52.00644229155179943, 6.19592175326974104 52.00423440651827889, 6.20177646964471574 52.00294460953090692, 6.20694379557006748 52.00279467650889131, 6.20859107777973662 52.00575024868829388, 6.20576695759580854 52.0068603521557975, 6.20285461905291502 52.00553229864836169, 6.2011916996700176 52.00708169767500522, 6.2011916996700176 52.00708169767500522)))</t>
  </si>
  <si>
    <t>MultiPolygon (((6.26611065350535146 52.00336611843312795, 6.2722855737016241 52.00129654705772708, 6.28207715571273617 52.00183903804340702, 6.28336450242291011 52.00294664508312792, 6.28761453493259737 52.00155351914607849, 6.2855438503350225 51.99682680474798957, 6.29189673528607063 51.99334536864995471, 6.27894477835349463 51.98491255953174317, 6.27465093141396757 51.98528849188610934, 6.27386993851240771 51.98460333404697309, 6.27229923532342326 51.98369081121815327, 6.27052289814317021 51.9834419760642632, 6.26894369030728615 51.98397734170590923, 6.26734308377690752 51.98377003475754066, 6.26392734651547922 51.98479268119456265, 6.26005189387898131 51.98683466213928739, 6.25936233674589459 51.98746245199892968, 6.25436736033269014 51.98807002562075752, 6.25226047747972125 51.98683341568048633, 6.25072078680443965 51.98732938809700244, 6.24794874968993774 51.98408599734711544, 6.25729882840113927 51.98252847367545826, 6.25680818301495645 51.98097524007803827, 6.25283860449080642 51.97990436234479006, 6.25271577886134011 51.97896758252257854, 6.24978808601526659 51.97596466473193999, 6.24837433537189746 51.97628654457132313, 6.24734751016128342 51.97731643373112576, 6.24439055736667026 51.97784226071198077, 6.24318573102024033 51.9776043771012155, 6.24341072878601011 51.97892948525102241, 6.24470798169925523 51.98004208197667708, 6.24272662813839574 51.98100463023239115, 6.24072511863615276 51.98059829932328313, 6.23859511468431638 51.98130143825560623, 6.23715193584212368 51.98106827670115138, 6.2348030997629289 51.9826141706591045, 6.23423620117899624 51.98342465771774812, 6.23578138847089924 51.98501108054356479, 6.23211266546178777 51.98836545385088215, 6.22660235823184749 51.99194786217075404, 6.22665988498114942 51.99268732386018144, 6.22905265895744353 51.99333537939831729, 6.22650214701899163 51.99546591976093879, 6.22816582607304436 51.99566330284216775, 6.23202061271821872 51.99475395940239508, 6.23619676960801783 51.99722271793041983, 6.23701079375517597 51.99922326022301888, 6.2467784995982969 52.00084664482597674, 6.25982778103652304 51.99976885346089972, 6.26289965681707894 52.00114656432531035, 6.26406066183255028 52.00287075017759975, 6.26611065350535146 52.00336611843312795, 6.26611065350535146 52.00336611843312795)))</t>
  </si>
  <si>
    <t>MultiPolygon (((6.22856989736242816 52.02893763666683213, 6.23404804516844635 52.02989088201751855, 6.23338863824693146 52.03240608562791891, 6.23499820987180176 52.03257801307563568, 6.24106991501605357 52.03117879459681916, 6.25378231495680748 52.02547990280245216, 6.25875981997444875 52.0244884896804507, 6.25808469635506981 52.02326672781553185, 6.26153160130030173 52.01933394597178761, 6.26584957884661087 52.01745430719929431, 6.27391355260357297 52.0102627707843439, 6.27783900259660577 52.00517764172357005, 6.28336450242291011 52.00294664508312792, 6.28207715571273617 52.00183903804340702, 6.2722855737016241 52.00129654705772708, 6.26611065350535146 52.00336611843312795, 6.26067682769377587 52.01060813391499948, 6.25646700034044922 52.01375301118705607, 6.24649532924717921 52.01828654705474975, 6.24132622553708494 52.01964886724486092, 6.24093726841189778 52.02232859225961903, 6.22618006915029465 52.02555374393876519, 6.22856989736242816 52.02893763666683213, 6.22856989736242816 52.02893763666683213)))</t>
  </si>
  <si>
    <t>MultiPolygon (((6.21368124058077775 52.03148100492381189, 6.2165690209126927 52.03169770839856767, 6.22113517203336031 52.03375308242245012, 6.22761103663679538 52.03036386663546153, 6.22856989736242816 52.02893763666683213, 6.22618006915029465 52.02555374393876519, 6.24093726841189778 52.02232859225961903, 6.24132622553708494 52.01964886724486092, 6.24649532924717921 52.01828654705474975, 6.25646700034044922 52.01375301118705607, 6.26067682769377587 52.01060813391499948, 6.26611065350535146 52.00336611843312795, 6.26406066183255028 52.00287075017759975, 6.26289965681707894 52.00114656432531035, 6.25982778103652304 51.99976885346089972, 6.2467784995982969 52.00084664482597674, 6.23701079375517597 51.99922326022301888, 6.23619676960801783 51.99722271793041983, 6.23202061271821872 51.99475395940239508, 6.22816582607304436 51.99566330284216775, 6.22751114760787594 51.99755108614841959, 6.22260972909577692 51.998967707653307, 6.21707024113917939 52.00565844379825364, 6.21011784980391024 52.01068243341226349, 6.21200823621064302 52.02539324974046764, 6.21368124058077775 52.03148100492381189, 6.21368124058077775 52.03148100492381189),(6.23271765206529071 52.00708941687525311, 6.23148631245259654 52.00806003436083813, 6.23082125535452835 52.00777885705611681, 6.22913355594285445 52.00338402215351152, 6.22916671923510634 52.00104310645049566, 6.23142197172065337 52.00100896735224865, 6.23794186979119125 52.00238753260556734, 6.23944459926102457 52.00475497671580172, 6.23392754439358487 52.00767227591396846, 6.23271765206529071 52.00708941687525311, 6.23271765206529071 52.00708941687525311)))</t>
  </si>
  <si>
    <t>MultiPolygon (((6.17553558878086584 52.03936455255463045, 6.18823030198593305 52.03964248310062857, 6.19632872934321721 52.03645823994636999, 6.20723712627359792 52.03418840796609857, 6.20826401557442775 52.03327089284208284, 6.21368124058077775 52.03148100492381189, 6.21200823621064302 52.02539324974046764, 6.20971777983668893 52.02523934089449398, 6.20915133169371281 52.02017742458892258, 6.20331406059147561 52.02085005569396259, 6.1964536294812449 52.01610824021159374, 6.19342893218748802 52.01681381482640631, 6.18831238714072107 52.01532633022426921, 6.18474477387560384 52.01311860585040847, 6.18570107412253822 52.01283179017062253, 6.1851204715330228 52.00991895684632738, 6.18402938172722294 52.0086893077809691, 6.18273548574001541 52.00906940037884141, 6.18210556926046095 52.00869979228380657, 6.18002108946071438 52.00408027893903551, 6.18199149835498396 52.00374423990173511, 6.17848479824442354 52.00195219699983795, 6.17268737065396511 52.00445024793528859, 6.17376992055465568 52.00497080901870817, 6.17608100618109557 52.00479887964716141, 6.17973830238332145 52.00802168061193953, 6.17866658329832674 52.00943671994182438, 6.17664380114302958 52.01036797982289528, 6.17375901434073882 52.00900391241097509, 6.16035896803162952 52.00631163348604957, 6.15950096616171017 52.0066724894361343, 6.16118357134178662 52.0138279884454704, 6.16474515937021472 52.0144014511521604, 6.16452421274218754 52.01691983991679535, 6.16718815561474809 52.01637174791568441, 6.16980381199631722 52.01653647002354575, 6.17357543205850945 52.01757355009642936, 6.17296552593079006 52.01853418845325194, 6.17654691829634572 52.01922837364416097, 6.17655842610517158 52.02035513875866002, 6.1772955576580344 52.02033798568209733, 6.17723128449989733 52.02156168790984481, 6.17453425453981541 52.02272228031845458, 6.17681807824090878 52.02528908357520265, 6.1746550872436341 52.02559899133394339, 6.17530725186556317 52.02724347309810327, 6.17323262867200917 52.02777469689573309, 6.1770149948332902 52.03147454265750582, 6.17505724910231191 52.0317011487507628, 6.17591348314394661 52.03577771790985196, 6.17553558878086584 52.03936455255463045),(6.17994981982012348 52.02497558514984632, 6.17790287177439801 52.0203898474622406, 6.18081932208267038 52.01971489852344632, 6.18649385853206546 52.02134301699081931, 6.18717386660988566 52.02230016588953276, 6.18577300972091759 52.02364784243380313, 6.17994981982012348 52.02497558514984632)))</t>
  </si>
  <si>
    <t>MultiPolygon (((6.17994981982012348 52.02497558514984632, 6.18577300972091759 52.02364784243380313, 6.18717386660988566 52.02230016588953276, 6.18649385853206546 52.02134301699081931, 6.18081932208267038 52.01971489852344632, 6.17790287177439801 52.0203898474622406, 6.17994981982012348 52.02497558514984632, 6.17994981982012348 52.02497558514984632)))</t>
  </si>
  <si>
    <t>MultiPolygon (((6.16035896803162952 52.00631163348604957, 6.17375901434073882 52.00900391241097509, 6.17664380114302958 52.01036797982289528, 6.17866658329832674 52.00943671994182438, 6.17973830238332145 52.00802168061193953, 6.17608100618109557 52.00479887964716141, 6.17376992055465568 52.00497080901870817, 6.17268737065396511 52.00445024793528859, 6.16283442702290341 52.005268966051581, 6.16035896803162952 52.00631163348604957, 6.16035896803162952 52.00631163348604957)))</t>
  </si>
  <si>
    <t>MultiPolygon (((6.21485387968978564 51.99865652521015136, 6.21568778455343462 52.00051493861514729, 6.22260972909577692 51.998967707653307, 6.22751114760787594 51.99755108614841959, 6.22816582607304436 51.99566330284216775, 6.22650214701899163 51.99546591976093879, 6.22905265895744353 51.99333537939831729, 6.22665988498114942 51.99268732386018144, 6.21667692509603231 51.9970726531230909, 6.21485387968978564 51.99865652521015136, 6.21485387968978564 51.99865652521015136)))</t>
  </si>
  <si>
    <t>MultiPolygon (((6.2011916996700176 52.00708169767500522, 6.20285461905291502 52.00553229864836169, 6.20576695759580854 52.0068603521557975, 6.20859107777973662 52.00575024868829388, 6.20694379557006748 52.00279467650889131, 6.20177646964471574 52.00294460953090692, 6.19592175326974104 52.00423440651827889, 6.19496983241863841 52.00644229155179943, 6.20053330459015317 52.00763258456593263, 6.2011916996700176 52.00708169767500522, 6.2011916996700176 52.00708169767500522)))</t>
  </si>
  <si>
    <t>MultiPolygon (((6.23271765206529071 52.00708941687525311, 6.23392754439358487 52.00767227591396846, 6.23944459926102457 52.00475497671580172, 6.23794186979119125 52.00238753260556734, 6.23142197172065337 52.00100896735224865, 6.22916671923510634 52.00104310645049566, 6.22913355594285445 52.00338402215351152, 6.23082125535452835 52.00777885705611681, 6.23148631245259654 52.00806003436083813, 6.23271765206529071 52.00708941687525311, 6.23271765206529071 52.00708941687525311)))</t>
  </si>
  <si>
    <t>MultiPolygon (((6.16280166165717791 52.0740927147881294, 6.16778157796196957 52.07594285054124583, 6.17071917493873467 52.07890323643713515, 6.17400715342234818 52.0885391067943857, 6.18232363212152247 52.08015913396064889, 6.19055738826643509 52.07470571728846664, 6.19386136734616155 52.07349497588001697, 6.19677409900290943 52.0711523224011259, 6.20390867748601682 52.0688730854071764, 6.20727325897164484 52.06647394368583548, 6.21174841215293938 52.06611911289187589, 6.20945921711250826 52.05543547059083664, 6.20673001931469503 52.0495580572754335, 6.19847156172297442 52.04804676433426636, 6.19569024963726989 52.04620247413055267, 6.17949685680667482 52.04386405435639062, 6.17511612391132214 52.04127977957168838, 6.17551313579072048 52.03936912614201304, 6.167190535106994 52.0369657464241655, 6.15911490548374818 52.03741536986942862, 6.15543264462618467 52.04117126795856763, 6.1581379593822767 52.04331010224696286, 6.15589357805924475 52.04732660047693571, 6.15626447688117384 52.04982296291120036, 6.15894715647379343 52.05126069183371129, 6.1648994791810221 52.05308999648005397, 6.16508388331855084 52.05447215421565232, 6.16331900235888863 52.05535315117346329, 6.14736009234815217 52.05678558178664872, 6.14308251734576061 52.05837092410072131, 6.13930103503816849 52.06121187447073595, 6.14788525337271974 52.06468701309051994, 6.15122819946053756 52.06794512404979969, 6.16280166165717791 52.0740927147881294, 6.16280166165717791 52.0740927147881294),(6.18119207933989667 52.07755226245284064, 6.17796854688285446 52.07774107581033007, 6.17808982884946545 52.07453308232148004, 6.18393625026067095 52.07461333831343353, 6.18402541505244763 52.07667557804533232, 6.18154193660080153 52.07688363710481383, 6.18119207933989667 52.07755226245284064, 6.18119207933989667 52.07755226245284064),(6.19237545394774358 52.06955023242531411, 6.19116220439860943 52.06964222565279954, 6.18940552564733082 52.06855845821122131, 6.17977447619985032 52.06859670122761941, 6.17816316875565441 52.06609717114493918, 6.17840525140299679 52.06454510883975928, 6.1850071438729195 52.0593392317599637, 6.19180080452874915 52.05746919309263632, 6.19517505564179416 52.0596544395123999, 6.19176665285370653 52.0662000193735679, 6.19321212693385803 52.06758137810049902, 6.19237545394774358 52.06955023242531411, 6.19237545394774358 52.06955023242531411)))</t>
  </si>
  <si>
    <t>MultiPolygon (((6.21174841215293938 52.06611911289187589, 6.21923752460390045 52.06110395785595557, 6.23034230709615855 52.06018286190865041, 6.23108289616984923 52.05878602613538675, 6.23661777517744564 52.05577103754084334, 6.24522622049072229 52.05234073896745173, 6.25784921516431236 52.05483146576745668, 6.25576970262843979 52.04933537972772939, 6.26048574516577361 52.03790165435371051, 6.26130001680871207 52.02969682531093554, 6.25875981997444875 52.0244884896804507, 6.25378231495680748 52.02547990280245216, 6.24106991501605357 52.03117879459681916, 6.23499820987180176 52.03257801307563568, 6.23338863824693146 52.03240608562791891, 6.23404804516844635 52.02989088201751855, 6.22856989736242816 52.02893763666683213, 6.22761103663679538 52.03036386663546153, 6.22113517203336031 52.03375308242245012, 6.2165690209126927 52.03169770839856767, 6.21368124058077775 52.03148100492381189, 6.20826401557442775 52.03327089284208284, 6.20723712627359792 52.03418840796609857, 6.19632872934321721 52.03645823994636999, 6.18823030198593305 52.03964248310062857, 6.17553558878086584 52.03936455255463045, 6.17551313579072048 52.03936912614201304, 6.17511612391132214 52.04127977957168838, 6.17949685680667482 52.04386405435639062, 6.19569024963726989 52.04620247413055267, 6.19847156172297442 52.04804676433426636, 6.20673001931469503 52.0495580572754335, 6.20945921711250826 52.05543547059083664, 6.21174841215293938 52.06611911289187589, 6.21174841215293938 52.06611911289187589),(6.22506684700173274 52.05927672670203776, 6.22140122180297173 52.05944291491553599, 6.21833771014287517 52.05414181460564294, 6.21954945216821997 52.0514526161036386, 6.2281653357098179 52.05011502524986611, 6.22890303696286107 52.05188863276681843, 6.22321314986499274 52.05449819459757776, 6.22506684700173274 52.05927672670203776, 6.22506684700173274 52.05927672670203776)))</t>
  </si>
  <si>
    <t>MultiPolygon (((6.22018078673578678 52.08957811103011437, 6.2216938926723806 52.08877469073536304, 6.223527092809924 52.08838406227409479, 6.2308472613553274 52.09047155041285038, 6.23692863337031156 52.08902622119408221, 6.24661662338121282 52.08816487248952143, 6.25008101230275948 52.08778211028372596, 6.25950652018771336 52.07755239717629081, 6.26696551631464427 52.0746456241691007, 6.2727535412471882 52.07337923664340451, 6.27112330417053254 52.07147613728096047, 6.27108700858735002 52.06908445748656789, 6.26990242837225598 52.06780589933528347, 6.26330299047062855 52.06536945861866883, 6.26180515316731068 52.06396083728750313, 6.25784921516431236 52.05483146576745668, 6.24522622049072229 52.05234073896745173, 6.23661777517744564 52.05577103754084334, 6.23108289616984923 52.05878602613538675, 6.23034230709615855 52.06018286190865041, 6.21923752460390045 52.06110395785595557, 6.21174841215293938 52.06611911289187589, 6.21022885868138541 52.06722998561308202, 6.20939725393987185 52.06943347213353945, 6.21170063688477114 52.07333099814842114, 6.21929391037114154 52.07503849324242395, 6.2217483788492558 52.07789462528511137, 6.22193630843001699 52.08366387969250866, 6.22018078673578678 52.08957811103011437, 6.22018078673578678 52.08957811103011437),(6.22613815678630989 52.07923951762036552, 6.22362686380596042 52.07927451079331149, 6.2221821603563372 52.0753441654574587, 6.21857112609090468 52.07127775820050886, 6.2211938635303472 52.07037894880535589, 6.22435611985447856 52.0701077422952352, 6.22555039083167117 52.075585399098415, 6.23329684617437341 52.07616032383322136, 6.23118416381696782 52.07752459424709457, 6.22613815678630989 52.07923951762036552, 6.22613815678630989 52.07923951762036552)))</t>
  </si>
  <si>
    <t>MultiPolygon (((6.13746923095687169 52.05918110840306667, 6.13930103503816849 52.06121187447073595, 6.14308251734576061 52.05837092410072131, 6.14736009234815217 52.05678558178664872, 6.16331900235888863 52.05535315117346329, 6.16508388331855084 52.05447215421565232, 6.1648994791810221 52.05308999648005397, 6.15894715647379343 52.05126069183371129, 6.15626447688117384 52.04982296291120036, 6.15589357805924475 52.04732660047693571, 6.1581379593822767 52.04331010224696286, 6.15543264462618467 52.04117126795856763, 6.15205080446446306 52.04208329578851533, 6.14815383642799151 52.04168621989989418, 6.14613076001910486 52.04069043592252797, 6.14200453284683512 52.03669972837735713, 6.13508522807154844 52.03472459790350513, 6.12800821099318949 52.03401051208735595, 6.12150232613219991 52.03461732469683909, 6.11684804629491552 52.03588132159801205, 6.11330128839456677 52.03767008794235238, 6.11172391234400791 52.03925172723903358, 6.11088291453137167 52.04161666786904306, 6.11160461184826431 52.04469915545588066, 6.11576364332641376 52.04874585023269162, 6.12306306758770091 52.05254390599613146, 6.13207363923642301 52.05573259201866421, 6.13746923095687169 52.05918110840306667, 6.13746923095687169 52.05918110840306667),(6.14682069768869432 52.05575820484623506, 6.14457757239167091 52.05538250090025798, 6.13985443634665717 52.05275755357393308, 6.13917800465000685 52.05154675452598667, 6.13971855662986332 52.05031273095796251, 6.14665312718961943 52.05027438329554457, 6.15418889377089773 52.05273779843970772, 6.15583461990871239 52.05390735824464343, 6.15350890344545309 52.05500028729183271, 6.14682069768869432 52.05575820484623506, 6.14682069768869432 52.05575820484623506),(6.13188707479916406 52.04971704598284532, 6.1302859992148484 52.05057207256042062, 6.12562675678486013 52.04854865994118285, 6.12246415009053724 52.04460905956515404, 6.12187899869439267 52.04244285563315486, 6.12711290167667677 52.04180139037779185, 6.12826754174644694 52.04225169446642951, 6.12859723252768784 52.04349732232233094, 6.12602640276086507 52.04423620907326153, 6.12849318756640749 52.04733687328184288, 6.13188707479916406 52.04971704598284532, 6.13188707479916406 52.04971704598284532)))</t>
  </si>
  <si>
    <t>MultiPolygon (((6.21789886501745492 52.09788130178148435, 6.21920141541402316 52.09630891613345938, 6.21683158525728263 52.09443314974009809, 6.21700011321325174 52.09311512219835549, 6.21848567501949745 52.09272977825070683, 6.21816185893665274 52.08959218712444539, 6.21947608134604302 52.08873300831717046, 6.22018078673578678 52.08957811103011437, 6.22193630843001699 52.08366387969250866, 6.2217483788492558 52.07789462528511137, 6.21929391037114154 52.07503849324242395, 6.21170063688477114 52.07333099814842114, 6.20939725393987185 52.06943347213353945, 6.21022885868138541 52.06722998561308202, 6.21174841215293938 52.06611911289187589, 6.20727325897164484 52.06647394368583548, 6.20390867748601682 52.0688730854071764, 6.19677409900290943 52.0711523224011259, 6.19386136734616155 52.07349497588001697, 6.19055738826643509 52.07470571728846664, 6.18232363212152247 52.08015913396064889, 6.17400715342234818 52.0885391067943857, 6.17573630334108703 52.0902972867538594, 6.1782967221779419 52.09129709537448605, 6.18957459156040724 52.0913082650797179, 6.19963044625881032 52.09379077343156439, 6.20304295775874248 52.09358875438624636, 6.20682953220961142 52.09242062887758351, 6.21053426408516351 52.09245182859989143, 6.21532118308871695 52.09488597927479248, 6.21789886501745492 52.09788130178148435, 6.21789886501745492 52.09788130178148435)))</t>
  </si>
  <si>
    <t>MultiPolygon (((6.22506684700173274 52.05927672670203776, 6.22321314986499274 52.05449819459757776, 6.22890303696286107 52.05188863276681843, 6.2281653357098179 52.05011502524986611, 6.21954945216821997 52.0514526161036386, 6.21833771014287517 52.05414181460564294, 6.22140122180297173 52.05944291491553599, 6.22506684700173274 52.05927672670203776, 6.22506684700173274 52.05927672670203776)))</t>
  </si>
  <si>
    <t>MultiPolygon (((6.14682069768869432 52.05575820484623506, 6.15350890344545309 52.05500028729183271, 6.15583461990871239 52.05390735824464343, 6.15418889377089773 52.05273779843970772, 6.14665312718961943 52.05027438329554457, 6.13971855662986332 52.05031273095796251, 6.13917800465000685 52.05154675452598667, 6.13985443634665717 52.05275755357393308, 6.14457757239167091 52.05538250090025798, 6.14682069768869432 52.05575820484623506, 6.14682069768869432 52.05575820484623506)))</t>
  </si>
  <si>
    <t>MultiPolygon (((6.13188707479916406 52.04971704598284532, 6.12849318756640749 52.04733687328184288, 6.12602640276086507 52.04423620907326153, 6.12859723252768784 52.04349732232233094, 6.12826754174644694 52.04225169446642951, 6.12711290167667677 52.04180139037779185, 6.12187899869439267 52.04244285563315486, 6.12246415009053724 52.04460905956515404, 6.12562675678486013 52.04854865994118285, 6.1302859992148484 52.05057207256042062, 6.13188707479916406 52.04971704598284532, 6.13188707479916406 52.04971704598284532)))</t>
  </si>
  <si>
    <t>MultiPolygon (((6.22613815678630989 52.07923951762036552, 6.23118416381696782 52.07752459424709457, 6.23329684617437341 52.07616032383322136, 6.22555039083167117 52.075585399098415, 6.22435611985447856 52.0701077422952352, 6.2211938635303472 52.07037894880535589, 6.21857112609090468 52.07127775820050886, 6.2221821603563372 52.0753441654574587, 6.22362686380596042 52.07927451079331149, 6.22613815678630989 52.07923951762036552, 6.22613815678630989 52.07923951762036552)))</t>
  </si>
  <si>
    <t>MultiPolygon (((6.18119207933989667 52.07755226245284064, 6.18154193660080153 52.07688363710481383, 6.18402541505244763 52.07667557804533232, 6.18393625026067095 52.07461333831343353, 6.17808982884946545 52.07453308232148004, 6.17796854688285446 52.07774107581033007, 6.18119207933989667 52.07755226245284064, 6.18119207933989667 52.07755226245284064)))</t>
  </si>
  <si>
    <t>MultiPolygon (((6.19237545394774358 52.06955023242531411, 6.19321212693385803 52.06758137810049902, 6.19176665285370653 52.0662000193735679, 6.19517505564179416 52.0596544395123999, 6.19180080452874915 52.05746919309263632, 6.1850071438729195 52.0593392317599637, 6.17840525140299679 52.06454510883975928, 6.17816316875565441 52.06609717114493918, 6.17977447619985032 52.06859670122761941, 6.18940552564733082 52.06855845821122131, 6.19116220439860943 52.06964222565279954, 6.19237545394774358 52.06955023242531411, 6.19237545394774358 52.06955023242531411)))</t>
  </si>
  <si>
    <t>MultiPolygon (((6.28262170354089733 52.12351844601848683, 6.29600249462836725 52.12827429157168524, 6.310175875621443 52.13155834433113256, 6.3135475708884119 52.1307493662250323, 6.31957642709716882 52.13052038275697697, 6.32240065046984867 52.12548243489000299, 6.33184405684045082 52.12081400945414345, 6.32679414966003506 52.11600675741588873, 6.33033129933251626 52.10982249287528134, 6.33681704133315726 52.10843111890599033, 6.34338471967583306 52.10815863644840107, 6.35406285038679197 52.11258910035758163, 6.35391827906621831 52.10664604465083016, 6.34845176276502876 52.10449671355621604, 6.34574817426070226 52.10046855056519632, 6.34695544574962867 52.10007305755238605, 6.34587310329651633 52.09608645482622791, 6.34846717737791089 52.0954380856156547, 6.34763233463330767 52.09244439686948169, 6.34810924766039619 52.08693500754664996, 6.34619405841306694 52.08648405082502819, 6.34334585181718946 52.08682545348455761, 6.33698503668124147 52.08412106908222228, 6.33182203825238688 52.07711328796909811, 6.31369568738972298 52.07729394351799357, 6.30852795605168826 52.07675691041130506, 6.30410762435512328 52.07543850608810487, 6.30136463975264771 52.07372440476775921, 6.29115454877267855 52.07384865444135613, 6.28372529336739394 52.0726364025717956, 6.28129556714919879 52.07280376103365427, 6.28155007671342691 52.07386229561713265, 6.27954301112915658 52.07532354780878592, 6.28050758309670076 52.07848384634288408, 6.28548728310920435 52.07924791951428745, 6.2873927932275544 52.07903815348634424, 6.28835603342995686 52.08137679220207161, 6.28278166509776437 52.08422652980955547, 6.28006998539525618 52.08389740469471008, 6.27614297096644158 52.08480264101426371, 6.27482022311713994 52.08563871404224699, 6.27418911140022217 52.08994446266046907, 6.26729444195540264 52.09202026445226608, 6.26480863373528596 52.09191381201207349, 6.26338441998717954 52.09541194100942363, 6.26516378413375463 52.10167180356557992, 6.2723709487016075 52.11115914125350912, 6.27275650896807502 52.11212868274441945, 6.27158994845056306 52.11304167243215346, 6.27750009997163438 52.12168593221149138, 6.28262170354089733 52.12351844601848683, 6.28262170354089733 52.12351844601848683),(6.30563317855545691 52.11342616905939451, 6.29919661685267851 52.11244753307789068, 6.29707215218477234 52.10269093542992636, 6.30198827664147032 52.10156245459587154, 6.31085557933896446 52.10148073479881248, 6.30576790714138635 52.09953142106660096, 6.31164428975350944 52.09679677317208757, 6.3163222923487119 52.10195534380170557, 6.3283222256178151 52.10370725622049548, 6.32961496291616932 52.10451937428007341, 6.31656568742864355 52.10740776874828128, 6.31525174783576659 52.10992676101778187, 6.31213971900216109 52.11292276833871995, 6.30563317855545691 52.11342616905939451, 6.30563317855545691 52.11342616905939451)))</t>
  </si>
  <si>
    <t>MultiPolygon (((6.32831436829437965 52.1377123616756819, 6.3577210491069609 52.13552675248663348, 6.35772157017582096 52.13029935547982063, 6.36198348074677344 52.12666911063274711, 6.36913926765704996 52.12396925355041333, 6.37052923951897121 52.11866760841498092, 6.36553858575340481 52.11788134998983679, 6.35406285038679197 52.11258910035758163, 6.34338471967583306 52.10815863644840107, 6.33681704133315726 52.10843111890599033, 6.33033129933251626 52.10982249287528134, 6.32679414966003506 52.11600675741588873, 6.33184405684045082 52.12081400945414345, 6.32240065046984867 52.12548243489000299, 6.31957642709716882 52.13052038275697697, 6.3135475708884119 52.1307493662250323, 6.310175875621443 52.13155834433113256, 6.32831436829437965 52.1377123616756819, 6.32831436829437965 52.1377123616756819)))</t>
  </si>
  <si>
    <t>MultiPolygon (((6.36913926765704996 52.12396925355041333, 6.37794006737034991 52.12715327608649574, 6.37920086304073308 52.12589499288976214, 6.38344036477500687 52.1272612481071107, 6.38267792717388538 52.12854864868069171, 6.39268063400026598 52.13149368451723831, 6.39584327491391846 52.13083229941906183, 6.3918223319961136 52.12372778550714969, 6.39838937942843877 52.11764775067420175, 6.39648946153979381 52.11714835102107202, 6.39152965456342415 52.1130509439675933, 6.41842229465045122 52.10043873004565995, 6.42399857085251025 52.0969079881939976, 6.41798232954817038 52.09125898609525507, 6.4140470801576237 52.08871771567343956, 6.41155971770521571 52.08950157124272806, 6.40325700271849652 52.08820006019483628, 6.40192404377623525 52.08721161672239219, 6.40053884929634798 52.08381103820813252, 6.4060022230946414 52.07665083196540223, 6.4108583228005811 52.0655373105748609, 6.38829434738468294 52.07186458505108817, 6.37508739632134169 52.07369095210502508, 6.35762236387636559 52.07515585165722172, 6.35431734486147981 52.07645932672890154, 6.3519803326944615 52.07369795811743529, 6.3519363139573759 52.07071733840075467, 6.35118460959721975 52.07035159532041746, 6.33515258638393863 52.07048748273300731, 6.33235772684199638 52.07126095895498707, 6.32927297944356493 52.0730569267363208, 6.33182203825238688 52.07711328796909811, 6.33698503668124147 52.08412106908222228, 6.34334585181718946 52.08682545348455761, 6.34619405841306694 52.08648405082502819, 6.34810924766039619 52.08693500754664996, 6.34763233463330767 52.09244439686948169, 6.34846717737791089 52.0954380856156547, 6.34587310329651633 52.09608645482622791, 6.34695544574962867 52.10007305755238605, 6.34574817426070226 52.10046855056519632, 6.34845176276502876 52.10449671355621604, 6.35391827906621831 52.10664604465083016, 6.35406285038679197 52.11258910035758163, 6.36553858575340481 52.11788134998983679, 6.37052923951897121 52.11866760841498092, 6.36913926765704996 52.12396925355041333),(6.35769418113373863 52.10339710310165628, 6.35536016192373943 52.10353680620308126, 6.3538996138552335 52.10200922465708828, 6.36055738286764871 52.09874802468925026, 6.36257519509209324 52.0983844351959533, 6.36497977348138111 52.10002374158884209, 6.3622884919340752 52.101496854397503, 6.35794299453094247 52.1026931032505729, 6.35769418113373863 52.10339710310165628)))</t>
  </si>
  <si>
    <t>MultiPolygon (((6.24243173792041262 52.11253037195189819, 6.24472407867373835 52.11261396884941632, 6.25823331866110966 52.11027225425235798, 6.26660975668934306 52.11182986349547974, 6.26970089740082148 52.11160980175937141, 6.27158994845056306 52.11304167243215346, 6.27275650896807502 52.11212868274441945, 6.2723709487016075 52.11115914125350912, 6.26516378413375463 52.10167180356557992, 6.26338441998717954 52.09541194100942363, 6.26480863373528596 52.09191381201207349, 6.26729444195540264 52.09202026445226608, 6.27418911140022217 52.08994446266046907, 6.27482022311713994 52.08563871404224699, 6.27614297096644158 52.08480264101426371, 6.28006998539525618 52.08389740469471008, 6.28278166509776437 52.08422652980955547, 6.28835603342995686 52.08137679220207161, 6.2873927932275544 52.07903815348634424, 6.28548728310920435 52.07924791951428745, 6.28050758309670076 52.07848384634288408, 6.27954301112915658 52.07532354780878592, 6.28155007671342691 52.07386229561713265, 6.28129556714919879 52.07280376103365427, 6.2727535412471882 52.07337923664340451, 6.26696551631464427 52.0746456241691007, 6.25950652018771336 52.07755239717629081, 6.25008101230275948 52.08778211028372596, 6.24661662338121282 52.08816487248952143, 6.24527079607826074 52.09305910070504808, 6.24873543187059788 52.0955048005845569, 6.25053314139152949 52.09798060130741959, 6.24602114265021324 52.10150558769461071, 6.24454036581778471 52.10565442499073896, 6.25015601623461681 52.10852934115935398, 6.243063724257639 52.1107121645321314, 6.24156248684512516 52.11153117380096944, 6.24243173792041262 52.11253037195189819, 6.24243173792041262 52.11253037195189819),(6.25934999147151494 52.0908928633484507, 6.256439217614437 52.09473531814786895, 6.25258284843476364 52.09348565901898809, 6.25529015482993067 52.08967260797290777, 6.2545926650195387 52.08824857905014483, 6.25909510383637802 52.08590249318085341, 6.262799704762255 52.08709829325530904, 6.26574128721464252 52.08916902486223677, 6.26321802898569224 52.09094787141376059, 6.26070839330779005 52.09177715373342465, 6.25934999147151494 52.0908928633484507, 6.25934999147151494 52.0908928633484507)))</t>
  </si>
  <si>
    <t>MultiPolygon (((6.22016299850331134 52.10032689781068171, 6.22447641516865691 52.10019906980787141, 6.22450969731110693 52.10186242905485443, 6.22215602959231262 52.10672565874178019, 6.22577782409565117 52.10685171060839593, 6.22663773226169059 52.10940950729913368, 6.2324159800389447 52.11074713787703416, 6.23176846478072211 52.11115086586050893, 6.2338769782658181 52.11312579923542643, 6.23504340148263925 52.11280012253130423, 6.23592144802670223 52.11371653564969364, 6.24243173792041262 52.11253037195189819, 6.24156248684512516 52.11153117380096944, 6.243063724257639 52.1107121645321314, 6.25015601623461681 52.10852934115935398, 6.24454036581778471 52.10565442499073896, 6.24602114265021324 52.10150558769461071, 6.25053314139152949 52.09798060130741959, 6.24873543187059788 52.0955048005845569, 6.24527079607826074 52.09305910070504808, 6.24661662338121282 52.08816487248952143, 6.23692863337031156 52.08902622119408221, 6.2308472613553274 52.09047155041285038, 6.223527092809924 52.08838406227409479, 6.2216938926723806 52.08877469073536304, 6.21922311826337992 52.09254994540903283, 6.22016299850331134 52.10032689781068171, 6.22016299850331134 52.10032689781068171)))</t>
  </si>
  <si>
    <t>MultiPolygon (((6.25934999147151494 52.0908928633484507, 6.26070839330779005 52.09177715373342465, 6.26321802898569224 52.09094787141376059, 6.26574128721464252 52.08916902486223677, 6.262799704762255 52.08709829325530904, 6.25909510383637802 52.08590249318085341, 6.2545926650195387 52.08824857905014483, 6.25529015482993067 52.08967260797290777, 6.25258284843476364 52.09348565901898809, 6.256439217614437 52.09473531814786895, 6.25934999147151494 52.0908928633484507, 6.25934999147151494 52.0908928633484507)))</t>
  </si>
  <si>
    <t>MultiPolygon (((6.35769418113373863 52.10339710310165628, 6.35794299453094247 52.1026931032505729, 6.3622884919340752 52.101496854397503, 6.36497977348138111 52.10002374158884209, 6.36257519509209324 52.0983844351959533, 6.36055738286764871 52.09874802468925026, 6.3538996138552335 52.10200922465708828, 6.35536016192373943 52.10353680620308126, 6.35769418113373863 52.10339710310165628, 6.35769418113373863 52.10339710310165628)))</t>
  </si>
  <si>
    <t>MultiPolygon (((6.30563317855545691 52.11342616905939451, 6.31213971900216109 52.11292276833871995, 6.31525174783576659 52.10992676101778187, 6.31656568742864355 52.10740776874828128, 6.32961496291616932 52.10451937428007341, 6.3283222256178151 52.10370725622049548, 6.3163222923487119 52.10195534380170557, 6.31164428975350944 52.09679677317208757, 6.30576790714138635 52.09953142106660096, 6.31085557933896446 52.10148073479881248, 6.30198827664147032 52.10156245459587154, 6.29707215218477234 52.10269093542992636, 6.29919661685267851 52.11244753307789068, 6.30563317855545691 52.11342616905939451, 6.30563317855545691 52.11342616905939451)))</t>
  </si>
  <si>
    <t>MultiPolygon (((6.25875981997444875 52.0244884896804507, 6.26923843324678121 52.02477686932163436, 6.27368113266681249 52.02421798084870375, 6.27502692795229855 52.02330926526542498, 6.28054357220412829 52.02267671754513145, 6.28622552344890995 52.02316816309430436, 6.29017863834213653 52.02500781500390303, 6.29580771442520248 52.02404492028058769, 6.29590310871706915 52.02246132680286195, 6.29834961785852787 52.02168880566053843, 6.30411621756277629 52.02205217288646821, 6.30632536299695268 52.02311386129019155, 6.31266928506797864 52.02315388836294119, 6.31724882057581993 52.02479413034986067, 6.32051591209708707 52.02405321840381447, 6.32563869541970902 52.01128097615674051, 6.31936235537368063 52.00030740197137646, 6.32120198233279229 51.99969225698000486, 6.3203983673727322 51.99738938999512783, 6.31547251002348098 51.99516771194198839, 6.31644783007636512 51.99424316838636173, 6.31427010088352336 51.99409725896268952, 6.30477535194746253 51.99194784959383497, 6.29565761174464456 51.98846694271538382, 6.2954703213203338 51.98867707235096702, 6.2943405832025352 51.99031599645469726, 6.29392606250834774 51.99203497346111646, 6.29189673528607063 51.99334536864995471, 6.2855438503350225 51.99682680474798957, 6.28761453493259737 52.00155351914607849, 6.28336450242291011 52.00294664508312792, 6.27783900259660577 52.00517764172357005, 6.27391355260357297 52.0102627707843439, 6.26584957884661087 52.01745430719929431, 6.26153160130030173 52.01933394597178761, 6.25808469635506981 52.02326672781553185, 6.25875981997444875 52.0244884896804507, 6.25875981997444875 52.0244884896804507),(6.30552829480623256 52.01284552688732532, 6.30224462503805327 52.01218993715104233, 6.30269927757589077 52.00870948541875549, 6.30434216694212779 52.00785007368941137, 6.30797587475344379 52.01017025756721068, 6.30810094145593769 52.0112769548905689, 6.30552829480623256 52.01284552688732532, 6.30552829480623256 52.01284552688732532)))</t>
  </si>
  <si>
    <t>MultiPolygon (((6.39666549214441815 52.03941565107461287, 6.4245361906399534 52.04244725522295312, 6.42719188644683825 52.04319024140939831, 6.43164314670738069 52.03934888474246634, 6.43494816240919043 52.03477147670086822, 6.43245124106861432 52.03507352242985462, 6.43541937630945249 52.03038233194940432, 6.43619195034318015 52.03067932310661092, 6.44002695091203137 52.02714791198540922, 6.4377677737040111 52.02659695314871158, 6.43719481748392219 52.02555909933513334, 6.43853896389078173 52.02501029043532554, 6.45761756840997148 52.02233917881919467, 6.46218520424326215 52.02170080360347271, 6.45919947447476961 52.0187218410971397, 6.46205800501760663 52.01691492153494778, 6.46032912538160264 52.0145808724445402, 6.46183374220048545 52.01375890294421112, 6.46186906488922475 52.0120339769873965, 6.46563176230283965 52.00769514471762989, 6.46026757269594842 52.00617130688763012, 6.46748819468650993 52.00075674733239595, 6.45920823080400908 51.99775212200262331, 6.46005767660707964 51.99515095534962938, 6.47577276093887377 51.98813623172114973, 6.46873271200740962 51.98109809590268071, 6.46692680891912364 51.97862178875401185, 6.46785048554855102 51.97821890933040834, 6.46671003127186594 51.97705641677276134, 6.46259472235778354 51.97621534195772597, 6.46312910478989 51.9753050685496234, 6.46151854572889128 51.97514779970877896, 6.46019426736712266 51.97355716656356606, 6.45309771429112278 51.97167183201993623, 6.45179053397004676 51.97179712178152045, 6.44750182689172124 51.96970831629542431, 6.4413363402728363 51.97085706201497857, 6.44129250597569936 51.97172976837332925, 6.43935081512960394 51.972100742504864, 6.43906139359702134 51.97155513824260709, 6.437505354153644 51.97157480847602784, 6.43704083162851415 51.97072436061813505, 6.43488748863954108 51.97097286192173726, 6.43480178534299707 51.97207539609075866, 6.43012342166702222 51.97182841250479157, 6.42692266771914777 51.97199695481072723, 6.42558782073545309 51.97259401179969274, 6.41608186559837357 51.97262191748109927, 6.40251967196962024 51.98215059805060179, 6.40534234017884962 51.98229020434509806, 6.40440078740509389 51.98749948524588405, 6.40634833404663606 51.9904947107598403, 6.40496845254355662 51.99935862860972691, 6.40676967138612241 52.00024836968791675, 6.40937831383906254 52.00466983432875168, 6.3936778976874864 52.02198968152828229, 6.39666549214441815 52.03941565107461287),(6.42929790614912378 51.99420291839668096, 6.4276698824006484 51.99476564609270213, 6.42461727193313337 51.99222068640440142, 6.4238810314144219 51.98758558605200619, 6.43308957008339988 51.98615124912986829, 6.43525787618086831 51.98735779823790182, 6.43795875538305662 51.99127810672150929, 6.43493275416642341 51.9928753303226685, 6.42929790614912378 51.99420291839668096)))</t>
  </si>
  <si>
    <t>MultiPolygon (((6.35072252924623193 52.03457913603049434, 6.39666549214441815 52.03941565107461287, 6.3936778976874864 52.02198968152828229, 6.40937831383906254 52.00466983432875168, 6.40676967138612241 52.00024836968791675, 6.40496845254355662 51.99935862860972691, 6.40634833404663606 51.9904947107598403, 6.40440078740509389 51.98749948524588405, 6.40534234017884962 51.98229020434509806, 6.40251967196962024 51.98215059805060179, 6.39639968027359274 51.98001184514863127, 6.39030592603909664 51.98025853082454972, 6.38087808244334909 51.97773814290826522, 6.38583906785236799 51.97616968425838024, 6.38832518336357502 51.97611687909593314, 6.39082092525392298 51.97073776331706085, 6.39037803429163098 51.96832788302859285, 6.38139209808197005 51.96797881721811052, 6.3734561762192854 51.96985834004275517, 6.36835075716099652 51.96853242125919792, 6.36533848836922189 51.96962621096450619, 6.36629070979251743 51.97177574653798615, 6.36876533275861068 51.97313755121890466, 6.3698574740677989 51.97621594123472022, 6.35350586995923994 51.9746750816798837, 6.33737472137017388 51.97468474562169405, 6.3275188836270635 51.97574945168810245, 6.32772824129019451 51.97728683231787272, 6.33221613013786211 51.9828637702690628, 6.33565787843481498 51.98564646445303339, 6.32900559892157411 51.98914245579219084, 6.32645497884360442 51.99188890005621744, 6.32253946404438505 51.99341770306030241, 6.31913327958865345 51.99426071114083214, 6.31427010088352336 51.99409725896268952, 6.31644783007636512 51.99424316838636173, 6.31547251002348098 51.99516771194198839, 6.3203983673727322 51.99738938999512783, 6.32120198233279229 51.99969225698000486, 6.31936235537368063 52.00030740197137646, 6.32563869541970902 52.01128097615674051, 6.32051591209708707 52.02405321840381447, 6.31968016165717206 52.02657338800310782, 6.32105213296070012 52.02636902341328096, 6.32485298590751377 52.0285708613073794, 6.32953332250991529 52.03241599588371002, 6.33634908452501655 52.0317311114330181, 6.33586917981735454 52.03298260351564153, 6.35072252924623193 52.03457913603049434, 6.35072252924623193 52.03457913603049434),(6.35758588325878016 52.01174740269042474, 6.35382141125962185 52.01395730087588021, 6.3515119944395062 52.01047684120925396, 6.34703993746966422 52.01119904260153959, 6.34674894347511653 52.01265192990950226, 6.3443675593636204 52.01315298789686636, 6.33875304860442057 52.00785995635770576, 6.3334561647900971 52.00661645185743254, 6.33480290893824538 52.00355704737135198, 6.33787421279776897 52.00196430787300272, 6.34198100058905734 52.0026508621004524, 6.34399067813428896 52.00212415958406353, 6.35026721658183391 51.99710123605010637, 6.35682097406667967 51.99752906423046284, 6.35657379397083844 52.00239434270292804, 6.35901851183147038 52.00828841444150186, 6.36219925112428175 52.00826659441641198, 6.36306270116559247 52.01006335534613356, 6.35758588325878016 52.01174740269042474, 6.35758588325878016 52.01174740269042474)))</t>
  </si>
  <si>
    <t>MultiPolygon (((6.30552829480623256 52.01284552688732532, 6.30810094145593769 52.0112769548905689, 6.30797587475344379 52.01017025756721068, 6.30434216694212779 52.00785007368941137, 6.30269927757589077 52.00870948541875549, 6.30224462503805327 52.01218993715104233, 6.30552829480623256 52.01284552688732532, 6.30552829480623256 52.01284552688732532)))</t>
  </si>
  <si>
    <t>MultiPolygon (((6.42929790614912378 51.99420291839668096, 6.43493275416642341 51.9928753303226685, 6.43795875538305662 51.99127810672150929, 6.43525787618086831 51.98735779823790182, 6.43308957008339988 51.98615124912986829, 6.4238810314144219 51.98758558605200619, 6.42461727193313337 51.99222068640440142, 6.4276698824006484 51.99476564609270213, 6.42929790614912378 51.99420291839668096, 6.42929790614912378 51.99420291839668096)))</t>
  </si>
  <si>
    <t>MultiPolygon (((6.35758588325878016 52.01174740269042474, 6.36306270116559247 52.01006335534613356, 6.36219925112428175 52.00826659441641198, 6.35901851183147038 52.00828841444150186, 6.35657379397083844 52.00239434270292804, 6.35682097406667967 51.99752906423046284, 6.35026721658183391 51.99710123605010637, 6.34399067813428896 52.00212415958406353, 6.34198100058905734 52.0026508621004524, 6.33787421279776897 52.00196430787300272, 6.33480290893824538 52.00355704737135198, 6.3334561647900971 52.00661645185743254, 6.33875304860442057 52.00785995635770576, 6.3443675593636204 52.01315298789686636, 6.34674894347511653 52.01265192990950226, 6.34703993746966422 52.01119904260153959, 6.3515119944395062 52.01047684120925396, 6.35382141125962185 52.01395730087588021, 6.35758588325878016 52.01174740269042474, 6.35758588325878016 52.01174740269042474)))</t>
  </si>
  <si>
    <t>MultiPolygon (((6.41341897536096361 52.05496922670285187, 6.41544834422118093 52.05082573369113419, 6.41651060144803065 52.0502992865113967, 6.41821432361634869 52.0486007576960148, 6.41908840962441651 52.04825192432515024, 6.41888152655784339 52.04810596289578939, 6.41924384495815303 52.04782314844432278, 6.41874688649123737 52.04754588722232711, 6.42036331189257758 52.04645810081265722, 6.42323716060356631 52.04748120063025851, 6.42571258091431741 52.04479198648438398, 6.42373428733386564 52.04401895234173026, 6.4245361906399534 52.04244725522295312, 6.39666549214441815 52.03941565107461287, 6.35072252924623193 52.03457913603049434, 6.34363730123243652 52.03810933238715108, 6.34314741288663075 52.04874152764447359, 6.34770674074971186 52.04673843717677073, 6.35246707521179754 52.05115983400990842, 6.36338845353883009 52.04566396020199193, 6.36899806555556491 52.0456704016120355, 6.37042274258168728 52.04443324590346265, 6.37756701096055245 52.04831405028991753, 6.38664557448973103 52.05146342346375121, 6.38925987611974033 52.04893954247867782, 6.3909424441190481 52.04932885742651649, 6.3928545737623752 52.0519040893638163, 6.40339960160184418 52.05194107655016467, 6.40419169620474626 52.05381568292661854, 6.4020026225456208 52.0552744453830627, 6.40534193147307107 52.05669813368473342, 6.40927913818365358 52.05466319765372418, 6.41267106855185887 52.05805671372047527, 6.41362903266925688 52.05791021813747932, 6.41409971289075642 52.05774962653157445, 6.41332495590462415 52.05638582003906834, 6.41341897536096361 52.05496922670285187),(6.41056217303295206 52.04905125085689122, 6.4086378605027301 52.04860672761424922, 6.40899858114043575 52.0448005328452723, 6.40983582622428205 52.04265479315552057, 6.41189426924550965 52.04253183842475039, 6.41332356608487686 52.04327078885275171, 6.41417449259348516 52.04489847284234116, 6.41181132306348012 52.04846061504078847, 6.41056217303295206 52.04905125085689122)))</t>
  </si>
  <si>
    <t>MultiPolygon (((6.35118460959721975 52.07035159532041746, 6.3519363139573759 52.07071733840075467, 6.3519803326944615 52.07369795811743529, 6.35431734486147981 52.07645932672890154, 6.35762236387636559 52.07515585165722172, 6.37508739632134169 52.07369095210502508, 6.38829434738468294 52.07186458505108817, 6.4108583228005811 52.0655373105748609, 6.41322317530743469 52.06261750723350445, 6.41362903266925688 52.05791021813747932, 6.41267106855185887 52.05805671372047527, 6.40927913818365358 52.05466319765372418, 6.40534193147307107 52.05669813368473342, 6.4020026225456208 52.0552744453830627, 6.40419169620474626 52.05381568292661854, 6.40339960160184418 52.05194107655016467, 6.3928545737623752 52.0519040893638163, 6.3909424441190481 52.04932885742651649, 6.38925987611974033 52.04893954247867782, 6.38664557448973103 52.05146342346375121, 6.37756701096055245 52.04831405028991753, 6.37042274258168728 52.04443324590346265, 6.36899806555556491 52.0456704016120355, 6.36338845353883009 52.04566396020199193, 6.35246707521179754 52.05115983400990842, 6.35134071074246176 52.05172635804792947, 6.35832992570832811 52.05170852385300861, 6.36063628192637776 52.0546529194838854, 6.35955797777588216 52.06133055149186362, 6.35317645231468919 52.06294793499370854, 6.35459920528772049 52.06332557534638994, 6.35577959904941725 52.06597987339527123, 6.34846999110035171 52.06808467349527803, 6.35118460959721975 52.07035159532041746, 6.35118460959721975 52.07035159532041746)))</t>
  </si>
  <si>
    <t>MultiPolygon (((6.2727535412471882 52.07337923664340451, 6.28129556714919879 52.07280376103365427, 6.28372529336739394 52.0726364025717956, 6.29115454877267855 52.07384865444135613, 6.30136463975264771 52.07372440476775921, 6.30410762435512328 52.07543850608810487, 6.30577220876057609 52.07297730002598968, 6.30423144379678568 52.06853913030360559, 6.29354510676270529 52.0702021529823611, 6.29124966377221462 52.06364917053748798, 6.2841168103292242 52.06175404330252121, 6.27964217795056179 52.06289728078076706, 6.27163745787134363 52.06075801073805565, 6.26966742555813727 52.05964753907936426, 6.26506478675317258 52.05427449847223897, 6.26792903021529568 52.05305313826968927, 6.27327865539265961 52.05217425737484405, 6.27633490343146772 52.04954734792709559, 6.28095060670289485 52.04816214973401856, 6.2863315720762829 52.04200192932263036, 6.27679008576921671 52.03768799925803279, 6.27551805489887471 52.03822062757060962, 6.26048574516577361 52.03790165435371051, 6.25576970262843979 52.04933537972772939, 6.25784921516431236 52.05483146576745668, 6.26180515316731068 52.06396083728750313, 6.26330299047062855 52.06536945861866883, 6.26990242837225598 52.06780589933528347, 6.27108700858735002 52.06908445748656789, 6.27112330417053254 52.07147613728096047, 6.2727535412471882 52.07337923664340451, 6.2727535412471882 52.07337923664340451)))</t>
  </si>
  <si>
    <t>MultiPolygon (((6.30410762435512328 52.07543850608810487, 6.30852795605168826 52.07675691041130506, 6.31369568738972298 52.07729394351799357, 6.33182203825238688 52.07711328796909811, 6.32927297944356493 52.0730569267363208, 6.33235772684199638 52.07126095895498707, 6.33515258638393863 52.07048748273300731, 6.35118460959721975 52.07035159532041746, 6.34846999110035171 52.06808467349527803, 6.35577959904941725 52.06597987339527123, 6.35459920528772049 52.06332557534638994, 6.35317645231468919 52.06294793499370854, 6.3224449508123497 52.05575963925793559, 6.32216196416703102 52.05701242438826171, 6.32089474170030297 52.05720843101700268, 6.30807789416253417 52.05623354356288246, 6.30714877355380477 52.05891378321943108, 6.30471487863889113 52.05791004172422021, 6.30413490247373698 52.05536882709292001, 6.30609232265396003 52.04418272607168205, 6.30531316748389159 52.04156089957803033, 6.30328207910992688 52.03963731243651125, 6.30772279340241671 52.03876584502802416, 6.31133670366438615 52.03916789740938498, 6.31032053579282515 52.04120849771548762, 6.31151421409110558 52.04131954800013915, 6.31298188130321147 52.03869963380586938, 6.31286025242792537 52.03557058910121924, 6.30910323825113206 52.03635511661362045, 6.30316406505751647 52.03913682273343966, 6.29862861755132375 52.03994420235206064, 6.29530421280016483 52.0402476973930419, 6.29240997191300799 52.03912029402684425, 6.28850967814026252 52.03883814889883297, 6.2863315720762829 52.04200192932263036, 6.28095060670289485 52.04816214973401856, 6.27633490343146772 52.04954734792709559, 6.27327865539265961 52.05217425737484405, 6.26792903021529568 52.05305313826968927, 6.26506478675317258 52.05427449847223897, 6.26966742555813727 52.05964753907936426, 6.27163745787134363 52.06075801073805565, 6.27964217795056179 52.06289728078076706, 6.2841168103292242 52.06175404330252121, 6.29124966377221462 52.06364917053748798, 6.29354510676270529 52.0702021529823611, 6.30423144379678568 52.06853913030360559, 6.30577220876057609 52.07297730002598968, 6.30410762435512328 52.07543850608810487, 6.30410762435512328 52.07543850608810487)))</t>
  </si>
  <si>
    <t>MultiPolygon (((6.3224449508123497 52.05575963925793559, 6.35317645231468919 52.06294793499370854, 6.35955797777588216 52.06133055149186362, 6.36063628192637776 52.0546529194838854, 6.35832992570832811 52.05170852385300861, 6.35134071074246176 52.05172635804792947, 6.35246707521179754 52.05115983400990842, 6.34770674074971186 52.04673843717677073, 6.34314741288663075 52.04874152764447359, 6.34363730123243652 52.03810933238715108, 6.35072252924623193 52.03457913603049434, 6.33586917981735454 52.03298260351564153, 6.33634908452501655 52.0317311114330181, 6.32953332250991529 52.03241599588371002, 6.32485298590751377 52.0285708613073794, 6.32105213296070012 52.02636902341328096, 6.31968016165717206 52.02657338800310782, 6.31286025242792537 52.03557058910121924, 6.31298188130321147 52.03869963380586938, 6.31151421409110558 52.04131954800013915, 6.31034647876035582 52.0448738691556585, 6.31583760638379665 52.04416047059593353, 6.3180161545440745 52.04573509161082967, 6.31936728295087935 52.04783307056484176, 6.3167511324146588 52.04938968153368251, 6.31674118814171948 52.05296890523312925, 6.3224449508123497 52.05575963925793559, 6.3224449508123497 52.05575963925793559)))</t>
  </si>
  <si>
    <t>MultiPolygon (((6.26048574516577361 52.03790165435371051, 6.27551805489887471 52.03822062757060962, 6.27679008576921671 52.03768799925803279, 6.2863315720762829 52.04200192932263036, 6.28850967814026252 52.03883814889883297, 6.29240997191300799 52.03912029402684425, 6.29530421280016483 52.0402476973930419, 6.29862861755132375 52.03994420235206064, 6.30316406505751647 52.03913682273343966, 6.30910323825113206 52.03635511661362045, 6.31286025242792537 52.03557058910121924, 6.31968016165717206 52.02657338800310782, 6.32051591209708707 52.02405321840381447, 6.31724882057581993 52.02479413034986067, 6.31266928506797864 52.02315388836294119, 6.30632536299695268 52.02311386129019155, 6.30411621756277629 52.02205217288646821, 6.29834961785852787 52.02168880566053843, 6.29590310871706915 52.02246132680286195, 6.29580771442520248 52.02404492028058769, 6.29017863834213653 52.02500781500390303, 6.28622552344890995 52.02316816309430436, 6.28054357220412829 52.02267671754513145, 6.27502692795229855 52.02330926526542498, 6.27368113266681249 52.02421798084870375, 6.26923843324678121 52.02477686932163436, 6.25875981997444875 52.0244884896804507, 6.26130001680871207 52.02969682531093554, 6.26048574516577361 52.03790165435371051, 6.26048574516577361 52.03790165435371051),(6.30020449915567404 52.03337172173659297, 6.30033611046396125 52.03398557756485587, 6.29289529615211229 52.03371694800627978, 6.29023825160155337 52.03276490974078428, 6.28949949205746695 52.03132622132072527, 6.29330127159080543 52.02569150142019083, 6.29460887205187358 52.02529042191765996, 6.29859560453000356 52.02764974345454618, 6.30020449915567404 52.03337172173659297, 6.30020449915567404 52.03337172173659297)))</t>
  </si>
  <si>
    <t>MultiPolygon (((6.41056217303295206 52.04905125085689122, 6.41181132306348012 52.04846061504078847, 6.41417449259348516 52.04489847284234116, 6.41332356608487686 52.04327078885275171, 6.41189426924550965 52.04253183842475039, 6.40983582622428205 52.04265479315552057, 6.40899858114043575 52.0448005328452723, 6.4086378605027301 52.04860672761424922, 6.41056217303295206 52.04905125085689122, 6.41056217303295206 52.04905125085689122)))</t>
  </si>
  <si>
    <t>MultiPolygon (((6.30020449915567404 52.03337172173659297, 6.29859560453000356 52.02764974345454618, 6.29460887205187358 52.02529042191765996, 6.29330127159080543 52.02569150142019083, 6.28949949205746695 52.03132622132072527, 6.29023825160155337 52.03276490974078428, 6.29289529615211229 52.03371694800627978, 6.30033611046396125 52.03398557756485587, 6.30020449915567404 52.03337172173659297, 6.30020449915567404 52.03337172173659297)))</t>
  </si>
  <si>
    <t>MultiPolygon (((6.3224449508123497 52.05575963925793559, 6.31674118814171948 52.05296890523312925, 6.3167511324146588 52.04938968153368251, 6.31936728295087935 52.04783307056484176, 6.3180161545440745 52.04573509161082967, 6.31583760638379665 52.04416047059593353, 6.31034647876035582 52.0448738691556585, 6.31151421409110558 52.04131954800013915, 6.31032053579282515 52.04120849771548762, 6.31133670366438615 52.03916789740938498, 6.30772279340241671 52.03876584502802416, 6.30328207910992688 52.03963731243651125, 6.30531316748389159 52.04156089957803033, 6.30609232265396003 52.04418272607168205, 6.30413490247373698 52.05536882709292001, 6.30471487863889113 52.05791004172422021, 6.30714877355380477 52.05891378321943108, 6.30807789416253417 52.05623354356288246, 6.32089474170030297 52.05720843101700268, 6.32216196416703102 52.05701242438826171, 6.3224449508123497 52.05575963925793559, 6.3224449508123497 52.05575963925793559)))</t>
  </si>
  <si>
    <t>MultiPolygon (((4.32290603164140119 51.94269820509951785, 4.31484311754668415 51.93681013661538515, 4.31374710957877827 51.93493313731375594, 4.29507341569975321 51.92287837823974428, 4.28574225736329151 51.93324695084456977, 4.28827393618955455 51.93414052542430426, 4.27986537306826875 51.94170485182352337, 4.27284018926728759 51.9399378084121679, 4.27661738024368354 51.9477047413818056, 4.27759468379628327 51.94943906847648663, 4.28423208647579834 51.95064017815594326, 4.29726608688549394 51.95733985696264057, 4.31361085790217658 51.95966214167481212, 4.32290603164140119 51.94269820509951785, 4.32290603164140119 51.94269820509951785)))</t>
  </si>
  <si>
    <t>MultiPolygon (((4.2614200588540383 51.92678075412872829, 4.26052207298995711 51.92730681817118921, 4.259402033711571 51.92800395855793028, 4.25309468442999172 51.93273298994309073, 4.24177531427130017 51.9417960203108322, 4.27661738024368354 51.9477047413818056, 4.27284018926728759 51.9399378084121679, 4.26822756646772916 51.93877729120589493, 4.262547273276585 51.93733765878230457, 4.26692427601188307 51.9289054128572829, 4.26353795802601443 51.92804941069879732, 4.2614200588540383 51.92678075412872829, 4.2614200588540383 51.92678075412872829)))</t>
  </si>
  <si>
    <t>MultiPolygon (((4.26692427601188307 51.9289054128572829, 4.262547273276585 51.93733765878230457, 4.26822756646772916 51.93877729120589493, 4.26904481035071282 51.93753646951341096, 4.26916266627205232 51.93266526981640396, 4.27139458877781752 51.92749486794500058, 4.26692427601188307 51.9289054128572829, 4.26692427601188307 51.9289054128572829)))</t>
  </si>
  <si>
    <t>MultiPolygon (((4.27468627214600261 51.97339617851685745, 4.27816106200016133 51.97043317469272239, 4.28031503384042544 51.97145140389689288, 4.28231722068491738 51.96978808271740746, 4.29726608688549394 51.95733985696264057, 4.28423208647579834 51.95064017815594326, 4.27759468379628327 51.94943906847648663, 4.27661738024368354 51.9477047413818056, 4.24177531427130017 51.9417960203108322, 4.24031715871065895 51.94287211357109868, 4.24125794226572683 51.94367452994549694, 4.2393984698958409 51.94463682204410304, 4.23409928549424386 51.94973535510682439, 4.2339574323827307 51.95333139958055568, 4.25362903952183924 51.95886674794689242, 4.25826796409273811 51.95896530462314189, 4.26344857225664864 51.96009359551154461, 4.27653742964576455 51.96505397712134311, 4.27145577584504998 51.96985990122106358, 4.2724646730017346 51.97025599069643675, 4.27194948054394619 51.9716144120241168, 4.27322469078423417 51.97364302483011045, 4.27468627214600261 51.97339617851685745, 4.27468627214600261 51.97339617851685745)))</t>
  </si>
  <si>
    <t>MultiPolygon (((4.28574225736329151 51.93324695084456977, 4.29507341569975321 51.92287837823974428, 4.29295375477002672 51.92146780918267268, 4.29261100862288725 51.92123631982094167, 4.27269598331335398 51.92354100136129347, 4.27068284100954187 51.92353316314437706, 4.26612837922239141 51.92530212156785296, 4.26427237263883452 51.92546822978280119, 4.2614200588540383 51.92678075412872829, 4.26353795802601443 51.92804941069879732, 4.26692427601188307 51.9289054128572829, 4.27139458877781752 51.92749486794500058, 4.28574225736329151 51.93324695084456977, 4.28574225736329151 51.93324695084456977)))</t>
  </si>
  <si>
    <t>MultiPolygon (((4.26822756646772916 51.93877729120589493, 4.27284018926728759 51.9399378084121679, 4.27986537306826875 51.94170485182352337, 4.28827393618955455 51.93414052542430426, 4.28574225736329151 51.93324695084456977, 4.27139458877781752 51.92749486794500058, 4.26916266627205232 51.93266526981640396, 4.26904481035071282 51.93753646951341096, 4.26822756646772916 51.93877729120589493, 4.26822756646772916 51.93877729120589493)))</t>
  </si>
  <si>
    <t>MultiPolygon (((4.31330916951945298 52.0009490015959841, 4.31916189016138574 51.99464928536562525, 4.30931139749985004 51.99079653797140566, 4.30290081750003317 51.9800916358160805, 4.30181627299173996 51.98120029174261703, 4.29927089361760739 51.98111385871823842, 4.29878152339253194 51.98216123635820196, 4.29632459849626258 51.98176477767669468, 4.29562946299382986 51.98359712161629176, 4.29191335301044141 51.98297231148463027, 4.29019264846400361 51.9873965798053419, 4.28868378570288211 51.98882526180433672, 4.28753707739685463 51.9890159369116347, 4.28408997571188088 51.98564098122329824, 4.28035542155658799 51.98853984506452264, 4.28032164062140463 51.99034746235701476, 4.27189425871624628 51.99289165054796769, 4.27111662489032806 51.99224680257558617, 4.26805597023765415 51.99338819426140645, 4.26685560598249314 51.99334026739771986, 4.26725248344927177 51.99358386939029231, 4.26524521102294507 51.99583620391123873, 4.27311726110770884 51.9992498929025686, 4.2814644877751391 52.00291601123005591, 4.30758881984248898 52.01469314148093304, 4.30981926156260808 52.01563403900753713, 4.31691371211429686 52.01878506773961419, 4.31758451079685912 52.01908681460574968, 4.31338835763959683 52.0129560138162006, 4.3149466850146645 52.01259476359649625, 4.31127369583920217 52.00724429446621144, 4.31124507612490593 52.00579750869492557, 4.31330916951945298 52.0009490015959841, 4.31330916951945298 52.0009490015959841),(4.29007049839125809 51.99663821986436574, 4.29255856478740405 51.99278235221548528, 4.29799587568123531 51.99411916283177959, 4.29550820101231334 51.99797514671545429, 4.29007049839125809 51.99663821986436574, 4.29007049839125809 51.99663821986436574)))</t>
  </si>
  <si>
    <t>MultiPolygon (((4.29799587568123531 51.99411916283177959, 4.29255856478740405 51.99278235221548528, 4.29007049839125809 51.99663821986436574, 4.29550820101231334 51.99797514671545429, 4.29799587568123531 51.99411916283177959, 4.29799587568123531 51.99411916283177959)))</t>
  </si>
  <si>
    <t>MultiPolygon (((4.35662588098057757 51.97729625742528015, 4.35737637939093148 51.9754926223130127, 4.35857167176439919 51.97565789973626948, 4.35883164470215956 51.97502014264995296, 4.3576564919814178 51.97481940429057801, 4.35820384687074025 51.97350383715330935, 4.35930701274873211 51.97369335155620718, 4.3594790011582214 51.9732803893087052, 4.35836879024757273 51.97310737941372594, 4.35853613502057513 51.9727051446552295, 4.35970104287608518 51.97287294270020652, 4.35988059622598101 51.97245727738435761, 4.35872093257860627 51.97226094967034982, 4.35954023194645846 51.97013539782889069, 4.36817383879632626 51.97158175963613758, 4.36917546419991076 51.96887046622438788, 4.37575233137081643 51.97014760785618392, 4.38630287838468913 51.97221405212884093, 4.38362248075681915 51.97581586797280551, 4.39380981126169079 51.97750347647559721, 4.39421726915592359 51.97632683571531231, 4.39617394871805089 51.97608016255917107, 4.3967457589213188 51.97418078096358585, 4.39772304301432015 51.97433365244666703, 4.3994532890669058 51.97051031555226075, 4.40293341254718396 51.96631631444287081, 4.3939875065808609 51.96263150566245059, 4.39175195663290729 51.96492104479843732, 4.3899474143579118 51.96460171291277419, 4.38977941319867249 51.96512640182558584, 4.37930946535638999 51.96340662685282297, 4.3635379378268393 51.9608742408712061, 4.36707117880663631 51.95521990826939884, 4.35067135888409329 51.95150652054201856, 4.33655642608560843 51.94739700373754943, 4.33553001812622707 51.94699396273436776, 4.3364604874975532 51.94643445423771055, 4.32387347993490323 51.94164000849949048, 4.32290603164140119 51.94269820509951785, 4.31361085790217658 51.95966214167481212, 4.31242293524352061 51.96137149323416793, 4.31132084546633187 51.96939631186004505, 4.33868384823801723 51.97365967709939127, 4.33822732482013329 51.97417771624857608, 4.34313436971233013 51.97567480160886788, 4.34506890045182725 51.97541935123647505, 4.35662588098057757 51.97729625742528015)))</t>
  </si>
  <si>
    <t>MultiPolygon (((4.30269071418984339 51.97969556230407306, 4.31067472528530793 51.97357283864450039, 4.31132084546633187 51.96939631186004505, 4.31242293524352061 51.96137149323416793, 4.31361085790217658 51.95966214167481212, 4.29726608688549394 51.95733985696264057, 4.28231722068491738 51.96978808271740746, 4.28412746832352553 51.97062661968343633, 4.28509155532912889 51.96988957754970073, 4.28930307205656813 51.97191048505853672, 4.28755346081598709 51.9733553684379288, 4.29598078591229893 51.97753277941082928, 4.29825316463013785 51.97746394729836794, 4.30269071418984339 51.97969556230407306, 4.30269071418984339 51.97969556230407306)))</t>
  </si>
  <si>
    <t>MultiPolygon (((4.32848765044423267 51.98570201862716544, 4.33204213780501579 51.98406790655577225, 4.33272364151164524 51.98045665064039156, 4.33822732482013329 51.97417771624857608, 4.32344053350444391 51.97179773598220009, 4.31989579455445494 51.98044479921128413, 4.30290081750003317 51.9800916358160805, 4.30931139749985004 51.99079653797140566, 4.31916189016138574 51.99464928536562525, 4.32411192735903605 51.98985860501338863, 4.32848765044423267 51.98570201862716544, 4.32848765044423267 51.98570201862716544)))</t>
  </si>
  <si>
    <t>MultiPolygon (((4.32021774300720729 52.00806544663136322, 4.32324442200849912 52.00433561314940789, 4.32634627081071965 52.00529279640242208, 4.32575973880432141 52.0060171296072653, 4.327740302315771 52.00640479264965421, 4.3282595547284588 52.00591995341901708, 4.33131179499156005 52.00728013967886909, 4.33265569306021625 52.00788283986818783, 4.3363708559648364 52.00475318157830174, 4.33845322648167198 52.00569073445075929, 4.33903762591095976 52.00504791961825646, 4.34109725110687528 52.0027827428425482, 4.34114250072902319 52.00271036189334239, 4.33583429134000298 52.00105531414118332, 4.33771686754718733 51.99880253979173972, 4.33152500080776726 51.99785217226842349, 4.3328139384500135 51.99555332314697864, 4.33310954246900426 51.99317179815655976, 4.32573234440235943 51.99195122584879414, 4.32411192735903605 51.98985860501338863, 4.31916189016138574 51.99464928536562525, 4.31330916951945298 52.0009490015959841, 4.31124507612490593 52.00579750869492557, 4.31127369583920217 52.00724429446621144, 4.3149466850146645 52.01259476359649625, 4.31338835763959683 52.0129560138162006, 4.31758451079685912 52.01908681460574968, 4.31950704152774811 52.01986047653582546, 4.32595624087535846 52.012793313497518, 4.32562419784108076 52.01232245044462843, 4.32547071649412107 52.01086923264821138, 4.32063573745276486 52.00932203285046285, 4.32149005956869736 52.0084634929235321, 4.32021774300720729 52.00806544663136322, 4.32021774300720729 52.00806544663136322)))</t>
  </si>
  <si>
    <t>MultiPolygon (((4.30269071418984339 51.97969556230407306, 4.30290081750003317 51.9800916358160805, 4.31989579455445494 51.98044479921128413, 4.32344053350444391 51.97179773598220009, 4.33822732482013329 51.97417771624857608, 4.33868384823801723 51.97365967709939127, 4.31132084546633187 51.96939631186004505, 4.31067472528530793 51.97357283864450039, 4.30269071418984339 51.97969556230407306, 4.30269071418984339 51.97969556230407306)))</t>
  </si>
  <si>
    <t>MultiPolygon (((4.17266569708229618 52.03121324733115927, 4.16806872584400967 52.02872389058506286, 4.16571295645776196 52.02744801589735602, 4.16403133840619422 52.02852460159120085, 4.17047649112484198 52.0325393071818354, 4.17266569708229618 52.03121324733115927, 4.17266569708229618 52.03121324733115927)))</t>
  </si>
  <si>
    <t>MultiPolygon (((4.22492885162789822 52.0320704777646057, 4.21959981061143452 52.02845813363219918, 4.21265845061276956 52.02340244654063639, 4.21279079868615014 52.02287430696722481, 4.21244199901846983 52.02256582579448008, 4.20701784565115133 52.02266906019396231, 4.20803354629358406 52.01763736664869953, 4.20142666760284023 52.01518645144044939, 4.19724794008377788 52.02325518286811246, 4.20159716024342345 52.02520803754627821, 4.19794118519235138 52.02837460135143033, 4.20336051506999997 52.03102804377544288, 4.2069255573193125 52.03104857016417384, 4.20974794161622778 52.03038769055547164, 4.21225506243341563 52.030752371620963, 4.21922671307184949 52.03373677915040219, 4.22832578200988252 52.03464202163354457, 4.22492885162789822 52.0320704777646057, 4.22492885162789822 52.0320704777646057)))</t>
  </si>
  <si>
    <t>MultiPolygon (((4.21244199901846983 52.02256582579448008, 4.21313490011052671 52.0200033055150044, 4.20803354629358406 52.01763736664869953, 4.20701784565115133 52.02266906019396231, 4.21244199901846983 52.02256582579448008, 4.21244199901846983 52.02256582579448008)))</t>
  </si>
  <si>
    <t>MultiPolygon (((4.22832578200988252 52.03464202163354457, 4.23505399536342431 52.03925633033003351, 4.24141538033710219 52.03194954370482606, 4.23519448300075307 52.0280724301815809, 4.22894769825019523 52.02940095278039223, 4.22492885162789822 52.0320704777646057, 4.22832578200988252 52.03464202163354457, 4.22832578200988252 52.03464202163354457)))</t>
  </si>
  <si>
    <t>MultiPolygon (((4.21959981061143452 52.02845813363219918, 4.22492885162789822 52.0320704777646057, 4.22894769825019523 52.02940095278039223, 4.23519448300075307 52.0280724301815809, 4.22654916636733979 52.02329688878742076, 4.22453185414133525 52.0252824329849517, 4.21893117671432449 52.02752536840094422, 4.21959981061143452 52.02845813363219918, 4.21959981061143452 52.02845813363219918)))</t>
  </si>
  <si>
    <t>MultiPolygon (((4.21959981061143452 52.02845813363219918, 4.21893117671432449 52.02752536840094422, 4.22453185414133525 52.0252824329849517, 4.22654916636733979 52.02329688878742076, 4.22407108357440464 52.02192481588286199, 4.22230512884114884 52.0220808356065092, 4.22107569070127475 52.02355292512113039, 4.21803875702049069 52.02394583765688907, 4.21670257135032767 52.02395261662682202, 4.21452849184580458 52.02265823230357, 4.21279079868615014 52.02287430696722481, 4.21265845061276956 52.02340244654063639, 4.21959981061143452 52.02845813363219918, 4.21959981061143452 52.02845813363219918)))</t>
  </si>
  <si>
    <t>MultiPolygon (((4.21244199901846983 52.02256582579448008, 4.21279079868615014 52.02287430696722481, 4.21452849184580458 52.02265823230357, 4.21670257135032767 52.02395261662682202, 4.21803875702049069 52.02394583765688907, 4.22107569070127475 52.02355292512113039, 4.22230512884114884 52.0220808356065092, 4.22407108357440464 52.02192481588286199, 4.22480517010081513 52.02072468661788918, 4.22070800460146778 52.02095651208634308, 4.21628514762782114 52.01986326900918556, 4.21313490011052671 52.0200033055150044, 4.21244199901846983 52.02256582579448008, 4.21244199901846983 52.02256582579448008)))</t>
  </si>
  <si>
    <t>MultiPolygon (((4.23819836893009949 52.01904705975176313, 4.23234307745799931 52.01882353738258757, 4.22480517010081513 52.02072468661788918, 4.22407108357440464 52.02192481588286199, 4.22654916636733979 52.02329688878742076, 4.23519448300075307 52.0280724301815809, 4.24141538033710219 52.03194954370482606, 4.24821710101620642 52.02522579567797578, 4.25110213219395394 52.02236233509311347, 4.24165691704408232 52.0198375344637256, 4.23819836893009949 52.01904705975176313, 4.23819836893009949 52.01904705975176313)))</t>
  </si>
  <si>
    <t>MultiPolygon (((4.25637662811188111 52.02834791043713381, 4.25889470913543455 52.02553509268005882, 4.25941845066384062 52.02196679221564324, 4.26415259237895317 52.02313863399062654, 4.26618909368216137 52.02098167397581108, 4.27232194890015204 52.01723254917539663, 4.27871496772750959 52.01400781346996638, 4.26958692715418575 52.00904790791962284, 4.2814644877751391 52.00291601123005591, 4.27311726110770884 51.9992498929025686, 4.25430325190563963 52.00944098549046402, 4.26048808174266469 52.0139629840995994, 4.26413316834611678 52.01290932232290487, 4.26281849638969046 52.01432632107648857, 4.26398603436507528 52.01465147575357406, 4.25834184493577705 52.01737849514732659, 4.25890536225514627 52.01815988729030948, 4.25543113147162533 52.01622363189167686, 4.24857077316616305 52.01445381463550177, 4.25005265570505397 52.01284311683193096, 4.24907229536094366 52.01223736079646187, 4.24165691704408232 52.0198375344637256, 4.25110213219395394 52.02236233509311347, 4.24821710101620642 52.02522579567797578, 4.25506907215298913 52.02836960588319215, 4.25637662811188111 52.02834791043713381)))</t>
  </si>
  <si>
    <t>MultiPolygon (((4.26048808174266469 52.0139629840995994, 4.25624777211305183 52.01620549329920351, 4.25834184493577705 52.01737849514732659, 4.26398603436507528 52.01465147575357406, 4.26281849638969046 52.01432632107648857, 4.26413316834611678 52.01290932232290487, 4.26048808174266469 52.0139629840995994, 4.26048808174266469 52.0139629840995994)))</t>
  </si>
  <si>
    <t>MultiPolygon (((4.26048808174266469 52.0139629840995994, 4.25430325190563963 52.00944098549046402, 4.24907229536094366 52.01223736079646187, 4.25005265570505397 52.01284311683193096, 4.24857077316616305 52.01445381463550177, 4.25543113147162533 52.01622363189167686, 4.25890536225514627 52.01815988729030948, 4.25834184493577705 52.01737849514732659, 4.25624777211305183 52.01620549329920351, 4.26048808174266469 52.0139629840995994, 4.26048808174266469 52.0139629840995994)))</t>
  </si>
  <si>
    <t>MultiPolygon (((4.25763463418968957 51.97675627856039426, 4.26543979007112117 51.97890735978371879, 4.26767721798444732 51.97834638937010254, 4.25240713953593286 51.97277786300170987, 4.24778457042117186 51.9728083416777622, 4.25416217673057151 51.97512535516570154, 4.25354531898079191 51.97613293669115109, 4.25763463418968957 51.97675627856039426, 4.25763463418968957 51.97675627856039426)))</t>
  </si>
  <si>
    <t>MultiPolygon (((4.25047766761880386 51.98228275305555002, 4.25866145017769693 51.98465209609867799, 4.26543979007112117 51.97890735978371879, 4.25763463418968957 51.97675627856039426, 4.25047766761880386 51.98228275305555002, 4.25047766761880386 51.98228275305555002)))</t>
  </si>
  <si>
    <t>MultiPolygon (((4.24537249945884021 51.98105490915211391, 4.25047766761880386 51.98228275305555002, 4.25763463418968957 51.97675627856039426, 4.25354531898079191 51.97613293669115109, 4.25241521788412769 51.97732501423941898, 4.25068374034485696 51.9760906860951124, 4.2461599785925257 51.97528145331817484, 4.24309448006695522 51.98050692977984255, 4.24537249945884021 51.98105490915211391, 4.24537249945884021 51.98105490915211391)))</t>
  </si>
  <si>
    <t>MultiPolygon (((4.23501170583588493 51.98237628557500756, 4.23828054286636924 51.98382048790873711, 4.24102866385137389 51.98180290500986445, 4.24414669327403793 51.98231364768768969, 4.24537249945884021 51.98105490915211391, 4.24309448006695522 51.98050692977984255, 4.23861015288049803 51.97983929058388952, 4.23501170583588493 51.98237628557500756, 4.23501170583588493 51.98237628557500756)))</t>
  </si>
  <si>
    <t>MultiPolygon (((4.23861015288049803 51.97983929058388952, 4.24309448006695522 51.98050692977984255, 4.2461599785925257 51.97528145331817484, 4.24627032836779783 51.97291542938351938, 4.2389155070853306 51.97300603970199973, 4.23737416508542974 51.97533097697104409, 4.23607115543056345 51.97620358510413752, 4.2353025457202742 51.97930723314001966, 4.23861015288049803 51.97983929058388952, 4.23861015288049803 51.97983929058388952)))</t>
  </si>
  <si>
    <t>MultiPolygon (((4.2461599785925257 51.97528145331817484, 4.25068374034485696 51.9760906860951124, 4.25241521788412769 51.97732501423941898, 4.25354531898079191 51.97613293669115109, 4.25416217673057151 51.97512535516570154, 4.24778457042117186 51.9728083416777622, 4.24627032836779783 51.97291542938351938, 4.2461599785925257 51.97528145331817484, 4.2461599785925257 51.97528145331817484)))</t>
  </si>
  <si>
    <t>MultiPolygon (((4.21853376342289277 51.97698619863977143, 4.22469550760788604 51.97870747229943333, 4.22555534919794074 51.97763050410403451, 4.22719058892250299 51.97812788683157947, 4.2293356696666331 51.97543818999273668, 4.22775786232508999 51.9751714861467633, 4.22822350887033238 51.97451785346387254, 4.23737416508542974 51.97533097697104409, 4.2389155070853306 51.97300603970199973, 4.22943074092318927 51.97284088651284151, 4.22693575177989445 51.97117074909171208, 4.21916207048045955 51.96879049195561606, 4.2167442338982033 51.97147496399883693, 4.21658163503660255 51.97338197669645865, 4.21853376342289277 51.97698619863977143, 4.21853376342289277 51.97698619863977143)))</t>
  </si>
  <si>
    <t>MultiPolygon (((4.2353025457202742 51.97930723314001966, 4.23607115543056345 51.97620358510413752, 4.23737416508542974 51.97533097697104409, 4.22822350887033238 51.97451785346387254, 4.22775786232508999 51.9751714861467633, 4.2293356696666331 51.97543818999273668, 4.22719058892250299 51.97812788683157947, 4.22555534919794074 51.97763050410403451, 4.22469550760788604 51.97870747229943333, 4.23501170583588493 51.98237628557500756, 4.23861015288049803 51.97983929058388952, 4.2353025457202742 51.97930723314001966, 4.2353025457202742 51.97930723314001966)),((4.26685560598249314 51.99334026739771986, 4.26805597023765415 51.99338819426140645, 4.27111662489032806 51.99224680257558617, 4.27189425871624628 51.99289165054796769, 4.28032164062140463 51.99034746235701476, 4.28035542155658799 51.98853984506452264, 4.28408997571188088 51.98564098122329824, 4.28753707739685463 51.9890159369116347, 4.28868378570288211 51.98882526180433672, 4.29019264846400361 51.9873965798053419, 4.29191335301044141 51.98297231148463027, 4.29562946299382986 51.98359712161629176, 4.29632459849626258 51.98176477767669468, 4.29878152339253194 51.98216123635820196, 4.29927089361760739 51.98111385871823842, 4.30181627299173996 51.98120029174261703, 4.30290081750003317 51.9800916358160805, 4.30269071418984339 51.97969556230407306, 4.29825316463013785 51.97746394729836794, 4.29598078591229893 51.97753277941082928, 4.28755346081598709 51.9733553684379288, 4.28930307205656813 51.97191048505853672, 4.28509155532912889 51.96988957754970073, 4.28412746832352553 51.97062661968343633, 4.28231722068491738 51.96978808271740746, 4.28031503384042544 51.97145140389689288, 4.27816106200016133 51.97043317469272239, 4.27468627214600261 51.97339617851685745, 4.27322469078423417 51.97364302483011045, 4.27194948054394619 51.9716144120241168, 4.2724646730017346 51.97025599069643675, 4.27145577584504998 51.96985990122106358, 4.27653742964576455 51.96505397712134311, 4.26344857225664864 51.96009359551154461, 4.25826796409273811 51.95896530462314189, 4.25362903952183924 51.95886674794689242, 4.2339574323827307 51.95333139958055568, 4.23139477105621964 51.95675438079184971, 4.21916207048045955 51.96879049195561606, 4.22693575177989445 51.97117074909171208, 4.22943074092318927 51.97284088651284151, 4.2389155070853306 51.97300603970199973, 4.24627032836779783 51.97291542938351938, 4.24778457042117186 51.9728083416777622, 4.25240713953593286 51.97277786300170987, 4.26767721798444732 51.97834638937010254, 4.26543979007112117 51.97890735978371879, 4.25866145017769693 51.98465209609867799, 4.25047766761880386 51.98228275305555002, 4.24537249945884021 51.98105490915211391, 4.24414669327403793 51.98231364768768969, 4.24102866385137389 51.98180290500986445, 4.23828054286636924 51.98382048790873711, 4.24910837436546096 51.98858436722917986, 4.26524521102294507 51.99583620391123873, 4.26725248344927177 51.99358386939029231, 4.26685560598249314 51.99334026739771986, 4.26685560598249314 51.99334026739771986)))</t>
  </si>
  <si>
    <t>MultiPolygon (((4.28060080820385824 52.01765348730440053, 4.28126197439827472 52.01701025744691265, 4.2836160800184464 52.01805169496933701, 4.28682336897061411 52.01641011181226304, 4.28973669801878632 52.01764749113200992, 4.29551214852880658 52.01484843273212988, 4.30107536461927076 52.01786895195732541, 4.30266406151143244 52.01648804921440927, 4.3076385848212535 52.01815135964611159, 4.30981926156260808 52.01563403900753713, 4.30758881984248898 52.01469314148093304, 4.30493480325949385 52.01494291637899181, 4.30216915630287033 52.01442186245046173, 4.29402560312557391 52.0107961131633445, 4.28963794615021232 52.0101119396060767, 4.28647569829136277 52.01053597973044873, 4.27871496772750959 52.01400781346996638, 4.27232194890015204 52.01723254917539663, 4.27572303900294148 52.0182414429537161, 4.28060080820385824 52.01765348730440053, 4.28060080820385824 52.01765348730440053)))</t>
  </si>
  <si>
    <t>MultiPolygon (((4.28677341145887336 52.02296742893526726, 4.28699932328672784 52.02286897247412156, 4.29434458104856098 52.01935865086648647, 4.28973669801878632 52.01764749113200992, 4.28682336897061411 52.01641011181226304, 4.2836160800184464 52.01805169496933701, 4.28033279648985854 52.01955563108357694, 4.28677341145887336 52.02296742893526726, 4.28677341145887336 52.02296742893526726)))</t>
  </si>
  <si>
    <t>MultiPolygon (((4.27789680893099789 52.03246830070582263, 4.28174152339039882 52.02736818748807934, 4.28280038641126914 52.02762619458525251, 4.28347482238294752 52.02670022709688169, 4.2852498606271574 52.02742232548733625, 4.28588385246522829 52.02648083504882237, 4.28504668165272928 52.02626769112692529, 4.28048062183111 52.02517353714720372, 4.27280020015152218 52.02606327424626897, 4.27061954840166091 52.0291494134031467, 4.27589543072581435 52.03155798447421887, 4.27789680893099789 52.03246830070582263, 4.27789680893099789 52.03246830070582263)))</t>
  </si>
  <si>
    <t>MultiPolygon (((4.2814644877751391 52.00291601123005591, 4.26958692715418575 52.00904790791962284, 4.27871496772750959 52.01400781346996638, 4.28647569829136277 52.01053597973044873, 4.28963794615021232 52.0101119396060767, 4.29402560312557391 52.0107961131633445, 4.30216915630287033 52.01442186245046173, 4.30493480325949385 52.01494291637899181, 4.30758881984248898 52.01469314148093304, 4.2814644877751391 52.00291601123005591, 4.2814644877751391 52.00291601123005591)),((4.26484983227375913 52.02738237854212144, 4.260968325016397 52.02771325572005168, 4.26415259237895317 52.02313863399062654, 4.25941845066384062 52.02196679221564324, 4.25889470913543455 52.02553509268005882, 4.25637662811188111 52.02834791043713381, 4.25913277720131056 52.02957094901434942, 4.26664535001449607 52.03300619626654111, 4.26965049988019896 52.02880948947584017, 4.26484983227375913 52.02738237854212144, 4.26484983227375913 52.02738237854212144)))</t>
  </si>
  <si>
    <t>MultiPolygon (((4.27111396523571685 52.02271260159347577, 4.27276479150088129 52.02188441862357138, 4.27387533389819652 52.02263572334400266, 4.27624953619233228 52.02149544600313646, 4.28033279648985854 52.01955563108357694, 4.2836160800184464 52.01805169496933701, 4.28126197439827472 52.01701025744691265, 4.28060080820385824 52.01765348730440053, 4.27572303900294148 52.0182414429537161, 4.27232194890015204 52.01723254917539663, 4.26618909368216137 52.02098167397581108, 4.27111396523571685 52.02271260159347577, 4.27111396523571685 52.02271260159347577)))</t>
  </si>
  <si>
    <t>MultiPolygon (((4.27297338058217591 52.03551845236900419, 4.27589543072581435 52.03155798447421887, 4.27061954840166091 52.0291494134031467, 4.26965049988019896 52.02880948947584017, 4.26664535001449607 52.03300619626654111, 4.2726626824145777 52.03591712586487716, 4.27297338058217591 52.03551845236900419, 4.27297338058217591 52.03551845236900419)))</t>
  </si>
  <si>
    <t>MultiPolygon (((4.26965049988019896 52.02880948947584017, 4.27061954840166091 52.0291494134031467, 4.27280020015152218 52.02606327424626897, 4.27338077317041876 52.02365638650174873, 4.27111396523571685 52.02271260159347577, 4.26618909368216137 52.02098167397581108, 4.26415259237895317 52.02313863399062654, 4.260968325016397 52.02771325572005168, 4.26484983227375913 52.02738237854212144, 4.26965049988019896 52.02880948947584017, 4.26965049988019896 52.02880948947584017)))</t>
  </si>
  <si>
    <t>MultiPolygon (((4.28677341145887336 52.02296742893526726, 4.28033279648985854 52.01955563108357694, 4.27624953619233228 52.02149544600313646, 4.28048062183111 52.02517353714720372, 4.28504668165272928 52.02626769112692529, 4.28565031126771423 52.02591369295947032, 4.28514627549339 52.02561773749810925, 4.28825454909758363 52.02375762853948515, 4.28677341145887336 52.02296742893526726, 4.28677341145887336 52.02296742893526726)))</t>
  </si>
  <si>
    <t>MultiPolygon (((4.27280020015152218 52.02606327424626897, 4.28048062183111 52.02517353714720372, 4.27624953619233228 52.02149544600313646, 4.27387533389819652 52.02263572334400266, 4.27276479150088129 52.02188441862357138, 4.27111396523571685 52.02271260159347577, 4.27338077317041876 52.02365638650174873, 4.27280020015152218 52.02606327424626897, 4.27280020015152218 52.02606327424626897)))</t>
  </si>
  <si>
    <t>MultiPolygon (((4.19619988358364271 52.05574264607486157, 4.19980185195287969 52.05073133526129681, 4.19885354405840516 52.05000236019770199, 4.20411647767924812 52.04472688913754297, 4.20416010613174151 52.04467470362121162, 4.20060079276289677 52.04371118202369217, 4.19751954113076309 52.04173588710327181, 4.19206503524964624 52.03988180874259939, 4.18912189672845958 52.04016887880472098, 4.17838590075604177 52.03480740810134364, 4.17486237200710875 52.03227827198784183, 4.17266569708229618 52.03121324733115927, 4.17047649112484198 52.0325393071818354, 4.16403133840619422 52.02852460159120085, 4.16571295645776196 52.02744801589735602, 4.1600346202783447 52.0242422534982083, 4.15566836391748229 52.02067017330110588, 4.15226401417336444 52.02243468075906918, 4.17391822729441131 52.03962517693007328, 4.18747881735515382 52.05206337180209175, 4.19334870634105972 52.0536425620986023, 4.19619988358364271 52.05574264607486157, 4.19619988358364271 52.05574264607486157)))</t>
  </si>
  <si>
    <t>MultiPolygon (((4.16444122779511972 52.02067559159591781, 4.17309115167955103 52.02011300333278143, 4.17543732721025851 52.01566250092726307, 4.17260611344128929 52.01651228947444139, 4.16666108134957192 52.01659840096686338, 4.15953368120046374 52.01891686213592436, 4.16444122779511972 52.02067559159591781, 4.16444122779511972 52.02067559159591781)))</t>
  </si>
  <si>
    <t>MultiPolygon (((4.19267035460239246 52.03170137283746044, 4.18831087300139693 52.03594250983318403, 4.19251356722122814 52.03760807858642323, 4.19535689582846505 52.03767603048025592, 4.19664985796151591 52.0363845524173243, 4.20262863638920248 52.03825152854395952, 4.20407851890064688 52.03674488429181366, 4.20518293189709791 52.0354522321173647, 4.19267035460239246 52.03170137283746044, 4.19267035460239246 52.03170137283746044)))</t>
  </si>
  <si>
    <t>MultiPolygon (((4.20958452618410384 52.03365469376561236, 4.21225506243341563 52.030752371620963, 4.20974794161622778 52.03038769055547164, 4.2069255573193125 52.03104857016417384, 4.20336051506999997 52.03102804377544288, 4.19794118519235138 52.02837460135143033, 4.20159716024342345 52.02520803754627821, 4.19724794008377788 52.02325518286811246, 4.20142666760284023 52.01518645144044939, 4.20008465519227947 52.01422835480491358, 4.19709793750964444 52.01173523373105212, 4.18418104710044414 52.01094798916919615, 4.17950828468606161 52.00993707988609316, 4.17820350679387076 52.01376462946165447, 4.17543732721025851 52.01566250092726307, 4.17309115167955103 52.02011300333278143, 4.18023070193544122 52.02164290844669381, 4.18495561546752448 52.02207795687580472, 4.18162430465372115 52.02780828702342575, 4.18180020838620781 52.02923367712006097, 4.18724258709795016 52.03109942174840796, 4.19267035460239246 52.03170137283746044, 4.20518293189709791 52.0354522321173647, 4.20407851890064688 52.03674488429181366, 4.20903721959381905 52.03827434947656627, 4.21243434599688094 52.0340330566489655, 4.20958452618410384 52.03365469376561236)))</t>
  </si>
  <si>
    <t>MultiPolygon (((4.20903721959381905 52.03827434947656627, 4.20407851890064688 52.03674488429181366, 4.20262863638920248 52.03825152854395952, 4.19664985796151591 52.0363845524173243, 4.19535689582846505 52.03767603048025592, 4.19251356722122814 52.03760807858642323, 4.18831087300139693 52.03594250983318403, 4.19267035460239246 52.03170137283746044, 4.18724258709795016 52.03109942174840796, 4.18330303253287816 52.03477346936119119, 4.18063157559234622 52.03332668914892878, 4.17603705168609629 52.03153860581911516, 4.1748785714939638 52.03226807270671372, 4.17486237200710875 52.03227827198784183, 4.17838590075604177 52.03480740810134364, 4.18912189672845958 52.04016887880472098, 4.19206503524964624 52.03988180874259939, 4.19751954113076309 52.04173588710327181, 4.20060079276289677 52.04371118202369217, 4.20416010613174151 52.04467470362121162, 4.20903721959381905 52.03827434947656627)))</t>
  </si>
  <si>
    <t>MultiPolygon (((4.18063157559234622 52.03332668914892878, 4.18330303253287816 52.03477346936119119, 4.18724258709795016 52.03109942174840796, 4.18180020838620781 52.02923367712006097, 4.18162430465372115 52.02780828702342575, 4.17838037770385196 52.03001836790911483, 4.18063157559234622 52.03332668914892878, 4.18063157559234622 52.03332668914892878)))</t>
  </si>
  <si>
    <t>MultiPolygon (((4.16571295645776196 52.02744801589735602, 4.16806872584400967 52.02872389058506286, 4.16893131165553754 52.02539643483958542, 4.1679286112252143 52.02253542514122842, 4.16673154921456312 52.02135813099525308, 4.16444122779511972 52.02067559159591781, 4.15953368120046374 52.01891686213592436, 4.15566836391748229 52.02067017330110588, 4.1600346202783447 52.0242422534982083, 4.16571295645776196 52.02744801589735602, 4.16571295645776196 52.02744801589735602)))</t>
  </si>
  <si>
    <t>MultiPolygon (((4.17838037770385196 52.03001836790911483, 4.18162430465372115 52.02780828702342575, 4.18495561546752448 52.02207795687580472, 4.18023070193544122 52.02164290844669381, 4.17817951769074902 52.02172075612858748, 4.17330968187988738 52.02510867367676894, 4.17838037770385196 52.03001836790911483, 4.17838037770385196 52.03001836790911483)))</t>
  </si>
  <si>
    <t>MultiPolygon (((4.17486237200710875 52.03227827198784183, 4.17603705168609629 52.03153860581911516, 4.18063157559234622 52.03332668914892878, 4.17838037770385196 52.03001836790911483, 4.17330968187988738 52.02510867367676894, 4.17271867217399794 52.02403486392788778, 4.17054204335045853 52.02353048730991958, 4.16928498849730911 52.02408225736091651, 4.16893131165553754 52.02539643483958542, 4.16806872584400967 52.02872389058506286, 4.17266569708229618 52.03121324733115927, 4.17486237200710875 52.03227827198784183, 4.17486237200710875 52.03227827198784183)))</t>
  </si>
  <si>
    <t>MultiPolygon (((4.16893131165553754 52.02539643483958542, 4.16928498849730911 52.02408225736091651, 4.17054204335045853 52.02353048730991958, 4.17271867217399794 52.02403486392788778, 4.17330968187988738 52.02510867367676894, 4.17817951769074902 52.02172075612858748, 4.18023070193544122 52.02164290844669381, 4.17309115167955103 52.02011300333278143, 4.16444122779511972 52.02067559159591781, 4.16673154921456312 52.02135813099525308, 4.1679286112252143 52.02253542514122842, 4.16893131165553754 52.02539643483958542, 4.16893131165553754 52.02539643483958542)))</t>
  </si>
  <si>
    <t>MultiPolygon (((4.17562167675008755 52.00732312030081061, 4.17834869892179039 52.00883521299215317, 4.18515138021443533 51.99759641122386711, 4.19040562075133849 51.99197143367753426, 4.19032733377312017 51.98848188569863993, 4.18702149331520523 51.98919313415485277, 4.18571837170801686 51.98879643097163239, 4.18301930470649452 51.99038236145214142, 4.18356326468576345 51.9924881629195994, 4.18115656079515485 51.99889177087263903, 4.17593373325643746 52.00476232694050793, 4.17562167675008755 52.00732312030081061, 4.17562167675008755 52.00732312030081061)))</t>
  </si>
  <si>
    <t>MultiPolygon (((4.15226401417336444 52.02243468075906918, 4.15566836391748229 52.02067017330110588, 4.15035452859352283 52.01628830745160315, 4.14779894808110061 52.01018277321280436, 4.14212988746658617 52.00733625802928373, 4.13251723265863635 51.99854276753598725, 4.12503179428842959 52.00175717910022399, 4.13817301531194914 52.01067211293950976, 4.15226401417336444 52.02243468075906918, 4.15226401417336444 52.02243468075906918)))</t>
  </si>
  <si>
    <t>MultiPolygon (((4.17820350679387076 52.01376462946165447, 4.17950828468606161 52.00993707988609316, 4.17834869892179039 52.00883521299215317, 4.17562167675008755 52.00732312030081061, 4.1734924005370253 52.01032116182223319, 4.16718008056538824 52.00846570328988605, 4.16614783839013203 52.01000352236293622, 4.15769303328350759 52.00741778009140148, 4.15910149129212403 52.00607279753244683, 4.15667870305699783 52.00437683301237968, 4.1520854985413953 52.00361478231575774, 4.15407989944752742 51.99982310888717763, 4.15740446099061245 51.995316568391857, 4.16213051006117496 51.99633957807272822, 4.16389972742907855 51.99400044553669176, 4.16864126446370253 51.99225545512778268, 4.17972262953731466 51.98861136057768562, 4.18571837170801686 51.98879643097163239, 4.18702149331520523 51.98919313415485277, 4.19032733377312017 51.98848188569863993, 4.19562563749646689 51.98959931264178636, 4.1984118613989736 51.98692400376344835, 4.2029867541890793 51.98537979810571841, 4.20587555718578088 51.98309865107298577, 4.20909764594553693 51.98031641433251338, 4.20761779346239617 51.97879651477433072, 4.20398713577886252 51.9777396545860455, 4.20706805627523472 51.97289735926494103, 4.20931708354792899 51.97379925663909006, 4.21121210083529363 51.97150023650782913, 4.20378907208364883 51.9698320284651416, 4.2023093435212564 51.97039541106781968, 4.19060881590731871 51.96598162067722626, 4.18791796561862562 51.96539177790333497, 4.18658009435014744 51.96586908292718476, 4.18749279650706718 51.96683701506837139, 4.17589818913351341 51.97169378915175031, 4.16960542937302936 51.97397330840431096, 4.1550625713787257 51.97783805786400535, 4.15534866624576082 51.9797074647842976, 4.14728070475076738 51.98139328385341429, 4.14995471293029805 51.98481050811921023, 4.14900532001124223 51.98509065134656026, 4.15097168675447836 51.98763619859162333, 4.13861338304301629 51.99164722445991771, 4.13556711872472338 51.99270292715756625, 4.13236328426736055 51.99546003147786877, 4.13098726281987627 51.99717931720681463, 4.13251723265863635 51.99854276753598725, 4.14212988746658617 52.00733625802928373, 4.14779894808110061 52.01018277321280436, 4.15035452859352283 52.01628830745160315, 4.15566836391748229 52.02067017330110588, 4.15953368120046374 52.01891686213592436, 4.16666108134957192 52.01659840096686338, 4.17260611344128929 52.01651228947444139, 4.17543732721025851 52.01566250092726307, 4.17820350679387076 52.01376462946165447, 4.17820350679387076 52.01376462946165447),(4.17635309666342902 51.98220154680343086, 4.18161169334542482 51.97992867912626735, 4.18323311893909366 51.98375508398878253, 4.1807639705155113 51.9844497064706772, 4.17635309666342902 51.98220154680343086, 4.17635309666342902 51.98220154680343086)))</t>
  </si>
  <si>
    <t>MultiPolygon (((4.18323311893909366 51.98375508398878253, 4.18161169334542482 51.97992867912626735, 4.17635309666342902 51.98220154680343086, 4.1807639705155113 51.9844497064706772, 4.18323311893909366 51.98375508398878253)))</t>
  </si>
  <si>
    <t>MultiPolygon (((4.17302661366623084 51.99786112545448447, 4.18115656079515485 51.99889177087263903, 4.18356326468576345 51.9924881629195994, 4.18301930470649452 51.99038236145214142, 4.18571837170801686 51.98879643097163239, 4.17972262953731466 51.98861136057768562, 4.16864126446370253 51.99225545512778268, 4.17276908015123915 51.9966682102466109, 4.17302661366623084 51.99786112545448447, 4.17302661366623084 51.99786112545448447)))</t>
  </si>
  <si>
    <t>MultiPolygon (((4.17061373193891072 52.00348587427424718, 4.17593373325643746 52.00476232694050793, 4.18115656079515485 51.99889177087263903, 4.17302661366623084 51.99786112545448447, 4.17145269041999533 52.00210207670842522, 4.17061373193891072 52.00348587427424718, 4.17061373193891072 52.00348587427424718)))</t>
  </si>
  <si>
    <t>MultiPolygon (((4.16718008056538824 52.00846570328988605, 4.1734924005370253 52.01032116182223319, 4.17562167675008755 52.00732312030081061, 4.17593373325643746 52.00476232694050793, 4.17061373193891072 52.00348587427424718, 4.16897797803979664 52.00585007624528799, 4.16718008056538824 52.00846570328988605, 4.16718008056538824 52.00846570328988605)))</t>
  </si>
  <si>
    <t>MultiPolygon (((4.15910149129212403 52.00607279753244683, 4.15769303328350759 52.00741778009140148, 4.16614783839013203 52.01000352236293622, 4.16718008056538824 52.00846570328988605, 4.16897797803979664 52.00585007624528799, 4.16365461765785483 52.00454842369873631, 4.16231487966628588 52.00419912236981901, 4.16073533557584074 52.00650657459998882, 4.15910149129212403 52.00607279753244683, 4.15910149129212403 52.00607279753244683)))</t>
  </si>
  <si>
    <t>MultiPolygon (((4.16213051006117496 51.99633957807272822, 4.17302661366623084 51.99786112545448447, 4.17276908015123915 51.9966682102466109, 4.16864126446370253 51.99225545512778268, 4.16389972742907855 51.99400044553669176, 4.16213051006117496 51.99633957807272822, 4.16213051006117496 51.99633957807272822)))</t>
  </si>
  <si>
    <t>MultiPolygon (((4.16457723952948111 52.00055962942813181, 4.17145269041999533 52.00210207670842522, 4.17302661366623084 51.99786112545448447, 4.16213051006117496 51.99633957807272822, 4.16115692939626136 51.99960758242612968, 4.16457723952948111 52.00055962942813181, 4.16457723952948111 52.00055962942813181)))</t>
  </si>
  <si>
    <t>MultiPolygon (((4.16365461765785483 52.00454842369873631, 4.16897797803979664 52.00585007624528799, 4.17061373193891072 52.00348587427424718, 4.17145269041999533 52.00210207670842522, 4.16457723952948111 52.00055962942813181, 4.16321569886772291 52.00278688584962339, 4.16461209535886212 52.00316325116354221, 4.16365461765785483 52.00454842369873631, 4.16365461765785483 52.00454842369873631)))</t>
  </si>
  <si>
    <t>MultiPolygon (((4.15667870305699783 52.00437683301237968, 4.15925329249227893 51.99935727390235485, 4.16115692939626136 51.99960758242612968, 4.16213051006117496 51.99633957807272822, 4.15740446099061245 51.995316568391857, 4.15407989944752742 51.99982310888717763, 4.1520854985413953 52.00361478231575774, 4.15667870305699783 52.00437683301237968, 4.15667870305699783 52.00437683301237968)))</t>
  </si>
  <si>
    <t>MultiPolygon (((4.15667870305699783 52.00437683301237968, 4.15910149129212403 52.00607279753244683, 4.16073533557584074 52.00650657459998882, 4.16231487966628588 52.00419912236981901, 4.16365461765785483 52.00454842369873631, 4.16461209535886212 52.00316325116354221, 4.16321569886772291 52.00278688584962339, 4.16457723952948111 52.00055962942813181, 4.16115692939626136 51.99960758242612968, 4.15925329249227893 51.99935727390235485, 4.15667870305699783 52.00437683301237968, 4.15667870305699783 52.00437683301237968)))</t>
  </si>
  <si>
    <t>MultiPolygon (((4.21576394411623401 51.96255365704954698, 4.21299113966420169 51.96143405821239014, 4.20781479640469858 51.96195983306311206, 4.20691267691027004 51.96046376929183452, 4.20434325627079897 51.95928172965574277, 4.20661764112179437 51.95738473873810648, 4.20929648800097311 51.95857362152321457, 4.21539826104004867 51.95333197996492913, 4.22162956870621375 51.95619919506962248, 4.22612695348965062 51.95419622377536228, 4.22642792101095033 51.95014592570565526, 4.22829131474645514 51.94799094774675297, 4.22145348184012814 51.94266861483094999, 4.2195287763294882 51.94139967883216968, 4.21782371760374009 51.94163667242093396, 4.19239603736745181 51.95480593941120873, 4.18672385223420385 51.9626759146008439, 4.19060881590731871 51.96598162067722626, 4.2023093435212564 51.97039541106781968, 4.20378907208364883 51.9698320284651416, 4.21283819126044001 51.96599890147703604, 4.21576394411623401 51.96255365704954698)))</t>
  </si>
  <si>
    <t>MultiPolygon (((4.21250189969561006 51.97199477421049352, 4.21399908614217722 51.97045370177344381, 4.2167442338982033 51.97147496399883693, 4.21916207048045955 51.96879049195561606, 4.23139477105621964 51.95675438079184971, 4.2339574323827307 51.95333139958055568, 4.23409928549424386 51.94973535510682439, 4.2393984698958409 51.94463682204410304, 4.24125794226572683 51.94367452994549694, 4.24031715871065895 51.94287211357109868, 4.23907594892541173 51.94363305355720684, 4.23694103508452358 51.94392966915506804, 4.23191968210311042 51.94295461378293766, 4.22829131474645514 51.94799094774675297, 4.22642792101095033 51.95014592570565526, 4.22612695348965062 51.95419622377536228, 4.22162956870621375 51.95619919506962248, 4.21576394411623401 51.96255365704954698, 4.21283819126044001 51.96599890147703604, 4.20378907208364883 51.9698320284651416, 4.21121210083529363 51.97150023650782913, 4.21250189969561006 51.97199477421049352, 4.21250189969561006 51.97199477421049352)))</t>
  </si>
  <si>
    <t>MultiPolygon (((4.20691267691027004 51.96046376929183452, 4.20781479640469858 51.96195983306311206, 4.21299113966420169 51.96143405821239014, 4.21105501941031246 51.95920301925243479, 4.21015507472538442 51.96004590131147438, 4.20838800296433124 51.95927037804408855, 4.20691267691027004 51.96046376929183452, 4.20691267691027004 51.96046376929183452)))</t>
  </si>
  <si>
    <t>MultiPolygon (((4.21299113966420169 51.96143405821239014, 4.21576394411623401 51.96255365704954698, 4.22162956870621375 51.95619919506962248, 4.21539826104004867 51.95333197996492913, 4.20929648800097311 51.95857362152321457, 4.20661764112179437 51.95738473873810648, 4.20434325627079897 51.95928172965574277, 4.20691267691027004 51.96046376929183452, 4.20838800296433124 51.95927037804408855, 4.21015507472538442 51.96004590131147438, 4.21105501941031246 51.95920301925243479, 4.21299113966420169 51.96143405821239014, 4.21299113966420169 51.96143405821239014)))</t>
  </si>
  <si>
    <t>MultiPolygon (((4.22480517010081513 52.02072468661788918, 4.23234307745799931 52.01882353738258757, 4.23819836893009949 52.01904705975176313, 4.24165691704408232 52.0198375344637256, 4.24907229536094366 52.01223736079646187, 4.25430325190563963 52.00944098549046402, 4.27311726110770884 51.9992498929025686, 4.26524521102294507 51.99583620391123873, 4.24910837436546096 51.98858436722917986, 4.24493386317997246 51.99099413524366753, 4.24292973655997141 51.99016779886070339, 4.23560953039983534 51.9919251104668092, 4.2363654281717098 51.99344772999570807, 4.24134908428243573 51.9953603907067361, 4.23334434461808051 51.99986526149555033, 4.23698385672633204 52.0027239442546616, 4.23313534744419062 52.0058745949609218, 4.23539068393839102 52.00563260635192364, 4.2374707822889226 52.00703282285070372, 4.23789100467727309 52.00994719177455039, 4.23647633586175676 52.01111168688605346, 4.23046973650109681 52.01074041645469492, 4.22935489272027265 52.00991980633985889, 4.22919830711553146 52.0099964910770538, 4.22556912331562984 52.01177368531519107, 4.2220860193575307 52.01188949124257022, 4.22167901655940891 52.01135359509660816, 4.21754575526124409 52.01028445755080298, 4.22220028697247063 52.00785641394393366, 4.2183375699783312 52.00480456730492307, 4.21692632339411144 52.00556921668294308, 4.21419770822840611 52.0037945374242625, 4.21226983691828405 52.00579657513224419, 4.20466554231856104 52.00979551826949177, 4.20008465519227947 52.01422835480491358, 4.20142666760284023 52.01518645144044939, 4.20803354629358406 52.01763736664869953, 4.21313490011052671 52.0200033055150044, 4.21628514762782114 52.01986326900918556, 4.22070800460146778 52.02095651208634308, 4.22480517010081513 52.02072468661788918, 4.22480517010081513 52.02072468661788918)))</t>
  </si>
  <si>
    <t>MultiPolygon (((4.22361123557873253 52.00379446966468322, 4.22489040182677211 52.00405749731502425, 4.2269587443748593 52.00496794782446131, 4.23146823353865553 52.00226703539393469, 4.23334434461808051 51.99986526149555033, 4.24134908428243573 51.9953603907067361, 4.2363654281717098 51.99344772999570807, 4.23560953039983534 51.9919251104668092, 4.23368565866130364 51.99304427598646328, 4.22275696183845906 51.99149391159157574, 4.22286793662820337 51.99239648766462807, 4.22343845159505538 51.99646118849243237, 4.21873759760827571 52.0011999341284934, 4.22361123557873253 52.00379446966468322, 4.22361123557873253 52.00379446966468322)))</t>
  </si>
  <si>
    <t>MultiPolygon (((4.22167901655940891 52.01135359509660816, 4.2220860193575307 52.01188949124257022, 4.22556912331562984 52.01177368531519107, 4.22919830711553146 52.0099964910770538, 4.22773858191674368 52.00831183409142255, 4.22370755874665438 52.00717026695280509, 4.22566444782562023 52.00931125447894487, 4.22167901655940891 52.01135359509660816, 4.22167901655940891 52.01135359509660816)))</t>
  </si>
  <si>
    <t>MultiPolygon (((4.22167901655940891 52.01135359509660816, 4.22566444782562023 52.00931125447894487, 4.22370755874665438 52.00717026695280509, 4.22361123557873253 52.00379446966468322, 4.21873759760827571 52.0011999341284934, 4.21419770822840611 52.0037945374242625, 4.21692632339411144 52.00556921668294308, 4.2183375699783312 52.00480456730492307, 4.22220028697247063 52.00785641394393366, 4.21754575526124409 52.01028445755080298, 4.22167901655940891 52.01135359509660816, 4.22167901655940891 52.01135359509660816)))</t>
  </si>
  <si>
    <t>MultiPolygon (((4.22935489272027265 52.00991980633985889, 4.23046973650109681 52.01074041645469492, 4.23647633586175676 52.01111168688605346, 4.23789100467727309 52.00994719177455039, 4.2374707822889226 52.00703282285070372, 4.23539068393839102 52.00563260635192364, 4.23313534744419062 52.0058745949609218, 4.2304235131311767 52.00804842055737254, 4.22935489272027265 52.00991980633985889, 4.22935489272027265 52.00991980633985889)))</t>
  </si>
  <si>
    <t>MultiPolygon (((4.2304235131311767 52.00804842055737254, 4.23313534744419062 52.0058745949609218, 4.23698385672633204 52.0027239442546616, 4.23334434461808051 51.99986526149555033, 4.23146823353865553 52.00226703539393469, 4.2269587443748593 52.00496794782446131, 4.22489040182677211 52.00405749731502425, 4.22690887095478551 52.00633518431713753, 4.2304235131311767 52.00804842055737254, 4.2304235131311767 52.00804842055737254)))</t>
  </si>
  <si>
    <t>MultiPolygon (((4.22919830711553146 52.0099964910770538, 4.22935489272027265 52.00991980633985889, 4.2304235131311767 52.00804842055737254, 4.22690887095478551 52.00633518431713753, 4.22489040182677211 52.00405749731502425, 4.22361123557873253 52.00379446966468322, 4.22370755874665438 52.00717026695280509, 4.22773858191674368 52.00831183409142255, 4.22919830711553146 52.0099964910770538, 4.22919830711553146 52.0099964910770538)))</t>
  </si>
  <si>
    <t>MultiPolygon (((4.20655284859713507 52.00304604655346452, 4.20802896701149809 52.00007496569964616, 4.19911466056849036 51.99605358279824685, 4.1971220102868898 51.9969949819482764, 4.19382450820831121 51.99901513283442966, 4.19407522846385739 52.00007093615141684, 4.20079320362991737 52.00196956461637399, 4.20520160596399961 52.0044673830363422, 4.20655284859713507 52.00304604655346452, 4.20655284859713507 52.00304604655346452)))</t>
  </si>
  <si>
    <t>MultiPolygon (((4.19562563749646689 51.98959931264178636, 4.20073333735495336 51.98800587599810541, 4.20661812919081335 51.98879741479733951, 4.2076178711846941 51.98723936070822305, 4.20791641094745827 51.98606337103255726, 4.20816778457306029 51.98429406583161949, 4.20587555718578088 51.98309865107298577, 4.2029867541890793 51.98537979810571841, 4.1984118613989736 51.98692400376344835, 4.19562563749646689 51.98959931264178636, 4.19562563749646689 51.98959931264178636)))</t>
  </si>
  <si>
    <t>MultiPolygon (((4.2076178711846941 51.98723936070822305, 4.22128035564356274 51.98861045396239433, 4.21965640108456697 51.98179327606592892, 4.21474973980498735 51.98156097599660086, 4.21159518947671607 51.98613038639184936, 4.20791641094745827 51.98606337103255726, 4.2076178711846941 51.98723936070822305, 4.2076178711846941 51.98723936070822305)))</t>
  </si>
  <si>
    <t>MultiPolygon (((4.20587555718578088 51.98309865107298577, 4.20816778457306029 51.98429406583161949, 4.20791641094745827 51.98606337103255726, 4.21159518947671607 51.98613038639184936, 4.21474973980498735 51.98156097599660086, 4.21965640108456697 51.98179327606592892, 4.21853376342289277 51.97698619863977143, 4.21658163503660255 51.97338197669645865, 4.20909764594553693 51.98031641433251338, 4.20587555718578088 51.98309865107298577, 4.20587555718578088 51.98309865107298577)))</t>
  </si>
  <si>
    <t>MultiPolygon (((4.21226983691828405 52.00579657513224419, 4.21419770822840611 52.0037945374242625, 4.21873759760827571 52.0011999341284934, 4.21375218965447385 51.9984205136534996, 4.21042641493313763 51.99808099741728995, 4.20802896701149809 52.00007496569964616, 4.20655284859713507 52.00304604655346452, 4.21024931509962475 52.00571952183578617, 4.21226983691828405 52.00579657513224419, 4.21226983691828405 52.00579657513224419)))</t>
  </si>
  <si>
    <t>MultiPolygon (((4.20909764594553693 51.98031641433251338, 4.21658163503660255 51.97338197669645865, 4.2167442338982033 51.97147496399883693, 4.21399908614217722 51.97045370177344381, 4.21250189969561006 51.97199477421049352, 4.21121210083529363 51.97150023650782913, 4.20931708354792899 51.97379925663909006, 4.20706805627523472 51.97289735926494103, 4.20398713577886252 51.9777396545860455, 4.20761779346239617 51.97879651477433072, 4.20909764594553693 51.98031641433251338, 4.20909764594553693 51.98031641433251338)),((4.24292973655997141 51.99016779886070339, 4.24493386317997246 51.99099413524366753, 4.24910837436546096 51.98858436722917986, 4.23828054286636924 51.98382048790873711, 4.23501170583588493 51.98237628557500756, 4.22469550760788604 51.97870747229943333, 4.21853376342289277 51.97698619863977143, 4.21965640108456697 51.98179327606592892, 4.22128035564356274 51.98861045396239433, 4.22275696183845906 51.99149391159157574, 4.23368565866130364 51.99304427598646328, 4.23560953039983534 51.9919251104668092, 4.24292973655997141 51.99016779886070339, 4.24292973655997141 51.99016779886070339)),((4.20466554231856104 52.00979551826949177, 4.21226983691828405 52.00579657513224419, 4.21024931509962475 52.00571952183578617, 4.20655284859713507 52.00304604655346452, 4.20520160596399961 52.0044673830363422, 4.20079320362991737 52.00196956461637399, 4.19407522846385739 52.00007093615141684, 4.19382450820831121 51.99901513283442966, 4.1971220102868898 51.9969949819482764, 4.19416942219752453 51.9956996009545378, 4.19355530229114937 51.99477857410354176, 4.19562563749646689 51.98959931264178636, 4.19032733377312017 51.98848188569863993, 4.19040562075133849 51.99197143367753426, 4.18515138021443533 51.99759641122386711, 4.17834869892179039 52.00883521299215317, 4.17950828468606161 52.00993707988609316, 4.18418104710044414 52.01094798916919615, 4.19709793750964444 52.01173523373105212, 4.20008465519227947 52.01422835480491358, 4.20466554231856104 52.00979551826949177, 4.20466554231856104 52.00979551826949177)))</t>
  </si>
  <si>
    <t>MultiPolygon (((4.21375218965447385 51.9984205136534996, 4.21873759760827571 52.0011999341284934, 4.22343845159505538 51.99646118849243237, 4.22286793662820337 51.99239648766462807, 4.21828040803889603 51.99108467258752597, 4.21275110655194851 51.99734431265911638, 4.21375218965447385 51.9984205136534996, 4.21375218965447385 51.9984205136534996)))</t>
  </si>
  <si>
    <t>MultiPolygon (((4.22286793662820337 51.99239648766462807, 4.22275696183845906 51.99149391159157574, 4.22128035564356274 51.98861045396239433, 4.2076178711846941 51.98723936070822305, 4.20661812919081335 51.98879741479733951, 4.21828040803889603 51.99108467258752597, 4.22286793662820337 51.99239648766462807, 4.22286793662820337 51.99239648766462807)))</t>
  </si>
  <si>
    <t>MultiPolygon (((4.20802896701149809 52.00007496569964616, 4.21042641493313763 51.99808099741728995, 4.20349048418255311 51.99446836498229629, 4.19911466056849036 51.99605358279824685, 4.20802896701149809 52.00007496569964616, 4.20802896701149809 52.00007496569964616)))</t>
  </si>
  <si>
    <t>MultiPolygon (((4.1971220102868898 51.9969949819482764, 4.19911466056849036 51.99605358279824685, 4.20349048418255311 51.99446836498229629, 4.20211916255091644 51.9929882688306364, 4.20661812919081335 51.98879741479733951, 4.20073333735495336 51.98800587599810541, 4.19562563749646689 51.98959931264178636, 4.19355530229114937 51.99477857410354176, 4.19416942219752453 51.9956996009545378, 4.1971220102868898 51.9969949819482764, 4.1971220102868898 51.9969949819482764)))</t>
  </si>
  <si>
    <t>MultiPolygon (((4.21042641493313763 51.99808099741728995, 4.21375218965447385 51.9984205136534996, 4.21275110655194851 51.99734431265911638, 4.21828040803889603 51.99108467258752597, 4.20661812919081335 51.98879741479733951, 4.20211916255091644 51.9929882688306364, 4.20349048418255311 51.99446836498229629, 4.21042641493313763 51.99808099741728995, 4.21042641493313763 51.99808099741728995)))</t>
  </si>
  <si>
    <t>MultiPolygon (((6.89119139762016442 52.432028213243143, 6.89691026320299727 52.43278871343515135, 6.92437790770740769 52.43412972296307117, 6.92852534753210758 52.43414835952537345, 6.93877584321748486 52.43272250656082889, 6.94723876211745761 52.43283629724899697, 6.94551463096432364 52.42996306170173426, 6.93506344828839438 52.42946714861102464, 6.94615052818389334 52.42981898723661516, 6.94567383773330338 52.4282598326062157, 6.93973941091595226 52.42270637012571655, 6.93276539663949798 52.41847928180899174, 6.93147427759164714 52.41600951392425145, 6.93246083646048739 52.41582915285135869, 6.93100080704082622 52.41181040160912374, 6.92874435893972773 52.41193078492717916, 6.92856126276079287 52.41073827171666011, 6.92959766011505085 52.41026453429208942, 6.92834158771230779 52.40647780244685094, 6.92776175792817739 52.40850026925268423, 6.92573639929828744 52.40961525164134827, 6.91770776929330999 52.41103460994587238, 6.91836993132167954 52.41098629223376548, 6.91939338129524373 52.41424804048207875, 6.91530978601291846 52.41550654259962982, 6.91358556780657452 52.41379525599479905, 6.90843405591766402 52.41407280461987028, 6.90155872313112173 52.41282734221136508, 6.90039437194774496 52.41333801597034636, 6.89516201190405909 52.41276056092825542, 6.89166893491915467 52.4157816218653636, 6.89505119828953283 52.41554874044115309, 6.88725631493066093 52.4189177582325172, 6.88861695615537606 52.42249690998869482, 6.89050363293833268 52.42447484176527439, 6.89693358831332315 52.4231934900330856, 6.89701280291273111 52.42366877170729111, 6.89432211468728262 52.42650529297798556, 6.88995796255503468 52.4267379686885846, 6.88955002537772199 52.42572618496549808, 6.88572577832317734 52.42612053230987357, 6.89324022831584315 52.42796621051826378, 6.89119139762016442 52.432028213243143, 6.89119139762016442 52.432028213243143)))</t>
  </si>
  <si>
    <t>MultiPolygon (((6.8534777793991255 52.42707072481646691, 6.89119139762016442 52.432028213243143, 6.89324022831584315 52.42796621051826378, 6.88572577832317734 52.42612053230987357, 6.88955002537772199 52.42572618496549808, 6.88995796255503468 52.4267379686885846, 6.89432211468728262 52.42650529297798556, 6.89701280291273111 52.42366877170729111, 6.89693358831332315 52.4231934900330856, 6.89050363293833268 52.42447484176527439, 6.88861695615537606 52.42249690998869482, 6.88725631493066093 52.4189177582325172, 6.89505119828953283 52.41554874044115309, 6.89166893491915467 52.4157816218653636, 6.88923618407587579 52.41717501487477193, 6.88434243085013708 52.41868606389945029, 6.87950816518121222 52.41781479715985625, 6.87883597915666201 52.40950863229464574, 6.87428111417502752 52.40848944148494581, 6.86489955045380107 52.40753562743162774, 6.8644215612584869 52.40683414570042942, 6.86737334845136349 52.40478346293466672, 6.86259798673894039 52.40294195918968967, 6.86234693927240968 52.40765573975593838, 6.85659200591023499 52.41045107755518018, 6.8515070514561911 52.41457197641762633, 6.8534777793991255 52.42707072481646691, 6.8534777793991255 52.42707072481646691)))</t>
  </si>
  <si>
    <t>MultiPolygon (((6.8474534490296719 52.32747130036598548, 6.84789916772930862 52.3265074235972989, 6.85122054288464266 52.32614811419197309, 6.85551850277606345 52.32675701100864529, 6.86262985925188573 52.32624042441124601, 6.88560472109974775 52.32125240678387001, 6.88433151693701539 52.31845235513372927, 6.87986862475066996 52.31901438029564844, 6.87699060085502634 52.31226220954055606, 6.87177081053056416 52.31260986526311285, 6.87093327541416521 52.31190207845622098, 6.86934039112908845 52.31211925937449081, 6.86836811504421707 52.31061177586738609, 6.86704982226258753 52.3103112618192938, 6.8671104969405512 52.30829689748124878, 6.86504116192506508 52.30679988891210996, 6.86357237175391166 52.30734818745161618, 6.86134934620988002 52.30636686296162452, 6.861484477239288 52.30399913354818153, 6.86073323692850146 52.30334456615120331, 6.85978137592001236 52.29867441422006635, 6.86529828096208838 52.29722132678835322, 6.87271959334495541 52.29736301574378388, 6.87967396169269474 52.29483994653017476, 6.87990235356863078 52.29371917514210821, 6.88388979741506102 52.29395309715016538, 6.88793185379403994 52.29276223524465905, 6.88948027979644628 52.29246696857609322, 6.89449750788621696 52.29353812687359948, 6.91212714107899728 52.28550574747621482, 6.91035837399687747 52.2851427106563591, 6.90701718695332456 52.28543500604363459, 6.89582830158714088 52.28323930190164504, 6.89537352621827626 52.28382670053937886, 6.89021572771032353 52.28220450222194415, 6.88956705301947814 52.2809780032458491, 6.88781148581595648 52.28345212437663037, 6.8832074333947677 52.28317056191236389, 6.88326167421174429 52.28221288194066574, 6.88002029686284189 52.28140405014708847, 6.88124226335321509 52.27935561349554661, 6.87649492294513465 52.27472479353722434, 6.8683273408196257 52.27296176768800251, 6.84049156489497001 52.27631153482259663, 6.84757000482711131 52.27858384630218325, 6.84666303897867845 52.27946028315498239, 6.84576073191068435 52.27975896995481975, 6.85201413527383352 52.28205950324144879, 6.85064528620310131 52.28297194823333172, 6.85030437573625584 52.28413149891473211, 6.85248862157698202 52.28487027089632022, 6.8477993760043212 52.28991593535494076, 6.84637499230820712 52.29140197964184011, 6.84269815180602237 52.29174675069393885, 6.8432023963559665 52.29244830440621428, 6.83958996955842746 52.2933036203536048, 6.83663490735442547 52.29323809769844189, 6.83493148627264979 52.29414152060683563, 6.83118622676581122 52.29397924368412731, 6.82790194147875074 52.29486230712051764, 6.82840759393461116 52.2953508038337489, 6.8278903377539617 52.29552221889195351, 6.82306825750303858 52.2970970977080114, 6.82050365208309106 52.29853536062987729, 6.81923710127618765 52.30144831726639154, 6.81998470675117208 52.30241940011068635, 6.82117007972950073 52.30248126107626661, 6.82389559176563054 52.30442385881433864, 6.8256914567843241 52.30640012064129252, 6.82333619514794965 52.30875951971960092, 6.81225140206517121 52.31088728900463991, 6.8093347939833091 52.31036286109261368, 6.80781587832926238 52.31309122526229771, 6.8074858193388792 52.31528860381479262, 6.83134390477905207 52.32008504725654063, 6.83476829842025158 52.32382996581761603, 6.8474534490296719 52.32747130036598548, 6.8474534490296719 52.32747130036598548),(6.84178300925726468 52.30466350490819849, 6.83530084785366743 52.30388502506175286, 6.83291195911146598 52.30294477320235558, 6.83180415148254383 52.3015116546514065, 6.83129242824848681 52.2976962336220268, 6.8337892106972502 52.2968796806519407, 6.8352991011107429 52.2986004902844499, 6.83918400573843588 52.29649568972823914, 6.84172790465353042 52.29653316858831857, 6.84401158646928032 52.29930346941143426, 6.84436606149415283 52.30128354802064905, 6.8425265558638646 52.30463813703411091, 6.84178300925726468 52.30466350490819849, 6.84178300925726468 52.30466350490819849)))</t>
  </si>
  <si>
    <t>MultiPolygon (((6.84178300925726468 52.30466350490819849, 6.8425265558638646 52.30463813703411091, 6.84436606149415283 52.30128354802064905, 6.84401158646928032 52.29930346941143426, 6.84172790465353042 52.29653316858831857, 6.83918400573843588 52.29649568972823914, 6.8352991011107429 52.2986004902844499, 6.8337892106972502 52.2968796806519407, 6.83129242824848681 52.2976962336220268, 6.83180415148254383 52.3015116546514065, 6.83291195911146598 52.30294477320235558, 6.83530084785366743 52.30388502506175286, 6.84178300925726468 52.30466350490819849, 6.84178300925726468 52.30466350490819849)))</t>
  </si>
  <si>
    <t>MultiPolygon (((6.78339444034612615 52.36010609056562259, 6.79760171996448914 52.36129685789074273, 6.7995268097441901 52.35663942681235739, 6.80331207627404488 52.3575553862768075, 6.80751270208508874 52.36009209761298422, 6.81196214394152921 52.36088903070331213, 6.81448799000423477 52.36045265202888288, 6.81696969671128539 52.35840514107174215, 6.82225155830467678 52.35591340895084755, 6.82393009646951398 52.35202334451444273, 6.8353422068094627 52.34512491936155243, 6.83717895080680194 52.34461034221856579, 6.83875532992831747 52.34503518319253601, 6.84441488482789673 52.34333069614638845, 6.84722240000472393 52.341485262851009, 6.84609194301492163 52.33850447105728421, 6.84026735326162516 52.3385034167581793, 6.83912239706242442 52.334131591380185, 6.84138196304740287 52.33402519535702169, 6.842415074726242 52.33655354130228687, 6.85045179132312132 52.33633661763592215, 6.85215175795220066 52.33550610327920793, 6.8523514668386678 52.33444278535306893, 6.84949038521235121 52.33453237201236874, 6.8488974418260895 52.33375503203116352, 6.85066875051589363 52.33123702053443793, 6.8474534490296719 52.32747130036598548, 6.83476829842025158 52.32382996581761603, 6.83134390477905207 52.32008504725654063, 6.8074858193388792 52.31528860381479262, 6.80781587832926238 52.31309122526229771, 6.80322995011672305 52.31343683184829274, 6.80203883101837548 52.3135860798283332, 6.80212890482969179 52.31454419470588135, 6.78514899339376854 52.31736996400957906, 6.78582399825757143 52.31814038695729607, 6.78183984019344965 52.31833554888666526, 6.77907768477024408 52.31785404475198931, 6.77384184550058599 52.3189105731983517, 6.76305166955297032 52.32803052257010989, 6.7621360773623751 52.33076157862558375, 6.75903535255931054 52.33206059951326239, 6.76057718147044362 52.34194281279813765, 6.76263436159348252 52.3434370994858611, 6.77397860603629987 52.34656327496399797, 6.77832238578617297 52.35021210926944235, 6.78339444034612615 52.36010609056562259, 6.78339444034612615 52.36010609056562259),(6.81023261834729965 52.33558132717766398, 6.80831191513778222 52.33596514411028977, 6.80642835619668674 52.33546497122407715, 6.80328290303320316 52.33327887317310001, 6.80168249395988056 52.32905058608736937, 6.80261837492030796 52.32767790667958252, 6.80582284307522389 52.32784825120541683, 6.80972517355800555 52.32970341390257829, 6.81016901481405945 52.33370606686096949, 6.81381488610929953 52.33265292870746066, 6.81275182411810309 52.33586711816282389, 6.81023261834729965 52.33558132717766398, 6.81023261834729965 52.33558132717766398)))</t>
  </si>
  <si>
    <t>MultiPolygon (((6.81023261834729965 52.33558132717766398, 6.81275182411810309 52.33586711816282389, 6.81381488610929953 52.33265292870746066, 6.81016901481405945 52.33370606686096949, 6.80972517355800555 52.32970341390257829, 6.80582284307522389 52.32784825120541683, 6.80261837492030796 52.32767790667958252, 6.80168249395988056 52.32905058608736937, 6.80328290303320316 52.33327887317310001, 6.80642835619668674 52.33546497122407715, 6.80831191513778222 52.33596514411028977, 6.81023261834729965 52.33558132717766398, 6.81023261834729965 52.33558132717766398)))</t>
  </si>
  <si>
    <t>MultiPolygon (((6.924260853179379 52.38441195854327503, 6.92847565424338363 52.38662322970386498, 6.93130236647752618 52.38936150549930915, 6.93452220444674339 52.38991469847331928, 6.94113869120730342 52.38883841633757754, 6.94945744175506164 52.38648369520142722, 6.96078105203725173 52.38372174182950403, 6.97092354924422875 52.379846868987471, 6.96266870567089136 52.36338662842975111, 6.97025918614526585 52.34876651423639515, 6.96597366213478608 52.34838639757829526, 6.96110434126692201 52.34681199997059764, 6.95284335818517363 52.34035023344722504, 6.95114081561139852 52.33795956581928266, 6.95358341881131103 52.33397347593660243, 6.94520225223458088 52.33272367095981537, 6.93753101319334586 52.332836279364777, 6.93190534322048624 52.33275560667659221, 6.93226128633409022 52.33120989847219562, 6.93044186981016708 52.33001220352754501, 6.9309693608256957 52.32945961118380751, 6.92459938040554768 52.32999031531498701, 6.9257463268626891 52.33095895509651996, 6.92449986680222906 52.33325505810771006, 6.92165533838532721 52.33445220705268497, 6.9188538319230517 52.3335532676007702, 6.91414446301684382 52.33672643701594751, 6.9134365467767438 52.33885127551953786, 6.91489088970843291 52.34145856913132633, 6.90913724131445317 52.34440110844096949, 6.90526422271103346 52.34589702801517319, 6.90510191963088804 52.34516902406284089, 6.90310863599043856 52.34503642600525097, 6.89826712293626088 52.34779386366442111, 6.89387368680182089 52.34915136367968813, 6.88852269976345699 52.34952402423196816, 6.88884590645509309 52.35134560528796754, 6.88678352557847973 52.35244356419209311, 6.88154632456656046 52.35144135728832282, 6.88136476121852336 52.35509824622474895, 6.87992610033093932 52.35832759388084412, 6.87943846880041932 52.36596827471249327, 6.88899787160270005 52.37005358021020385, 6.90016105149819836 52.37126440972946995, 6.90552984462103314 52.3735149906030415, 6.91247380282667834 52.37685940971669396, 6.924260853179379 52.38441195854327503, 6.924260853179379 52.38441195854327503),(6.9248866080616418 52.35697065596942679, 6.91946753427492034 52.35629682095710535, 6.91645574382014683 52.35515063588175622, 6.91590205253062607 52.35369236984878683, 6.91700065626174609 52.3490573900425531, 6.92350087542718295 52.34824333884003522, 6.92777511482850716 52.3497934765145061, 6.92881299885280377 52.35081886195641943, 6.9248866080616418 52.35697065596942679, 6.9248866080616418 52.35697065596942679)))</t>
  </si>
  <si>
    <t>MultiPolygon (((6.9248866080616418 52.35697065596942679, 6.92881299885280377 52.35081886195641943, 6.92777511482850716 52.3497934765145061, 6.92350087542718295 52.34824333884003522, 6.91700065626174609 52.3490573900425531, 6.91590205253062607 52.35369236984878683, 6.91645574382014683 52.35515063588175622, 6.91946753427492034 52.35629682095710535, 6.9248866080616418 52.35697065596942679, 6.9248866080616418 52.35697065596942679)))</t>
  </si>
  <si>
    <t>MultiPolygon (((6.79760171996448914 52.36129685789074273, 6.80683342483479148 52.3622174682267314, 6.81738722435128164 52.36501892005992431, 6.83579282107913055 52.36262470864440388, 6.85178900389788303 52.36216867888155946, 6.85567369006082394 52.36028773725844587, 6.85690375712044808 52.3592293553004211, 6.87943846880041932 52.36596827471249327, 6.87992610033093932 52.35832759388084412, 6.88136476121852336 52.35509824622474895, 6.88154632456656046 52.35144135728832282, 6.88678352557847973 52.35244356419209311, 6.88884590645509309 52.35134560528796754, 6.88852269976345699 52.34952402423196816, 6.89387368680182089 52.34915136367968813, 6.89826712293626088 52.34779386366442111, 6.90310863599043856 52.34503642600525097, 6.90510191963088804 52.34516902406284089, 6.90526422271103346 52.34589702801517319, 6.90913724131445317 52.34440110844096949, 6.91489088970843291 52.34145856913132633, 6.9134365467767438 52.33885127551953786, 6.91414446301684382 52.33672643701594751, 6.9188538319230517 52.3335532676007702, 6.92165533838532721 52.33445220705268497, 6.92449986680222906 52.33325505810771006, 6.9257463268626891 52.33095895509651996, 6.92459938040554768 52.32999031531498701, 6.91818913146096737 52.330799738775994, 6.91279378326229477 52.3305709387016762, 6.90622635896061432 52.33261131203928329, 6.90064600722712651 52.33346019165717422, 6.89814054748249728 52.3281458559616155, 6.89715828454558277 52.3282133612931446, 6.89474029810300593 52.32495391187870837, 6.88777872972501815 52.32205757396292256, 6.88633426365744761 52.32228212222396735, 6.88560472109974775 52.32125240678387001, 6.86262985925188573 52.32624042441124601, 6.85551850277606345 52.32675701100864529, 6.85122054288464266 52.32614811419197309, 6.84789916772930862 52.3265074235972989, 6.8474534490296719 52.32747130036598548, 6.85066875051589363 52.33123702053443793, 6.8488974418260895 52.33375503203116352, 6.84949038521235121 52.33453237201236874, 6.8523514668386678 52.33444278535306893, 6.85215175795220066 52.33550610327920793, 6.85045179132312132 52.33633661763592215, 6.842415074726242 52.33655354130228687, 6.84138196304740287 52.33402519535702169, 6.83912239706242442 52.334131591380185, 6.84026735326162516 52.3385034167581793, 6.84609194301492163 52.33850447105728421, 6.84722240000472393 52.341485262851009, 6.84441488482789673 52.34333069614638845, 6.83875532992831747 52.34503518319253601, 6.83717895080680194 52.34461034221856579, 6.8353422068094627 52.34512491936155243, 6.82393009646951398 52.35202334451444273, 6.82225155830467678 52.35591340895084755, 6.81696969671128539 52.35840514107174215, 6.81448799000423477 52.36045265202888288, 6.81196214394152921 52.36088903070331213, 6.80751270208508874 52.36009209761298422, 6.80331207627404488 52.3575553862768075, 6.7995268097441901 52.35663942681235739, 6.79760171996448914 52.36129685789074273, 6.79760171996448914 52.36129685789074273),(6.84610125176455142 52.35713228645639106, 6.84489247480807705 52.3580679154383688, 6.84418800907143865 52.3578697593476079, 6.84044503501234846 52.35553221983994376, 6.84426802157252556 52.35460932176189885, 6.8480553017714394 52.35510436595167505, 6.84983725382279474 52.3541465793528431, 6.8522583824779888 52.35221685521700863, 6.85146184550387893 52.34912591520587455, 6.84967367806721672 52.34608868206051113, 6.85184649633887677 52.34513731952653615, 6.85549341254063105 52.34153621661219091, 6.86080331070229654 52.34180088417409848, 6.86166159691795841 52.34432354374241925, 6.86069269474572341 52.34516840450027786, 6.8625451882666848 52.34880109518652347, 6.86130017383304569 52.35012482602053296, 6.86488976522380234 52.35212866715524882, 6.86306365653615025 52.35536381831752806, 6.86506617591419133 52.3560536800710139, 6.86497642853330881 52.35673564746591069, 6.8617988452248353 52.35839060016856195, 6.85608551807797362 52.35815788392729075, 6.84610125176455142 52.35713228645639106, 6.84610125176455142 52.35713228645639106)))</t>
  </si>
  <si>
    <t>MultiPolygon (((6.85146184550387893 52.34912591520587455, 6.85645146076314482 52.3485246735402896, 6.86069269474572341 52.34516840450027786, 6.86166159691795841 52.34432354374241925, 6.86080331070229654 52.34180088417409848, 6.85549341254063105 52.34153621661219091, 6.85184649633887677 52.34513731952653615, 6.84967367806721672 52.34608868206051113, 6.85146184550387893 52.34912591520587455, 6.85146184550387893 52.34912591520587455)))</t>
  </si>
  <si>
    <t>MultiPolygon (((6.85608551807797362 52.35815788392729075, 6.8617988452248353 52.35839060016856195, 6.86497642853330881 52.35673564746591069, 6.86506617591419133 52.3560536800710139, 6.86306365653615025 52.35536381831752806, 6.85686327290505826 52.35457764161479588, 6.85608551807797362 52.35815788392729075, 6.85608551807797362 52.35815788392729075)))</t>
  </si>
  <si>
    <t>MultiPolygon (((6.84610125176455142 52.35713228645639106, 6.84823149840440859 52.35541147834386777, 6.8480553017714394 52.35510436595167505, 6.84426802157252556 52.35460932176189885, 6.84044503501234846 52.35553221983994376, 6.84418800907143865 52.3578697593476079, 6.84489247480807705 52.3580679154383688, 6.84610125176455142 52.35713228645639106, 6.84610125176455142 52.35713228645639106)))</t>
  </si>
  <si>
    <t>MultiPolygon (((6.84610125176455142 52.35713228645639106, 6.85608551807797362 52.35815788392729075, 6.85686327290505826 52.35457764161479588, 6.84983725382279474 52.3541465793528431, 6.8480553017714394 52.35510436595167505, 6.84823149840440859 52.35541147834386777, 6.84610125176455142 52.35713228645639106, 6.84610125176455142 52.35713228645639106)))</t>
  </si>
  <si>
    <t>MultiPolygon (((6.85686327290505826 52.35457764161479588, 6.86306365653615025 52.35536381831752806, 6.86488976522380234 52.35212866715524882, 6.86130017383304569 52.35012482602053296, 6.8625451882666848 52.34880109518652347, 6.86069269474572341 52.34516840450027786, 6.85645146076314482 52.3485246735402896, 6.85525123703611783 52.34969012671417232, 6.85728848217082643 52.35093391507627558, 6.85686327290505826 52.35457764161479588, 6.85686327290505826 52.35457764161479588)))</t>
  </si>
  <si>
    <t>MultiPolygon (((6.84983725382279474 52.3541465793528431, 6.85686327290505826 52.35457764161479588, 6.85728848217082643 52.35093391507627558, 6.85525123703611783 52.34969012671417232, 6.85645146076314482 52.3485246735402896, 6.85146184550387893 52.34912591520587455, 6.8522583824779888 52.35221685521700863, 6.84983725382279474 52.3541465793528431, 6.84983725382279474 52.3541465793528431)))</t>
  </si>
  <si>
    <t>MultiPolygon (((6.89166893491915467 52.4157816218653636, 6.89516201190405909 52.41276056092825542, 6.90039437194774496 52.41333801597034636, 6.89875676120274228 52.41111187902505719, 6.89505991489202685 52.41091932562241595, 6.89280009100659186 52.41165863215347542, 6.89108807814798574 52.41113761365127743, 6.8882200785117158 52.408398861063624, 6.88434539146669344 52.40717994126189438, 6.88681651702898368 52.40736539472496247, 6.88916606445017443 52.40655248202975258, 6.88901571705943727 52.40518231328152865, 6.88573864137982916 52.40467274644655049, 6.88653040923618409 52.40349350905255932, 6.89605556751719018 52.40301350077108822, 6.89713676203867099 52.40354516607994384, 6.8973940350173546 52.40332303347226883, 6.89991469695367687 52.40068273544924438, 6.89565631387573674 52.40174105012435746, 6.89254212563325375 52.40210595448477449, 6.8826368516595009 52.4043062100271797, 6.88165340979846274 52.40461583467677542, 6.87883597915666201 52.40950863229464574, 6.87950816518121222 52.41781479715985625, 6.88434243085013708 52.41868606389945029, 6.88923618407587579 52.41717501487477193, 6.89166893491915467 52.4157816218653636, 6.89166893491915467 52.4157816218653636)))</t>
  </si>
  <si>
    <t>MultiPolygon (((6.91204212687679131 52.40942565513731921, 6.91264558142984242 52.41052209280640994, 6.91676747086864996 52.40939399947307464, 6.91770776929330999 52.41103460994587238, 6.92573639929828744 52.40961525164134827, 6.92776175792817739 52.40850026925268423, 6.92834158771230779 52.40647780244685094, 6.92614967320501407 52.4061094799609748, 6.92233958120067427 52.40651599972730423, 6.91664717465941425 52.40494076289503766, 6.91358468763344902 52.40869617499796362, 6.91189851836844138 52.40915138462771239, 6.91204212687679131 52.40942565513731921, 6.91204212687679131 52.40942565513731921)))</t>
  </si>
  <si>
    <t>MultiPolygon (((6.90155872313112173 52.41282734221136508, 6.90843405591766402 52.41407280461987028, 6.91358556780657452 52.41379525599479905, 6.91530978601291846 52.41550654259962982, 6.91939338129524373 52.41424804048207875, 6.91836993132167954 52.41098629223376548, 6.91770776929330999 52.41103460994587238, 6.91676747086864996 52.40939399947307464, 6.91264558142984242 52.41052209280640994, 6.91204212687679131 52.40942565513731921, 6.9061823172611998 52.41050494738195908, 6.90167653362459177 52.41037392420658847, 6.901631125737544 52.41050320761029724, 6.90155872313112173 52.41282734221136508, 6.90155872313112173 52.41282734221136508)))</t>
  </si>
  <si>
    <t>MultiPolygon (((6.89878515597649944 52.40395560345083936, 6.90416312194086057 52.40370146419220276, 6.91044657712316202 52.40350131330317396, 6.91009363383610786 52.40247415378342311, 6.90020672757027587 52.40031179874947753, 6.89991469695367687 52.40068273544924438, 6.8973940350173546 52.40332303347226883, 6.89878515597649944 52.40395560345083936, 6.89878515597649944 52.40395560345083936)))</t>
  </si>
  <si>
    <t>MultiPolygon (((6.91189851836844138 52.40915138462771239, 6.91358468763344902 52.40869617499796362, 6.91664717465941425 52.40494076289503766, 6.91044657712316202 52.40350131330317396, 6.90416312194086057 52.40370146419220276, 6.90483740714237637 52.4072438410994792, 6.91065194806054972 52.4070304527172226, 6.91189851836844138 52.40915138462771239, 6.91189851836844138 52.40915138462771239)))</t>
  </si>
  <si>
    <t>MultiPolygon (((6.90039437194774496 52.41333801597034636, 6.90155872313112173 52.41282734221136508, 6.901631125737544 52.41050320761029724, 6.89875676120274228 52.41111187902505719, 6.90039437194774496 52.41333801597034636, 6.90039437194774496 52.41333801597034636)))</t>
  </si>
  <si>
    <t>MultiPolygon (((6.90167653362459177 52.41037392420658847, 6.9061823172611998 52.41050494738195908, 6.91204212687679131 52.40942565513731921, 6.91189851836844138 52.40915138462771239, 6.91065194806054972 52.4070304527172226, 6.90483740714237637 52.4072438410994792, 6.90416312194086057 52.40370146419220276, 6.89878515597649944 52.40395560345083936, 6.89798203377414243 52.40591717683518169, 6.90048584789933805 52.40742859125373343, 6.90167653362459177 52.41037392420658847, 6.90167653362459177 52.41037392420658847)))</t>
  </si>
  <si>
    <t>MultiPolygon (((6.89713676203867099 52.40354516607994384, 6.89605556751719018 52.40301350077108822, 6.88653040923618409 52.40349350905255932, 6.88573864137982916 52.40467274644655049, 6.88901571705943727 52.40518231328152865, 6.88916606445017443 52.40655248202975258, 6.88681651702898368 52.40736539472496247, 6.88434539146669344 52.40717994126189438, 6.8882200785117158 52.408398861063624, 6.89108807814798574 52.41113761365127743, 6.89280009100659186 52.41165863215347542, 6.89505991489202685 52.41091932562241595, 6.89091823005062576 52.40865311300564855, 6.89454483032884369 52.40680544459608825, 6.89713676203867099 52.40354516607994384, 6.89713676203867099 52.40354516607994384)))</t>
  </si>
  <si>
    <t>MultiPolygon (((6.89505991489202685 52.41091932562241595, 6.89875676120274228 52.41111187902505719, 6.901631125737544 52.41050320761029724, 6.90167653362459177 52.41037392420658847, 6.90048584789933805 52.40742859125373343, 6.89798203377414243 52.40591717683518169, 6.89878515597649944 52.40395560345083936, 6.8973940350173546 52.40332303347226883, 6.89713676203867099 52.40354516607994384, 6.89454483032884369 52.40680544459608825, 6.89091823005062576 52.40865311300564855, 6.89505991489202685 52.41091932562241595, 6.89505991489202685 52.41091932562241595),(6.89689661620260974 52.40895127187429381, 6.89484778615341831 52.40754042602161178, 6.89631401008065748 52.40650694106027174, 6.89889140806601908 52.40705557894334987, 6.89978669012631407 52.40788583599667305, 6.89689661620260974 52.40895127187429381, 6.89689661620260974 52.40895127187429381)))</t>
  </si>
  <si>
    <t>MultiPolygon (((6.89689661620260974 52.40895127187429381, 6.89978669012631407 52.40788583599667305, 6.89889140806601908 52.40705557894334987, 6.89631401008065748 52.40650694106027174, 6.89484778615341831 52.40754042602161178, 6.89689661620260974 52.40895127187429381, 6.89689661620260974 52.40895127187429381)))</t>
  </si>
  <si>
    <t>MultiPolygon (((6.97182243216677922 52.41646100676594955, 6.972926985409031 52.41474643750985507, 6.99414442356060295 52.41263545226903631, 7.00298944897518094 52.41086001090275204, 7.00758828847674842 52.40759285913328114, 7.01074511235130959 52.40800657368647109, 7.00918376190155357 52.40987854475400809, 7.01397716300362006 52.41118376330319251, 7.01542345062692974 52.4084849021978556, 7.02335867097401767 52.40925439715359602, 7.02544331984273107 52.41261280075102746, 7.02437182498594037 52.41360573303011705, 7.02810731543673572 52.41361289458471617, 7.0360739870834248 52.4026626059053271, 7.04136470903048917 52.4025681804356509, 7.04704685765154615 52.40079122871043182, 7.05059243309120909 52.40075347421763752, 7.05165583865797974 52.39992481903495758, 7.05531964908938036 52.40103359175599707, 7.05872820555723379 52.39941024041291939, 7.05851766834456207 52.39619143248559396, 7.06371636485992482 52.39067753868271637, 7.055092250652792 52.38704316022337082, 7.04675689240986003 52.38102070613680894, 7.04198211096106697 52.38375735277980283, 7.03980030401216794 52.39221968160120468, 7.03233333734789401 52.39386807644679322, 7.0244288305864071 52.39136358045425368, 7.01968933631730785 52.38834576758705452, 7.01621391661705385 52.38502490038305126, 7.01600474725301382 52.38510662366699222, 7.01891995716111694 52.3878828946538988, 7.01544274731686546 52.38891560448438867, 7.01060881327815544 52.38796141291545894, 7.00291806507685521 52.38705790896541004, 7.00130353679905415 52.39180702532446077, 6.99862922104251783 52.39463007766086378, 6.98549763341445384 52.39720818334347285, 6.98350081265231104 52.39929361725862123, 6.97793175624479556 52.40217315614257387, 6.97413447527405861 52.40529836013637066, 6.97245148667372838 52.40796367448257342, 6.97209553850784758 52.40992804231095903, 6.9732510935408154 52.41346322431342486, 6.97182243216677922 52.41646100676594955, 6.97182243216677922 52.41646100676594955),(7.02522616145625012 52.40037309611066974, 7.02193498356320678 52.39841618847699323, 7.02223197409416855 52.39672094394651936, 7.02596211372051815 52.39460840285079968, 7.02991511421404081 52.39838620591211082, 7.02522616145625012 52.40037309611066974, 7.02522616145625012 52.40037309611066974)))</t>
  </si>
  <si>
    <t>MultiPolygon (((7.02522616145625012 52.40037309611066974, 7.02991511421404081 52.39838620591211082, 7.02596211372051815 52.39460840285079968, 7.02223197409416855 52.39672094394651936, 7.02193498356320678 52.39841618847699323, 7.02522616145625012 52.40037309611066974, 7.02522616145625012 52.40037309611066974)))</t>
  </si>
  <si>
    <t>MultiPolygon (((6.92834158771230779 52.40647780244685094, 6.92959766011505085 52.41026453429208942, 6.93235339354638391 52.40948165255584001, 6.93409793271502384 52.40438738862568613, 6.93230704754583549 52.4040262639625567, 6.92900951522419728 52.40189856866069817, 6.92764574074421358 52.39926232021404218, 6.93092154462896737 52.39836817136648506, 6.92807271067644681 52.39531905888572538, 6.92529111717885293 52.39500928431924365, 6.92416604580152661 52.39295677241536708, 6.924260853179379 52.38441195854327503, 6.91247380282667834 52.37685940971669396, 6.90552984462103314 52.3735149906030415, 6.90159160506256253 52.37580537004549797, 6.89971306795949246 52.37890162025870922, 6.90111657336292694 52.38709789123699778, 6.89675070849938621 52.39189410106373401, 6.88879811792937424 52.39634227851484383, 6.89565631387573674 52.40174105012435746, 6.89991469695367687 52.40068273544924438, 6.90020672757027587 52.40031179874947753, 6.91009363383610786 52.40247415378342311, 6.91044657712316202 52.40350131330317396, 6.91664717465941425 52.40494076289503766, 6.92233958120067427 52.40651599972730423, 6.92614967320501407 52.4061094799609748, 6.92834158771230779 52.40647780244685094, 6.92834158771230779 52.40647780244685094)))</t>
  </si>
  <si>
    <t>MultiPolygon (((6.86259798673894039 52.40294195918968967, 6.86737334845136349 52.40478346293466672, 6.8644215612584869 52.40683414570042942, 6.86489955045380107 52.40753562743162774, 6.87428111417502752 52.40848944148494581, 6.87883597915666201 52.40950863229464574, 6.88165340979846274 52.40461583467677542, 6.8826368516595009 52.4043062100271797, 6.89254212563325375 52.40210595448477449, 6.89565631387573674 52.40174105012435746, 6.88879811792937424 52.39634227851484383, 6.89675070849938621 52.39189410106373401, 6.90111657336292694 52.38709789123699778, 6.89971306795949246 52.37890162025870922, 6.90159160506256253 52.37580537004549797, 6.90552984462103314 52.3735149906030415, 6.90016105149819836 52.37126440972946995, 6.88899787160270005 52.37005358021020385, 6.87943846880041932 52.36596827471249327, 6.85690375712044808 52.3592293553004211, 6.85567369006082394 52.36028773725844587, 6.86358453781689803 52.36373119988508051, 6.863567341360576 52.38863775619793017, 6.86259798673894039 52.40294195918968967, 6.86259798673894039 52.40294195918968967)))</t>
  </si>
  <si>
    <t>MultiPolygon (((6.94723876211745761 52.43283629724899697, 6.9492238153089616 52.43286512438869096, 6.95368524736796179 52.42640198553295505, 6.95954742874674537 52.42381894140369525, 6.96408549782145236 52.42459969342048964, 6.96516568181016638 52.42200853009448736, 6.96362043671065489 52.41954778618567445, 6.96730298133462878 52.40927010638868211, 6.96507968590072046 52.40367356715470493, 6.96595586579269366 52.40087534505864397, 6.96353035229853123 52.39682473330673673, 6.96368076342719888 52.39346721300788801, 6.96807553393119061 52.38856641135841841, 6.96473094642736434 52.38750581523267869, 6.95696648412298924 52.3875009252155408, 6.94945744175506164 52.38648369520142722, 6.94113869120730342 52.38883841633757754, 6.93452220444674339 52.38991469847331928, 6.93130236647752618 52.38936150549930915, 6.92847565424338363 52.38662322970386498, 6.924260853179379 52.38441195854327503, 6.92416604580152661 52.39295677241536708, 6.92529111717885293 52.39500928431924365, 6.92807271067644681 52.39531905888572538, 6.93092154462896737 52.39836817136648506, 6.92764574074421358 52.39926232021404218, 6.92900951522419728 52.40189856866069817, 6.93230704754583549 52.4040262639625567, 6.93409793271502384 52.40438738862568613, 6.93235339354638391 52.40948165255584001, 6.92959766011505085 52.41026453429208942, 6.92856126276079287 52.41073827171666011, 6.92874435893972773 52.41193078492717916, 6.93100080704082622 52.41181040160912374, 6.93246083646048739 52.41582915285135869, 6.93147427759164714 52.41600951392425145, 6.93276539663949798 52.41847928180899174, 6.93973941091595226 52.42270637012571655, 6.94567383773330338 52.4282598326062157, 6.94615052818389334 52.42981898723661516, 6.93506344828839438 52.42946714861102464, 6.94551463096432364 52.42996306170173426, 6.94723876211745761 52.43283629724899697, 6.94723876211745761 52.43283629724899697),(6.95021788470729707 52.40723008210712663, 6.94842048868330853 52.40833400745496817, 6.94676408698858161 52.40721115577669309, 6.94705440865002544 52.40481768881939928, 6.94821657136294757 52.40434012771081029, 6.95451153822720247 52.40330453084487772, 6.9574948249298787 52.40465897486887314, 6.95642406673153246 52.40569033851636505, 6.95021788470729707 52.40723008210712663, 6.95021788470729707 52.40723008210712663)))</t>
  </si>
  <si>
    <t>MultiPolygon (((6.95021788470729707 52.40723008210712663, 6.95642406673153246 52.40569033851636505, 6.9574948249298787 52.40465897486887314, 6.95451153822720247 52.40330453084487772, 6.94821657136294757 52.40434012771081029, 6.94705440865002544 52.40481768881939928, 6.94676408698858161 52.40721115577669309, 6.94842048868330853 52.40833400745496817, 6.95021788470729707 52.40723008210712663, 6.95021788470729707 52.40723008210712663)))</t>
  </si>
  <si>
    <t>MultiPolygon (((6.94730037275633094 52.436621414542671, 6.9535062856190315 52.43993176398557665, 6.95579757934070653 52.43583938114687726, 6.97036730939768301 52.43559006255632937, 6.97741022196051563 52.43363959960692, 6.97889725720447895 52.43448771035227907, 6.97889393032150007 52.43543004160452625, 6.97970089817252237 52.43545282316391365, 6.9965317092393029 52.43190758187241585, 6.99742561094141191 52.43636912703605901, 7.00838116348132623 52.43614134268616311, 7.01078241748928299 52.42913658142015265, 7.02198973578149932 52.42298415161911862, 7.02810731543673572 52.41361289458471617, 7.02437182498594037 52.41360573303011705, 7.02544331984273107 52.41261280075102746, 7.02335867097401767 52.40925439715359602, 7.01542345062692974 52.4084849021978556, 7.01397716300362006 52.41118376330319251, 7.00918376190155357 52.40987854475400809, 7.01074511235130959 52.40800657368647109, 7.00758828847674842 52.40759285913328114, 7.00298944897518094 52.41086001090275204, 6.99414442356060295 52.41263545226903631, 6.972926985409031 52.41474643750985507, 6.97182243216677922 52.41646100676594955, 6.97276092212604937 52.41440352966909444, 6.968920491643253 52.41502120481625582, 6.96948264855949962 52.40938978643114154, 6.96730298133462878 52.40927010638868211, 6.96362043671065489 52.41954778618567445, 6.96516568181016638 52.42200853009448736, 6.96408549782145236 52.42459969342048964, 6.95954742874674537 52.42381894140369525, 6.95368524736796179 52.42640198553295505, 6.9492238153089616 52.43286512438869096, 6.94730037275633094 52.436621414542671, 6.94730037275633094 52.436621414542671),(6.97590979220301666 52.42898157827728056, 6.97388550968791243 52.4290778926473422, 6.97328842249711123 52.42846429282821674, 6.97321995714945775 52.42610898450927692, 6.97464224080179651 52.42408932922118225, 6.97767687029100969 52.42360168781861773, 6.98053931880673684 52.42724235923174803, 6.97590979220301666 52.42898157827728056, 6.97590979220301666 52.42898157827728056)))</t>
  </si>
  <si>
    <t>MultiPolygon (((6.9535062856190315 52.43993176398557665, 6.96106160379963512 52.4439883020707569, 6.96178538653318846 52.44362439527433395, 6.9621881692722658 52.4439831194073065, 6.96203678753800759 52.4447054588045205, 6.97442911768874119 52.45970363628382671, 6.9775337559455286 52.46568075363246919, 6.98762321535417197 52.46976679447156044, 6.99390708422212626 52.46548540590728038, 6.99457388269028257 52.46212702054324239, 7.00002552448659365 52.45471091638138006, 7.00506323590285884 52.44535832850607449, 7.00838116348132623 52.43614134268616311, 6.99742561094141191 52.43636912703605901, 6.9965317092393029 52.43190758187241585, 6.97970089817252237 52.43545282316391365, 6.97889393032150007 52.43543004160452625, 6.97889725720447895 52.43448771035227907, 6.97741022196051563 52.43363959960692, 6.97036730939768301 52.43559006255632937, 6.95579757934070653 52.43583938114687726, 6.9535062856190315 52.43993176398557665, 6.9535062856190315 52.43993176398557665)))</t>
  </si>
  <si>
    <t>MultiPolygon (((6.97590979220301666 52.42898157827728056, 6.98053931880673684 52.42724235923174803, 6.97767687029100969 52.42360168781861773, 6.97464224080179651 52.42408932922118225, 6.97321995714945775 52.42610898450927692, 6.97328842249711123 52.42846429282821674, 6.97388550968791243 52.4290778926473422, 6.97590979220301666 52.42898157827728056, 6.97590979220301666 52.42898157827728056)))</t>
  </si>
  <si>
    <t>MultiPolygon (((6.96730298133462878 52.40927010638868211, 6.96948264855949962 52.40938978643114154, 6.968920491643253 52.41502120481625582, 6.97276092212604937 52.41440352966909444, 6.97182243216677922 52.41646100676594955, 6.9732510935408154 52.41346322431342486, 6.97209553850784758 52.40992804231095903, 6.97245148667372838 52.40796367448257342, 6.97413447527405861 52.40529836013637066, 6.97793175624479556 52.40217315614257387, 6.98350081265231104 52.39929361725862123, 6.98549763341445384 52.39720818334347285, 6.99862922104251783 52.39463007766086378, 7.00130353679905415 52.39180702532446077, 7.00291806507685521 52.38705790896541004, 7.00023300747000476 52.38259795844113142, 6.99527158139848115 52.3810979997855668, 6.99557010144157587 52.37820587188669208, 6.99391920901935471 52.37681972168197575, 6.99332228457586602 52.37468185581159474, 6.99926825135418884 52.3699253424204727, 6.99812662635140903 52.36872956046441629, 7.00229351329788674 52.36812196708444844, 7.00236691655232946 52.36860711550220771, 7.00670340750306941 52.36877019268613509, 7.01122740431503644 52.36795546847890392, 7.01536045127317109 52.37058301393484072, 7.0221320879401592 52.37248959906508361, 7.02485060583410004 52.37633801340086137, 7.02587117421234542 52.38053797644484177, 7.02533237651424791 52.38182156755340202, 7.02328082664080267 52.38298204746025988, 7.01621391661705385 52.38502490038305126, 7.01968933631730785 52.38834576758705452, 7.0244288305864071 52.39136358045425368, 7.03233333734789401 52.39386807644679322, 7.03980030401216794 52.39221968160120468, 7.04198211096106697 52.38375735277980283, 7.04675689240986003 52.38102070613680894, 7.055092250652792 52.38704316022337082, 7.06371636485992482 52.39067753868271637, 7.07220470764494102 52.37280252601752295, 7.03180366717688354 52.36768276329579663, 7.00782977539456198 52.36382506358540923, 6.98612001069147315 52.37196449788417141, 6.97092354924422875 52.379846868987471, 6.96078105203725173 52.38372174182950403, 6.94945744175506164 52.38648369520142722, 6.95696648412298924 52.3875009252155408, 6.96473094642736434 52.38750581523267869, 6.96807553393119061 52.38856641135841841, 6.96368076342719888 52.39346721300788801, 6.96353035229853123 52.39682473330673673, 6.96595586579269366 52.40087534505864397, 6.96507968590072046 52.40367356715470493, 6.96730298133462878 52.40927010638868211, 6.96730298133462878 52.40927010638868211)))</t>
  </si>
  <si>
    <t>MultiPolygon (((7.01600474725301382 52.38510662366699222, 7.01621391661705385 52.38502490038305126, 7.02328082664080267 52.38298204746025988, 7.02533237651424791 52.38182156755340202, 7.02587117421234542 52.38053797644484177, 7.02485060583410004 52.37633801340086137, 7.01702800084941281 52.37678456809397431, 7.01738544204807457 52.38069000380931328, 7.01428223983622612 52.38186429140221634, 7.01386849568707493 52.38307276502449383, 7.01600474725301382 52.38510662366699222, 7.01600474725301382 52.38510662366699222)))</t>
  </si>
  <si>
    <t>MultiPolygon (((7.01060881327815544 52.38796141291545894, 7.01544274731686546 52.38891560448438867, 7.01891995716111694 52.3878828946538988, 7.01600474725301382 52.38510662366699222, 7.01386849568707493 52.38307276502449383, 7.01376736815074953 52.382975949538789, 7.01132862245589461 52.38285400976452877, 7.01060881327815544 52.38796141291545894, 7.01060881327815544 52.38796141291545894)))</t>
  </si>
  <si>
    <t>MultiPolygon (((7.01615228971011717 52.3768200618149109, 7.01702800084941281 52.37678456809397431, 7.02485060583410004 52.37633801340086137, 7.0221320879401592 52.37248959906508361, 7.01536045127317109 52.37058301393484072, 7.0166066093053141 52.37118055568022612, 7.01615228971011717 52.3768200618149109, 7.01615228971011717 52.3768200618149109)))</t>
  </si>
  <si>
    <t>MultiPolygon (((7.01376736815074953 52.382975949538789, 7.01386849568707493 52.38307276502449383, 7.01428223983622612 52.38186429140221634, 7.01738544204807457 52.38069000380931328, 7.01702800084941281 52.37678456809397431, 7.01615228971011717 52.3768200618149109, 7.01005896309847465 52.37691913968476598, 7.00802152819438806 52.37746721708284525, 7.01035492018639239 52.37973946517775659, 7.01376736815074953 52.382975949538789, 7.01376736815074953 52.382975949538789)))</t>
  </si>
  <si>
    <t>MultiPolygon (((7.00291806507685521 52.38705790896541004, 7.01060881327815544 52.38796141291545894, 7.01132862245589461 52.38285400976452877, 7.01376736815074953 52.382975949538789, 7.01035492018639239 52.37973946517775659, 7.00561578849280231 52.38172698771228397, 7.00023300747000476 52.38259795844113142, 7.00291806507685521 52.38705790896541004, 7.00291806507685521 52.38705790896541004)))</t>
  </si>
  <si>
    <t>MultiPolygon (((7.00023300747000476 52.38259795844113142, 7.00561578849280231 52.38172698771228397, 7.01035492018639239 52.37973946517775659, 7.00802152819438806 52.37746721708284525, 7.00411489970420842 52.37742018510150643, 7.00133748894599428 52.37597966074096689, 6.99557010144157587 52.37820587188669208, 6.99527158139848115 52.3810979997855668, 7.00023300747000476 52.38259795844113142, 7.00023300747000476 52.38259795844113142)))</t>
  </si>
  <si>
    <t>MultiPolygon (((6.99557010144157587 52.37820587188669208, 7.00133748894599428 52.37597966074096689, 7.00248514573810965 52.37254338713057678, 6.99926825135418884 52.3699253424204727, 6.99332228457586602 52.37468185581159474, 6.99391920901935471 52.37681972168197575, 6.99557010144157587 52.37820587188669208, 6.99557010144157587 52.37820587188669208)))</t>
  </si>
  <si>
    <t>MultiPolygon (((7.00248514573810965 52.37254338713057678, 7.00673647022301971 52.37287071634704461, 7.00796193098487308 52.3720481510503717, 7.00670340750306941 52.36877019268613509, 7.00236691655232946 52.36860711550220771, 7.00229351329788674 52.36812196708444844, 6.99812662635140903 52.36872956046441629, 6.99926825135418884 52.3699253424204727, 7.00248514573810965 52.37254338713057678, 7.00248514573810965 52.37254338713057678)))</t>
  </si>
  <si>
    <t>MultiPolygon (((7.01005896309847465 52.37691913968476598, 7.01615228971011717 52.3768200618149109, 7.0166066093053141 52.37118055568022612, 7.01536045127317109 52.37058301393484072, 7.01122740431503644 52.36795546847890392, 7.00670340750306941 52.36877019268613509, 7.00796193098487308 52.3720481510503717, 7.00673647022301971 52.37287071634704461, 7.00623646867079586 52.37411440906276283, 7.0079480282851998 52.3753807641611715, 7.00905645781369824 52.37510191877109378, 7.01005896309847465 52.37691913968476598, 7.01005896309847465 52.37691913968476598)))</t>
  </si>
  <si>
    <t>MultiPolygon (((7.00802152819438806 52.37746721708284525, 7.01005896309847465 52.37691913968476598, 7.00905645781369824 52.37510191877109378, 7.0079480282851998 52.3753807641611715, 7.00623646867079586 52.37411440906276283, 7.00673647022301971 52.37287071634704461, 7.00248514573810965 52.37254338713057678, 7.00133748894599428 52.37597966074096689, 7.00411489970420842 52.37742018510150643, 7.00802152819438806 52.37746721708284525, 7.00802152819438806 52.37746721708284525)))</t>
  </si>
  <si>
    <t>MultiPolygon (((6.14043515680258878 52.44341234577728983, 6.14767592332600632 52.4444410761664912, 6.1518946398910419 52.42953039571960971, 6.15886146856213124 52.42791141927637, 6.15771156184147994 52.42418335619350245, 6.16409747093544524 52.41524268317257906, 6.16243498621275521 52.41076474015773101, 6.15843071809220088 52.41038869909810671, 6.15883607987307258 52.40228349358252302, 6.15777206016236711 52.40203533174061334, 6.15437674995954875 52.40174285123197961, 6.14817069105125658 52.39832838408016613, 6.14580936345480655 52.39819177505557235, 6.12997056433020848 52.39860332111663155, 6.1305527164966982 52.39997768904520825, 6.13155464103378645 52.40472067212321861, 6.13520824880202653 52.41135810417632968, 6.1352808591727106 52.41363343373477335, 6.12840401309851135 52.42559426769067699, 6.11948929391912344 52.43292571722335538, 6.11410668175934724 52.43800646509677676, 6.10958001679651197 52.44053072787069425, 6.12040981075132251 52.44230948090473987, 6.13027176184335953 52.4416119889218848, 6.13590726359191674 52.44156582997246829, 6.13707509045888955 52.44076154828361069, 6.13966001826293706 52.44161714654932638, 6.14043515680258878 52.44341234577728983)))</t>
  </si>
  <si>
    <t>MultiPolygon (((6.14356404806095036 52.36478738582398762, 6.15520575570920592 52.36072285555947303, 6.18428763544329296 52.3523271577231597, 6.18812755679077053 52.35227873396940623, 6.18915224535891273 52.3512884786146131, 6.18861939592706367 52.34933188314247587, 6.18676203079898102 52.34888523651324732, 6.18486521724536509 52.34718872526168809, 6.18840636769504471 52.34467720571097971, 6.1851076601282049 52.34139254847114842, 6.17930556218756522 52.33913829061211231, 6.173670455549499 52.3406844011818464, 6.16093099967768332 52.33960900557713103, 6.15356183702442205 52.3400478914949403, 6.14616671642659274 52.33477026784937891, 6.14291446692076093 52.33458301353451958, 6.13893727287084889 52.3431307543072819, 6.13750338342167634 52.34451368053539255, 6.13700803275859119 52.34687085690383412, 6.13659783011738824 52.35203276377441739, 6.14168242426179312 52.35923139835023932, 6.14356404806095036 52.36478738582398762, 6.14356404806095036 52.36478738582398762)))</t>
  </si>
  <si>
    <t>MultiPolygon (((6.13155464103378645 52.40472067212321861, 6.1305527164966982 52.39997768904520825, 6.12757923945909333 52.39961730441410737, 6.12537228235850328 52.40017733056412652, 6.12368320342994643 52.40191615694335781, 6.1190647622346086 52.40264187456349276, 6.11624663848405437 52.40487513848079715, 6.11485708191238775 52.40698537929549161, 6.11080682878485693 52.40781256215296935, 6.11474110491710476 52.41425560362788616, 6.113572497705273 52.41690566718484945, 6.11387194359351049 52.41985325586172451, 6.11824486654068167 52.42664384189267679, 6.11816911944973896 52.42843684151157646, 6.11638503230860753 52.43019943026929042, 6.11948929391912344 52.43292571722335538, 6.12840401309851135 52.42559426769067699, 6.1352808591727106 52.41363343373477335, 6.13520824880202653 52.41135810417632968, 6.13155464103378645 52.40472067212321861, 6.13155464103378645 52.40472067212321861)))</t>
  </si>
  <si>
    <t>MultiPolygon (((6.17742810333355408 52.43114925162773687, 6.19105806360199207 52.43268985422697881, 6.19076225975756067 52.43075503559068551, 6.19258567233433777 52.43096356373980171, 6.19349344538831481 52.42832420946450611, 6.19658573218736919 52.42711052960602558, 6.20648307562243229 52.42820954710688852, 6.20834175872732885 52.42781553664798366, 6.20767967571524704 52.42551699305081314, 6.20989568473274645 52.4253164170923398, 6.23095835077274529 52.42349958398038723, 6.22385544306374783 52.41156207438384484, 6.22157854240117825 52.40908891112893997, 6.22598895062436863 52.40316833315984013, 6.23123294574577091 52.39787950317808196, 6.23004859667421051 52.3976971979224615, 6.23198878186528749 52.39479379787260171, 6.23212002520446795 52.39331292399069895, 6.23086442022486597 52.3919138713147774, 6.2297696076879312 52.38972811353223591, 6.22648951377682103 52.38814263457232556, 6.22179930933799064 52.38735532296428232, 6.21844641359202654 52.38527043273342088, 6.21640337995912162 52.38638792606079164, 6.20398766333357887 52.38689911208020789, 6.17952762209149409 52.39477459259030212, 6.15866291318645409 52.39824682014835133, 6.15777206016236711 52.40203533174061334, 6.15883607987307258 52.40228349358252302, 6.15843071809220088 52.41038869909810671, 6.16243498621275521 52.41076474015773101, 6.16409747093544524 52.41524268317257906, 6.15771156184147994 52.42418335619350245, 6.15886146856213124 52.42791141927637, 6.1518946398910419 52.42953039571960971, 6.14767592332600632 52.4444410761664912, 6.15313368147291584 52.45022993770133724, 6.1549148375719156 52.45318302574499825, 6.15768076069875292 52.45354103120506295, 6.16128140069590291 52.44948804691576782, 6.17742810333355408 52.43114925162773687)))</t>
  </si>
  <si>
    <t>MultiPolygon (((6.14291446692076093 52.33458301353451958, 6.14616671642659274 52.33477026784937891, 6.15356183702442205 52.3400478914949403, 6.16093099967768332 52.33960900557713103, 6.173670455549499 52.3406844011818464, 6.17930556218756522 52.33913829061211231, 6.17248918570829908 52.32952045134167918, 6.17647851286455829 52.32174603188032336, 6.18344202529720821 52.31502924112898967, 6.18155091480305341 52.31485720196070588, 6.18217612254219606 52.30891083855058099, 6.17185679996830761 52.30878543303232675, 6.16278417792375954 52.3073606211448805, 6.14039472303857714 52.30376413500287214, 6.13388679521832092 52.3255813115083015, 6.13623494307675266 52.32935925253683962, 6.14291446692076093 52.33458301353451958, 6.14291446692076093 52.33458301353451958)))</t>
  </si>
  <si>
    <t>MultiPolygon (((6.11958654312926509 52.37523261320227874, 6.12300936974504495 52.37359468258703998, 6.1242382376817357 52.37439210551841029, 6.1312173333485509 52.37114231225160665, 6.13175972478580267 52.37013881551173711, 6.13580054767867367 52.36742856127060008, 6.14356404806095036 52.36478738582398762, 6.14168242426179312 52.35923139835023932, 6.13659783011738824 52.35203276377441739, 6.13700803275859119 52.34687085690383412, 6.12500873528261458 52.34120535978112798, 6.11774915943698794 52.34512300731766743, 6.11739337729866506 52.35002594349763427, 6.10887110408135303 52.34760376604948107, 6.10453330498560653 52.34656134176021425, 6.09814706560587894 52.35233957678517669, 6.09477851148728611 52.35693105967784078, 6.09352205990547624 52.35867170848393215, 6.09071286004698997 52.36044415723848999, 6.08848734394678637 52.36114566129880643, 6.08088202347078965 52.36203611046769879, 6.07784492765278905 52.36429706027241338, 6.07820316396688654 52.36904616711427707, 6.07970121385633444 52.37066484955079915, 6.08246330448540551 52.3720692915497068, 6.09513336806519934 52.37384113341647662, 6.1133710725496071 52.37720882573381687, 6.12085383232736557 52.37954197156842895, 6.11958654312926509 52.37523261320227874, 6.11958654312926509 52.37523261320227874),(6.10198620119698099 52.35222580646566115, 6.11683056036386219 52.35184636759066024, 6.11724365509693158 52.35955544733753442, 6.11075621542242242 52.36170099715443627, 6.10198620119698099 52.35222580646566115, 6.10198620119698099 52.35222580646566115)))</t>
  </si>
  <si>
    <t>MultiPolygon (((6.11724365509693158 52.35955544733753442, 6.11683056036386219 52.35184636759066024, 6.10198620119698099 52.35222580646566115, 6.11075621542242242 52.36170099715443627, 6.11724365509693158 52.35955544733753442, 6.11724365509693158 52.35955544733753442)))</t>
  </si>
  <si>
    <t>MultiPolygon (((6.09477851148728611 52.35693105967784078, 6.09814706560587894 52.35233957678517669, 6.10453330498560653 52.34656134176021425, 6.10464511539285581 52.34380237506007916, 6.10312060820911562 52.34178823456773699, 6.09680151422907368 52.33754213919602449, 6.09421645066916007 52.33420869442142731, 6.09232138223024577 52.32095012925307032, 6.09492288776117519 52.31706275563988129, 6.10133434205747616 52.31309187039346398, 6.10316318046100204 52.31080478362181196, 6.10346307102535413 52.3079474688501449, 6.10269631363649623 52.30575829927968812, 6.10139757052576748 52.30511416351030363, 6.10146223429108581 52.30121352288656311, 6.10132037857426646 52.30122477101081557, 6.09874158450516202 52.30115990704312878, 6.09919413217689321 52.30012834430448976, 6.0909021795173599 52.29998946884469291, 6.08812903236095959 52.30037629610271921, 6.08623403896045723 52.30189784970256994, 6.08407140226782861 52.3016859207504794, 6.08292773839046852 52.30712015260456127, 6.08439803355857212 52.31145210286010894, 6.08099010441487486 52.31190247711161589, 6.07969398419026152 52.31764154118570787, 6.07377584149246896 52.31774093969593054, 6.07184293841249634 52.3171850719672662, 6.06652511104340419 52.31780911180212712, 6.06608697530034213 52.32025307493518795, 6.06738760572233904 52.32141288968880133, 6.07070567872366951 52.32188189925700783, 6.07368063105662781 52.33056923949849448, 6.07435560743257597 52.33255580194326484, 6.07563241418718825 52.33330016158960518, 6.07405347534285767 52.33452364564816151, 6.075579567098635 52.33474176243088749, 6.07676414453340463 52.33865076005204031, 6.07532997135942576 52.34455553645618409, 6.07613120926313233 52.34566932632804992, 6.0760701191081381 52.35057029394330641, 6.07809892543015629 52.35175579261976964, 6.0780098838915011 52.35242643141632612, 6.08724050366093206 52.3538899990471549, 6.09477851148728611 52.35693105967784078, 6.09477851148728611 52.35693105967784078)))</t>
  </si>
  <si>
    <t>MultiPolygon (((6.15866291318645409 52.39824682014835133, 6.17952762209149409 52.39477459259030212, 6.20398766333357887 52.38689911208020789, 6.20235456898408533 52.38518002137705309, 6.2065205297780599 52.38470566234635584, 6.20757187503811192 52.38386171030440153, 6.20729931116658307 52.38264235291966742, 6.20160677857935472 52.38350773191392307, 6.20102037223323599 52.38030421121028013, 6.19867575648552016 52.38031723603160117, 6.20179399318355706 52.37958618987033077, 6.20350309455335758 52.37826174195032536, 6.20270977257818235 52.37713035198888889, 6.20371533084798266 52.37735199130796104, 6.20329566166703916 52.37619315509004991, 6.20249222091220265 52.3762183332262623, 6.20197123605747969 52.37594039146190994, 6.20197466985026491 52.37586593856746475, 6.20195922848740899 52.37558034474576374, 6.20033682432763555 52.37500371797716525, 6.20147992052361285 52.37412012571424214, 6.20133716006636426 52.37139477206687133, 6.20016386748710335 52.37112212625930852, 6.19669045340713609 52.37221442572579377, 6.19546725188680902 52.37417504203549612, 6.18945583764554907 52.37574588359957772, 6.18849868036545558 52.37092697349449111, 6.18896241438457739 52.36426568854867014, 6.19087672593515048 52.36299507845786394, 6.19071052708059355 52.36175847409657536, 6.19465839257592776 52.35864594496434421, 6.19621303304866977 52.35861336706562952, 6.19529501848401765 52.35546694420315106, 6.19693951980702185 52.35367529637248651, 6.19685891301256753 52.35211164097560044, 6.18812755679077053 52.35227873396940623, 6.18428763544329296 52.3523271577231597, 6.15520575570920592 52.36072285555947303, 6.14356404806095036 52.36478738582398762, 6.14702359332108728 52.37113908320531408, 6.14906997720103465 52.37104526653735803, 6.15302429821690033 52.37469214765600611, 6.15348764831427086 52.37778913357945498, 6.15634511224013536 52.38173145463174052, 6.15246134056924632 52.38212223504482523, 6.15778951592883317 52.39432594104268759, 6.15866291318645409 52.39824682014835133)))</t>
  </si>
  <si>
    <t>MultiPolygon (((6.14702359332108728 52.37113908320531408, 6.14686966758356768 52.376338841185202, 6.15246134056924632 52.38212223504482523, 6.15634511224013536 52.38173145463174052, 6.15348764831427086 52.37778913357945498, 6.15302429821690033 52.37469214765600611, 6.14906997720103465 52.37104526653735803, 6.14702359332108728 52.37113908320531408, 6.14702359332108728 52.37113908320531408)))</t>
  </si>
  <si>
    <t>MultiPolygon (((6.12500873528261458 52.34120535978112798, 6.13700803275859119 52.34687085690383412, 6.13750338342167634 52.34451368053539255, 6.13893727287084889 52.3431307543072819, 6.14291446692076093 52.33458301353451958, 6.13623494307675266 52.32935925253683962, 6.13388679521832092 52.3255813115083015, 6.14039472303857714 52.30376413500287214, 6.13007074376699101 52.30161818631812309, 6.12997586636046865 52.30159906822876792, 6.11868451442836836 52.32244349112795589, 6.11787369026712913 52.32494253119093486, 6.12114332239890491 52.33197924660395728, 6.12088633994644393 52.3306147055193307, 6.1220851225953794 52.32837681625253623, 6.13115492150817776 52.32595441835199779, 6.13485001705551092 52.3309104525786708, 6.13444883271141972 52.33330547348051454, 6.12693346367217107 52.33345608191819309, 6.12248681584809162 52.33524355814297735, 6.12500873528261458 52.34120535978112798, 6.12500873528261458 52.34120535978112798)))</t>
  </si>
  <si>
    <t>MultiPolygon (((6.12158834553216469 52.33306142388657634, 6.12248681584809162 52.33524355814297735, 6.12693346367217107 52.33345608191819309, 6.13444883271141972 52.33330547348051454, 6.13485001705551092 52.3309104525786708, 6.13115492150817776 52.32595441835199779, 6.1220851225953794 52.32837681625253623, 6.12088633994644393 52.3306147055193307, 6.12114332239890491 52.33197924660395728, 6.12158834553216469 52.33306142388657634, 6.12158834553216469 52.33306142388657634)))</t>
  </si>
  <si>
    <t>MultiPolygon (((6.18812755679077053 52.35227873396940623, 6.19685891301256753 52.35211164097560044, 6.22296122005656827 52.34723670452917332, 6.22423530398142688 52.34649642092305299, 6.23566525193126253 52.33990234918222484, 6.23187843121142837 52.3356128419569302, 6.23248269635331464 52.32960705161123371, 6.23584252454011612 52.32838918395712824, 6.23535499982174635 52.31982019207422496, 6.20562028807881649 52.32085510801854866, 6.20369102605147216 52.32028085261748629, 6.20247301925646077 52.31810565376775202, 6.19949230540383933 52.31587871431538161, 6.19006640304808808 52.31475538037147288, 6.18344202529720821 52.31502924112898967, 6.17647851286455829 52.32174603188032336, 6.17248918570829908 52.32952045134167918, 6.17930556218756522 52.33913829061211231, 6.1851076601282049 52.34139254847114842, 6.18840636769504471 52.34467720571097971, 6.18486521724536509 52.34718872526168809, 6.18676203079898102 52.34888523651324732, 6.18861939592706367 52.34933188314247587, 6.18915224535891273 52.3512884786146131, 6.18812755679077053 52.35227873396940623),(6.2154118435762058 52.33261524969721279, 6.21171682006732606 52.33263774557922687, 6.20557645905983346 52.33148291055243106, 6.20587261570332593 52.32848144464387019, 6.2049504768835515 52.32536773918359785, 6.20594045869031241 52.3243453884909826, 6.20716447536027705 52.32429275518273926, 6.2089093929423802 52.32782734981211092, 6.21397869903304567 52.32755697531913341, 6.22219034965886131 52.33049511332477977, 6.2154118435762058 52.33261524969721279)))</t>
  </si>
  <si>
    <t>MultiPolygon (((6.2154118435762058 52.33261524969721279, 6.22219034965886131 52.33049511332477977, 6.21397869903304567 52.32755697531913341, 6.2089093929423802 52.32782734981211092, 6.20716447536027705 52.32429275518273926, 6.20594045869031241 52.3243453884909826, 6.2049504768835515 52.32536773918359785, 6.20587261570332593 52.32848144464387019, 6.20557645905983346 52.33148291055243106, 6.21171682006732606 52.33263774557922687, 6.2154118435762058 52.33261524969721279, 6.2154118435762058 52.33261524969721279)))</t>
  </si>
  <si>
    <t>MultiPolygon (((6.15777206016236711 52.40203533174061334, 6.15866291318645409 52.39824682014835133, 6.15778951592883317 52.39432594104268759, 6.15246134056924632 52.38212223504482523, 6.14784267229297932 52.38395847149524798, 6.14283864964741166 52.38391621049775893, 6.13587295759939089 52.38437272049613824, 6.14580936345480655 52.39819177505557235, 6.14817069105125658 52.39832838408016613, 6.15437674995954875 52.40174285123197961, 6.15777206016236711 52.40203533174061334, 6.15777206016236711 52.40203533174061334)))</t>
  </si>
  <si>
    <t>MultiPolygon (((6.14283864964741166 52.38391621049775893, 6.14784267229297932 52.38395847149524798, 6.15246134056924632 52.38212223504482523, 6.14686966758356768 52.376338841185202, 6.14702359332108728 52.37113908320531408, 6.14356404806095036 52.36478738582398762, 6.13580054767867367 52.36742856127060008, 6.13175972478580267 52.37013881551173711, 6.14086733065427737 52.37988545921552941, 6.14283864964741166 52.38391621049775893, 6.14283864964741166 52.38391621049775893)))</t>
  </si>
  <si>
    <t>MultiPolygon (((6.12619664456816615 52.38606593177519954, 6.13587295759939089 52.38437272049613824, 6.14283864964741166 52.38391621049775893, 6.14086733065427737 52.37988545921552941, 6.13175972478580267 52.37013881551173711, 6.1312173333485509 52.37114231225160665, 6.1242382376817357 52.37439210551841029, 6.12300936974504495 52.37359468258703998, 6.11958654312926509 52.37523261320227874, 6.12085383232736557 52.37954197156842895, 6.12365040558136542 52.38131818503421044, 6.12582997727094636 52.38405853426797165, 6.12619664456816615 52.38606593177519954, 6.12619664456816615 52.38606593177519954)))</t>
  </si>
  <si>
    <t>MultiPolygon (((6.14580936345480655 52.39819177505557235, 6.13587295759939089 52.38437272049613824, 6.12619664456816615 52.38606593177519954, 6.12520844874622483 52.39262716839242984, 6.12997056433020848 52.39860332111663155, 6.14580936345480655 52.39819177505557235, 6.14580936345480655 52.39819177505557235)))</t>
  </si>
  <si>
    <t>MultiPolygon (((6.11298976799929594 52.3199324027310837, 6.11868451442836836 52.32244349112795589, 6.12997586636046865 52.30159906822876792, 6.12148337408534537 52.29979668989586372, 6.11858672371072565 52.29889270348512298, 6.1083625462727289 52.29766682582149429, 6.10811610816593209 52.29901449871329078, 6.10602501236821382 52.29924642459322115, 6.10275734675221848 52.30107041241209487, 6.10146223429108581 52.30121352288656311, 6.10139757052576748 52.30511416351030363, 6.10269631363649623 52.30575829927968812, 6.10346307102535413 52.3079474688501449, 6.10316318046100204 52.31080478362181196, 6.10133434205747616 52.31309187039346398, 6.10573901855044188 52.31432763603704927, 6.11298976799929594 52.3199324027310837)))</t>
  </si>
  <si>
    <t>MultiPolygon (((6.09680151422907368 52.33754213919602449, 6.11067891980689204 52.3361951492998756, 6.10793631619899724 52.33122855345932578, 6.10730444618763268 52.32577445062285904, 6.10768862597491058 52.3234144014669269, 6.11298976799929594 52.3199324027310837, 6.10573901855044188 52.31432763603704927, 6.10133434205747616 52.31309187039346398, 6.09492288776117519 52.31706275563988129, 6.09232138223024577 52.32095012925307032, 6.09421645066916007 52.33420869442142731, 6.09680151422907368 52.33754213919602449, 6.09680151422907368 52.33754213919602449)))</t>
  </si>
  <si>
    <t>MultiPolygon (((6.11067891980689204 52.3361951492998756, 6.11294322902329323 52.33750895184416407, 6.11834355437043786 52.33534829566381319, 6.12158834553216469 52.33306142388657634, 6.12114332239890491 52.33197924660395728, 6.11787369026712913 52.32494253119093486, 6.11868451442836836 52.32244349112795589, 6.11298976799929594 52.3199324027310837, 6.10768862597491058 52.3234144014669269, 6.10730444618763268 52.32577445062285904, 6.10793631619899724 52.33122855345932578, 6.11067891980689204 52.3361951492998756, 6.11067891980689204 52.3361951492998756)))</t>
  </si>
  <si>
    <t>MultiPolygon (((6.10887110408135303 52.34760376604948107, 6.11739337729866506 52.35002594349763427, 6.11774915943698794 52.34512300731766743, 6.12500873528261458 52.34120535978112798, 6.12248681584809162 52.33524355814297735, 6.12158834553216469 52.33306142388657634, 6.11834355437043786 52.33534829566381319, 6.11294322902329323 52.33750895184416407, 6.11213709061814914 52.34165849599659737, 6.10890972338565508 52.34509463012212649, 6.10887110408135303 52.34760376604948107, 6.10887110408135303 52.34760376604948107)))</t>
  </si>
  <si>
    <t>MultiPolygon (((6.10453330498560653 52.34656134176021425, 6.10887110408135303 52.34760376604948107, 6.10890972338565508 52.34509463012212649, 6.11213709061814914 52.34165849599659737, 6.11294322902329323 52.33750895184416407, 6.11067891980689204 52.3361951492998756, 6.09680151422907368 52.33754213919602449, 6.10312060820911562 52.34178823456773699, 6.10464511539285581 52.34380237506007916, 6.10453330498560653 52.34656134176021425, 6.10453330498560653 52.34656134176021425)))</t>
  </si>
  <si>
    <t>MultiPolygon (((5.5847084536899283 51.46050901813075029, 5.59051558878453925 51.457760812587793, 5.59282184777516633 51.45834034105708099, 5.5962243568284924 51.45617359848943551, 5.59703434297614955 51.45649716575115207, 5.60100512233467551 51.45217040812947573, 5.60341256641762797 51.45399035924692299, 5.60472437955353442 51.45280030581430708, 5.60876331824976049 51.45156846705948794, 5.60814692484118016 51.44971709295364093, 5.61451271117044204 51.45004424215660777, 5.61454566685071388 51.44923150047530669, 5.60276136018846938 51.44823110826580859, 5.59925201201256684 51.44248730412418524, 5.60636996013292066 51.43761490159540983, 5.60521470054935289 51.43696089246889613, 5.61142058403035993 51.43347948018835325, 5.61169664788723921 51.43264046943418322, 5.6179654271304047 51.43265154327374233, 5.63033430744249852 51.43647076103645333, 5.63071275301382901 51.43950197598240948, 5.6381508956644053 51.44514908954994326, 5.64155537173540722 51.45565208975510529, 5.64434252605742248 51.45625798215562696, 5.65646818233351034 51.45655960919771132, 5.65601772633783284 51.45527247111164826, 5.65629877615531296 51.45282600022351005, 5.65528561195687285 51.45237826909247758, 5.6533076634212529 51.44638526121192967, 5.64826574478914178 51.44150688875465249, 5.64752958409949724 51.44200507142710421, 5.64447576119821459 51.44112322594838815, 5.64362378878075788 51.4401926136903711, 5.6424573071495896 51.43492847831547721, 5.64303450428343911 51.43481263387232616, 5.63922495129084655 51.42310408695666979, 5.63901550191544754 51.42245648422158411, 5.59871756833801459 51.4183414292165395, 5.58805653722423923 51.42553449469984628, 5.57953802454792136 51.43135949076990698, 5.56612656909282677 51.44156599551590148, 5.57117304132001667 51.44773157492472393, 5.5790007197568352 51.45507906066167436, 5.5847084536899283 51.46050901813075029, 5.5847084536899283 51.46050901813075029)))</t>
  </si>
  <si>
    <t>MultiPolygon (((5.64155537173540722 51.45565208975510529, 5.6381508956644053 51.44514908954994326, 5.63071275301382901 51.43950197598240948, 5.63033430744249852 51.43647076103645333, 5.6179654271304047 51.43265154327374233, 5.61169664788723921 51.43264046943418322, 5.61142058403035993 51.43347948018835325, 5.60521470054935289 51.43696089246889613, 5.60636996013292066 51.43761490159540983, 5.59925201201256684 51.44248730412418524, 5.60276136018846938 51.44823110826580859, 5.61454566685071388 51.44923150047530669, 5.61729533030042205 51.4492871424590561, 5.62139044362953921 51.45018069697784568, 5.64155537173540722 51.45565208975510529, 5.64155537173540722 51.45565208975510529)))</t>
  </si>
  <si>
    <t>MultiPolygon (((5.53705848220194241 51.40902455645313296, 5.54111163422781683 51.40649625444229542, 5.55344654004774263 51.40865990812115882, 5.55689393155651157 51.41003020896052078, 5.55785816017210799 51.40551405337893698, 5.54375110788958558 51.40466533138380356, 5.54481376829049033 51.40313635688591631, 5.54321318302366439 51.40403630415802638, 5.53637986825433526 51.4031934868135707, 5.53557983136518761 51.4046059157956563, 5.53370503878087749 51.40428442602495807, 5.5335739199934908 51.4046710154309352, 5.5258149490236379 51.40469713763306459, 5.52580223414250415 51.40515145366250493, 5.525178328079412 51.42789801266969363, 5.53034930652684498 51.42720072023906397, 5.53341810131244127 51.42658861005090642, 5.5323194722739677 51.42157541514756502, 5.54066241735738885 51.41860294618796701, 5.54266571184291656 51.41586772446128606, 5.54021874079128285 51.41491254384620646, 5.53705848220194241 51.40902455645313296, 5.53705848220194241 51.40902455645313296)))</t>
  </si>
  <si>
    <t>MultiPolygon (((5.54266571184291656 51.41586772446128606, 5.5516687800470379 51.4150607048720687, 5.5541968284923362 51.41220853073190966, 5.55673175493111149 51.41128970655522323, 5.55689393155651157 51.41003020896052078, 5.55344654004774263 51.40865990812115882, 5.54111163422781683 51.40649625444229542, 5.53705848220194241 51.40902455645313296, 5.54021874079128285 51.41491254384620646, 5.54266571184291656 51.41586772446128606, 5.54266571184291656 51.41586772446128606)))</t>
  </si>
  <si>
    <t>MultiPolygon (((5.56510896987199999 51.42016817130041773, 5.57790416035301284 51.42222971924229569, 5.57794229911672268 51.4234672309574421, 5.58805653722423923 51.42553449469984628, 5.59871756833801459 51.4183414292165395, 5.59403245620749168 51.41724544890969639, 5.56891074119728469 51.4086503539417734, 5.56583387042311273 51.41513057735609493, 5.56589598339103642 51.41739479420452597, 5.56510896987199999 51.42016817130041773, 5.56510896987199999 51.42016817130041773)))</t>
  </si>
  <si>
    <t>MultiPolygon (((5.57953802454792136 51.43135949076990698, 5.58805653722423923 51.42553449469984628, 5.57794229911672268 51.4234672309574421, 5.57790416035301284 51.42222971924229569, 5.56510896987199999 51.42016817130041773, 5.56325859966895742 51.42125215499973478, 5.56424993025478987 51.4229298552132903, 5.5628384549629617 51.42449518252526985, 5.56941453017209209 51.42837719336067437, 5.57953802454792136 51.43135949076990698, 5.57953802454792136 51.43135949076990698)))</t>
  </si>
  <si>
    <t>MultiPolygon (((5.56941453017209209 51.42837719336067437, 5.5628384549629617 51.42449518252526985, 5.55851496698350989 51.42830721038710351, 5.54688403980281119 51.43288661661722472, 5.54677924288271385 51.43367532308255363, 5.54867897115238673 51.43467727449301208, 5.56612656909282677 51.44156599551590148, 5.57953802454792136 51.43135949076990698, 5.56941453017209209 51.42837719336067437, 5.56941453017209209 51.42837719336067437)))</t>
  </si>
  <si>
    <t>MultiPolygon (((5.55453214053809052 51.41675900823572221, 5.55673175493111149 51.41128970655522323, 5.5541968284923362 51.41220853073190966, 5.5516687800470379 51.4150607048720687, 5.54266571184291656 51.41586772446128606, 5.54066241735738885 51.41860294618796701, 5.5323194722739677 51.42157541514756502, 5.53341810131244127 51.42658861005090642, 5.53034930652684498 51.42720072023906397, 5.53177838785510012 51.42802605665489324, 5.53123718950612453 51.42895161871850007, 5.53203550164075342 51.43198887581346668, 5.53473795192812457 51.43167632987486115, 5.5439288325029521 51.42498057494697861, 5.55453214053809052 51.41675900823572221, 5.55453214053809052 51.41675900823572221)))</t>
  </si>
  <si>
    <t>MultiPolygon (((5.56586026890186947 51.40729854681578104, 5.56673735898232103 51.40559172493437501, 5.56424931529944278 51.40488021111705308, 5.56242857862230178 51.40529965391856138, 5.56136830135634419 51.40490065303380618, 5.56077871708579252 51.40616004266082939, 5.55785816017210799 51.40551405337893698, 5.55689393155651157 51.41003020896052078, 5.55673175493111149 51.41128970655522323, 5.55453214053809052 51.41675900823572221, 5.55719717224604803 51.41774938182843613, 5.56589598339103642 51.41739479420452597, 5.56583387042311273 51.41513057735609493, 5.56891074119728469 51.4086503539417734, 5.56586026890186947 51.40729854681578104, 5.56586026890186947 51.40729854681578104)))</t>
  </si>
  <si>
    <t>MultiPolygon (((5.54688403980281119 51.43288661661722472, 5.55851496698350989 51.42830721038710351, 5.55696776896447542 51.42640948829801317, 5.55668417717243468 51.424338847802332, 5.55237372206060531 51.42358184056229931, 5.5439288325029521 51.42498057494697861, 5.53473795192812457 51.43167632987486115, 5.53475277262192833 51.43168406026001094, 5.54024968284885766 51.43133470803564933, 5.54677924288271385 51.43367532308255363, 5.54688403980281119 51.43288661661722472, 5.54688403980281119 51.43288661661722472)))</t>
  </si>
  <si>
    <t>MultiPolygon (((5.55851496698350989 51.42830721038710351, 5.5628384549629617 51.42449518252526985, 5.56424993025478987 51.4229298552132903, 5.56325859966895742 51.42125215499973478, 5.56510896987199999 51.42016817130041773, 5.56589598339103642 51.41739479420452597, 5.55719717224604803 51.41774938182843613, 5.55453214053809052 51.41675900823572221, 5.5439288325029521 51.42498057494697861, 5.55237372206060531 51.42358184056229931, 5.55668417717243468 51.424338847802332, 5.55696776896447542 51.42640948829801317, 5.55851496698350989 51.42830721038710351, 5.55851496698350989 51.42830721038710351)))</t>
  </si>
  <si>
    <t>MultiPolygon (((6.44134834069227757 52.27421810056129203, 6.44179446150577029 52.275891202048129, 6.44766744012111737 52.2749605195980962, 6.45866470450633923 52.2751663680501224, 6.45811387188669617 52.26888394682936934, 6.45259511806041619 52.26494670988979863, 6.44134834069227757 52.27421810056129203, 6.44134834069227757 52.27421810056129203)))</t>
  </si>
  <si>
    <t>MultiPolygon (((6.49512517874333639 52.32389278424811607, 6.49932727737154714 52.32352166217087586, 6.5179084929610358 52.32517443474942809, 6.51806008058824204 52.32440754981805497, 6.52313763024497995 52.32383358119582084, 6.52412033725162299 52.32401154552447053, 6.52467136514332235 52.32563022334534963, 6.53129285845730223 52.31874149654722572, 6.52224669906447296 52.31305837541893311, 6.51793163607129156 52.31135306347100311, 6.5156931191558316 52.31209880282905544, 6.50789604837338587 52.3112368797216547, 6.5033155626922392 52.31374778002093962, 6.49322066894665362 52.31497603289751908, 6.49538163774380095 52.32225693237295161, 6.49512517874333639 52.32389278424811607, 6.49512517874333639 52.32389278424811607)))</t>
  </si>
  <si>
    <t>MultiPolygon (((6.3278236688727274 52.29014268097481022, 6.32782022581845816 52.2901652598662281, 6.3297418639291001 52.28966353358909913, 6.33597147524503601 52.29243957800476039, 6.35334700402780239 52.29304503341275989, 6.35546011751433237 52.29206448203726865, 6.36261225722341539 52.29187415186679999, 6.36641299785660486 52.28818639151188563, 6.36861681340649444 52.28472100694969527, 6.3729370183313776 52.28288125418747256, 6.3735866426674006 52.28319103621351616, 6.37817773915982134 52.27646428082848473, 6.36345795141011372 52.27385735322364724, 6.35348901007373001 52.27001849086486374, 6.35212666484481936 52.27082693760117138, 6.35083152331993972 52.26925391369566398, 6.34885678976952939 52.26989183196980093, 6.35053770582478094 52.27144878012514084, 6.32884201611493147 52.28110297564909814, 6.3278236688727274 52.29014268097481022, 6.3278236688727274 52.29014268097481022),(6.3506335109124592 52.28164972322684889, 6.3505847826812154 52.28229378543296235, 6.34718251705756042 52.2822254040345058, 6.34602355057287326 52.28153350709711589, 6.34591281488600245 52.27930559564008917, 6.3513909973322269 52.27900163479592521, 6.3506335109124592 52.28164972322684889, 6.3506335109124592 52.28164972322684889)))</t>
  </si>
  <si>
    <t>MultiPolygon (((6.3506335109124592 52.28164972322684889, 6.3513909973322269 52.27900163479592521, 6.34591281488600245 52.27930559564008917, 6.34602355057287326 52.28153350709711589, 6.34718251705756042 52.2822254040345058, 6.3505847826812154 52.28229378543296235, 6.3506335109124592 52.28164972322684889, 6.3506335109124592 52.28164972322684889)))</t>
  </si>
  <si>
    <t>MultiPolygon (((6.44754158563056823 52.32212886171970467, 6.46091986796437112 52.32005861362149091, 6.46332215750463224 52.31787706250408121, 6.46132509564148449 52.31752273981398105, 6.46272684008608334 52.29870914737271193, 6.46383138672003366 52.2986179123196635, 6.45725691294503079 52.29529000845718656, 6.45641377774162351 52.2975809248487522, 6.44754158563056823 52.32212886171970467, 6.44754158563056823 52.32212886171970467)))</t>
  </si>
  <si>
    <t>MultiPolygon (((6.39764958939424311 52.32272613792950722, 6.41583601482674126 52.32499609350141867, 6.42189601302085755 52.32568999960826517, 6.42973294187839972 52.3250615831161241, 6.44754158563056823 52.32212886171970467, 6.45641377774162351 52.2975809248487522, 6.44495616166730212 52.29566911895290815, 6.43751241909601291 52.29443788094462064, 6.43564189320840718 52.29416469915043564, 6.42859320654994804 52.29279179451560822, 6.42299138964314498 52.29167212971382384, 6.42167910916954376 52.29750828477633462, 6.4203251956356544 52.29766247740220564, 6.41528836067177277 52.29661074785587971, 6.41186818535747349 52.29697876147178448, 6.40433460234688212 52.29462122172972727, 6.40033465299283133 52.30819547896683019, 6.40170266681494393 52.30859997172208153, 6.40070635457651527 52.31072186287374137, 6.40296731587716472 52.31281925632902841, 6.39764958939424311 52.32272613792950722, 6.39764958939424311 52.32272613792950722)))</t>
  </si>
  <si>
    <t>MultiPolygon (((6.44495616166730212 52.29566911895290815, 6.45641377774162351 52.2975809248487522, 6.45725691294503079 52.29529000845718656, 6.46383138672003366 52.2986179123196635, 6.46662372811040509 52.2941670047109497, 6.46641372982583551 52.29265620078373189, 6.46943951430753383 52.28646840893031822, 6.46942734196966729 52.28565689340112499, 6.45389703165012474 52.28173477228573063, 6.45215138724398418 52.27736346451554539, 6.44766744012111737 52.2749605195980962, 6.44179446150577029 52.275891202048129, 6.44134834069227757 52.27421810056129203, 6.43815422990078012 52.27631903889826503, 6.43123795991449576 52.27825929091260804, 6.43317008721542027 52.28200525541939925, 6.43597378697118838 52.28356270895725544, 6.4346271291775281 52.28638425020324831, 6.41956903462265416 52.28376187809885778, 6.41666829473820233 52.285045016187496, 6.41633828112617355 52.28734489276388331, 6.42540114153526609 52.28969722141291498, 6.42862786127173269 52.2918553107904529, 6.42859320654994804 52.29279179451560822, 6.43564189320840718 52.29416469915043564, 6.43505068702502658 52.29130662055443679, 6.4386162031249663 52.29099404326184697, 6.44043407326574791 52.28892535870559044, 6.44487090805484275 52.29010595044098864, 6.44495616166730212 52.29566911895290815, 6.44495616166730212 52.29566911895290815)))</t>
  </si>
  <si>
    <t>MultiPolygon (((6.44766744012111737 52.2749605195980962, 6.45215138724398418 52.27736346451554539, 6.45389703165012474 52.28173477228573063, 6.46942734196966729 52.28565689340112499, 6.46943951430753383 52.28646840893031822, 6.47151809843271053 52.28648555921522956, 6.47079947595158789 52.28441275718523684, 6.47122710347324404 52.28108981302493419, 6.47400719200098163 52.27585986719272881, 6.47583941897222193 52.27655529029388504, 6.4770758697471349 52.27188352222673018, 6.47206277504131489 52.2697121941234002, 6.47100152437840581 52.26768603733804497, 6.45708776860667388 52.26159584131820424, 6.45259511806041619 52.26494670988979863, 6.45811387188669617 52.26888394682936934, 6.45866470450633923 52.2751663680501224, 6.44766744012111737 52.2749605195980962, 6.44766744012111737 52.2749605195980962)))</t>
  </si>
  <si>
    <t>MultiPolygon (((6.3560156718717149 52.31821878454414332, 6.39764958939424311 52.32272613792950722, 6.40296731587716472 52.31281925632902841, 6.40070635457651527 52.31072186287374137, 6.40170266681494393 52.30859997172208153, 6.40033465299283133 52.30819547896683019, 6.40011260995962417 52.30867306718374721, 6.3944388657784188 52.30756800790882011, 6.3860739121281842 52.29693357073590931, 6.37401325683844533 52.29719032307171744, 6.37088169166831442 52.29861969452212378, 6.36641299785660486 52.28818639151188563, 6.36261225722341539 52.29187415186679999, 6.35546011751433237 52.29206448203726865, 6.35334700402780239 52.29304503341275989, 6.33597147524503601 52.29243957800476039, 6.3297418639291001 52.28966353358909913, 6.32782022581845816 52.2901652598662281, 6.32652985415941504 52.30163153874811854, 6.34119378595811245 52.30907848634992519, 6.3560156718717149 52.31821878454414332)))</t>
  </si>
  <si>
    <t>MultiPolygon (((6.42124088757817013 52.27836428461402818, 6.42620333782896225 52.27866942856977062, 6.42931573853359239 52.27764317082289125, 6.43123795991449576 52.27825929091260804, 6.43815422990078012 52.27631903889826503, 6.44134834069227757 52.27421810056129203, 6.45259511806041619 52.26494670988979863, 6.45708776860667388 52.26159584131820424, 6.44781208687062435 52.25784338604798052, 6.44149018116754579 52.25659707097189965, 6.43904339648204349 52.25473023569114162, 6.43693793799295744 52.25406122989193136, 6.42968460491950733 52.25169802475737413, 6.43182127037200413 52.25090151323260557, 6.42848612169012945 52.24820329103374661, 6.42604154726253629 52.24868964561969875, 6.41642222827994768 52.24216635185473478, 6.4026188644004165 52.24327170994379088, 6.38986330787179124 52.24255918337224358, 6.38341082744552146 52.24401580664889622, 6.38185146751569743 52.24611280613758169, 6.38113340531642415 52.24660356287913032, 6.3987416445996006 52.24941650652026226, 6.39898079639937567 52.25479081973766426, 6.40296815982165413 52.26867449687465239, 6.40635006660906381 52.26787835161339757, 6.41666845855030488 52.27193486662101662, 6.41599776183741533 52.27246880869321188, 6.41969987787161234 52.27378884917384028, 6.42197470560836603 52.27456808263119825, 6.42246474264680156 52.27704935041911227, 6.42124088757817013 52.27836428461402818, 6.42124088757817013 52.27836428461402818)))</t>
  </si>
  <si>
    <t>MultiPolygon (((6.37817773915982134 52.27646428082848473, 6.38814969277460509 52.27822771487808495, 6.39505504865314833 52.26883726463871227, 6.40313433256119335 52.27176170655408782, 6.40304535121818574 52.27057311596350075, 6.40296815982165413 52.26867449687465239, 6.39898079639937567 52.25479081973766426, 6.3987416445996006 52.24941650652026226, 6.38113340531642415 52.24660356287913032, 6.38117160303498032 52.24744482711598437, 6.37672098917805918 52.25021026661200096, 6.37711930369896418 52.25092672580721853, 6.37634297728422439 52.25219293922369701, 6.37728670191325797 52.25439647356201789, 6.37488024352576943 52.25513594913033444, 6.37480975449572451 52.25629790518694051, 6.37722249413156295 52.25664860309235848, 6.37716247929404734 52.25868133586440223, 6.37294478155213184 52.26091120038813642, 6.37077529136518272 52.26000645130910272, 6.36306208435504139 52.26401029252610897, 6.3567180403445338 52.26812823677362729, 6.3553762539788119 52.26726567560776004, 6.35284296615538668 52.268350480092586, 6.35488385650585119 52.26920124270394297, 6.35348901007373001 52.27001849086486374, 6.36345795141011372 52.27385735322364724, 6.37817773915982134 52.27646428082848473, 6.37817773915982134 52.27646428082848473)))</t>
  </si>
  <si>
    <t>MultiPolygon (((6.40033465299283133 52.30819547896683019, 6.40433460234688212 52.29462122172972727, 6.40543768491375953 52.29254473855429808, 6.40953690243964846 52.28987297679449142, 6.40795775761745912 52.28712691910280341, 6.4043942954398112 52.28437850765421047, 6.40443422518411865 52.28109861439715189, 6.40065667073369582 52.28043428657399971, 6.38814969277460509 52.27822771487808495, 6.37817773915982134 52.27646428082848473, 6.3735866426674006 52.28319103621351616, 6.3729370183313776 52.28288125418747256, 6.36861681340649444 52.28472100694969527, 6.36641299785660486 52.28818639151188563, 6.37088169166831442 52.29861969452212378, 6.37401325683844533 52.29719032307171744, 6.3860739121281842 52.29693357073590931, 6.3944388657784188 52.30756800790882011, 6.40011260995962417 52.30867306718374721, 6.40033465299283133 52.30819547896683019, 6.40033465299283133 52.30819547896683019)))</t>
  </si>
  <si>
    <t>MultiPolygon (((6.38814969277460509 52.27822771487808495, 6.40065667073369582 52.28043428657399971, 6.40143239672690978 52.27795843093807093, 6.40313433256119335 52.27176170655408782, 6.39505504865314833 52.26883726463871227, 6.38814969277460509 52.27822771487808495, 6.38814969277460509 52.27822771487808495)))</t>
  </si>
  <si>
    <t>MultiPolygon (((6.40443422518411865 52.28109861439715189, 6.41152448783065321 52.28234107796558305, 6.41197775936330849 52.28126242533832624, 6.41021995658918176 52.27981742491260064, 6.40436851809549346 52.27900266574202703, 6.40143239672690978 52.27795843093807093, 6.40065667073369582 52.28043428657399971, 6.40443422518411865 52.28109861439715189, 6.40443422518411865 52.28109861439715189)))</t>
  </si>
  <si>
    <t>MultiPolygon (((6.41245857764356852 52.27525198617325941, 6.41599776183741533 52.27246880869321188, 6.41666845855030488 52.27193486662101662, 6.40635006660906381 52.26787835161339757, 6.40296815982165413 52.26867449687465239, 6.40304535121818574 52.27057311596350075, 6.40818621664948207 52.27361715113112695, 6.41245857764356852 52.27525198617325941, 6.41245857764356852 52.27525198617325941)))</t>
  </si>
  <si>
    <t>MultiPolygon (((6.41882366501469459 52.27875453354537427, 6.42124088757817013 52.27836428461402818, 6.42246474264680156 52.27704935041911227, 6.42197470560836603 52.27456808263119825, 6.41969987787161234 52.27378884917384028, 6.4179298488320411 52.27787126042103694, 6.41882366501469459 52.27875453354537427, 6.41882366501469459 52.27875453354537427)))</t>
  </si>
  <si>
    <t>MultiPolygon (((6.41245857764356852 52.27525198617325941, 6.4179298488320411 52.27787126042103694, 6.41969987787161234 52.27378884917384028, 6.41599776183741533 52.27246880869321188, 6.41245857764356852 52.27525198617325941, 6.41245857764356852 52.27525198617325941)))</t>
  </si>
  <si>
    <t>MultiPolygon (((6.43564189320840718 52.29416469915043564, 6.43751241909601291 52.29443788094462064, 6.44495616166730212 52.29566911895290815, 6.44487090805484275 52.29010595044098864, 6.44043407326574791 52.28892535870559044, 6.4386162031249663 52.29099404326184697, 6.43505068702502658 52.29130662055443679, 6.43564189320840718 52.29416469915043564, 6.43564189320840718 52.29416469915043564)))</t>
  </si>
  <si>
    <t>MultiPolygon (((6.40433460234688212 52.29462122172972727, 6.41186818535747349 52.29697876147178448, 6.41528836067177277 52.29661074785587971, 6.4203251956356544 52.29766247740220564, 6.42167910916954376 52.29750828477633462, 6.42299138964314498 52.29167212971382384, 6.42859320654994804 52.29279179451560822, 6.42862786127173269 52.2918553107904529, 6.42540114153526609 52.28969722141291498, 6.41633828112617355 52.28734489276388331, 6.41261047977400001 52.28715464082109321, 6.40953690243964846 52.28987297679449142, 6.40543768491375953 52.29254473855429808, 6.40433460234688212 52.29462122172972727, 6.40433460234688212 52.29462122172972727)))</t>
  </si>
  <si>
    <t>MultiPolygon (((6.40953690243964846 52.28987297679449142, 6.41261047977400001 52.28715464082109321, 6.41633828112617355 52.28734489276388331, 6.41666829473820233 52.285045016187496, 6.41956903462265416 52.28376187809885778, 6.41542593014211437 52.28302849438878752, 6.41152448783065321 52.28234107796558305, 6.40443422518411865 52.28109861439715189, 6.4043942954398112 52.28437850765421047, 6.40795775761745912 52.28712691910280341, 6.40953690243964846 52.28987297679449142, 6.40953690243964846 52.28987297679449142)))</t>
  </si>
  <si>
    <t>MultiPolygon (((6.41152448783065321 52.28234107796558305, 6.41542593014211437 52.28302849438878752, 6.41684694539184175 52.28234624900559169, 6.41882366501469459 52.27875453354537427, 6.4179298488320411 52.27787126042103694, 6.41245857764356852 52.27525198617325941, 6.40818621664948207 52.27361715113112695, 6.40304535121818574 52.27057311596350075, 6.40313433256119335 52.27176170655408782, 6.40143239672690978 52.27795843093807093, 6.40436851809549346 52.27900266574202703, 6.41021995658918176 52.27981742491260064, 6.41197775936330849 52.28126242533832624, 6.41152448783065321 52.28234107796558305, 6.41152448783065321 52.28234107796558305)))</t>
  </si>
  <si>
    <t>MultiPolygon (((6.41542593014211437 52.28302849438878752, 6.41956903462265416 52.28376187809885778, 6.4346271291775281 52.28638425020324831, 6.43597378697118838 52.28356270895725544, 6.43317008721542027 52.28200525541939925, 6.43123795991449576 52.27825929091260804, 6.42931573853359239 52.27764317082289125, 6.42620333782896225 52.27866942856977062, 6.42124088757817013 52.27836428461402818, 6.41882366501469459 52.27875453354537427, 6.41684694539184175 52.28234624900559169, 6.41542593014211437 52.28302849438878752, 6.41542593014211437 52.28302849438878752)))</t>
  </si>
  <si>
    <t>MultiPolygon (((6.52758336351164115 52.29607190527632099, 6.53292454018573032 52.29895246693313737, 6.53603274256952282 52.30377243757860839, 6.53715311204163907 52.30300965425074367, 6.54524222832116376 52.2978806382302821, 6.55229104171384602 52.29494734419620272, 6.549962791706605 52.28780196968333627, 6.55343851577182424 52.28392909086966966, 6.55400864575932829 52.28331295993437777, 6.5415465839102076 52.28226669043784369, 6.53502854584310544 52.28297679296076694, 6.53434587836841541 52.28684166283161971, 6.53208271947819696 52.29168296295357266, 6.52758336351164115 52.29607190527632099, 6.52758336351164115 52.29607190527632099)))</t>
  </si>
  <si>
    <t>MultiPolygon (((6.48729359923467719 52.30140271371035965, 6.48983831984299009 52.30228971637015434, 6.48959443847173034 52.29809498928792522, 6.48873243586458592 52.2979833591621599, 6.48939349890030126 52.29629440388521999, 6.49337895472991988 52.29469644870172829, 6.49674350009900792 52.29738639254033217, 6.49821174525404732 52.2955660564507312, 6.50426854862575787 52.29725608940687209, 6.50343654210708255 52.30032913226012425, 6.5041869991547161 52.29942912715674197, 6.50672619235852956 52.29854481853433157, 6.52748421168958171 52.29615778948925708, 6.52758336351164115 52.29607190527632099, 6.53208271947819696 52.29168296295357266, 6.53434587836841541 52.28684166283161971, 6.53502854584310544 52.28297679296076694, 6.52254247417233213 52.28343134016836302, 6.51726357306125603 52.2830440562536225, 6.51576055050172265 52.28222497810961045, 6.49051102174357109 52.2760020180375804, 6.4770758697471349 52.27188352222673018, 6.47583941897222193 52.27655529029388504, 6.47400719200098163 52.27585986719272881, 6.47122710347324404 52.28108981302493419, 6.47079947595158789 52.28441275718523684, 6.47151809843271053 52.28648555921522956, 6.46943951430753383 52.28646840893031822, 6.46641372982583551 52.29265620078373189, 6.46662372811040509 52.2941670047109497, 6.48729359923467719 52.30140271371035965, 6.48729359923467719 52.30140271371035965)))</t>
  </si>
  <si>
    <t>MultiPolygon (((6.46818948833463114 52.32646224556003034, 6.49512517874333639 52.32389278424811607, 6.49538163774380095 52.32225693237295161, 6.49322066894665362 52.31497603289751908, 6.49059065969074123 52.31491357364811989, 6.48643329295214244 52.31120271555913348, 6.48729359923467719 52.30140271371035965, 6.46662372811040509 52.2941670047109497, 6.46383138672003366 52.2986179123196635, 6.46272684008608334 52.29870914737271193, 6.46132509564148449 52.31752273981398105, 6.46332215750463224 52.31787706250408121, 6.46091986796437112 52.32005861362149091, 6.46818948833463114 52.32646224556003034, 6.46818948833463114 52.32646224556003034)))</t>
  </si>
  <si>
    <t>MultiPolygon (((6.5362970793122992 52.3155189265631364, 6.53965175683188082 52.31580314795424869, 6.54508913382812807 52.31837510713641848, 6.54904104656035901 52.31251536247820866, 6.55102485213867602 52.30857395482443195, 6.55324453147243258 52.29918884419238623, 6.55337762245516231 52.29492464031731203, 6.55229104171384602 52.29494734419620272, 6.54524222832116376 52.2978806382302821, 6.53715311204163907 52.30300965425074367, 6.53871076256709483 52.3084898532332474, 6.536019558870791 52.3128265937188246, 6.5362970793122992 52.3155189265631364, 6.5362970793122992 52.3155189265631364)))</t>
  </si>
  <si>
    <t>MultiPolygon (((6.49322066894665362 52.31497603289751908, 6.5033155626922392 52.31374778002093962, 6.50789604837338587 52.3112368797216547, 6.50970650076549795 52.3093715825092076, 6.49807059346559246 52.30520306741878755, 6.48983831984299009 52.30228971637015434, 6.48729359923467719 52.30140271371035965, 6.48643329295214244 52.31120271555913348, 6.49059065969074123 52.31491357364811989, 6.49322066894665362 52.31497603289751908, 6.49322066894665362 52.31497603289751908)))</t>
  </si>
  <si>
    <t>MultiPolygon (((6.50789604837338587 52.3112368797216547, 6.5156931191558316 52.31209880282905544, 6.51793163607129156 52.31135306347100311, 6.50970650076549795 52.3093715825092076, 6.50789604837338587 52.3112368797216547, 6.50789604837338587 52.3112368797216547)))</t>
  </si>
  <si>
    <t>MultiPolygon (((6.49807059346559246 52.30520306741878755, 6.49904206204911628 52.30429093584021416, 6.50597375072774398 52.30532522545124152, 6.50388554331769875 52.30311214925380625, 6.50343654210708255 52.30032913226012425, 6.50426854862575787 52.29725608940687209, 6.49821174525404732 52.2955660564507312, 6.49674350009900792 52.29738639254033217, 6.49337895472991988 52.29469644870172829, 6.48939349890030126 52.29629440388521999, 6.48873243586458592 52.2979833591621599, 6.48959443847173034 52.29809498928792522, 6.48983831984299009 52.30228971637015434, 6.49807059346559246 52.30520306741878755, 6.49807059346559246 52.30520306741878755)))</t>
  </si>
  <si>
    <t>MultiPolygon (((6.50597375072774398 52.30532522545124152, 6.50802326734952885 52.30581045142718466, 6.51201643505477712 52.30562591604028455, 6.5114714429688636 52.30417079449208018, 6.51404217044489986 52.30294431489767248, 6.52010756751880916 52.30243187229982738, 6.52323280914493253 52.3028216451406891, 6.52411333352138278 52.30153019730046537, 6.52748421168958171 52.29615778948925708, 6.50672619235852956 52.29854481853433157, 6.5041869991547161 52.29942912715674197, 6.50343654210708255 52.30032913226012425, 6.50388554331769875 52.30311214925380625, 6.50597375072774398 52.30532522545124152, 6.50597375072774398 52.30532522545124152)))</t>
  </si>
  <si>
    <t>MultiPolygon (((6.53254041805447105 52.31720361092997962, 6.5362970793122992 52.3155189265631364, 6.536019558870791 52.3128265937188246, 6.53871076256709483 52.3084898532332474, 6.53715311204163907 52.30300965425074367, 6.53603274256952282 52.30377243757860839, 6.53292454018573032 52.29895246693313737, 6.52758336351164115 52.29607190527632099, 6.52748421168958171 52.29615778948925708, 6.52411333352138278 52.30153019730046537, 6.52827489950981565 52.30479827209820343, 6.53323479771608717 52.31200042718214149, 6.52599744809366644 52.31233559422929602, 6.53254041805447105 52.31720361092997962, 6.53254041805447105 52.31720361092997962)))</t>
  </si>
  <si>
    <t>MultiPolygon (((6.50970650076549795 52.3093715825092076, 6.51764031522443243 52.30740964911205282, 6.52189649631443036 52.30596292868383301, 6.52323280914493253 52.3028216451406891, 6.52010756751880916 52.30243187229982738, 6.51404217044489986 52.30294431489767248, 6.5114714429688636 52.30417079449208018, 6.51201643505477712 52.30562591604028455, 6.50802326734952885 52.30581045142718466, 6.50597375072774398 52.30532522545124152, 6.49904206204911628 52.30429093584021416, 6.49807059346559246 52.30520306741878755, 6.50970650076549795 52.3093715825092076, 6.50970650076549795 52.3093715825092076)))</t>
  </si>
  <si>
    <t>MultiPolygon (((6.52403336578596793 52.30987872531327554, 6.52599744809366644 52.31233559422929602, 6.53323479771608717 52.31200042718214149, 6.52827489950981565 52.30479827209820343, 6.52411333352138278 52.30153019730046537, 6.52323280914493253 52.3028216451406891, 6.52189649631443036 52.30596292868383301, 6.52373662885968475 52.30657772603926503, 6.52471288800272475 52.30784618777144601, 6.52403336578596793 52.30987872531327554, 6.52403336578596793 52.30987872531327554)))</t>
  </si>
  <si>
    <t>MultiPolygon (((6.53129285845730223 52.31874149654722572, 6.53254041805447105 52.31720361092997962, 6.52599744809366644 52.31233559422929602, 6.52403336578596793 52.30987872531327554, 6.51845202048435191 52.30986346117038721, 6.51764031522443243 52.30740964911205282, 6.50970650076549795 52.3093715825092076, 6.51793163607129156 52.31135306347100311, 6.52224669906447296 52.31305837541893311, 6.53129285845730223 52.31874149654722572, 6.53129285845730223 52.31874149654722572)))</t>
  </si>
  <si>
    <t>MultiPolygon (((6.51764031522443243 52.30740964911205282, 6.51845202048435191 52.30986346117038721, 6.52403336578596793 52.30987872531327554, 6.52471288800272475 52.30784618777144601, 6.52373662885968475 52.30657772603926503, 6.52189649631443036 52.30596292868383301, 6.51764031522443243 52.30740964911205282, 6.51764031522443243 52.30740964911205282)))</t>
  </si>
  <si>
    <t>MultiPolygon (((5.65996533409339797 51.93351989436689564, 5.66035094324614274 51.92961222631775087, 5.65767908197531977 51.92908808380396124, 5.65807416183153489 51.92517642649396947, 5.65687492501690592 51.91888176563609392, 5.65110294124101653 51.91989903684420682, 5.64996750123707514 51.91688717070891101, 5.64999272966121158 51.90991192830773571, 5.64874418381015708 51.90992390798778189, 5.64888709633812791 51.90893989532200692, 5.65012090262307431 51.90906531623218001, 5.65007895975133234 51.90540938600237553, 5.65493491026865414 51.906775591804454, 5.65468093886810763 51.89679653791956326, 5.6469518314197984 51.89790671287182278, 5.62583770988094933 51.89939704819043698, 5.62557149704347825 51.9012908401649824, 5.61883197959054659 51.90563584878091774, 5.61703934999561572 51.92346764038977369, 5.62721760565273765 51.92502669022816519, 5.63732039012379804 51.92604151048613659, 5.64031879783044143 51.92627131111469652, 5.64292755281916314 51.92644289775606836, 5.6427722165634977 51.92846567874036623, 5.64294395333904664 51.92884385618894783, 5.64421133090261495 51.92935735429873745, 5.64505045595073263 51.93140484245568445, 5.65996533409339797 51.93351989436689564, 5.65996533409339797 51.93351989436689564)))</t>
  </si>
  <si>
    <t>MultiPolygon (((5.68877771842630331 51.9351410091486656, 5.69302598790514036 51.93465773369377558, 5.69632230313154597 51.93125112427856038, 5.68992533613717466 51.9325996207396301, 5.68435985822601353 51.92977807936568979, 5.67831327551030274 51.92864380510626177, 5.67593249756561669 51.92602785934194287, 5.67755770697919537 51.92436612450616451, 5.67605320053924256 51.92306400526504007, 5.67739262184661886 51.92078303336990075, 5.68121100258621858 51.91831969553522441, 5.69485445756089792 51.9213729958014909, 5.69625548712504948 51.92078174710620431, 5.69219546010491406 51.91839509710982981, 5.69551501766472601 51.91690628176849032, 5.70097651378816295 51.91324978908093613, 5.70613080762306346 51.90798878474737421, 5.7062797344813605 51.906328510612191, 5.70531771535312604 51.90403606331383912, 5.70759677288253542 51.90285063453042369, 5.70781942880360926 51.90131461025633541, 5.70640002538064373 51.89791974769926952, 5.70921250312681217 51.89791528660558839, 5.71100260695303863 51.89677392335341466, 5.70984173256302441 51.89560695916463828, 5.70665939261152833 51.89329156653443675, 5.6971519199835905 51.89504340320201692, 5.68501378132017177 51.89564847987747953, 5.66847472333540026 51.89559336864709849, 5.65468093886810763 51.89679653791956326, 5.65493491026865414 51.906775591804454, 5.6587896984190369 51.9079009520574175, 5.67269106802905831 51.90721464081988756, 5.67436387187516544 51.90654542695451568, 5.67863070516726065 51.90772671155921358, 5.67852558864880663 51.90965496568750837, 5.67528401692034912 51.90886300139870713, 5.66904381810603653 51.90932222242631866, 5.66865931535025691 51.91337041128402063, 5.67074155170488403 51.91837385300836871, 5.6613551438488301 51.91918429855347483, 5.65687492501690592 51.91888176563609392, 5.65807416183153489 51.92517642649396947, 5.65767908197531977 51.92908808380396124, 5.66035094324614274 51.92961222631775087, 5.67093164122053839 51.93054528897511801, 5.68877771842630331 51.9351410091486656),(5.69606850735841785 51.90929638991792672, 5.6907121300611534 51.91021087170597781, 5.68951537632302795 51.90534341314185696, 5.6878468638584545 51.90508703435752125, 5.68772234737847437 51.90405453914631551, 5.69357819036639867 51.90383436222887781, 5.6930868571807185 51.90743546628355176, 5.69600088031327534 51.90811291835816377, 5.69606850735841785 51.90929638991792672)))</t>
  </si>
  <si>
    <t>MultiPolygon (((5.69606850735841785 51.90929638991792672, 5.69600088031327534 51.90811291835816377, 5.6930868571807185 51.90743546628355176, 5.69357819036639867 51.90383436222887781, 5.68772234737847437 51.90405453914631551, 5.6878468638584545 51.90508703435752125, 5.68951537632302795 51.90534341314185696, 5.6907121300611534 51.91021087170597781, 5.69606850735841785 51.90929638991792672, 5.69606850735841785 51.90929638991792672)))</t>
  </si>
  <si>
    <t>MultiPolygon (((5.65687492501690592 51.91888176563609392, 5.6613551438488301 51.91918429855347483, 5.67074155170488403 51.91837385300836871, 5.66865931535025691 51.91337041128402063, 5.66904381810603653 51.90932222242631866, 5.67528401692034912 51.90886300139870713, 5.67852558864880663 51.90965496568750837, 5.67863070516726065 51.90772671155921358, 5.67436387187516544 51.90654542695451568, 5.67269106802905831 51.90721464081988756, 5.6587896984190369 51.9079009520574175, 5.65493491026865414 51.906775591804454, 5.65007895975133234 51.90540938600237553, 5.65012090262307431 51.90906531623218001, 5.64888709633812791 51.90893989532200692, 5.64874418381015708 51.90992390798778189, 5.64999272966121158 51.90991192830773571, 5.64996750123707514 51.91688717070891101, 5.65110294124101653 51.91989903684420682, 5.65687492501690592 51.91888176563609392, 5.65687492501690592 51.91888176563609392)))</t>
  </si>
  <si>
    <t>MultiPolygon (((5.55682450503611136 51.91923490150156795, 5.56686326710923662 51.91818603465681292, 5.56957957622515742 51.91907814657050579, 5.57062527649368988 51.9208092862796704, 5.58483512607754928 51.92326278103971049, 5.59600259030594405 51.92316312376118503, 5.60165186482484589 51.92392733841049335, 5.60269918414540236 51.92041465781387188, 5.61703934999561572 51.92346764038977369, 5.61883197959054659 51.90563584878091774, 5.62557149704347825 51.9012908401649824, 5.62583770988094933 51.89939704819043698, 5.62430072113593926 51.89939573001262119, 5.59908663785529637 51.89912097042498829, 5.5716407278489779 51.90174523326120237, 5.55601275360001789 51.90103565459234858, 5.55400459936903346 51.90296791011485311, 5.54992171130731204 51.90502830560193104, 5.54672551835818961 51.90566636772867071, 5.5399292414081307 51.90523413966888455, 5.53863784277647397 51.90841850607650798, 5.54006098528703106 51.90891831960971814, 5.54242586198242737 51.91284309240409556, 5.54450582830181027 51.91376414999482591, 5.54938681352200547 51.911826994029866, 5.55155901439869215 51.911678195660933, 5.55304941500873817 51.91464223016262025, 5.55178652688915797 51.91780785440441548, 5.55682450503611136 51.91923490150156795, 5.55682450503611136 51.91923490150156795),(5.57192657747095232 51.91657601829185609, 5.57195930977951104 51.91696976555007126, 5.57059559767035584 51.91688033544242842, 5.5683461492346451 51.9162807699629596, 5.56430215146966223 51.91216132189595811, 5.56085557783336881 51.91196423422110229, 5.55891268176215458 51.91126403973146353, 5.55840241006652658 51.91048392738904482, 5.56101968002223934 51.90930345983990435, 5.56133147587775234 51.90802132544589398, 5.55201962980603092 51.90576326095943216, 5.55214739066676533 51.90450753058429001, 5.55381533017811879 51.90409171380164821, 5.56061416278923026 51.90513714810528256, 5.56653998611802869 51.90406116685466742, 5.58002861514879278 51.90936731207637678, 5.57801364148087941 51.91087951225392061, 5.57604301832955862 51.91465440441731971, 5.57192657747095232 51.91657601829185609, 5.57192657747095232 51.91657601829185609)))</t>
  </si>
  <si>
    <t>MultiPolygon (((5.52317547490249883 51.8923938614761866, 5.5230242458876857 51.89536331353703247, 5.51541134889508378 51.89585808876132234, 5.51571513217080511 51.90047773537542497, 5.51797720152287052 51.90085639507963577, 5.52920238309140633 51.90392801606951423, 5.5399292414081307 51.90523413966888455, 5.54672551835818961 51.90566636772867071, 5.54992171130731204 51.90502830560193104, 5.55400459936903346 51.90296791011485311, 5.55601275360001789 51.90103565459234858, 5.54444795114406119 51.89900524633813461, 5.53136256054789577 51.89475336679319639, 5.52317547490249883 51.8923938614761866, 5.52317547490249883 51.8923938614761866)),((5.551746901540354 51.91780097459866283, 5.54655792862137265 51.91615310460340282, 5.54450582830181027 51.91376414999482591, 5.54242586198242737 51.91284309240409556, 5.54006098528703106 51.90891831960971814, 5.53863784277647397 51.90841850607650798, 5.53235191442374763 51.90820174089651573, 5.52876231766489301 51.91046499100354339, 5.52753199534409667 51.91016985451115318, 5.52722459325366877 51.90807679763792493, 5.52253059125128232 51.90661272086741462, 5.52152575474251606 51.9043766362173784, 5.51707831365231716 51.90310530691876068, 5.51364556442659648 51.91265544617870376, 5.51565474729754701 51.92154007884703049, 5.54770574891874002 51.92164706959457732, 5.551746901540354 51.91780097459866283, 5.551746901540354 51.91780097459866283)))</t>
  </si>
  <si>
    <t>MultiPolygon (((5.51571513217080511 51.90047773537542497, 5.51541134889508378 51.89585808876132234, 5.5230242458876857 51.89536331353703247, 5.52317547490249883 51.8923938614761866, 5.50903115408252742 51.8898448704476607, 5.4973816329538332 51.88904194267569636, 5.47615654012322306 51.88962483279471627, 5.46391674575245467 51.8890089474663796, 5.46356602812040215 51.89133888704802899, 5.460966197751846 51.89364916444144171, 5.46809314043086037 51.89514159780297575, 5.47327106936056484 51.89753778267576223, 5.48038350774967675 51.89924658016795433, 5.48543693278950073 51.89932138437071529, 5.49226515012572314 51.89713131448575467, 5.49380653864499191 51.89712739628936333, 5.51571513217080511 51.90047773537542497, 5.51571513217080511 51.90047773537542497)),((5.4868667806525675 51.92103731770590258, 5.48642137215504277 51.9189345781547118, 5.48982679499616744 51.91824707635389302, 5.49355712859984191 51.91850658915046068, 5.49881277912901645 51.92322638501289589, 5.50101040557611753 51.92267429220746067, 5.50539705799539103 51.92391818233537037, 5.50713769819787125 51.92278666489644223, 5.51059317586448127 51.92227354785853777, 5.51229874435581646 51.92137509193273104, 5.51565474729754701 51.92154007884703049, 5.51364556442659648 51.91265544617870376, 5.51707831365231716 51.90310530691876068, 5.50574461644645474 51.90144913607515775, 5.49337969795002223 51.90151659226715708, 5.48792955902949942 51.90222613636561988, 5.47712398858923688 51.90187623027912878, 5.4588540059256907 51.89749562133392402, 5.4555409549080176 51.90282172182755005, 5.45644075026447428 51.90302530847246487, 5.45604031615969198 51.90370347400844508, 5.45560958469564294 51.90445228024358926, 5.45657286448453682 51.90481184719077845, 5.45877145293037902 51.9048928760480095, 5.47245103578848457 51.9080688747325425, 5.47215132796425063 51.91171659364286484, 5.47058182711633822 51.9114358659639592, 5.46800975441539006 51.914782648191931, 5.4672345271342353 51.91476998502007945, 5.4697824776078221 51.91811985024853726, 5.46872174452602877 51.91852256507768004, 5.46973012884406096 51.91987773814482665, 5.46361507471732555 51.9213179347948568, 5.46262931471255531 51.92090431339833856, 5.46164374840224198 51.92162076752863697, 5.45392244496242995 51.92051725376359883, 5.45338451700927074 51.92276135857611052, 5.4584265727951502 51.92289276951887445, 5.46034583656163708 51.92411678977534706, 5.46738744795404941 51.92353617940553789, 5.47239882749143547 51.92197474273439184, 5.47426210780784395 51.92189964135000224, 5.47652722398127967 51.9208697722102599, 5.48038310644787607 51.92278208876596324, 5.48125559113450755 51.9225492260370487, 5.48319701407735582 51.92327192791154289, 5.48774253283874902 51.92303189993305779, 5.48721184520351368 51.92381492457065661, 5.49089612874342237 51.92474450942108177, 5.49174594478270439 51.92406125054738908, 5.48862935228268256 51.92315506675645764, 5.48901482494609905 51.92101910590312031, 5.4868667806525675 51.92103731770590258, 5.4868667806525675 51.92103731770590258),(5.50172942726878134 51.91323590604072535, 5.49069661388430763 51.91063641923898331, 5.49403027533534694 51.90815299959116658, 5.49943306014644051 51.90623710574518412, 5.50246248154914852 51.90722372212324842, 5.50172942726878134 51.91323590604072535, 5.50172942726878134 51.91323590604072535)))</t>
  </si>
  <si>
    <t>MultiPolygon (((5.51707831365231716 51.90310530691876068, 5.51797720152287052 51.90085639507963577, 5.51571513217080511 51.90047773537542497, 5.49380653864499191 51.89712739628936333, 5.49226515012572314 51.89713131448575467, 5.48543693278950073 51.89932138437071529, 5.48038350774967675 51.89924658016795433, 5.47327106936056484 51.89753778267576223, 5.46809314043086037 51.89514159780297575, 5.460966197751846 51.89364916444144171, 5.4588540059256907 51.89749562133392402, 5.47712398858923688 51.90187623027912878, 5.48792955902949942 51.90222613636561988, 5.49337969795002223 51.90151659226715708, 5.50574461644645474 51.90144913607515775, 5.51707831365231716 51.90310530691876068, 5.51707831365231716 51.90310530691876068)))</t>
  </si>
  <si>
    <t>MultiPolygon (((5.551746901540354 51.91780097459866283, 5.55178652688915797 51.91780785440441548, 5.55304941500873817 51.91464223016262025, 5.55155901439869215 51.911678195660933, 5.54938681352200547 51.911826994029866, 5.54450582830181027 51.91376414999482591, 5.54655792862137265 51.91615310460340282, 5.551746901540354 51.91780097459866283, 5.551746901540354 51.91780097459866283)))</t>
  </si>
  <si>
    <t>MultiPolygon (((5.53863784277647397 51.90841850607650798, 5.5399292414081307 51.90523413966888455, 5.52920238309140633 51.90392801606951423, 5.51797720152287052 51.90085639507963577, 5.51707831365231716 51.90310530691876068, 5.52152575474251606 51.9043766362173784, 5.52253059125128232 51.90661272086741462, 5.52722459325366877 51.90807679763792493, 5.52753199534409667 51.91016985451115318, 5.52876231766489301 51.91046499100354339, 5.53235191442374763 51.90820174089651573, 5.53863784277647397 51.90841850607650798, 5.53863784277647397 51.90841850607650798)))</t>
  </si>
  <si>
    <t>MultiPolygon (((5.50246248154914852 51.90722372212324842, 5.49943306014644051 51.90623710574518412, 5.49403027533534694 51.90815299959116658, 5.49069661388430763 51.91063641923898331, 5.50172942726878134 51.91323590604072535, 5.50246248154914852 51.90722372212324842, 5.50246248154914852 51.90722372212324842)))</t>
  </si>
  <si>
    <t>MultiPolygon (((5.57192657747095232 51.91657601829185609, 5.57604301832955862 51.91465440441731971, 5.57801364148087941 51.91087951225392061, 5.58002861514879278 51.90936731207637678, 5.56653998611802869 51.90406116685466742, 5.56061416278923026 51.90513714810528256, 5.55381533017811879 51.90409171380164821, 5.55214739066676533 51.90450753058429001, 5.55201962980603092 51.90576326095943216, 5.56133147587775234 51.90802132544589398, 5.56101968002223934 51.90930345983990435, 5.55840241006652658 51.91048392738904482, 5.55891268176215458 51.91126403973146353, 5.56085557783336881 51.91196423422110229, 5.56430215146966223 51.91216132189595811, 5.5683461492346451 51.9162807699629596, 5.57059559767035584 51.91688033544242842, 5.57195930977951104 51.91696976555007126, 5.57192657747095232 51.91657601829185609, 5.57192657747095232 51.91657601829185609)))</t>
  </si>
  <si>
    <t>MultiPolygon (((5.55862805882060496 51.92694280471965129, 5.56060348312726749 51.92744215559992682, 5.56194573462529718 51.92583067232491345, 5.56169623935175483 51.92481705598112285, 5.56864831866801602 51.92524525906947019, 5.571522170580268 51.92411809342998907, 5.58058054191985775 51.92448187542893123, 5.58294999536046888 51.92512145395109258, 5.58281543320669549 51.92661288714389656, 5.59301697477912985 51.93008655087475489, 5.59995024884937731 51.92875544932488907, 5.61876818015404389 51.92682164490741314, 5.62721760565273765 51.92502669022816519, 5.61703934999561572 51.92346764038977369, 5.60269918414540236 51.92041465781387188, 5.60165186482484589 51.92392733841049335, 5.59600259030594405 51.92316312376118503, 5.58483512607754928 51.92326278103971049, 5.57062527649368988 51.9208092862796704, 5.56957957622515742 51.91907814657050579, 5.56686326710923662 51.91818603465681292, 5.55682450503611136 51.91923490150156795, 5.55457707226547281 51.9230318605829666, 5.55387669849553944 51.92295929692627254, 5.5538821238035716 51.92580658069348942, 5.55862805882060496 51.92694280471965129, 5.55862805882060496 51.92694280471965129)))</t>
  </si>
  <si>
    <t>MultiPolygon (((5.64031879783044143 51.92627131111469652, 5.63968836054488598 51.92796774683550609, 5.6427722165634977 51.92846567874036623, 5.64292755281916314 51.92644289775606836, 5.64031879783044143 51.92627131111469652)),((5.61788770461541631 51.94135112704431378, 5.62276743042024041 51.93976542487099834, 5.62786450962348805 51.93719380697675092, 5.61884302664983171 51.93850989634486837, 5.61344958395391824 51.93798476303309997, 5.60783779170812124 51.93618683154553395, 5.60892138771525683 51.93476914029065483, 5.611721157577648 51.9351719451137086, 5.61549849181277771 51.93081069249607395, 5.6140408776057793 51.92861766896495368, 5.63732039012379804 51.92604151048613659, 5.62721760565273765 51.92502669022816519, 5.61876818015404389 51.92682164490741314, 5.59995024884937731 51.92875544932488907, 5.59301697477912985 51.93008655087475489, 5.59283799002515281 51.93227550603363341, 5.60391108457200993 51.94388327203181888, 5.6059396471888796 51.94312478453367987, 5.61788770461541631 51.94135112704431378)),((5.66219054995426951 51.95264323970925346, 5.6659889909408685 51.95279947605696691, 5.65480129249624941 51.94654448252980217, 5.65171557779046374 51.94803022662554071, 5.65041918358800999 51.9474530806407202, 5.64632270352031007 51.9410909206602085, 5.64701789607297666 51.94032667719316265, 5.65329780623114342 51.94287754034932192, 5.6543453008772655 51.94141127160277449, 5.66114428549831139 51.94360734093963572, 5.66313794150169958 51.94071175233508342, 5.66577997291995494 51.94133210626645791, 5.6677148575630012 51.93890838309235392, 5.65961876914244399 51.93708191697622567, 5.65996533409339797 51.93351989436689564, 5.64505045595073263 51.93140484245568445, 5.64421133090261495 51.92935735429873745, 5.64294395333904664 51.92884385618894783, 5.64196692863981752 51.9309323829153584, 5.63906525475081288 51.93046787928929575, 5.63776629030283427 51.93324438245232955, 5.63951901792579768 51.9346464521507869, 5.64330676491756122 51.93537782230352207, 5.64063887012765797 51.9395781139446413, 5.64508847453957952 51.94487968959166579, 5.64530440158846503 51.94668087578079962, 5.64962164646113063 51.95002118219192511, 5.64622005599925547 51.95058467089805276, 5.64425929601718313 51.95234885804644165, 5.64892254656929893 51.95400129183281734, 5.65376055297590963 51.95391047587539646, 5.66219054995426951 51.95264323970925346)))</t>
  </si>
  <si>
    <t>MultiPolygon (((5.56023978525430795 51.93395942570618473, 5.56328816766004852 51.9338420264780396, 5.5641070285233889 51.93205885858715476, 5.55931725795846265 51.9315024935334435, 5.55862805882060496 51.92694280471965129, 5.5538821238035716 51.92580658069348942, 5.55418131430251538 51.93280943460967336, 5.56023978525430795 51.93395942570618473, 5.56023978525430795 51.93395942570618473)),((5.60391108457200993 51.94388327203181888, 5.59283799002515281 51.93227550603363341, 5.59301697477912985 51.93008655087475489, 5.58281543320669549 51.92661288714389656, 5.58294999536046888 51.92512145395109258, 5.58058054191985775 51.92448187542893123, 5.571522170580268 51.92411809342998907, 5.56864831866801602 51.92524525906947019, 5.56169623935175483 51.92481705598112285, 5.56194573462529718 51.92583067232491345, 5.56060348312726749 51.92744215559992682, 5.57276609752144036 51.93034415561284334, 5.57832456709052504 51.93100655290434275, 5.58911044100565313 51.93079525818635744, 5.58892820520816347 51.93296089969023654, 5.58796638276025792 51.93374705358478138, 5.58141172373860872 51.93683037210006148, 5.58655026171357783 51.93901321156685214, 5.58466464343994851 51.9407915756516374, 5.57988115574374 51.93903585720796201, 5.57432133055898049 51.93823786934625986, 5.57325326500945017 51.9419980900083047, 5.57629743233798703 51.942922204297588, 5.57911518081069957 51.945442638478454, 5.58410196518931201 51.94732929568998969, 5.58661658699287411 51.95082894784525251, 5.59273655793815205 51.94918255946577546, 5.60391108457200993 51.94388327203181888, 5.60391108457200993 51.94388327203181888)))</t>
  </si>
  <si>
    <t>MultiPolygon (((5.53363601818245865 51.94302102092802187, 5.53388092170888246 51.94348161846404821, 5.54020252801602719 51.94365185246805794, 5.54944482234255521 51.94230243039768169, 5.56069558955041909 51.94405669182400231, 5.5675343014790899 51.94149139426918538, 5.57325326500945017 51.9419980900083047, 5.57432133055898049 51.93823786934625986, 5.57162634780690524 51.93852779002693865, 5.56936244671779601 51.94034779078952369, 5.56743195178293782 51.93945306702725162, 5.56604272800497046 51.93718004153968337, 5.56536340654334705 51.93588526784810711, 5.56607057688811668 51.93455169025528306, 5.56328816766004852 51.9338420264780396, 5.56023978525430795 51.93395942570618473, 5.55418131430251538 51.93280943460967336, 5.55411644648296399 51.93401941899555396, 5.54844114161527102 51.93425273774371931, 5.53981822601619101 51.93713325481191134, 5.53363601818245865 51.94302102092802187, 5.53363601818245865 51.94302102092802187)))</t>
  </si>
  <si>
    <t>MultiPolygon (((5.62786450962348805 51.93719380697675092, 5.63028864969422038 51.93640949831905829, 5.6362319269017771 51.93669236848376158, 5.63962557846256463 51.93825906997697928, 5.64063887012765797 51.9395781139446413, 5.64330676491756122 51.93537782230352207, 5.63951901792579768 51.9346464521507869, 5.63776629030283427 51.93324438245232955, 5.63906525475081288 51.93046787928929575, 5.64196692863981752 51.9309323829153584, 5.64294395333904664 51.92884385618894783, 5.6427722165634977 51.92846567874036623, 5.63968836054488598 51.92796774683550609, 5.64031879783044143 51.92627131111469652, 5.63732039012379804 51.92604151048613659, 5.6140408776057793 51.92861766896495368, 5.61549849181277771 51.93081069249607395, 5.611721157577648 51.9351719451137086, 5.60892138771525683 51.93476914029065483, 5.60783779170812124 51.93618683154553395, 5.61344958395391824 51.93798476303309997, 5.61884302664983171 51.93850989634486837, 5.62786450962348805 51.93719380697675092, 5.62786450962348805 51.93719380697675092)))</t>
  </si>
  <si>
    <t>MultiPolygon (((5.56328816766004852 51.9338420264780396, 5.56607057688811668 51.93455169025528306, 5.56536340654334705 51.93588526784810711, 5.56604272800497046 51.93718004153968337, 5.56743195178293782 51.93945306702725162, 5.56936244671779601 51.94034779078952369, 5.57162634780690524 51.93852779002693865, 5.57432133055898049 51.93823786934625986, 5.57988115574374 51.93903585720796201, 5.58466464343994851 51.9407915756516374, 5.58655026171357783 51.93901321156685214, 5.58141172373860872 51.93683037210006148, 5.58796638276025792 51.93374705358478138, 5.58892820520816347 51.93296089969023654, 5.58911044100565313 51.93079525818635744, 5.57832456709052504 51.93100655290434275, 5.57276609752144036 51.93034415561284334, 5.56060348312726749 51.92744215559992682, 5.55862805882060496 51.92694280471965129, 5.55931725795846265 51.9315024935334435, 5.5641070285233889 51.93205885858715476, 5.56328816766004852 51.9338420264780396, 5.56328816766004852 51.9338420264780396)))</t>
  </si>
  <si>
    <t>MultiPolygon (((6.69882454007905448 52.25212722245353092, 6.72359037611759369 52.25201142119345121, 6.71961635225303144 52.24861669393200714, 6.71792671604553515 52.24351424385130827, 6.7200553884100831 52.24374224973599468, 6.72150873104279079 52.23915109585405503, 6.72082789681602222 52.23802179527636014, 6.71877430646604079 52.23786408738691733, 6.71879982639495044 52.23917610939186318, 6.71708784634920253 52.24098049736159766, 6.71213972009115167 52.22602899571661794, 6.70323947984175827 52.21944210963806654, 6.70203913717113853 52.21682155121435187, 6.71238776634233236 52.20633143274621801, 6.70427915964790344 52.19923553675986483, 6.69749410318074023 52.1962479674761255, 6.68377610227527885 52.19729394121112875, 6.67564635149908625 52.19791305174729246, 6.67209136414701121 52.20253126608608341, 6.66503582036155162 52.20774666651468721, 6.65769758286471536 52.2110124175051169, 6.65469874553600338 52.21402191525029224, 6.65255683779964091 52.2176457476754976, 6.66918784935597841 52.22675258404481013, 6.67780938772619237 52.23265250080002886, 6.68224622636547494 52.23857697904752939, 6.68507761495187758 52.24092511641223524, 6.68826966945932533 52.24017453999243088, 6.69257400714996642 52.24086131141445577, 6.69507625675487006 52.24558701981714393, 6.68846669864116272 52.25012099913010388, 6.68370864251493746 52.24816882696273268, 6.68338747101965236 52.24865915141526074, 6.69106245148793821 52.25117804964209967, 6.69882454007905448 52.25212722245353092, 6.69882454007905448 52.25212722245353092),(6.68757083114393325 52.22773525996246491, 6.6860633536958396 52.22964849328082693, 6.68160834528634417 52.22832493857334413, 6.68254898816431986 52.22699326655936147, 6.6777668519037503 52.22583580044657481, 6.67529381998658966 52.22393835865459266, 6.6794106953513559 52.21993716652469431, 6.6847139930084376 52.21986663734586642, 6.68594977701163451 52.22330110766536393, 6.68880463824917371 52.22327135249375374, 6.68998608362383873 52.22423276620892096, 6.68959717311358215 52.22580027130968006, 6.68680794591650063 52.22602342389417629, 6.68757083114393325 52.22773525996246491, 6.68757083114393325 52.22773525996246491)))</t>
  </si>
  <si>
    <t>MultiPolygon (((6.67434018745758895 52.25744095839395698, 6.68229565441967477 52.25103826699555754, 6.68338747101965236 52.24865915141526074, 6.68370864251493746 52.24816882696273268, 6.68846669864116272 52.25012099913010388, 6.69507625675487006 52.24558701981714393, 6.69257400714996642 52.24086131141445577, 6.68826966945932533 52.24017453999243088, 6.68507761495187758 52.24092511641223524, 6.68224622636547494 52.23857697904752939, 6.67780938772619237 52.23265250080002886, 6.66918784935597841 52.22675258404481013, 6.65255683779964091 52.2176457476754976, 6.64833635646715582 52.21532040111752337, 6.64448262680222701 52.21446993564985917, 6.63228844706614851 52.21781182635641017, 6.63843935835758803 52.21828471086749346, 6.62258171273797736 52.23201094063214356, 6.61679218121955337 52.23692414938076212, 6.62075356011411653 52.23852102540119091, 6.64833561560267583 52.25131250098424118, 6.67434018745758895 52.25744095839395698, 6.67434018745758895 52.25744095839395698)))</t>
  </si>
  <si>
    <t>MultiPolygon (((6.68757083114393325 52.22773525996246491, 6.68680794591650063 52.22602342389417629, 6.68959717311358215 52.22580027130968006, 6.68998608362383873 52.22423276620892096, 6.68880463824917371 52.22327135249375374, 6.68594977701163451 52.22330110766536393, 6.6847139930084376 52.21986663734586642, 6.6794106953513559 52.21993716652469431, 6.67529381998658966 52.22393835865459266, 6.6777668519037503 52.22583580044657481, 6.68254898816431986 52.22699326655936147, 6.68160834528634417 52.22832493857334413, 6.6860633536958396 52.22964849328082693, 6.68757083114393325 52.22773525996246491, 6.68757083114393325 52.22773525996246491)))</t>
  </si>
  <si>
    <t>MultiPolygon (((6.60539766547449769 52.27072052174518291, 6.61213146726734458 52.27691949660604109, 6.62576559019928713 52.27115731815131028, 6.62712406698682699 52.26627851763779375, 6.63688118741259814 52.26158052412776556, 6.64647046227658045 52.26168908412252989, 6.65216391535540463 52.26032039607005686, 6.67426947113411995 52.25765464914371705, 6.67434018745758895 52.25744095839395698, 6.64833561560267583 52.25131250098424118, 6.62075356011411653 52.23852102540119091, 6.61733638654473566 52.23841313329484137, 6.60852476245212994 52.24819045909075754, 6.60120578009266445 52.25351079768444862, 6.59295669800498008 52.25613598917100688, 6.59157247606972962 52.25731694770409774, 6.59183804422740494 52.25884118320639971, 6.60023371940959169 52.26281307362494744, 6.59969156599957785 52.26454642345994728, 6.60137019095659205 52.26708925747079348, 6.60432698231915882 52.26813774995601847, 6.60539766547449769 52.27072052174518291, 6.60539766547449769 52.27072052174518291)))</t>
  </si>
  <si>
    <t>MultiPolygon (((6.66609517932346041 52.29825206739592858, 6.68363656096243997 52.30620484316015251, 6.6909401981243084 52.30839106427342244, 6.69746023868841522 52.30861046545461335, 6.70108806321806938 52.30806902670463643, 6.71199208999594621 52.30366818585813604, 6.72369734840969357 52.29606553146267345, 6.72783790955571703 52.29205556823101375, 6.73289183677517933 52.28981314543598558, 6.74288646020911298 52.28311347961944477, 6.74289762071543475 52.28309285347754809, 6.735209575445543 52.28360151602506534, 6.72779822883477419 52.28541785483417925, 6.72750648312546851 52.28712734870861567, 6.72163129289147587 52.2858618109744171, 6.71468721450011952 52.28156080109460646, 6.71413769718100539 52.28568270732598933, 6.70699762694962143 52.28996406462511004, 6.70528775231668828 52.28894944095014097, 6.70207913012638645 52.28989136115094283, 6.69327187372516441 52.28933003409421332, 6.68264441321046299 52.29535792175660447, 6.6716687012880973 52.29709398748341442, 6.66955227956068519 52.2981815647671695, 6.66609517932346041 52.29825206739592858, 6.66609517932346041 52.29825206739592858)))</t>
  </si>
  <si>
    <t>MultiPolygon (((6.66609517932346041 52.29825206739592858, 6.66955227956068519 52.2981815647671695, 6.6716687012880973 52.29709398748341442, 6.68264441321046299 52.29535792175660447, 6.69327187372516441 52.28933003409421332, 6.69041496249460543 52.28763039911251553, 6.68809370106014622 52.28474081726564293, 6.67866544863681444 52.28123188914111807, 6.67644488760940735 52.27939996657082133, 6.66872055016438203 52.2782398975593523, 6.67364306628204496 52.26021146889126356, 6.67426947113411995 52.25765464914371705, 6.65216391535540463 52.26032039607005686, 6.64647046227658045 52.26168908412252989, 6.63688118741259814 52.26158052412776556, 6.62712406698682699 52.26627851763779375, 6.62576559019928713 52.27115731815131028, 6.61213146726734458 52.27691949660604109, 6.62606625201986965 52.28997394757922024, 6.64746457827603976 52.29371098888163516, 6.65751978539378886 52.29485430462855078, 6.66609517932346041 52.29825206739592858)))</t>
  </si>
  <si>
    <t>MultiPolygon (((6.69327187372516441 52.28933003409421332, 6.70207913012638645 52.28989136115094283, 6.70528775231668828 52.28894944095014097, 6.70699762694962143 52.28996406462511004, 6.71413769718100539 52.28568270732598933, 6.71468721450011952 52.28156080109460646, 6.72163129289147587 52.2858618109744171, 6.72750648312546851 52.28712734870861567, 6.72779822883477419 52.28541785483417925, 6.735209575445543 52.28360151602506534, 6.74289762071543475 52.28309285347754809, 6.74360631067302396 52.28154731237164299, 6.74423221509312221 52.28171484550495762, 6.74576622333520959 52.28013081327600986, 6.74813481436811191 52.27604877397346428, 6.74936791332639086 52.27101633457010621, 6.74856419286994669 52.27016669570292606, 6.74939762974778823 52.26938495583603128, 6.74882069585462663 52.26708577665471722, 6.74791449792157216 52.26685416568926712, 6.74898105551694627 52.26528645343591961, 6.75075225476474383 52.26115750048987962, 6.75295951044964848 52.25236956094698115, 6.74884451778264172 52.2517322001084068, 6.72937031790545337 52.2525494012771432, 6.73596423144812029 52.25625899578001565, 6.73801023186393966 52.25772608004442077, 6.73619706667946971 52.26080469471461498, 6.73383478312584849 52.26498870516260098, 6.72162309311335271 52.26406125713423023, 6.72177358066123265 52.26492641615539725, 6.72021977989198316 52.26611952765243529, 6.71771651572694228 52.26593426264231113, 6.71704414292211105 52.26476148955743639, 6.71373539963080024 52.26459812763911117, 6.71107492667087424 52.26595634730334439, 6.70936607181167322 52.26731172538715242, 6.70990168834968603 52.26854871079211051, 6.69774073958981209 52.26852608913664255, 6.69927868864986564 52.26786688422560445, 6.69623825065010791 52.26752223963732291, 6.6914246097128629 52.26431227631056231, 6.67364306628204496 52.26021146889126356, 6.66872055016438203 52.2782398975593523, 6.67644488760940735 52.27939996657082133, 6.67866544863681444 52.28123188914111807, 6.68809370106014622 52.28474081726564293, 6.69041496249460543 52.28763039911251553, 6.69327187372516441 52.28933003409421332, 6.69327187372516441 52.28933003409421332)))</t>
  </si>
  <si>
    <t>MultiPolygon (((6.63228844706614851 52.21781182635641017, 6.64448262680222701 52.21446993564985917, 6.64833635646715582 52.21532040111752337, 6.65255683779964091 52.2176457476754976, 6.65469874553600338 52.21402191525029224, 6.65769758286471536 52.2110124175051169, 6.66503582036155162 52.20774666651468721, 6.67209136414701121 52.20253126608608341, 6.67564635149908625 52.19791305174729246, 6.6720504483809373 52.19818671759107076, 6.65308195784584822 52.19370069859683525, 6.62448445904729599 52.18887930116180485, 6.60073468188706602 52.2020522886721281, 6.59678358450198754 52.20425744703940296, 6.61492367330396291 52.20986928619722534, 6.6198878409536297 52.21429057061927637, 6.62128956628613352 52.21724895054423143, 6.63228844706614851 52.21781182635641017, 6.63228844706614851 52.21781182635641017),(6.63622760859659788 52.20519853121599141, 6.63492734060061373 52.20640858639015391, 6.63287852510952813 52.20212963208035006, 6.62886383370744081 52.20243750620573309, 6.62750795256051273 52.19968909977575322, 6.6277831859855505 52.19672751445946091, 6.63011673286297043 52.19369452528576403, 6.6378903261060449 52.19592419854027554, 6.64642276932384757 52.19747925509180675, 6.64992060810272978 52.20063824407902331, 6.63855721182370573 52.20331321932695801, 6.63679604040270288 52.2031035814681843, 6.63622760859659788 52.20519853121599141, 6.63622760859659788 52.20519853121599141)))</t>
  </si>
  <si>
    <t>MultiPolygon (((6.63622760859659788 52.20519853121599141, 6.63679604040270288 52.2031035814681843, 6.63855721182370573 52.20331321932695801, 6.64992060810272978 52.20063824407902331, 6.64642276932384757 52.19747925509180675, 6.6378903261060449 52.19592419854027554, 6.63011673286297043 52.19369452528576403, 6.6277831859855505 52.19672751445946091, 6.62750795256051273 52.19968909977575322, 6.62886383370744081 52.20243750620573309, 6.63287852510952813 52.20212963208035006, 6.63492734060061373 52.20640858639015391, 6.63622760859659788 52.20519853121599141, 6.63622760859659788 52.20519853121599141)))</t>
  </si>
  <si>
    <t>MultiPolygon (((6.69927868864986564 52.26786688422560445, 6.70178027625076744 52.26586491328679074, 6.70242168141787253 52.26421563566009354, 6.7013274599205781 52.26020898234401102, 6.69745798096961309 52.26013398775400276, 6.69451807493450435 52.25679773239917836, 6.69559265743676502 52.25577993327630821, 6.68229565441967477 52.25103826699555754, 6.67434018745758895 52.25744095839395698, 6.67426947113411995 52.25765464914371705, 6.67364306628204496 52.26021146889126356, 6.6914246097128629 52.26431227631056231, 6.69623825065010791 52.26752223963732291, 6.69927868864986564 52.26786688422560445, 6.69927868864986564 52.26786688422560445)))</t>
  </si>
  <si>
    <t>MultiPolygon (((6.70357680755564811 52.25864938213092614, 6.70382529823272311 52.25873200537441221, 6.7032513455515117 52.25660721382250529, 6.7030508215205078 52.25562348873781104, 6.69882454007905448 52.25212722245353092, 6.69106245148793821 52.25117804964209967, 6.68338747101965236 52.24865915141526074, 6.68229565441967477 52.25103826699555754, 6.69559265743676502 52.25577993327630821, 6.70357680755564811 52.25864938213092614, 6.70357680755564811 52.25864938213092614)))</t>
  </si>
  <si>
    <t>MultiPolygon (((6.71010080695987288 52.25717731861465865, 6.71933029876038912 52.25830626492402331, 6.72056845673429759 52.25814953199466828, 6.72160333911842844 52.25578108727567894, 6.73596423144812029 52.25625899578001565, 6.72937031790545337 52.2525494012771432, 6.72428142287595509 52.25270584261270557, 6.72359037611759369 52.25201142119345121, 6.69882454007905448 52.25212722245353092, 6.7030508215205078 52.25562348873781104, 6.7032513455515117 52.25660721382250529, 6.70829947229292056 52.25628288295344959, 6.71010080695987288 52.25717731861465865, 6.71010080695987288 52.25717731861465865)))</t>
  </si>
  <si>
    <t>MultiPolygon (((6.7013274599205781 52.26020898234401102, 6.70375784382272499 52.260806641375666, 6.70357680755564811 52.25864938213092614, 6.69559265743676502 52.25577993327630821, 6.69451807493450435 52.25679773239917836, 6.69745798096961309 52.26013398775400276, 6.7013274599205781 52.26020898234401102, 6.7013274599205781 52.26020898234401102)))</t>
  </si>
  <si>
    <t>MultiPolygon (((6.70382529823272311 52.25873200537441221, 6.71001093750642852 52.25985391558460691, 6.71010080695987288 52.25717731861465865, 6.70829947229292056 52.25628288295344959, 6.7032513455515117 52.25660721382250529, 6.70382529823272311 52.25873200537441221, 6.70382529823272311 52.25873200537441221)))</t>
  </si>
  <si>
    <t>MultiPolygon (((6.71045005650610804 52.2598886029886387, 6.71840847758301951 52.26017390725775158, 6.71933029876038912 52.25830626492402331, 6.71010080695987288 52.25717731861465865, 6.71001093750642852 52.25985391558460691, 6.71045005650610804 52.2598886029886387, 6.71045005650610804 52.2598886029886387)))</t>
  </si>
  <si>
    <t>MultiPolygon (((6.71913709398968173 52.26019912165078551, 6.73619706667946971 52.26080469471461498, 6.73801023186393966 52.25772608004442077, 6.73596423144812029 52.25625899578001565, 6.72160333911842844 52.25578108727567894, 6.72056845673429759 52.25814953199466828, 6.71933029876038912 52.25830626492402331, 6.71840847758301951 52.26017390725775158, 6.71913709398968173 52.26019912165078551, 6.71913709398968173 52.26019912165078551)))</t>
  </si>
  <si>
    <t>MultiPolygon (((6.71004501811936915 52.26187975414935494, 6.71030015287646986 52.2615973127048008, 6.71045005650610804 52.2598886029886387, 6.71001093750642852 52.25985391558460691, 6.70382529823272311 52.25873200537441221, 6.70357680755564811 52.25864938213092614, 6.70375784382272499 52.260806641375666, 6.71004501811936915 52.26187975414935494, 6.71004501811936915 52.26187975414935494)))</t>
  </si>
  <si>
    <t>MultiPolygon (((6.69927868864986564 52.26786688422560445, 6.69774073958981209 52.26852608913664255, 6.70990168834968603 52.26854871079211051, 6.70936607181167322 52.26731172538715242, 6.71107492667087424 52.26595634730334439, 6.70892103336167445 52.2644846733268551, 6.71004501811936915 52.26187975414935494, 6.70375784382272499 52.260806641375666, 6.7013274599205781 52.26020898234401102, 6.70242168141787253 52.26421563566009354, 6.70178027625076744 52.26586491328679074, 6.69927868864986564 52.26786688422560445, 6.69927868864986564 52.26786688422560445)))</t>
  </si>
  <si>
    <t>MultiPolygon (((6.71704414292211105 52.26476148955743639, 6.71771651572694228 52.26593426264231113, 6.72021977989198316 52.26611952765243529, 6.72177358066123265 52.26492641615539725, 6.72162309311335271 52.26406125713423023, 6.73383478312584849 52.26498870516260098, 6.73619706667946971 52.26080469471461498, 6.71913709398968173 52.26019912165078551, 6.71704414292211105 52.26476148955743639, 6.71704414292211105 52.26476148955743639)))</t>
  </si>
  <si>
    <t>MultiPolygon (((6.71373539963080024 52.26459812763911117, 6.71704414292211105 52.26476148955743639, 6.71913709398968173 52.26019912165078551, 6.71840847758301951 52.26017390725775158, 6.71045005650610804 52.2598886029886387, 6.71030015287646986 52.2615973127048008, 6.71378131429147285 52.26156360863565453, 6.71483997679501332 52.2620399200049377, 6.71489845287942355 52.26346202308143063, 6.71373539963080024 52.26459812763911117, 6.71373539963080024 52.26459812763911117)))</t>
  </si>
  <si>
    <t>MultiPolygon (((6.71107492667087424 52.26595634730334439, 6.71373539963080024 52.26459812763911117, 6.71489845287942355 52.26346202308143063, 6.71483997679501332 52.2620399200049377, 6.71378131429147285 52.26156360863565453, 6.71030015287646986 52.2615973127048008, 6.71004501811936915 52.26187975414935494, 6.70892103336167445 52.2644846733268551, 6.71107492667087424 52.26595634730334439, 6.71107492667087424 52.26595634730334439)))</t>
  </si>
  <si>
    <t>MultiPolygon (((6.55488232007338301 52.21927082959766864, 6.56297303259001552 52.22105904073450233, 6.57925214375545675 52.21189362296593828, 6.58429947897991408 52.21010772536688194, 6.58754801902007348 52.21216966207883559, 6.59084990184429298 52.20872342004726363, 6.59275340462291659 52.20281947516203758, 6.59424762439947543 52.20237864236259639, 6.58937260709269701 52.19905847534455745, 6.5865725392243224 52.1941631114390745, 6.5866311855506634 52.19150185220343019, 6.5910773367817761 52.18226363585517191, 6.58995371092155846 52.18248783610294339, 6.58798237907848527 52.18201063340419665, 6.58494879708972647 52.18152984435960917, 6.55534947215914876 52.17725556392276332, 6.51764199607135986 52.1812670367686593, 6.5173465118550773 52.18297774652197774, 6.51972230032699951 52.18460634815540544, 6.51901527840394568 52.18611564105616196, 6.51641810780020947 52.18574390193599299, 6.51584640332485243 52.18714261101308693, 6.51659092793386829 52.18771300695773618, 6.52104226126515929 52.18765037235026938, 6.52738594035755071 52.19590767288122635, 6.52690867352727278 52.20166051482345893, 6.53039582546198893 52.20761827155237711, 6.54901823322689314 52.21706860740002298, 6.55488232007338301 52.21927082959766864),(6.54128777767256508 52.20063961193308444, 6.5421217553448594 52.1985019839171116, 6.54793251372355911 52.19531607656988115, 6.55570924824741486 52.19669099992940176, 6.56060363377211608 52.19630451640773572, 6.56730639851551068 52.19566521070338183, 6.56333620016686581 52.20485083099354284, 6.55887534017337881 52.20651035095256276, 6.55545234271263322 52.20452801221893679, 6.55385295086540332 52.20434804892688163, 6.55142092150719257 52.20488975426051326, 6.54969038287919769 52.20618404403716539, 6.54748632595633318 52.20610151926558018, 6.54128777767256508 52.20063961193308444)))</t>
  </si>
  <si>
    <t>MultiPolygon (((6.59424762439947543 52.20237864236259639, 6.5966611907220285 52.20122247786131453, 6.60073468188706602 52.2020522886721281, 6.62448445904729599 52.18887930116180485, 6.63080644161849087 52.18629855403865037, 6.63445381261403355 52.18595520816010236, 6.6401235568789021 52.18128051132369194, 6.64139136915968908 52.18090621122830441, 6.64275497596243003 52.18144711806464642, 6.64729407129776284 52.17689528220974893, 6.64504070049386808 52.17419425513303821, 6.64028013043970411 52.16740514073072177, 6.63484149914132626 52.17217729106075552, 6.63104101824276615 52.17314226761862983, 6.62910101219739012 52.17203266884875035, 6.6258396506606827 52.17249925802634181, 6.62528583171025964 52.17217194642966405, 6.62656383268365268 52.17145692209179231, 6.62495222962885144 52.16864982647208393, 6.62198951221225496 52.16837295692523213, 6.6173567481934592 52.16529092178250693, 6.61214720767889386 52.16316630338368299, 6.60927033864713831 52.16514329190216159, 6.60735475918187287 52.16463092354463527, 6.60285133734482699 52.16912131118996854, 6.60318483315157323 52.1707218237656889, 6.606207438179589 52.1723691392532487, 6.60632683479496041 52.17308244198131462, 6.59611518928368135 52.17983524686788144, 6.5910773367817761 52.18226363585517191, 6.5866311855506634 52.19150185220343019, 6.5865725392243224 52.1941631114390745, 6.58937260709269701 52.19905847534455745, 6.59424762439947543 52.20237864236259639)))</t>
  </si>
  <si>
    <t>MultiPolygon (((6.54128777767256508 52.20063961193308444, 6.54803466847733162 52.20070293382741511, 6.55243667379718175 52.20009495146915413, 6.5603231647674658 52.19776178525501109, 6.56060363377211608 52.19630451640773572, 6.55570924824741486 52.19669099992940176, 6.54793251372355911 52.19531607656988115, 6.5421217553448594 52.1985019839171116, 6.54128777767256508 52.20063961193308444, 6.54128777767256508 52.20063961193308444)))</t>
  </si>
  <si>
    <t>MultiPolygon (((6.54128777767256508 52.20063961193308444, 6.54748632595633318 52.20610151926558018, 6.54969038287919769 52.20618404403716539, 6.55142092150719257 52.20488975426051326, 6.55385295086540332 52.20434804892688163, 6.55545234271263322 52.20452801221893679, 6.55887534017337881 52.20651035095256276, 6.56333620016686581 52.20485083099354284, 6.56730639851551068 52.19566521070338183, 6.56060363377211608 52.19630451640773572, 6.5603231647674658 52.19776178525501109, 6.55243667379718175 52.20009495146915413, 6.54803466847733162 52.20070293382741511, 6.54128777767256508 52.20063961193308444, 6.54128777767256508 52.20063961193308444)))</t>
  </si>
  <si>
    <t>MultiPolygon (((6.4770758697471349 52.27188352222673018, 6.49051102174357109 52.2760020180375804, 6.51576055050172265 52.28222497810961045, 6.51295187647040219 52.27282454890542596, 6.51206156150779414 52.26461838047845276, 6.51826682890495857 52.26086316621382366, 6.51916914587018148 52.25545129510570064, 6.47206277504131489 52.2697121941234002, 6.4770758697471349 52.27188352222673018, 6.4770758697471349 52.27188352222673018)))</t>
  </si>
  <si>
    <t>MultiPolygon (((6.58696424867812969 52.27037030618114954, 6.59514841591858225 52.27119855107201118, 6.60539766547449769 52.27072052174518291, 6.60432698231915882 52.26813774995601847, 6.60137019095659205 52.26708925747079348, 6.59969156599957785 52.26454642345994728, 6.60023371940959169 52.26281307362494744, 6.59183804422740494 52.25884118320639971, 6.59157247606972962 52.25731694770409774, 6.59295669800498008 52.25613598917100688, 6.59231549890217661 52.25522625373992014, 6.58905795293873986 52.25376929608088261, 6.58943459971432421 52.25110875937998856, 6.58869429092020731 52.24984524429792998, 6.58455512794660525 52.25047912232381719, 6.58393197107471906 52.24902253809737829, 6.57940589446443358 52.24578015901501971, 6.57552773663724999 52.24703607955941465, 6.57224303726386516 52.24800418220306142, 6.56439866039645548 52.25086656913224914, 6.56786809887707523 52.25378469555596439, 6.57077624242907365 52.25927009818781954, 6.56863767500391216 52.26318440957420819, 6.5681181264981916 52.27018844138381581, 6.57409934716421596 52.26931728788149911, 6.58696424867812969 52.27037030618114954, 6.58696424867812969 52.27037030618114954)))</t>
  </si>
  <si>
    <t>MultiPolygon (((6.53502854584310544 52.28297679296076694, 6.5415465839102076 52.28226669043784369, 6.55400864575932829 52.28331295993437777, 6.56225255861983836 52.27435889714790562, 6.5681181264981916 52.27018844138381581, 6.56863767500391216 52.26318440957420819, 6.57077624242907365 52.25927009818781954, 6.56786809887707523 52.25378469555596439, 6.56439866039645548 52.25086656913224914, 6.55222738592615173 52.25379056569709491, 6.52562376470054417 52.25561144872121844, 6.51916914587018148 52.25545129510570064, 6.51826682890495857 52.26086316621382366, 6.51206156150779414 52.26461838047845276, 6.51295187647040219 52.27282454890542596, 6.51576055050172265 52.28222497810961045, 6.51726357306125603 52.2830440562536225, 6.52254247417233213 52.28343134016836302, 6.53502854584310544 52.28297679296076694, 6.53502854584310544 52.28297679296076694)))</t>
  </si>
  <si>
    <t>MultiPolygon (((6.60277829173144859 52.2269951692203378, 6.62258171273797736 52.23201094063214356, 6.63843935835758803 52.21828471086749346, 6.63228844706614851 52.21781182635641017, 6.62128956628613352 52.21724895054423143, 6.6198878409536297 52.21429057061927637, 6.61492367330396291 52.20986928619722534, 6.59678358450198754 52.20425744703940296, 6.60073468188706602 52.2020522886721281, 6.5966611907220285 52.20122247786131453, 6.59424762439947543 52.20237864236259639, 6.59275340462291659 52.20281947516203758, 6.59084990184429298 52.20872342004726363, 6.58754801902007348 52.21216966207883559, 6.58429947897991408 52.21010772536688194, 6.57925214375545675 52.21189362296593828, 6.56297303259001552 52.22105904073450233, 6.57126720857850177 52.2225789337476769, 6.58464376609222146 52.22433472656546627, 6.59925774639407781 52.22644556579901831, 6.60277829173144859 52.2269951692203378, 6.60277829173144859 52.2269951692203378)))</t>
  </si>
  <si>
    <t>MultiPolygon (((6.45708776860667388 52.26159584131820424, 6.47100152437840581 52.26768603733804497, 6.47206277504131489 52.2697121941234002, 6.51916914587018148 52.25545129510570064, 6.51715963617825267 52.25221949562771329, 6.51781347935050004 52.25063659348639078, 6.51530703681192058 52.2498580506241268, 6.52425285466461258 52.24105870503358062, 6.52460958388094525 52.2356539825618853, 6.5305696524511907 52.23507957956525161, 6.52910670945945526 52.22730962161240598, 6.52341300097522492 52.22617356348606421, 6.52332318067489503 52.2248314781125913, 6.52140345299167823 52.22399517732557683, 6.51132011772610664 52.22310736757572158, 6.48980783554189511 52.21216274633066945, 6.48211902502827364 52.21701173143579666, 6.47803224750624107 52.21398700169164186, 6.47997886673287216 52.21769474874366779, 6.47764613151823632 52.21787446137310695, 6.4740156428390323 52.21944694673131693, 6.45633723204312115 52.23049344654849335, 6.46171366485492271 52.23321394020609887, 6.45345923489601425 52.24705376872209683, 6.44641265826586363 52.24803764871349898, 6.43760727859270077 52.25239366114761452, 6.43693793799295744 52.25406122989193136, 6.43904339648204349 52.25473023569114162, 6.44149018116754579 52.25659707097189965, 6.44781208687062435 52.25784338604798052, 6.45708776860667388 52.26159584131820424, 6.45708776860667388 52.26159584131820424),(6.50053213786917805 52.24180656210333495, 6.4997460010106618 52.24228429822175457, 6.49663743330878152 52.241804020588269, 6.49581562417478775 52.2408514851258019, 6.4839791419341184 52.24012897339814288, 6.47608762147653927 52.23786948518350925, 6.47911796730204692 52.23517107260322234, 6.49948414862342005 52.22551689140870934, 6.50721475798250637 52.22846480741716135, 6.50768416009374473 52.22961285612287696, 6.50790467812735773 52.23982625193224294, 6.50560104977234666 52.24055987130564915, 6.50180474838488287 52.24034239912742095, 6.50053213786917805 52.24180656210333495, 6.50053213786917805 52.24180656210333495)))</t>
  </si>
  <si>
    <t>MultiPolygon (((6.51916914587018148 52.25545129510570064, 6.52562376470054417 52.25561144872121844, 6.55222738592615173 52.25379056569709491, 6.56439866039645548 52.25086656913224914, 6.57224303726386516 52.24800418220306142, 6.56763424415205677 52.24401360345812861, 6.56848908447904023 52.24309327365221378, 6.55732444297840722 52.24031823654088669, 6.558276368525223 52.235735280747015, 6.55586592588835515 52.23393868524210149, 6.55655351315081703 52.23295380378271346, 6.56289958386290451 52.23167591727007419, 6.56628639983909679 52.23161321373798671, 6.56670500533596435 52.23063854128469075, 6.56918570839539395 52.23097075026227998, 6.56975039736379518 52.22901427984301392, 6.57199016721767393 52.22381941781414127, 6.57126720857850177 52.2225789337476769, 6.56297303259001552 52.22105904073450233, 6.55488232007338301 52.21927082959766864, 6.52703230722566641 52.22278059611352319, 6.52838467599305083 52.22346414786260738, 6.52910670945945526 52.22730962161240598, 6.5305696524511907 52.23507957956525161, 6.52460958388094525 52.2356539825618853, 6.52425285466461258 52.24105870503358062, 6.51530703681192058 52.2498580506241268, 6.51781347935050004 52.25063659348639078, 6.51715963617825267 52.25221949562771329, 6.51916914587018148 52.25545129510570064, 6.51916914587018148 52.25545129510570064)))</t>
  </si>
  <si>
    <t>MultiPolygon (((6.52910670945945526 52.22730962161240598, 6.52838467599305083 52.22346414786260738, 6.52703230722566641 52.22278059611352319, 6.55488232007338301 52.21927082959766864, 6.54901823322689314 52.21706860740002298, 6.53039582546198893 52.20761827155237711, 6.52690867352727278 52.20166051482345893, 6.52738594035755071 52.19590767288122635, 6.52104226126515929 52.18765037235026938, 6.51659092793386829 52.18771300695773618, 6.51584640332485243 52.18714261101308693, 6.51641810780020947 52.18574390193599299, 6.51901527840394568 52.18611564105616196, 6.51972230032699951 52.18460634815540544, 6.5173465118550773 52.18297774652197774, 6.51764199607135986 52.1812670367686593, 6.51324099116813482 52.18123054075668676, 6.49583936320074429 52.17714536876567166, 6.49240114007011471 52.17737186395400073, 6.49064694501463357 52.17986297662956474, 6.47903168402834861 52.18259959510569246, 6.47835697202904015 52.18382723681524737, 6.47269999249011718 52.18904046998837742, 6.46999897838001203 52.19269046761185393, 6.46946445386826063 52.19828203296688685, 6.47026954199817617 52.19937978943555379, 6.47803224750624107 52.21398700169164186, 6.48211902502827364 52.21701173143579666, 6.48980783554189511 52.21216274633066945, 6.51132011772610664 52.22310736757572158, 6.52140345299167823 52.22399517732557683, 6.52332318067489503 52.2248314781125913, 6.52341300097522492 52.22617356348606421, 6.52910670945945526 52.22730962161240598, 6.52910670945945526 52.22730962161240598)))</t>
  </si>
  <si>
    <t>MultiPolygon (((6.41642222827994768 52.24216635185473478, 6.42604154726253629 52.24868964561969875, 6.42848612169012945 52.24820329103374661, 6.43182127037200413 52.25090151323260557, 6.42968460491950733 52.25169802475737413, 6.43693793799295744 52.25406122989193136, 6.43760727859270077 52.25239366114761452, 6.44641265826586363 52.24803764871349898, 6.45345923489601425 52.24705376872209683, 6.46171366485492271 52.23321394020609887, 6.45633723204312115 52.23049344654849335, 6.4740156428390323 52.21944694673131693, 6.47764613151823632 52.21787446137310695, 6.47997886673287216 52.21769474874366779, 6.47803224750624107 52.21398700169164186, 6.47026954199817617 52.19937978943555379, 6.46711831234130674 52.20039534175603535, 6.4572870592381717 52.20096465656795459, 6.45613327676546689 52.20170922781633038, 6.45349124332798407 52.20417245873741052, 6.45274577818085504 52.2064771889695507, 6.4463109795618907 52.21280091641644105, 6.43996778277184312 52.21706715191901083, 6.4315736576126934 52.22124423412670779, 6.42934228186541823 52.22313580161101498, 6.42197492383252744 52.23292575026086837, 6.41680735452415796 52.23712633899189939, 6.41639524161250829 52.23952515078791237, 6.41642222827994768 52.24216635185473478, 6.41642222827994768 52.24216635185473478)))</t>
  </si>
  <si>
    <t>MultiPolygon (((6.50053213786917805 52.24180656210333495, 6.50180474838488287 52.24034239912742095, 6.50560104977234666 52.24055987130564915, 6.50790467812735773 52.23982625193224294, 6.50768416009374473 52.22961285612287696, 6.50721475798250637 52.22846480741716135, 6.49948414862342005 52.22551689140870934, 6.47911796730204692 52.23517107260322234, 6.47608762147653927 52.23786948518350925, 6.4839791419341184 52.24012897339814288, 6.49581562417478775 52.2408514851258019, 6.49663743330878152 52.241804020588269, 6.4997460010106618 52.24228429822175457, 6.50053213786917805 52.24180656210333495, 6.50053213786917805 52.24180656210333495)))</t>
  </si>
  <si>
    <t>MultiPolygon (((6.58869429092020731 52.24984524429792998, 6.58943459971432421 52.25110875937998856, 6.58905795293873986 52.25376929608088261, 6.59231549890217661 52.25522625373992014, 6.59295669800498008 52.25613598917100688, 6.60120578009266445 52.25351079768444862, 6.60852476245212994 52.24819045909075754, 6.61733638654473566 52.23841313329484137, 6.62075356011411653 52.23852102540119091, 6.61679218121955337 52.23692414938076212, 6.62258171273797736 52.23201094063214356, 6.60277829173144859 52.2269951692203378, 6.6053853632388293 52.23225224689996082, 6.60362099137171121 52.23288447644413424, 6.60589963831158222 52.23708397797173575, 6.60552191053601678 52.23766764579959698, 6.59950822473051346 52.2365725266201224, 6.59850370259801977 52.2417452183219595, 6.59222044024440379 52.24276449822490065, 6.59329926665798904 52.24749075445343749, 6.58861570889972459 52.24875701334147493, 6.58869429092020731 52.24984524429792998, 6.58869429092020731 52.24984524429792998)))</t>
  </si>
  <si>
    <t>MultiPolygon (((6.57552773663724999 52.24703607955941465, 6.57940589446443358 52.24578015901501971, 6.584569029079125 52.2441335653737795, 6.58201085561960131 52.24245612792651627, 6.58070039794655148 52.2430042030259969, 6.57869848656484368 52.24113399491088217, 6.57710739903085084 52.24164272619112381, 6.57430725980683484 52.24255965882892383, 6.57276675163874646 52.24475599955120941, 6.57552773663724999 52.24703607955941465, 6.57552773663724999 52.24703607955941465)))</t>
  </si>
  <si>
    <t>MultiPolygon (((6.56848908447904023 52.24309327365221378, 6.57373082026173083 52.23796439525098378, 6.57114907093693024 52.23684229162218173, 6.57007566120267938 52.23782129285248033, 6.56658238033039154 52.2353427880132628, 6.56769238604839956 52.23496681439430489, 6.56628639983909679 52.23161321373798671, 6.56289958386290451 52.23167591727007419, 6.55655351315081703 52.23295380378271346, 6.55586592588835515 52.23393868524210149, 6.558276368525223 52.235735280747015, 6.55732444297840722 52.24031823654088669, 6.56848908447904023 52.24309327365221378, 6.56848908447904023 52.24309327365221378)))</t>
  </si>
  <si>
    <t>MultiPolygon (((6.57224303726386516 52.24800418220306142, 6.57552773663724999 52.24703607955941465, 6.57276675163874646 52.24475599955120941, 6.57430725980683484 52.24255965882892383, 6.57710739903085084 52.24164272619112381, 6.57420553123028473 52.23950903971246618, 6.57373082026173083 52.23796439525098378, 6.56848908447904023 52.24309327365221378, 6.56763424415205677 52.24401360345812861, 6.57224303726386516 52.24800418220306142, 6.57224303726386516 52.24800418220306142)))</t>
  </si>
  <si>
    <t>MultiPolygon (((6.58770389998691996 52.2302356123748055, 6.59488811053052704 52.23011206813452389, 6.59497861735839663 52.22935075571793107, 6.5971153871794419 52.22919466690528623, 6.59878353964736775 52.22826845489619529, 6.59925774639407781 52.22644556579901831, 6.58464376609222146 52.22433472656546627, 6.58448933471258879 52.22795563788437079, 6.58735371026925876 52.2279445338043331, 6.58770389998691996 52.2302356123748055, 6.58770389998691996 52.2302356123748055)))</t>
  </si>
  <si>
    <t>MultiPolygon (((6.56769238604839956 52.23496681439430489, 6.57627326103983467 52.2336026439726524, 6.57797248365427745 52.23331586077813427, 6.57585238506944503 52.23028810309843806, 6.56975039736379518 52.22901427984301392, 6.56918570839539395 52.23097075026227998, 6.56670500533596435 52.23063854128469075, 6.56628639983909679 52.23161321373798671, 6.56769238604839956 52.23496681439430489, 6.56769238604839956 52.23496681439430489)))</t>
  </si>
  <si>
    <t>MultiPolygon (((6.57940589446443358 52.24578015901501971, 6.58393197107471906 52.24902253809737829, 6.58455512794660525 52.25047912232381719, 6.58869429092020731 52.24984524429792998, 6.58861570889972459 52.24875701334147493, 6.59329926665798904 52.24749075445343749, 6.59222044024440379 52.24276449822490065, 6.59064606565587852 52.24014459761284712, 6.58678202233306997 52.23959431237046402, 6.58542451145584007 52.23800699077691689, 6.58313299137682861 52.23822241672873901, 6.58219527487066447 52.23915461871162336, 6.57968674597566405 52.23992684507926043, 6.58201085561960131 52.24245612792651627, 6.584569029079125 52.2441335653737795, 6.57940589446443358 52.24578015901501971, 6.57940589446443358 52.24578015901501971)))</t>
  </si>
  <si>
    <t>MultiPolygon (((6.57585238506944503 52.23028810309843806, 6.58770389998691996 52.2302356123748055, 6.58735371026925876 52.2279445338043331, 6.58448933471258879 52.22795563788437079, 6.58464376609222146 52.22433472656546627, 6.57126720857850177 52.2225789337476769, 6.57199016721767393 52.22381941781414127, 6.56975039736379518 52.22901427984301392, 6.57585238506944503 52.23028810309843806, 6.57585238506944503 52.23028810309843806)))</t>
  </si>
  <si>
    <t>MultiPolygon (((6.59733112111389541 52.23576537124755248, 6.59950822473051346 52.2365725266201224, 6.60552191053601678 52.23766764579959698, 6.60589963831158222 52.23708397797173575, 6.60362099137171121 52.23288447644413424, 6.6053853632388293 52.23225224689996082, 6.60277829173144859 52.2269951692203378, 6.59925774639407781 52.22644556579901831, 6.59878353964736775 52.22826845489619529, 6.5971153871794419 52.22919466690528623, 6.59497861735839663 52.22935075571793107, 6.59488811053052704 52.23011206813452389, 6.59511902758058088 52.23053766153603306, 6.59794495700944506 52.23384725395234796, 6.59797284735984402 52.23562980100042097, 6.59733112111389541 52.23576537124755248, 6.59733112111389541 52.23576537124755248)))</t>
  </si>
  <si>
    <t>MultiPolygon (((6.59132499841165753 52.23455206495253123, 6.59733112111389541 52.23576537124755248, 6.59797284735984402 52.23562980100042097, 6.59794495700944506 52.23384725395234796, 6.59511902758058088 52.23053766153603306, 6.59503241265447837 52.23207907578472486, 6.59132499841165753 52.23455206495253123, 6.59132499841165753 52.23455206495253123)))</t>
  </si>
  <si>
    <t>MultiPolygon (((6.58678202233306997 52.23959431237046402, 6.59064606565587852 52.24014459761284712, 6.59222044024440379 52.24276449822490065, 6.59850370259801977 52.2417452183219595, 6.59950822473051346 52.2365725266201224, 6.59733112111389541 52.23576537124755248, 6.59132499841165753 52.23455206495253123, 6.58767810609686055 52.23704843950153531, 6.58805144937938625 52.23872748728342685, 6.58678202233306997 52.23959431237046402, 6.58678202233306997 52.23959431237046402)))</t>
  </si>
  <si>
    <t>MultiPolygon (((6.56769238604839956 52.23496681439430489, 6.56658238033039154 52.2353427880132628, 6.57007566120267938 52.23782129285248033, 6.57114907093693024 52.23684229162218173, 6.57373082026173083 52.23796439525098378, 6.57625694155064089 52.23560378335670151, 6.57627326103983467 52.2336026439726524, 6.56769238604839956 52.23496681439430489, 6.56769238604839956 52.23496681439430489)))</t>
  </si>
  <si>
    <t>MultiPolygon (((6.57710739903085084 52.24164272619112381, 6.57869848656484368 52.24113399491088217, 6.58070039794655148 52.2430042030259969, 6.58201085561960131 52.24245612792651627, 6.57968674597566405 52.23992684507926043, 6.58219527487066447 52.23915461871162336, 6.57797248365427745 52.23331586077813427, 6.57627326103983467 52.2336026439726524, 6.57625694155064089 52.23560378335670151, 6.57373082026173083 52.23796439525098378, 6.57420553123028473 52.23950903971246618, 6.57710739903085084 52.24164272619112381, 6.57710739903085084 52.24164272619112381)))</t>
  </si>
  <si>
    <t>MultiPolygon (((6.58219527487066447 52.23915461871162336, 6.58313299137682861 52.23822241672873901, 6.58542451145584007 52.23800699077691689, 6.58678202233306997 52.23959431237046402, 6.58805144937938625 52.23872748728342685, 6.58767810609686055 52.23704843950153531, 6.59132499841165753 52.23455206495253123, 6.59503241265447837 52.23207907578472486, 6.59511902758058088 52.23053766153603306, 6.59488811053052704 52.23011206813452389, 6.58770389998691996 52.2302356123748055, 6.57585238506944503 52.23028810309843806, 6.57797248365427745 52.23331586077813427, 6.58219527487066447 52.23915461871162336, 6.58219527487066447 52.23915461871162336)))</t>
  </si>
  <si>
    <t>MultiPolygon (((6.55447364745161209 52.8581455182661486, 6.5996705955330528 52.8333060872165774, 6.62024393717126891 52.8276930356510519, 6.6454636482595939 52.82101296063422069, 6.64399024270288852 52.81872937237262988, 6.64275026698403082 52.81889635213885725, 6.6398367905964264 52.81682503745187063, 6.63852680883314328 52.8099801516996834, 6.63498773034545852 52.8092499427699309, 6.63117404152409051 52.81032562871569525, 6.63211009621739223 52.81194653769802727, 6.6293742458338496 52.81386134830039936, 6.62378338224149044 52.81244215462303515, 6.62535725677399245 52.81018791153123004, 6.62896337431313754 52.80837534843867331, 6.63487763797118113 52.80860735882565393, 6.63831657312760637 52.79655488158578436, 6.63231353700180293 52.79157290089948873, 6.63899470964602756 52.78848473212845249, 6.63953539680267557 52.78758702659826696, 6.6432531072252754 52.78624726828659419, 6.63895618483449379 52.7825600526667742, 6.63031637035977894 52.78619387960498699, 6.6324307563763405 52.78761431291859907, 6.62564310038171822 52.78915229360189443, 6.62047625390033989 52.78893682379554519, 6.61378233674695881 52.78559007731379893, 6.61006637433727207 52.78639390982889523, 6.6086431725551904 52.78841723649878759, 6.60567811619645084 52.78942162891208056, 6.60309015587923298 52.78687593403871148, 6.6043275542426283 52.7864936832284144, 6.6030635382120284 52.7848495031631586, 6.59214121635164929 52.78812972003159842, 6.59025850867468233 52.7842442087540249, 6.57446148398261521 52.78382018433075018, 6.58086086506877077 52.79839807058724688, 6.58120983171237661 52.80140651870190283, 6.58190222394088043 52.80737627682017887, 6.57487337133492922 52.81474493402212289, 6.57373329593627354 52.81525902687095453, 6.55727997093018722 52.8166102726796467, 6.55773365737605207 52.81975816547238622, 6.57861044169120124 52.8309384410692644, 6.58058784732028101 52.83320147553730806, 6.56369748869076641 52.84728633555086219, 6.55755262925658045 52.85513210551761176, 6.55438929389753344 52.85616013975107563, 6.55447364745161209 52.8581455182661486, 6.55447364745161209 52.8581455182661486),(6.62054345797563659 52.82316191224471424, 6.61974373814956607 52.82394591860763455, 6.61821072820005796 52.82335510148211455, 6.62145725937860075 52.82021072163584563, 6.62116836374668427 52.8176444009395496, 6.62723162913177433 52.81703098917745365, 6.62890336950064452 52.81765394876485686, 6.6280260590510558 52.81935499021052749, 6.62187845564250122 52.8237261029007783, 6.62054345797563659 52.82316191224471424, 6.62054345797563659 52.82316191224471424),(6.62182555501020698 52.80456125983129567, 6.61590275552850038 52.80637167861878822, 6.61269921517569959 52.80631198059099063, 6.61078893635840092 52.8042942419013599, 6.61239758216188545 52.8034840008879911, 6.61133876561993539 52.80184847301910622, 6.60071709790457462 52.79614497167820986, 6.60327817991753108 52.79477241169065849, 6.60903948168744293 52.79820345867566544, 6.60820310428696889 52.79900181447514029, 6.61047400878956815 52.80009017316857012, 6.61761322072552094 52.79784167457039246, 6.61737466299794086 52.8015958910247889, 6.62182555501020698 52.80456125983129567, 6.62182555501020698 52.80456125983129567)))</t>
  </si>
  <si>
    <t>MultiPolygon (((6.62182555501020698 52.80456125983129567, 6.61737466299794086 52.8015958910247889, 6.61761322072552094 52.79784167457039246, 6.61047400878956815 52.80009017316857012, 6.60820310428696889 52.79900181447514029, 6.60903948168744293 52.79820345867566544, 6.60327817991753108 52.79477241169065849, 6.60071709790457462 52.79614497167820986, 6.61133876561993539 52.80184847301910622, 6.61239758216188545 52.8034840008879911, 6.61078893635840092 52.8042942419013599, 6.61269921517569959 52.80631198059099063, 6.61590275552850038 52.80637167861878822, 6.62182555501020698 52.80456125983129567, 6.62182555501020698 52.80456125983129567)))</t>
  </si>
  <si>
    <t>MultiPolygon (((6.63498773034545852 52.8092499427699309, 6.63471030196850897 52.80919218001228899, 6.63487763797118113 52.80860735882565393, 6.62896337431313754 52.80837534843867331, 6.62535725677399245 52.81018791153123004, 6.62378338224149044 52.81244215462303515, 6.6293742458338496 52.81386134830039936, 6.63211009621739223 52.81194653769802727, 6.63117404152409051 52.81032562871569525, 6.63498773034545852 52.8092499427699309, 6.63498773034545852 52.8092499427699309)))</t>
  </si>
  <si>
    <t>MultiPolygon (((6.62054345797563659 52.82316191224471424, 6.62187845564250122 52.8237261029007783, 6.6280260590510558 52.81935499021052749, 6.62890336950064452 52.81765394876485686, 6.62723162913177433 52.81703098917745365, 6.62116836374668427 52.8176444009395496, 6.62145725937860075 52.82021072163584563, 6.61821072820005796 52.82335510148211455, 6.61974373814956607 52.82394591860763455, 6.62054345797563659 52.82316191224471424, 6.62054345797563659 52.82316191224471424)))</t>
  </si>
  <si>
    <t>MultiPolygon (((6.68649891856261558 52.87529912961523593, 6.71456392038501448 52.86815881662991501, 6.72186079270656922 52.86631731917581334, 6.7198581224428775 52.86148889471608925, 6.72598461353503208 52.85729312699351823, 6.72837981543312402 52.85382371104063282, 6.71967252025918071 52.84882974337958217, 6.70405315446524597 52.84697785809696313, 6.7063468352933322 52.84242861296539928, 6.70759812979810466 52.83639222919225631, 6.6960252185393081 52.8266155666018733, 6.69398730532447139 52.82780416737775653, 6.6846356048486486 52.82797299519733514, 6.68477926527649657 52.83086151035691813, 6.68195882837462651 52.83308514790135035, 6.68048945787635606 52.83403524403662033, 6.6733197910978852 52.83620072801187462, 6.6719037087317199 52.83532790977618276, 6.66357682278682262 52.83595659549835943, 6.64259977577401362 52.83562264617126658, 6.64093913016868509 52.84255882501526713, 6.65018905499241075 52.84300776542686151, 6.64980022365292101 52.84717141918914507, 6.64817012284138809 52.84984279036724075, 6.64538443345661811 52.85188091713922631, 6.63588655162050856 52.85274692278865416, 6.64060389073972335 52.85612841032526887, 6.64713525136798644 52.86209524863859599, 6.65348580624905139 52.85965698863701334, 6.65708958675066587 52.85996300946134596, 6.65811324938301041 52.86186925121974411, 6.66406520676251191 52.86136642190986379, 6.66636225183782827 52.86338646722607848, 6.66462023094993494 52.86511275934485354, 6.68649891856261558 52.87529912961523593, 6.68649891856261558 52.87529912961523593),(6.66572495285925637 52.84490596841671106, 6.66065330687716095 52.84620220140576663, 6.65932112065365356 52.84490704899636171, 6.65591509327908248 52.84395639222916685, 6.65164234421219724 52.84383438183382253, 6.65163243774989699 52.8426178005227527, 6.66380107770925889 52.84084173938104101, 6.66572495285925637 52.84490596841671106, 6.66572495285925637 52.84490596841671106)))</t>
  </si>
  <si>
    <t>MultiPolygon (((6.66572495285925637 52.84490596841671106, 6.66380107770925889 52.84084173938104101, 6.65163243774989699 52.8426178005227527, 6.65164234421219724 52.84383438183382253, 6.65591509327908248 52.84395639222916685, 6.65932112065365356 52.84490704899636171, 6.66065330687716095 52.84620220140576663, 6.66572495285925637 52.84490596841671106, 6.66572495285925637 52.84490596841671106)))</t>
  </si>
  <si>
    <t>MultiPolygon (((6.58581438790137863 52.91946797794690838, 6.61487755304303349 52.91831141833218766, 6.62557070597241982 52.9128056094561785, 6.62416667316883423 52.90671702605079219, 6.62078616169403666 52.90492252650651039, 6.61861421415729545 52.90096805990762618, 6.62550822961544217 52.89940764465030298, 6.62681650292260205 52.89853745729737255, 6.62700777737743962 52.89605776907256995, 6.62327405899436084 52.89057994341013114, 6.6175684671952526 52.88474824904307781, 6.61670355691062628 52.88199747738554635, 6.61766517236363327 52.87864032713034845, 6.61488259916745491 52.87768430953248355, 6.61758092961688682 52.87506533640618755, 6.61818327231044545 52.87172367375845283, 6.61749613517561652 52.87100053607688466, 6.61089301872775525 52.87006186048543555, 6.60086670972812417 52.86474488720156018, 6.590702357055366 52.86213536406467028, 6.58594529922981664 52.86210968053160997, 6.57786540844243639 52.86395831055754257, 6.57005374826534982 52.86290867616967404, 6.56617317101817388 52.86129791462418126, 6.55474551177791298 52.86171251732834975, 6.55625794357925606 52.87516520784065932, 6.55906888149431921 52.887975981928534, 6.56171459580935501 52.89988337770860483, 6.58581438790137863 52.91946797794690838, 6.58581438790137863 52.91946797794690838),(6.58907138403370318 52.87723148788443694, 6.58435308248323281 52.87917075773133035, 6.57951298370247439 52.87895128779017995, 6.57961178003811042 52.87761343477901477, 6.5830927333377689 52.87785046235367759, 6.58372510018080348 52.87637132181541233, 6.58368601490210725 52.87325872147352612, 6.58097068042443922 52.87265905479020489, 6.58260847935337345 52.86759569361689159, 6.58850415000618916 52.86736009159146477, 6.58997089588281337 52.87505197677786839, 6.59219543731379787 52.87604903415146396, 6.59073230923140585 52.87718778318562585, 6.58907138403370318 52.87723148788443694, 6.58907138403370318 52.87723148788443694)))</t>
  </si>
  <si>
    <t>MultiPolygon (((6.58907138403370318 52.87723148788443694, 6.59073230923140585 52.87718778318562585, 6.59219543731379787 52.87604903415146396, 6.58997089588281337 52.87505197677786839, 6.58850415000618916 52.86736009159146477, 6.58260847935337345 52.86759569361689159, 6.58097068042443922 52.87265905479020489, 6.58368601490210725 52.87325872147352612, 6.58372510018080348 52.87637132181541233, 6.5830927333377689 52.87785046235367759, 6.57961178003811042 52.87761343477901477, 6.57951298370247439 52.87895128779017995, 6.58435308248323281 52.87917075773133035, 6.58907138403370318 52.87723148788443694, 6.58907138403370318 52.87723148788443694)))</t>
  </si>
  <si>
    <t>MultiPolygon (((6.56242971931422403 52.75669450773963831, 6.5666327637586388 52.75836257180458944, 6.58725505790084576 52.76129939199229568, 6.59274610029230068 52.7591026276107371, 6.59792309756491768 52.7594500548200358, 6.60816043125577401 52.75533139574604036, 6.58746739278452154 52.73568986011528636, 6.5758652109338307 52.73981226651908827, 6.57403618340996143 52.74052336115268957, 6.57321942130442949 52.7398578046364932, 6.5707794489665563 52.74079313975414607, 6.55966100204751523 52.74506538640880393, 6.55757748341952507 52.74535011930922224, 6.56242971931422403 52.75669450773963831, 6.56242971931422403 52.75669450773963831)))</t>
  </si>
  <si>
    <t>MultiPolygon (((6.57446148398261521 52.78382018433075018, 6.59025850867468233 52.7842442087540249, 6.59214121635164929 52.78812972003159842, 6.6030635382120284 52.7848495031631586, 6.6043275542426283 52.7864936832284144, 6.60309015587923298 52.78687593403871148, 6.60567811619645084 52.78942162891208056, 6.6086431725551904 52.78841723649878759, 6.61006637433727207 52.78639390982889523, 6.61378233674695881 52.78559007731379893, 6.62047625390033989 52.78893682379554519, 6.62564310038171822 52.78915229360189443, 6.6324307563763405 52.78761431291859907, 6.63031637035977894 52.78619387960498699, 6.63895618483449379 52.7825600526667742, 6.61626191388436968 52.76301004660721361, 6.60816043125577401 52.75533139574604036, 6.59792309756491768 52.7594500548200358, 6.59274610029230068 52.7591026276107371, 6.58725505790084576 52.76129939199229568, 6.5666327637586388 52.75836257180458944, 6.56242971931422403 52.75669450773963831, 6.5662773116539892 52.76557690774617271, 6.57446148398261521 52.78382018433075018, 6.57446148398261521 52.78382018433075018),(6.60451855844188707 52.77295338025799509, 6.60144900623882425 52.77308209858022536, 6.60020741421670021 52.77052372867726859, 6.59569830390942968 52.77074931852711615, 6.59283993069011398 52.76482736053773692, 6.6049915602843976 52.75999363330801373, 6.61472618081929298 52.76922736750944409, 6.60451855844188707 52.77295338025799509, 6.60451855844188707 52.77295338025799509)))</t>
  </si>
  <si>
    <t>MultiPolygon (((6.60451855844188707 52.77295338025799509, 6.61472618081929298 52.76922736750944409, 6.6049915602843976 52.75999363330801373, 6.59283993069011398 52.76482736053773692, 6.59569830390942968 52.77074931852711615, 6.60020741421670021 52.77052372867726859, 6.60144900623882425 52.77308209858022536, 6.60451855844188707 52.77295338025799509, 6.60451855844188707 52.77295338025799509)))</t>
  </si>
  <si>
    <t>MultiPolygon (((6.64259977577401362 52.83562264617126658, 6.66357682278682262 52.83595659549835943, 6.6719037087317199 52.83532790977618276, 6.6733197910978852 52.83620072801187462, 6.68048945787635606 52.83403524403662033, 6.68195882837462651 52.83308514790135035, 6.68477926527649657 52.83086151035691813, 6.6846356048486486 52.82797299519733514, 6.69398730532447139 52.82780416737775653, 6.6910588065926726 52.82601917708848305, 6.69021059721528388 52.82267195721269104, 6.69348726647899017 52.81545881862981417, 6.69239813208885082 52.81075246114799882, 6.6916040947596791 52.80977914374458493, 6.6901551015383145 52.81012290723542435, 6.68118314072910469 52.80773221093951975, 6.67903654895731425 52.80277557128961519, 6.67577231201452914 52.80027015449773131, 6.67802882458319758 52.79910717355039651, 6.67511386483592695 52.79713582362003166, 6.66774774440850759 52.79970222362885579, 6.6608793828712729 52.80123262541739848, 6.6432531072252754 52.78624726828659419, 6.63953539680267557 52.78758702659826696, 6.63899470964602756 52.78848473212845249, 6.63231353700180293 52.79157290089948873, 6.63831657312760637 52.79655488158578436, 6.63487763797118113 52.80860735882565393, 6.63471030196850897 52.80919218001228899, 6.63498773034545852 52.8092499427699309, 6.63852680883314328 52.8099801516996834, 6.6398367905964264 52.81682503745187063, 6.64275026698403082 52.81889635213885725, 6.64399024270288852 52.81872937237262988, 6.6454636482595939 52.82101296063422069, 6.62024393717126891 52.8276930356510519, 6.62002231864014412 52.83035900260727402, 6.62704530180864815 52.83787949621377322, 6.64249010361407333 52.83303819976530491, 6.64259977577401362 52.83562264617126658, 6.64259977577401362 52.83562264617126658),(6.66949309775449173 52.82397613604053532, 6.66620425366096292 52.82465408217110081, 6.66033339114499512 52.81610175472024338, 6.64975038902723803 52.81850896882841795, 6.64928476903927557 52.81805328712314207, 6.6487378468294942 52.81663454476707642, 6.65325975359772315 52.81571873457058075, 6.6522093938779463 52.81402224382605226, 6.65736242828949276 52.81289510551594191, 6.65713391038353475 52.81023608432081318, 6.65351960266332476 52.80491567750701165, 6.65696427463172302 52.80398250731977328, 6.66098030415852005 52.80999506309258607, 6.66498391183966721 52.80909164036398096, 6.66823608019611935 52.81408755136196476, 6.66460575825207258 52.81549263237454284, 6.66949309775449173 52.82397613604053532, 6.66949309775449173 52.82397613604053532)))</t>
  </si>
  <si>
    <t>MultiPolygon (((6.66949309775449173 52.82397613604053532, 6.66460575825207258 52.81549263237454284, 6.66823608019611935 52.81408755136196476, 6.66498391183966721 52.80909164036398096, 6.66098030415852005 52.80999506309258607, 6.65696427463172302 52.80398250731977328, 6.65351960266332476 52.80491567750701165, 6.65713391038353475 52.81023608432081318, 6.65736242828949276 52.81289510551594191, 6.6522093938779463 52.81402224382605226, 6.65325975359772315 52.81571873457058075, 6.6487378468294942 52.81663454476707642, 6.64928476903927557 52.81805328712314207, 6.64975038902723803 52.81850896882841795, 6.66033339114499512 52.81610175472024338, 6.66620425366096292 52.82465408217110081, 6.66949309775449173 52.82397613604053532, 6.66949309775449173 52.82397613604053532)))</t>
  </si>
  <si>
    <t>MultiPolygon (((6.62557070597241982 52.9128056094561785, 6.64170566320064815 52.91200067821971942, 6.6667338510589218 52.90944937310523954, 6.67498574899929054 52.90501720587569423, 6.68649891856261558 52.87529912961523593, 6.66462023094993494 52.86511275934485354, 6.66636225183782827 52.86338646722607848, 6.66406520676251191 52.86136642190986379, 6.65811324938301041 52.86186925121974411, 6.65708958675066587 52.85996300946134596, 6.65348580624905139 52.85965698863701334, 6.64713525136798644 52.86209524863859599, 6.64060389073972335 52.85612841032526887, 6.63101236542170636 52.86193136216579802, 6.63591608868224458 52.86432696187199554, 6.64483226160735008 52.86168927610561497, 6.64600529886706504 52.86395691119304274, 6.63849737680161667 52.86625693012229732, 6.64132732365721346 52.86979972296361296, 6.6380581091215447 52.87077941251018132, 6.63491964988200067 52.86734762021492173, 6.62549043875327648 52.87022916456484012, 6.62437180168141637 52.86896568033800747, 6.63359245130814124 52.8660116931448556, 6.62861534365404026 52.86354261682987499, 6.62126908644710621 52.86943426765985521, 6.61749613517561652 52.87100053607688466, 6.61818327231044545 52.87172367375845283, 6.61758092961688682 52.87506533640618755, 6.61488259916745491 52.87768430953248355, 6.61766517236363327 52.87864032713034845, 6.61670355691062628 52.88199747738554635, 6.6175684671952526 52.88474824904307781, 6.62327405899436084 52.89057994341013114, 6.62700777737743962 52.89605776907256995, 6.62681650292260205 52.89853745729737255, 6.62550822961544217 52.89940764465030298, 6.61861421415729545 52.90096805990762618, 6.62078616169403666 52.90492252650651039, 6.62416667316883423 52.90671702605079219, 6.62557070597241982 52.9128056094561785, 6.62557070597241982 52.9128056094561785),(6.64576187046966904 52.88581580913565006, 6.64332777770866123 52.88657673999222197, 6.63757745925331122 52.88371734929719281, 6.63747584593764284 52.87913090263047167, 6.64022787751071686 52.87931716938636129, 6.6427572068048919 52.87820759622564282, 6.64069268664899681 52.87438773983745932, 6.64239231203617475 52.8740401430892959, 6.64861090659554499 52.87499182340435766, 6.64713118684390203 52.87761156829913745, 6.65103426164031575 52.88368623654135803, 6.64931488822549888 52.88516039822482639, 6.64621705000311636 52.88480666481456893, 6.64576187046966904 52.88581580913565006, 6.64576187046966904 52.88581580913565006)))</t>
  </si>
  <si>
    <t>MultiPolygon (((6.63101236542170636 52.86193136216579802, 6.62907296909159705 52.86318509625444761, 6.62861534365404026 52.86354261682987499, 6.63359245130814124 52.8660116931448556, 6.62437180168141637 52.86896568033800747, 6.62549043875327648 52.87022916456484012, 6.63491964988200067 52.86734762021492173, 6.6380581091215447 52.87077941251018132, 6.64132732365721346 52.86979972296361296, 6.63849737680161667 52.86625693012229732, 6.64600529886706504 52.86395691119304274, 6.64483226160735008 52.86168927610561497, 6.63591608868224458 52.86432696187199554, 6.63101236542170636 52.86193136216579802, 6.63101236542170636 52.86193136216579802)))</t>
  </si>
  <si>
    <t>MultiPolygon (((6.64576187046966904 52.88581580913565006, 6.64621705000311636 52.88480666481456893, 6.64931488822549888 52.88516039822482639, 6.65103426164031575 52.88368623654135803, 6.64713118684390203 52.87761156829913745, 6.64861090659554499 52.87499182340435766, 6.64239231203617475 52.8740401430892959, 6.64069268664899681 52.87438773983745932, 6.6427572068048919 52.87820759622564282, 6.64022787751071686 52.87931716938636129, 6.63747584593764284 52.87913090263047167, 6.63757745925331122 52.88371734929719281, 6.64332777770866123 52.88657673999222197, 6.64576187046966904 52.88581580913565006, 6.64576187046966904 52.88581580913565006)))</t>
  </si>
  <si>
    <t>MultiPolygon (((6.61749613517561652 52.87100053607688466, 6.62126908644710621 52.86943426765985521, 6.62861534365404026 52.86354261682987499, 6.62907296909159705 52.86318509625444761, 6.63101236542170636 52.86193136216579802, 6.64060389073972335 52.85612841032526887, 6.63588655162050856 52.85274692278865416, 6.64538443345661811 52.85188091713922631, 6.64817012284138809 52.84984279036724075, 6.64980022365292101 52.84717141918914507, 6.65018905499241075 52.84300776542686151, 6.64093913016868509 52.84255882501526713, 6.64259977577401362 52.83562264617126658, 6.64249010361407333 52.83303819976530491, 6.62704530180864815 52.83787949621377322, 6.62002231864014412 52.83035900260727402, 6.62024393717126891 52.8276930356510519, 6.5996705955330528 52.8333060872165774, 6.55447364745161209 52.8581455182661486, 6.55474551177791298 52.86171251732834975, 6.56617317101817388 52.86129791462418126, 6.57005374826534982 52.86290867616967404, 6.57786540844243639 52.86395831055754257, 6.58594529922981664 52.86210968053160997, 6.590702357055366 52.86213536406467028, 6.60086670972812417 52.86474488720156018, 6.61089301872775525 52.87006186048543555, 6.61749613517561652 52.87100053607688466, 6.61749613517561652 52.87100053607688466),(6.61402827338820209 52.86007047935763126, 6.60907655883479972 52.86491665364081882, 6.60558972228237007 52.86258189115550721, 6.6016940330786511 52.86389670676855701, 6.59188262653215951 52.85808529994581306, 6.59409495161437231 52.85447808241946177, 6.59560672453586694 52.84858500192817132, 6.59817765150279811 52.84954473218190429, 6.60003999684213927 52.84929943585796508, 6.60177445340211921 52.84851785173867711, 6.60140463386913279 52.84733752254267358, 6.60621463919268415 52.84356315240420088, 6.60964967221980615 52.84251465114910928, 6.61472001065334503 52.8419772403184993, 6.61714721950346263 52.84067151351486302, 6.62440252765896709 52.84383537299554945, 6.62477174908533861 52.84512231669997107, 6.62161877531091836 52.84722548594130842, 6.62589612735258271 52.85065310643990699, 6.62049223820951038 52.8518061434879769, 6.6129250271109834 52.85694408504294017, 6.6083127293970696 52.85703183852982079, 6.61167719545792654 52.85971323420017143, 6.61402827338820209 52.86007047935763126, 6.61402827338820209 52.86007047935763126),(6.6057224857167478 52.8412999725985344, 6.60238497519715573 52.84137615951416223, 6.60207454276230266 52.83768266876047903, 6.60459775323868215 52.83678009315672597, 6.60366762183714151 52.8343376915821068, 6.60654920043834082 52.83384652456435759, 6.6073177648197321 52.83617765335010574, 6.61143735977851499 52.83500300261020755, 6.61382837512065613 52.83664953779543794, 6.60677735932842225 52.83830254067221688, 6.6057224857167478 52.8412999725985344, 6.6057224857167478 52.8412999725985344)))</t>
  </si>
  <si>
    <t>MultiPolygon (((6.6057224857167478 52.8412999725985344, 6.60677735932842225 52.83830254067221688, 6.61382837512065613 52.83664953779543794, 6.61143735977851499 52.83500300261020755, 6.6073177648197321 52.83617765335010574, 6.60654920043834082 52.83384652456435759, 6.60366762183714151 52.8343376915821068, 6.60459775323868215 52.83678009315672597, 6.60207454276230266 52.83768266876047903, 6.60238497519715573 52.84137615951416223, 6.6057224857167478 52.8412999725985344, 6.6057224857167478 52.8412999725985344)))</t>
  </si>
  <si>
    <t>MultiPolygon (((6.61402827338820209 52.86007047935763126, 6.61167719545792654 52.85971323420017143, 6.6083127293970696 52.85703183852982079, 6.6129250271109834 52.85694408504294017, 6.62049223820951038 52.8518061434879769, 6.62589612735258271 52.85065310643990699, 6.62161877531091836 52.84722548594130842, 6.62477174908533861 52.84512231669997107, 6.62440252765896709 52.84383537299554945, 6.61714721950346263 52.84067151351486302, 6.61472001065334503 52.8419772403184993, 6.60964967221980615 52.84251465114910928, 6.60621463919268415 52.84356315240420088, 6.60140463386913279 52.84733752254267358, 6.60177445340211921 52.84851785173867711, 6.60003999684213927 52.84929943585796508, 6.59817765150279811 52.84954473218190429, 6.59560672453586694 52.84858500192817132, 6.59409495161437231 52.85447808241946177, 6.59188262653215951 52.85808529994581306, 6.6016940330786511 52.86389670676855701, 6.60558972228237007 52.86258189115550721, 6.60907655883479972 52.86491665364081882, 6.61402827338820209 52.86007047935763126, 6.61402827338820209 52.86007047935763126)))</t>
  </si>
  <si>
    <t>MultiPolygon (((6.41746652161931674 52.90337872162749022, 6.41322900161870546 52.90047308574593643, 6.41999284636290746 52.88232187275992402, 6.38387515906633585 52.88912388601723791, 6.38765328283553746 52.89248054792643927, 6.38906737322241725 52.89187778706688903, 6.39156914811900911 52.8940490356966464, 6.38942026683878339 52.89488042749283636, 6.39617703701929496 52.9011026269798208, 6.39936475603831134 52.90404248104832874, 6.40188992941537638 52.90314255975050628, 6.40524681966845755 52.90623247622249892, 6.40316489721723237 52.9070815135444974, 6.40548765769538608 52.90922759464374536, 6.42708881424757639 52.92918522894755284, 6.43094122406955471 52.9324964673754792, 6.45023480930420146 52.92443904073568461, 6.44094372995968545 52.92000990596968535, 6.41746652161931674 52.90337872162749022, 6.41746652161931674 52.90337872162749022)),((6.42570265337113788 52.93467766961180843, 6.42214234199450917 52.9311317578628433, 6.42113487154963458 52.93016876704234619, 6.41518455791762676 52.9317551405673683, 6.41199536469267972 52.9288137883096752, 6.41715671214309769 52.92696079725903502, 6.4002661435536119 52.9113070170264308, 6.40090748547486932 52.91107745925209827, 6.39676094488777913 52.9073301897786763, 6.39102631234974083 52.9094669067129999, 6.38554310625236177 52.90449589502268424, 6.38909126975325048 52.90333829623901352, 6.38794636541576022 52.90267162773753284, 6.39051052055928537 52.90171320524846976, 6.38168839640284258 52.89299548167007714, 6.38374387456749837 52.89242338534351262, 6.38143771980532382 52.88956276091609965, 6.37862663087433379 52.88697661337696587, 6.37687899381082612 52.88620809087331764, 6.37205054796814352 52.88125499857898149, 6.3726361334435202 52.87590741471409217, 6.36867975655327889 52.87704896758246065, 6.36655425994350477 52.88166392502690627, 6.37326558264145238 52.89027440497116572, 6.35956025976344375 52.89453434158461675, 6.36722103850118515 52.90339543639473874, 6.368513126310825 52.90317595424286168, 6.36901807973032863 52.90368406931433753, 6.37049601043033498 52.90322738001008673, 6.37656660251234619 52.90715443904414883, 6.37772307160124452 52.9067948140940203, 6.3793985304481966 52.9082172367691399, 6.37791700532384542 52.90865768624196619, 6.38128851347871873 52.91241027219570014, 6.38343905474363194 52.91165055045853904, 6.38559017189478695 52.91367621178331149, 6.38417261454539542 52.91425013101137864, 6.38555007984957879 52.91554733126842791, 6.36902618702309464 52.92197562617857898, 6.39343577029687982 52.93284344736677127, 6.40267115605710213 52.94338181005711164, 6.42570265337113788 52.93467766961180843, 6.42570265337113788 52.93467766961180843)))</t>
  </si>
  <si>
    <t>MultiPolygon (((6.39617703701929496 52.9011026269798208, 6.38942026683878339 52.89488042749283636, 6.39156914811900911 52.8940490356966464, 6.38906737322241725 52.89187778706688903, 6.38765328283553746 52.89248054792643927, 6.38387515906633585 52.88912388601723791, 6.38143771980532382 52.88956276091609965, 6.38374387456749837 52.89242338534351262, 6.38168839640284258 52.89299548167007714, 6.39051052055928537 52.90171320524846976, 6.39257617369881359 52.90092462504242832, 6.39377824454084553 52.90194406996299392, 6.39617703701929496 52.9011026269798208, 6.39617703701929496 52.9011026269798208)))</t>
  </si>
  <si>
    <t>MultiPolygon (((6.42214234199450917 52.9311317578628433, 6.42708881424757639 52.92918522894755284, 6.40548765769538608 52.90922759464374536, 6.40090748547486932 52.91107745925209827, 6.4002661435536119 52.9113070170264308, 6.41715671214309769 52.92696079725903502, 6.41199536469267972 52.9288137883096752, 6.41518455791762676 52.9317551405673683, 6.42113487154963458 52.93016876704234619, 6.42214234199450917 52.9311317578628433, 6.42214234199450917 52.9311317578628433)))</t>
  </si>
  <si>
    <t>MultiPolygon (((6.40090748547486932 52.91107745925209827, 6.40548765769538608 52.90922759464374536, 6.40316489721723237 52.9070815135444974, 6.40524681966845755 52.90623247622249892, 6.40188992941537638 52.90314255975050628, 6.39936475603831134 52.90404248104832874, 6.39617703701929496 52.9011026269798208, 6.39377824454084553 52.90194406996299392, 6.39257617369881359 52.90092462504242832, 6.39051052055928537 52.90171320524846976, 6.38794636541576022 52.90267162773753284, 6.38909126975325048 52.90333829623901352, 6.38554310625236177 52.90449589502268424, 6.39102631234974083 52.9094669067129999, 6.39676094488777913 52.9073301897786763, 6.40090748547486932 52.91107745925209827, 6.40090748547486932 52.91107745925209827)))</t>
  </si>
  <si>
    <t>MultiPolygon (((6.48755812421970823 52.96120495068264233, 6.49383140494337496 52.95874731854857487, 6.48919385572400298 52.95445702061655879, 6.46464009579498899 52.96391341912213591, 6.46523252194003906 52.96451806506687632, 6.47365051535314429 52.97207623754754025, 6.4831585430013563 52.96851202170844175, 6.48688292993751592 52.97244216538142325, 6.49574324239566359 52.96899053485098108, 6.48755812421970823 52.96120495068264233, 6.48755812421970823 52.96120495068264233)),((6.49391334079811156 52.98426558728276348, 6.4965952373203173 52.98323938084208606, 6.49048903112595177 52.97759654716076483, 6.48290610183168337 52.98066581947361442, 6.48382750621777593 52.98160212028867733, 6.49457256318832599 52.99195867806525229, 6.4990044116090635 52.99021579136550031, 6.49423343904661632 52.98585584561628536, 6.49391334079811156 52.98426558728276348, 6.49391334079811156 52.98426558728276348)),((6.4793641616762816 52.98346733612090986, 6.47013899376059687 52.97502100290706295, 6.46958000136293343 52.97522714974809332, 6.46030874321862658 52.96657377864078597, 6.41366392953038034 52.98562636157328143, 6.4660554290155039 52.99951774021710804, 6.48821201982160378 53.00540528001636176, 6.49169252515031037 52.9955869241576849, 6.49029530999292437 52.99544144155179026, 6.49083882667827172 52.99396706527844003, 6.4793641616762816 52.98346733612090986, 6.4793641616762816 52.98346733612090986)))</t>
  </si>
  <si>
    <t>MultiPolygon (((6.47013899376059687 52.97502100290706295, 6.47488166075710403 52.97320076336968953, 6.47365051535314429 52.97207623754754025, 6.46523252194003906 52.96451806506687632, 6.46030874321862658 52.96657377864078597, 6.46958000136293343 52.97522714974809332, 6.47013899376059687 52.97502100290706295, 6.47013899376059687 52.97502100290706295)))</t>
  </si>
  <si>
    <t>MultiPolygon (((6.49169252515031037 52.9955869241576849, 6.49258595753514989 52.99305883647304682, 6.4980608273273841 52.99378096055206555, 6.49370206851553711 52.99233690839849231, 6.49457256318832599 52.99195867806525229, 6.48382750621777593 52.98160212028867733, 6.4793641616762816 52.98346733612090986, 6.49083882667827172 52.99396706527844003, 6.49029530999292437 52.99544144155179026, 6.49169252515031037 52.9955869241576849, 6.49169252515031037 52.9955869241576849)))</t>
  </si>
  <si>
    <t>MultiPolygon (((6.4793641616762816 52.98346733612090986, 6.48382750621777593 52.98160212028867733, 6.48290610183168337 52.98066581947361442, 6.49048903112595177 52.97759654716076483, 6.48550206910452953 52.97298464683746033, 6.48688292993751592 52.97244216538142325, 6.4831585430013563 52.96851202170844175, 6.47365051535314429 52.97207623754754025, 6.47488166075710403 52.97320076336968953, 6.47013899376059687 52.97502100290706295, 6.4793641616762816 52.98346733612090986, 6.4793641616762816 52.98346733612090986)))</t>
  </si>
  <si>
    <t>MultiPolygon (((6.48394766824286695 52.95017306216088571, 6.48648548626158306 52.94917569461840401, 6.48953794490247393 52.9480585259440133, 6.49312811486786412 52.9479958902465313, 6.49697174789499865 52.95156609289860228, 6.5088267896316836 52.94698466259661984, 6.48750328604138904 52.92735925101345629, 6.47117361678008329 52.93446401727002382, 6.45023480930420146 52.92443904073568461, 6.43094122406955471 52.9324964673754792, 6.44156372277195821 52.94252250971774032, 6.45282294244464882 52.94265456510308354, 6.45765847228026324 52.94716211594358413, 6.46242721880121795 52.94536064202176107, 6.46527312764430651 52.94805973639774521, 6.4628245213394715 52.94885581520955498, 6.46519623068895832 52.95072170314258386, 6.46367207888889439 52.95118648293543373, 6.46662450577018877 52.95366159318394494, 6.46462124637028612 52.95424698125647467, 6.4670816085983196 52.95672876397375006, 6.45998500649321006 52.95952979193640431, 6.46464009579498899 52.96391341912213591, 6.48919385572400298 52.95445702061655879, 6.48394766824286695 52.95017306216088571, 6.48394766824286695 52.95017306216088571)),((6.44947111814065988 52.95645134178691649, 6.44574657949733965 52.95296993990791634, 6.43750122112633871 52.95599043528540051, 6.43625633281020271 52.95472691266284926, 6.44412119155717544 52.95160202471397781, 6.43598658105334653 52.94413815320486094, 6.42570265337113788 52.93467766961180843, 6.40267115605710213 52.94338181005711164, 6.42761470897186982 52.97181540007346712, 6.42262295508776404 52.97659313198896314, 6.41327983763448906 52.98552292733334212, 6.41366392953038034 52.98562636157328143, 6.46030874321862658 52.96657377864078597, 6.44947111814065988 52.95645134178691649, 6.44947111814065988 52.95645134178691649)))</t>
  </si>
  <si>
    <t>MultiPolygon (((6.43598658105334653 52.94413815320486094, 6.43857282006513199 52.94323750150218899, 6.43814107721057916 52.94248246329051, 6.44156372277195821 52.94252250971774032, 6.43094122406955471 52.9324964673754792, 6.42708881424757639 52.92918522894755284, 6.42214234199450917 52.9311317578628433, 6.42570265337113788 52.93467766961180843, 6.43598658105334653 52.94413815320486094, 6.43598658105334653 52.94413815320486094)))</t>
  </si>
  <si>
    <t>MultiPolygon (((6.46030874321862658 52.96657377864078597, 6.46523252194003906 52.96451806506687632, 6.46464009579498899 52.96391341912213591, 6.45998500649321006 52.95952979193640431, 6.45448685249096066 52.95435030844079449, 6.44947111814065988 52.95645134178691649, 6.46030874321862658 52.96657377864078597, 6.46030874321862658 52.96657377864078597)))</t>
  </si>
  <si>
    <t>MultiPolygon (((6.44947111814065988 52.95645134178691649, 6.45448685249096066 52.95435030844079449, 6.45998500649321006 52.95952979193640431, 6.4670816085983196 52.95672876397375006, 6.46462124637028612 52.95424698125647467, 6.46662450577018877 52.95366159318394494, 6.46367207888889439 52.95118648293543373, 6.46519623068895832 52.95072170314258386, 6.4628245213394715 52.94885581520955498, 6.46527312764430651 52.94805973639774521, 6.46242721880121795 52.94536064202176107, 6.45765847228026324 52.94716211594358413, 6.45282294244464882 52.94265456510308354, 6.44156372277195821 52.94252250971774032, 6.43814107721057916 52.94248246329051, 6.43857282006513199 52.94323750150218899, 6.43598658105334653 52.94413815320486094, 6.44412119155717544 52.95160202471397781, 6.43625633281020271 52.95472691266284926, 6.43750122112633871 52.95599043528540051, 6.44574657949733965 52.95296993990791634, 6.44947111814065988 52.95645134178691649, 6.44947111814065988 52.95645134178691649)))</t>
  </si>
  <si>
    <t>MultiPolygon (((6.58120983171237661 52.80140651870190283, 6.58086086506877077 52.79839807058724688, 6.57446148398261521 52.78382018433075018, 6.5662773116539892 52.76557690774617271, 6.53752091599983487 52.76523427825039647, 6.53536739783010656 52.76810435182334658, 6.51279267698343567 52.76210066045680946, 6.50790439259768405 52.76884728300307614, 6.50553915203027522 52.76807444613616838, 6.50336478193148437 52.76934619598807785, 6.51426312015825637 52.77224260572359782, 6.51939895595363517 52.77600796659223192, 6.52742614734065807 52.77841194747773557, 6.53045898274033121 52.78063986357605586, 6.53333080708270586 52.78474820248897004, 6.53172692155423995 52.78866756152875439, 6.53310044319759342 52.79515230376158286, 6.5310036421046922 52.79735359536012851, 6.54797365000928178 52.80656735380726019, 6.55282098663614931 52.80091017247831076, 6.55914220757485378 52.80178062440938902, 6.56310899846980345 52.8007871857875557, 6.57274977387489479 52.80156906622499946, 6.58120983171237661 52.80140651870190283, 6.58120983171237661 52.80140651870190283),(6.53676573080681234 52.79306167444139675, 6.53502758085320323 52.7948023407308753, 6.5334038143792581 52.79439556091111285, 6.53473614755421295 52.79261950655591562, 6.5340314515567659 52.79135512620783288, 6.53693385254549053 52.79032448749894968, 6.5366677274235343 52.78904633855965045, 6.5426790173384175 52.78959990113180822, 6.5439965508316682 52.79284227249218731, 6.53676573080681234 52.79306167444139675, 6.53676573080681234 52.79306167444139675)))</t>
  </si>
  <si>
    <t>MultiPolygon (((6.53676573080681234 52.79306167444139675, 6.5439965508316682 52.79284227249218731, 6.5426790173384175 52.78959990113180822, 6.5366677274235343 52.78904633855965045, 6.53693385254549053 52.79032448749894968, 6.5340314515567659 52.79135512620783288, 6.53473614755421295 52.79261950655591562, 6.5334038143792581 52.79439556091111285, 6.53502758085320323 52.7948023407308753, 6.53676573080681234 52.79306167444139675, 6.53676573080681234 52.79306167444139675)))</t>
  </si>
  <si>
    <t>MultiPolygon (((6.48969884382371109 52.81439879479801647, 6.48614698132024259 52.8134222027148823, 6.48726047544253603 52.81086288931326322, 6.48527113987456794 52.80287516822656357, 6.48194552773960631 52.79809077378915561, 6.48021750075962721 52.79836446386591575, 6.47849084759152216 52.79584779606442879, 6.45545074285587628 52.80055649532546624, 6.45870726347845636 52.80875185577450992, 6.45990786523458738 52.81386382515709954, 6.4592819574884528 52.81520019160639379, 6.46044594314447806 52.81616139852236103, 6.46133876275165431 52.81534608775233863, 6.4622669433690012 52.81649232809163408, 6.46508720849976104 52.81661684865832029, 6.46505553987367065 52.81442815903190535, 6.47750335716809023 52.81530523507066022, 6.47693874417247706 52.81759430658672727, 6.47084694206774724 52.82007642302041006, 6.47055166496195344 52.82127610511891191, 6.46766204631506447 52.8218151722980096, 6.47631411635438337 52.83280560518042535, 6.47969987206372089 52.83365409201974217, 6.48742022861976597 52.8320277308957813, 6.48212954092903804 52.82850903464351688, 6.48961781389371772 52.82460355753909909, 6.49263291641342732 52.82443745526932588, 6.49259170786401363 52.82368739509463751, 6.49077839197351469 52.81596833221961163, 6.48969884382371109 52.81439879479801647, 6.48969884382371109 52.81439879479801647)))</t>
  </si>
  <si>
    <t>MultiPolygon (((6.47693874417247706 52.81759430658672727, 6.47750335716809023 52.81530523507066022, 6.46505553987367065 52.81442815903190535, 6.46508720849976104 52.81661684865832029, 6.4622669433690012 52.81649232809163408, 6.46402471987242233 52.81813768829098876, 6.46766204631506447 52.8218151722980096, 6.47055166496195344 52.82127610511891191, 6.47084694206774724 52.82007642302041006, 6.47693874417247706 52.81759430658672727, 6.47693874417247706 52.81759430658672727)))</t>
  </si>
  <si>
    <t>MultiPolygon (((6.49259170786401363 52.82368739509463751, 6.49791075419827191 52.82287122035200611, 6.50013433044858502 52.83498844848501363, 6.52116428280229687 52.83674616436524474, 6.53572567407656724 52.83553616838087663, 6.53558965173717166 52.83142519153978611, 6.5401685001994565 52.83241904136918521, 6.54619170934107508 52.82524261592563875, 6.55256949032406588 52.82304480192173912, 6.55526438810086454 52.82145573573951935, 6.55585191124067812 52.8200108635120742, 6.55773365737605207 52.81975816547238622, 6.55727997093018722 52.8166102726796467, 6.57373329593627354 52.81525902687095453, 6.57487337133492922 52.81474493402212289, 6.58190222394088043 52.80737627682017887, 6.58120983171237661 52.80140651870190283, 6.57274977387489479 52.80156906622499946, 6.56310899846980345 52.8007871857875557, 6.55914220757485378 52.80178062440938902, 6.55282098663614931 52.80091017247831076, 6.54797365000928178 52.80656735380726019, 6.5310036421046922 52.79735359536012851, 6.53310044319759342 52.79515230376158286, 6.53172692155423995 52.78866756152875439, 6.53333080708270586 52.78474820248897004, 6.53045898274033121 52.78063986357605586, 6.52742614734065807 52.77841194747773557, 6.51939895595363517 52.77600796659223192, 6.51426312015825637 52.77224260572359782, 6.50336478193148437 52.76934619598807785, 6.49084796830339528 52.77088343676671656, 6.49616425413967136 52.78622467282470154, 6.49180507382164684 52.79312329448268315, 6.47849084759152216 52.79584779606442879, 6.48021750075962721 52.79836446386591575, 6.48194552773960631 52.79809077378915561, 6.48527113987456794 52.80287516822656357, 6.48726047544253603 52.81086288931326322, 6.48614698132024259 52.8134222027148823, 6.48969884382371109 52.81439879479801647, 6.49077839197351469 52.81596833221961163, 6.49259170786401363 52.82368739509463751, 6.49259170786401363 52.82368739509463751),(6.51104242430092217 52.81941214024817555, 6.50879170269985785 52.82020962395711905, 6.50733913220019655 52.81701928201618301, 6.50789376348590487 52.81642988961572627, 6.51260854521743937 52.81546875184587719, 6.51350149861737471 52.81460089770540378, 6.51481880302521876 52.81265446648214379, 6.51539776751496458 52.80898774281457264, 6.51754558274693885 52.8060094076290909, 6.52370493888950254 52.80899026264634699, 6.52457906841720625 52.81083558016248958, 6.52367774239220832 52.81416278078581428, 6.52805898822231878 52.81368503500677036, 6.5277221446510687 52.81590477971060693, 6.52615330214581491 52.81740382595051386, 6.52088805250639947 52.8187661816959988, 6.51428627692015727 52.81979212332624485, 6.51104242430092217 52.81941214024817555, 6.51104242430092217 52.81941214024817555)))</t>
  </si>
  <si>
    <t>MultiPolygon (((6.51104242430092217 52.81941214024817555, 6.51428627692015727 52.81979212332624485, 6.52088805250639947 52.8187661816959988, 6.52615330214581491 52.81740382595051386, 6.5277221446510687 52.81590477971060693, 6.52805898822231878 52.81368503500677036, 6.52367774239220832 52.81416278078581428, 6.52457906841720625 52.81083558016248958, 6.52370493888950254 52.80899026264634699, 6.51754558274693885 52.8060094076290909, 6.51539776751496458 52.80898774281457264, 6.51481880302521876 52.81265446648214379, 6.51350149861737471 52.81460089770540378, 6.51260854521743937 52.81546875184587719, 6.50789376348590487 52.81642988961572627, 6.50733913220019655 52.81701928201618301, 6.50879170269985785 52.82020962395711905, 6.51104242430092217 52.81941214024817555, 6.51104242430092217 52.81941214024817555)))</t>
  </si>
  <si>
    <t>MultiPolygon (((6.54351196315820438 52.95509804847535662, 6.55533107968526796 52.94954679873613657, 6.56150480165770489 52.94665212076854033, 6.56507129598116634 52.94498077032640282, 6.58581438790137863 52.91946797794690838, 6.56171459580935501 52.89988337770860483, 6.55906888149431921 52.887975981928534, 6.53370649334569364 52.89039613587897293, 6.52809556928912738 52.89186539844506285, 6.53125929307715936 52.90321292649566942, 6.52781189455649447 52.90557809564489844, 6.52352786303531751 52.9038102822365417, 6.518294014369995 52.90775593389803788, 6.51198262208316603 52.90937933658678816, 6.51496782382081641 52.91174175667873669, 6.496693364956724 52.92201620101595694, 6.49740486914815651 52.92251174203952502, 6.48750328604138904 52.92735925101345629, 6.5088267896316836 52.94698466259661984, 6.51957725273556221 52.9429557349247375, 6.51762216907184566 52.93976297094683758, 6.52762965836944975 52.93558202410711289, 6.53087945464829467 52.93560477084340476, 6.53460288973028725 52.93251481629143029, 6.53591470498050331 52.93259055759651233, 6.53927892372409403 52.94589029209949871, 6.54299748885764831 52.95533823608684543, 6.54351196315820438 52.95509804847535662, 6.54351196315820438 52.95509804847535662),(6.53206662293260809 52.91970565136410443, 6.5375439726834923 52.91889920451443885, 6.53682672295188727 52.91775126238307791, 6.54107953590029112 52.91506070174851573, 6.54269370898422853 52.91504677573082915, 6.54464457420079793 52.92065666330655205, 6.54450683688457513 52.92706753409904508, 6.54203856263972128 52.92624214352424161, 6.54108018986086037 52.92329688028802792, 6.53675107553924395 52.9232819059074302, 6.53435757602077594 52.92562978920929595, 6.53531692403228259 52.92811562552523696, 6.5319104250912039 52.92831627666435423, 6.52918568052754011 52.92779751945757738, 6.53018686708553897 52.92656063428247393, 6.52796615021606286 52.91983757975208391, 6.5224448761315923 52.9205653642899847, 6.51480380441139051 52.92558967958885319, 6.51364252274007338 52.92484572122580033, 6.51701396883745865 52.92192731430667862, 6.52308615337408337 52.91932634000185942, 6.53104594885129597 52.91740966525944145, 6.53206662293260809 52.91970565136410443, 6.53206662293260809 52.91970565136410443)))</t>
  </si>
  <si>
    <t>MultiPolygon (((6.53206662293260809 52.91970565136410443, 6.53104594885129597 52.91740966525944145, 6.52308615337408337 52.91932634000185942, 6.51701396883745865 52.92192731430667862, 6.51364252274007338 52.92484572122580033, 6.51480380441139051 52.92558967958885319, 6.5224448761315923 52.9205653642899847, 6.52796615021606286 52.91983757975208391, 6.53018686708553897 52.92656063428247393, 6.52918568052754011 52.92779751945757738, 6.5319104250912039 52.92831627666435423, 6.53531692403228259 52.92811562552523696, 6.53435757602077594 52.92562978920929595, 6.53206662293260809 52.91970565136410443, 6.53206662293260809 52.91970565136410443)))</t>
  </si>
  <si>
    <t>MultiPolygon (((6.53206662293260809 52.91970565136410443, 6.53435757602077594 52.92562978920929595, 6.53675107553924395 52.9232819059074302, 6.54108018986086037 52.92329688028802792, 6.54203856263972128 52.92624214352424161, 6.54450683688457513 52.92706753409904508, 6.54464457420079793 52.92065666330655205, 6.54269370898422853 52.91504677573082915, 6.54107953590029112 52.91506070174851573, 6.53682672295188727 52.91775126238307791, 6.5375439726834923 52.91889920451443885, 6.53206662293260809 52.91970565136410443, 6.53206662293260809 52.91970565136410443)))</t>
  </si>
  <si>
    <t>MultiPolygon (((6.45023480930420146 52.92443904073568461, 6.47117361678008329 52.93446401727002382, 6.48750328604138904 52.92735925101345629, 6.49740486914815651 52.92251174203952502, 6.496693364956724 52.92201620101595694, 6.51496782382081641 52.91174175667873669, 6.51198262208316603 52.90937933658678816, 6.518294014369995 52.90775593389803788, 6.52352786303531751 52.9038102822365417, 6.52781189455649447 52.90557809564489844, 6.53125929307715936 52.90321292649566942, 6.52809556928912738 52.89186539844506285, 6.52387853473581014 52.88611000072003065, 6.51922585037713365 52.88258742155956327, 6.50899994800733861 52.87402479832252311, 6.50758910444433081 52.87351904246804679, 6.50587383039129108 52.87527079861015977, 6.50235625729875721 52.87334619669388047, 6.49967887010488443 52.87290666486925517, 6.49279351831472784 52.87492651439992386, 6.49330732535491872 52.87837958329364341, 6.49253238871949367 52.88127165824503351, 6.47035434828105949 52.88297533938938955, 6.46570596988451474 52.88389200829522707, 6.41746652161931674 52.90337872162749022, 6.44094372995968545 52.92000990596968535, 6.45023480930420146 52.92443904073568461, 6.45023480930420146 52.92443904073568461),(6.45442135421002483 52.90756442808806526, 6.44212587849250973 52.91024233699032209, 6.44069771687693216 52.90791943533142216, 6.45301941234595411 52.90524480425739995, 6.45442135421002483 52.90756442808806526, 6.45442135421002483 52.90756442808806526),(6.49763262064427227 52.89874875866556891, 6.49642931781903243 52.89993895117881806, 6.49284400438083953 52.89897744998966544, 6.48797947457134239 52.89572862027542044, 6.48849773150613007 52.89118138769295996, 6.48266608100975006 52.88990439866905291, 6.48401541841589601 52.88831307175529872, 6.48992526330643926 52.88987068279894288, 6.49153657997000977 52.89253396151114828, 6.49942574807682583 52.89317798697341999, 6.50317188327406104 52.89206904688460753, 6.50261529775552383 52.88848723716553479, 6.50467619210243786 52.88819553170738175, 6.50624222819030162 52.88970250240340221, 6.50635435802248629 52.89917507163450949, 6.50330301429912261 52.89829650109611947, 6.4991557996204854 52.89920640416458042, 6.49763262064427227 52.89874875866556891, 6.49763262064427227 52.89874875866556891)))</t>
  </si>
  <si>
    <t>MultiPolygon (((6.45442135421002483 52.90756442808806526, 6.45301941234595411 52.90524480425739995, 6.44069771687693216 52.90791943533142216, 6.44212587849250973 52.91024233699032209, 6.45442135421002483 52.90756442808806526, 6.45442135421002483 52.90756442808806526)))</t>
  </si>
  <si>
    <t>MultiPolygon (((6.49763262064427227 52.89874875866556891, 6.4991557996204854 52.89920640416458042, 6.50330301429912261 52.89829650109611947, 6.50635435802248629 52.89917507163450949, 6.50624222819030162 52.88970250240340221, 6.50467619210243786 52.88819553170738175, 6.50261529775552383 52.88848723716553479, 6.50317188327406104 52.89206904688460753, 6.49942574807682583 52.89317798697341999, 6.49153657997000977 52.89253396151114828, 6.48992526330643926 52.88987068279894288, 6.48401541841589601 52.88831307175529872, 6.48266608100975006 52.88990439866905291, 6.48849773150613007 52.89118138769295996, 6.48797947457134239 52.89572862027542044, 6.49284400438083953 52.89897744998966544, 6.49642931781903243 52.89993895117881806, 6.49763262064427227 52.89874875866556891, 6.49763262064427227 52.89874875866556891)))</t>
  </si>
  <si>
    <t>MultiPolygon (((6.49279351831472784 52.87492651439992386, 6.49967887010488443 52.87290666486925517, 6.50235625729875721 52.87334619669388047, 6.50587383039129108 52.87527079861015977, 6.50758910444433081 52.87351904246804679, 6.50899994800733861 52.87402479832252311, 6.50088638415636133 52.8653876794614348, 6.49430392633558018 52.85528324010905976, 6.49791724831354145 52.85537827465278582, 6.50058643961999305 52.8547832570257583, 6.50611384598506604 52.85262347928280491, 6.50213511757725282 52.84793674444750167, 6.51103807851585348 52.84678881848982712, 6.5122711359340304 52.84849112182533304, 6.51120144757402297 52.85117527545703098, 6.51614215751163162 52.85060172828968916, 6.52052600767121415 52.85088593952566072, 6.52556766269801702 52.85236801401484286, 6.52893025827501461 52.84724904155083891, 6.53144323135220795 52.84774734508969374, 6.53502733912156053 52.84697930890717288, 6.53971838388895499 52.84687115411430369, 6.5401899819365461 52.84859665968946274, 6.5319145577308344 52.84935941921197866, 6.52820400573684179 52.8544009175792695, 6.52944130667337141 52.85720154264733139, 6.53252253617491085 52.8590261903815346, 6.53306085384692725 52.8657345373974934, 6.53151443869954473 52.86934654485204277, 6.52620404755687566 52.86869467089688612, 6.52794871885650263 52.87345024458019083, 6.52188136970511056 52.87512412663931372, 6.52440944878589946 52.87706208769095184, 6.52590120008142005 52.87946599357331223, 6.51922585037713365 52.88258742155956327, 6.52387853473581014 52.88611000072003065, 6.52809556928912738 52.89186539844506285, 6.53370649334569364 52.89039613587897293, 6.55906888149431921 52.887975981928534, 6.55625794357925606 52.87516520784065932, 6.55474551177791298 52.86171251732834975, 6.55447364745161209 52.8581455182661486, 6.55438929389753344 52.85616013975107563, 6.55755262925658045 52.85513210551761176, 6.56369748869076641 52.84728633555086219, 6.58058784732028101 52.83320147553730806, 6.57861044169120124 52.8309384410692644, 6.55773365737605207 52.81975816547238622, 6.55585191124067812 52.8200108635120742, 6.55526438810086454 52.82145573573951935, 6.55256949032406588 52.82304480192173912, 6.54619170934107508 52.82524261592563875, 6.5401685001994565 52.83241904136918521, 6.53558965173717166 52.83142519153978611, 6.53572567407656724 52.83553616838087663, 6.52116428280229687 52.83674616436524474, 6.50013433044858502 52.83498844848501363, 6.49791075419827191 52.82287122035200611, 6.49259170786401363 52.82368739509463751, 6.49263291641342732 52.82443745526932588, 6.48961781389371772 52.82460355753909909, 6.48212954092903804 52.82850903464351688, 6.48742022861976597 52.8320277308957813, 6.47969987206372089 52.83365409201974217, 6.47631411635438337 52.83280560518042535, 6.48002612970192615 52.83694436227975899, 6.47612507444351415 52.83816109982596032, 6.46266724641530654 52.83867685936386493, 6.46115286802886057 52.84510436486184659, 6.46208931408639309 52.8465579285935263, 6.46189272875543708 52.84847600589614558, 6.4631501225457697 52.8488921553999873, 6.46071591758519581 52.85306614129712699, 6.45127311817817173 52.85001545342266382, 6.44119973239619892 52.84991812487681528, 6.43552131674757799 52.85114556159020083, 6.4308592862110725 52.85044222299267602, 6.42924497156284236 52.85647390682669311, 6.43434500459446834 52.85699324023987344, 6.43102147197057405 52.86765862514407388, 6.4321436073357301 52.86776838430997572, 6.43144847271007425 52.86994596543272706, 6.43077879792002438 52.87186228642188723, 6.42972383924972402 52.87181331809622264, 6.42929673439094618 52.87311449641723726, 6.42769802491547804 52.87253152422194091, 6.42020565404273658 52.87791548291176724, 6.42226347257634522 52.8803138532790129, 6.41963960415713686 52.8814747314165885, 6.42009597268899856 52.88202290833029195, 6.41999284636290746 52.88232187275992402, 6.41322900161870546 52.90047308574593643, 6.41746652161931674 52.90337872162749022, 6.46570596988451474 52.88389200829522707, 6.47035434828105949 52.88297533938938955, 6.49253238871949367 52.88127165824503351, 6.49330732535491872 52.87837958329364341, 6.49279351831472784 52.87492651439992386, 6.49279351831472784 52.87492651439992386),(6.4791889767629991 52.87344309777405726, 6.48540454500502417 52.86839813937027799, 6.49186888816195751 52.86825644643253241, 6.49601556533085667 52.87083607073387981, 6.49400218893638126 52.87191975349633566, 6.48330501273151416 52.87214882848006425, 6.48235415990121133 52.87403588764210838, 6.4791889767629991 52.87344309777405726, 6.4791889767629991 52.87344309777405726),(6.54246838203373304 52.8452756883560042, 6.54268562083202632 52.84371933152218759, 6.53641258838749284 52.84410574391360171, 6.53629917716345421 52.84532349979441079, 6.53273230861342924 52.84527412143399516, 6.53262390741713261 52.84227001825160386, 6.53401475563790868 52.84131578516688421, 6.53540367523976062 52.84141195344535902, 6.53581275237942183 52.84229383031194516, 6.53919637332151371 52.84221906053470263, 6.54064715916725081 52.83936671239145966, 6.54026390570641603 52.83637144516462314, 6.54676276828630943 52.83715491882944804, 6.54524245567846563 52.84061298435683085, 6.54724283688677744 52.84104627942768673, 6.5473305600867393 52.84311982454011059, 6.54504102809217336 52.84320891990009983, 6.54476881917288811 52.84526124391867796, 6.54246838203373304 52.8452756883560042, 6.54246838203373304 52.8452756883560042)))</t>
  </si>
  <si>
    <t>MultiPolygon (((6.48330501273151416 52.87214882848006425, 6.49400218893638126 52.87191975349633566, 6.49601556533085667 52.87083607073387981, 6.49186888816195751 52.86825644643253241, 6.48540454500502417 52.86839813937027799, 6.4791889767629991 52.87344309777405726, 6.48235415990121133 52.87403588764210838, 6.48330501273151416 52.87214882848006425, 6.48330501273151416 52.87214882848006425)))</t>
  </si>
  <si>
    <t>MultiPolygon (((6.54504102809217336 52.84320891990009983, 6.5473305600867393 52.84311982454011059, 6.54724283688677744 52.84104627942768673, 6.54524245567846563 52.84061298435683085, 6.54676276828630943 52.83715491882944804, 6.54026390570641603 52.83637144516462314, 6.54064715916725081 52.83936671239145966, 6.53919637332151371 52.84221906053470263, 6.53581275237942183 52.84229383031194516, 6.53540367523976062 52.84141195344535902, 6.53401475563790868 52.84131578516688421, 6.53262390741713261 52.84227001825160386, 6.53273230861342924 52.84527412143399516, 6.53629917716345421 52.84532349979441079, 6.53641258838749284 52.84410574391360171, 6.54268562083202632 52.84371933152218759, 6.54246838203373304 52.8452756883560042, 6.54476881917288811 52.84526124391867796, 6.54504102809217336 52.84320891990009983, 6.54504102809217336 52.84320891990009983)))</t>
  </si>
  <si>
    <t>MultiPolygon (((6.52556766269801702 52.85236801401484286, 6.52307836400717278 52.85472507953987531, 6.52417295633780459 52.85507582751179001, 6.5233958767969078 52.85573930633793083, 6.52820400573684179 52.8544009175792695, 6.5319145577308344 52.84935941921197866, 6.5401899819365461 52.84859665968946274, 6.53971838388895499 52.84687115411430369, 6.53502733912156053 52.84697930890717288, 6.53144323135220795 52.84774734508969374, 6.52893025827501461 52.84724904155083891, 6.52556766269801702 52.85236801401484286, 6.52556766269801702 52.85236801401484286)))</t>
  </si>
  <si>
    <t>MultiPolygon (((6.50899994800733861 52.87402479832252311, 6.51922585037713365 52.88258742155956327, 6.52590120008142005 52.87946599357331223, 6.52440944878589946 52.87706208769095184, 6.52188136970511056 52.87512412663931372, 6.52794871885650263 52.87345024458019083, 6.52620404755687566 52.86869467089688612, 6.53151443869954473 52.86934654485204277, 6.53306085384692725 52.8657345373974934, 6.53252253617491085 52.8590261903815346, 6.52944130667337141 52.85720154264733139, 6.52820400573684179 52.8544009175792695, 6.5233958767969078 52.85573930633793083, 6.52417295633780459 52.85507582751179001, 6.52307836400717278 52.85472507953987531, 6.52556766269801702 52.85236801401484286, 6.52052600767121415 52.85088593952566072, 6.51614215751163162 52.85060172828968916, 6.51120144757402297 52.85117527545703098, 6.5122711359340304 52.84849112182533304, 6.51103807851585348 52.84678881848982712, 6.50213511757725282 52.84793674444750167, 6.50611384598506604 52.85262347928280491, 6.50058643961999305 52.8547832570257583, 6.49791724831354145 52.85537827465278582, 6.49430392633558018 52.85528324010905976, 6.50088638415636133 52.8653876794614348, 6.50899994800733861 52.87402479832252311, 6.50899994800733861 52.87402479832252311)))</t>
  </si>
  <si>
    <t>MultiPolygon (((6.51208902580410776 53.07383719285686396, 6.5172667020228614 53.07266283047753319, 6.5217164054555985 53.07283361254072673, 6.52061783038660092 53.07425493780912262, 6.54391577613476105 53.08130741148172405, 6.54951856037187063 53.08387559199312733, 6.55293324443473768 53.08252976319160865, 6.55477719146507631 53.07744943479708866, 6.55118317960377627 53.07342971448796476, 6.54885163562887396 53.07289855398585132, 6.54667703655867061 53.06924966149430389, 6.55671797861983752 53.06978273218297915, 6.55805769299021701 53.06844688829478685, 6.55827758456698184 53.06680632968965483, 6.5570395390226377 53.06659208269547889, 6.56587820976100378 53.06067291254692009, 6.56972048677289155 53.05986178259430375, 6.55521326667283954 53.05860808366940518, 6.55566057727838647 53.05566246154018728, 6.55279253370582548 53.05502566716435098, 6.55355139148572263 53.05216618283171215, 6.55149044114402468 53.05036541917556292, 6.54757968872177987 53.05036860463559378, 6.54539433944437743 53.05723998648689843, 6.54223511688484205 53.05679365837911377, 6.54312954306548988 53.05250785757083065, 6.54196645847970348 53.05145695704785425, 6.54034183139955516 53.05166303323031229, 6.53917920998036628 53.04921127959572402, 6.54067089571238647 53.04675698269227979, 6.54287743245051701 53.04673625155352568, 6.54311845481025234 53.04497025489109063, 6.53992990937220231 53.0432171294041197, 6.54475179982410626 53.04292343464197046, 6.55148895183983626 53.04025241577629401, 6.55076995986495003 53.03815579313640427, 6.54927697253207608 53.03834539387158742, 6.54730676115535015 53.03506696184005875, 6.54127033710635786 53.03565958067280661, 6.54120749392259171 53.03722821923550157, 6.53368324040265325 53.03815625878399942, 6.53203441168999621 53.03969135674660862, 6.53056610341535215 53.04002801754508312, 6.5307451606854956 53.04098502244280411, 6.52910749181249894 53.04338519601898128, 6.52422917088999732 53.04588020736392195, 6.51107505646698215 53.04453525820605364, 6.50513006046965536 53.0463547575571539, 6.51164889750473108 53.05625137117193191, 6.51446536785269981 53.06507311567193597, 6.51335640705019792 53.07228029084608067, 6.51208902580410776 53.07383719285686396, 6.51208902580410776 53.07383719285686396)))</t>
  </si>
  <si>
    <t>MultiPolygon (((6.55149044114402468 53.05036541917556292, 6.55002443140149193 53.04647226741867172, 6.55251617132630315 53.04349544531923755, 6.55231592314985978 53.04257558492148661, 6.55148895183983626 53.04025241577629401, 6.54475179982410626 53.04292343464197046, 6.53992990937220231 53.0432171294041197, 6.54311845481025234 53.04497025489109063, 6.54287743245051701 53.04673625155352568, 6.54067089571238647 53.04675698269227979, 6.53917920998036628 53.04921127959572402, 6.54034183139955516 53.05166303323031229, 6.54196645847970348 53.05145695704785425, 6.54312954306548988 53.05250785757083065, 6.54223511688484205 53.05679365837911377, 6.54539433944437743 53.05723998648689843, 6.54757968872177987 53.05036860463559378, 6.55149044114402468 53.05036541917556292, 6.55149044114402468 53.05036541917556292)))</t>
  </si>
  <si>
    <t>MultiPolygon (((6.60808738576331223 53.04841823522109223, 6.61133662066569006 53.04827967432017033, 6.61561685632337682 53.04685630923137296, 6.61978824969736479 53.04769244481486368, 6.6185830079821999 53.04525647175773173, 6.63388448475821235 53.04422964079333269, 6.64018305921187135 53.04280961551140194, 6.6415326942894275 53.04319259404790188, 6.64055559332975243 53.04162858189946661, 6.64477098403056221 53.03915139994149541, 6.64800990720081675 53.0282640981354092, 6.6485933057024571 53.02633252710930378, 6.63122142942869175 53.0261052411012912, 6.60354913672936394 53.0329564379739935, 6.60648933097623914 53.03820273342775238, 6.60808738576331223 53.04841823522109223, 6.60808738576331223 53.04841823522109223),(6.626545771483487 53.03511725833962487, 6.62615196611888191 53.03599588459010761, 6.61765855409243375 53.03374861869384915, 6.61691110447278064 53.03299353354195489, 6.61772336314807141 53.03213759597369403, 6.6197711134942363 53.03169412407581973, 6.62315508007692344 53.03253431461549638, 6.62430050857822295 53.03197202105226893, 6.6221977522545874 53.03016658018425744, 6.62424607595580728 53.02937983313707093, 6.62886147439629081 53.03261900989018329, 6.62923958117733658 53.03443045938509215, 6.626545771483487 53.03511725833962487, 6.626545771483487 53.03511725833962487)))</t>
  </si>
  <si>
    <t>MultiPolygon (((6.62498233702109651 53.05852426102224939, 6.64152945069294898 53.05750494396082217, 6.64177141985351049 53.05790176539588288, 6.6537869304237649 53.05553059961961537, 6.65116012824149028 53.05271434142825626, 6.64789837294286556 53.0509662586846531, 6.64564070848604338 53.05450675118777326, 6.64435011690686927 53.05408276383202804, 6.64535379531091408 53.05284043856490683, 6.64429579329903586 53.05035317826543206, 6.64037264527708171 53.05063585626381695, 6.64042811868923 53.05209846597641388, 6.63901364674254602 53.0530080371855064, 6.63728109463010085 53.05303008257629926, 6.63740255961687264 53.05004345500095297, 6.63420198828816421 53.05009707445541522, 6.63394016452606738 53.04918313210335867, 6.64028631882415699 53.04899214258705342, 6.64467534256798764 53.04955384197610613, 6.64647736469124073 53.04912393303606422, 6.64466761721369537 53.04841648432966394, 6.64232980694293129 53.04593218759397644, 6.6415326942894275 53.04319259404790188, 6.64018305921187135 53.04280961551140194, 6.63388448475821235 53.04422964079333269, 6.6185830079821999 53.04525647175773173, 6.61978824969736479 53.04769244481486368, 6.62498233702109651 53.05852426102224939, 6.62498233702109651 53.05852426102224939)))</t>
  </si>
  <si>
    <t>MultiPolygon (((6.64976769223413289 53.0795678111382685, 6.65398856309049869 53.08009584290007155, 6.65463320866722263 53.07833640850643775, 6.65998241780404232 53.07442090577238503, 6.66215972018773783 53.07502977190984694, 6.66123928933997256 53.07309129788675506, 6.66441974887479383 53.0690548105459996, 6.67159907215036796 53.06501703754432242, 6.66928569607271626 53.06322006169307315, 6.66452598312978584 53.0615899061262084, 6.66419923357310751 53.05992683774884711, 6.66536488001961303 53.05887501224764691, 6.66214179490408487 53.05617832937920753, 6.6537869304237649 53.05553059961961537, 6.64177141985351049 53.05790176539588288, 6.64152945069294898 53.05750494396082217, 6.62498233702109651 53.05852426102224939, 6.62836540703693355 53.06938642405724238, 6.6385955003876278 53.07281793989179874, 6.64273961422639303 53.07376141960126148, 6.64976769223413289 53.0795678111382685, 6.64976769223413289 53.0795678111382685),(6.64084842838182432 53.07074085512714134, 6.63953446796307034 53.07200322907756629, 6.63615674528728849 53.07144987861213536, 6.63826400466408639 53.06851498656613586, 6.64309590735299338 53.06708825881160152, 6.64518509172244976 53.06282841344592782, 6.64205432702712883 53.06057859573592594, 6.64559934512433337 53.05957134241994311, 6.65225165246727901 53.06368688274089607, 6.65258747952953922 53.06656421403209123, 6.64965498497545227 53.06961403728839599, 6.64555719725427352 53.06959672225745805, 6.64084842838182432 53.07074085512714134, 6.64084842838182432 53.07074085512714134)))</t>
  </si>
  <si>
    <t>MultiPolygon (((6.626545771483487 53.03511725833962487, 6.62923958117733658 53.03443045938509215, 6.62886147439629081 53.03261900989018329, 6.62424607595580728 53.02937983313707093, 6.6221977522545874 53.03016658018425744, 6.62430050857822295 53.03197202105226893, 6.62315508007692344 53.03253431461549638, 6.6197711134942363 53.03169412407581973, 6.61772336314807141 53.03213759597369403, 6.61691110447278064 53.03299353354195489, 6.61765855409243375 53.03374861869384915, 6.62615196611888191 53.03599588459010761, 6.626545771483487 53.03511725833962487, 6.626545771483487 53.03511725833962487)))</t>
  </si>
  <si>
    <t>MultiPolygon (((6.64789837294286556 53.0509662586846531, 6.64683404732820016 53.05044401484282446, 6.64647736469124073 53.04912393303606422, 6.64467534256798764 53.04955384197610613, 6.64028631882415699 53.04899214258705342, 6.63394016452606738 53.04918313210335867, 6.63420198828816421 53.05009707445541522, 6.63740255961687264 53.05004345500095297, 6.63728109463010085 53.05303008257629926, 6.63901364674254602 53.0530080371855064, 6.64042811868923 53.05209846597641388, 6.64037264527708171 53.05063585626381695, 6.64429579329903586 53.05035317826543206, 6.64535379531091408 53.05284043856490683, 6.64435011690686927 53.05408276383202804, 6.64564070848604338 53.05450675118777326, 6.64789837294286556 53.0509662586846531, 6.64789837294286556 53.0509662586846531)))</t>
  </si>
  <si>
    <t>MultiPolygon (((6.64084842838182432 53.07074085512714134, 6.64555719725427352 53.06959672225745805, 6.64965498497545227 53.06961403728839599, 6.65258747952953922 53.06656421403209123, 6.65225165246727901 53.06368688274089607, 6.64559934512433337 53.05957134241994311, 6.64205432702712883 53.06057859573592594, 6.64518509172244976 53.06282841344592782, 6.64309590735299338 53.06708825881160152, 6.63826400466408639 53.06851498656613586, 6.63615674528728849 53.07144987861213536, 6.63953446796307034 53.07200322907756629, 6.64084842838182432 53.07074085512714134, 6.64084842838182432 53.07074085512714134)))</t>
  </si>
  <si>
    <t>MultiPolygon (((6.61899851722520172 53.07240195574131292, 6.62023910762501444 53.07336991028331141, 6.62248788227883445 53.07383901041141172, 6.62823437196764154 53.07409242457159593, 6.62836540703693355 53.06938642405724238, 6.62498233702109651 53.05852426102224939, 6.61978824969736479 53.04769244481486368, 6.61561685632337682 53.04685630923137296, 6.61133662066569006 53.04827967432017033, 6.60808738576331223 53.04841823522109223, 6.60517000205321558 53.05644736713698251, 6.60123539379027591 53.06175762042434485, 6.59442790881112906 53.07001943049557724, 6.5928556089032373 53.07825542852420142, 6.5996755531317417 53.07936719229647338, 6.6133795882680193 53.07527114133413448, 6.61899851722520172 53.07240195574131292, 6.61899851722520172 53.07240195574131292)),((6.63793703622847708 53.10507363230251343, 6.63981628094139253 53.10064651261135538, 6.64248207861333828 53.10092246529578119, 6.64351238812689182 53.09937659558559631, 6.64177355250591184 53.09588939357021076, 6.64209266491880435 53.09474359574207369, 6.63962523315661368 53.09288949034485938, 6.64034065785132288 53.09032131163409929, 6.64121517944724538 53.08979091624421187, 6.64256484156636162 53.09047157115487181, 6.64437880176742635 53.08991501114554978, 6.64797484797438898 53.08708340127247993, 6.64884095754116977 53.08585992399231657, 6.64791588466907601 53.08376898157085577, 6.64885507675901355 53.08218859988240723, 6.64976769223413289 53.0795678111382685, 6.64273961422639303 53.07376141960126148, 6.6385955003876278 53.07281793989179874, 6.6297033020299736 53.07542072732916694, 6.63014961910043521 53.07880976714260157, 6.63329580059807178 53.07959823556922885, 6.63333046976739471 53.08075718270539767, 6.62794085110423303 53.07964936307923409, 6.6228234518651945 53.08031084481663697, 6.62478538497535396 53.08177996319614067, 6.62441496139697161 53.08311165055679481, 6.62071815264077035 53.08236291841922849, 6.61887061073863059 53.08014262562677743, 6.6178929954206156 53.08013951597159519, 6.61406053277180472 53.08136343444815708, 6.61751922149641203 53.08306970382383838, 6.61555150795530622 53.08505128865429867, 6.60933456454062629 53.08472847845214915, 6.61005887856845575 53.08124148985086777, 6.60184945217093944 53.08137925292482606, 6.60016070745747818 53.08246250984310421, 6.60012655110312085 53.08504229908638905, 6.59767339364908167 53.08496153133771145, 6.59728868990532913 53.08379432650615826, 6.59272428477725736 53.08319950289599376, 6.59416071443988017 53.08751330178880323, 6.59710233327893203 53.09205059320493802, 6.59923969728532533 53.09508280120029866, 6.60136433704269177 53.095515672226405, 6.60585258940538989 53.09642998073874054, 6.60760978211862149 53.09796848581504491, 6.63556354622840772 53.10515231646188994, 6.63793703622847708 53.10507363230251343, 6.63793703622847708 53.10507363230251343)))</t>
  </si>
  <si>
    <t>MultiPolygon (((6.59276572909359082 53.08146743823938607, 6.59272428477725736 53.08319950289599376, 6.59728868990532913 53.08379432650615826, 6.59767339364908167 53.08496153133771145, 6.60012655110312085 53.08504229908638905, 6.60016070745747818 53.08246250984310421, 6.60184945217093944 53.08137925292482606, 6.61005887856845575 53.08124148985086777, 6.60933456454062629 53.08472847845214915, 6.61555150795530622 53.08505128865429867, 6.61751922149641203 53.08306970382383838, 6.61406053277180472 53.08136343444815708, 6.6178929954206156 53.08013951597159519, 6.61887061073863059 53.08014262562677743, 6.62071815264077035 53.08236291841922849, 6.62441496139697161 53.08311165055679481, 6.62478538497535396 53.08177996319614067, 6.6228234518651945 53.08031084481663697, 6.62794085110423303 53.07964936307923409, 6.63333046976739471 53.08075718270539767, 6.63329580059807178 53.07959823556922885, 6.63014961910043521 53.07880976714260157, 6.6297033020299736 53.07542072732916694, 6.6385955003876278 53.07281793989179874, 6.62836540703693355 53.06938642405724238, 6.62823437196764154 53.07409242457159593, 6.62248788227883445 53.07383901041141172, 6.62023910762501444 53.07336991028331141, 6.61899851722520172 53.07240195574131292, 6.6133795882680193 53.07527114133413448, 6.5996755531317417 53.07936719229647338, 6.5928556089032373 53.07825542852420142, 6.59284055414054038 53.0784605921658823, 6.59276572909359082 53.08146743823938607, 6.59276572909359082 53.08146743823938607)))</t>
  </si>
  <si>
    <t>MultiPolygon (((6.59730224079958205 53.12292948426101447, 6.60119878081936395 53.12326114681031441, 6.60182344262903698 53.11777965329692108, 6.59735134142733859 53.11644152097891691, 6.5965304042957067 53.11646273118911665, 6.59529226012465042 53.11941893798239533, 6.59385592810138554 53.1193867962432833, 6.59038322062971549 53.11708630443747836, 6.58820800747684032 53.11787818242235204, 6.58620460938677521 53.11760225230969468, 6.5867252435644712 53.11471455133614228, 6.58077428019112354 53.11361920493484234, 6.5814530661816697 53.11244641275138179, 6.57740434927040152 53.11126283565534578, 6.57550605465326399 53.11141929216756097, 6.57552019343443828 53.11052160400191724, 6.58546337549655814 53.10936884643528799, 6.59346386583399813 53.11168743582554441, 6.59762515977230635 53.11159434274554769, 6.59897397895157667 53.11085053109405152, 6.60014987506360828 53.1099579261155057, 6.60207377653732586 53.10528103908822573, 6.60152767889045133 53.10369367273487029, 6.59213743555528708 53.09533421673329912, 6.59031309890186545 53.09647366003094504, 6.58430584342723613 53.09632829464081993, 6.57722388580220674 53.09407243744177407, 6.5738380963917491 53.09740193021181653, 6.56987492052977018 53.09660986418656847, 6.56031530726019518 53.11052489845163649, 6.562549216480698 53.11277213728060786, 6.56625764935213763 53.11453134315478763, 6.56440110448895009 53.11606891482564663, 6.59730224079958205 53.12292948426101447, 6.59730224079958205 53.12292948426101447)))</t>
  </si>
  <si>
    <t>MultiPolygon (((6.60588432879620147 53.12482219617785262, 6.61479997099673334 53.12881507482646271, 6.61897835038407667 53.12988007879546615, 6.62132024826516563 53.12830909942442759, 6.62176333346751989 53.12635071043676049, 6.62283421946097395 53.12537297561637217, 6.62733559120654192 53.12283322258437579, 6.62864844804956821 53.11949305046784531, 6.63057568985208867 53.11938529718075586, 6.62793774442194117 53.11717911317025909, 6.62817952148274703 53.11599141475733177, 6.62966061985389121 53.11473868029905532, 6.63352776898901642 53.11438137898527856, 6.63659724380269012 53.11284287284797756, 6.63708635884533749 53.10830088905207447, 6.63567097713917331 53.10784807671399932, 6.63483625781678832 53.10620207653089864, 6.63556354622840772 53.10515231646188994, 6.60760978211862149 53.09796848581504491, 6.60585258940538989 53.09642998073874054, 6.60136433704269177 53.095515672226405, 6.60659092775228451 53.10501214738137321, 6.60588432879620147 53.12482219617785262)))</t>
  </si>
  <si>
    <t>MultiPolygon (((6.6056054473736987 53.12468349198059769, 6.60588432879620147 53.12482219617785262, 6.60659092775228451 53.10501214738137321, 6.60136433704269177 53.095515672226405, 6.59923969728532533 53.09508280120029866, 6.59710233327893203 53.09205059320493802, 6.59213743555528708 53.09533421673329912, 6.60152767889045133 53.10369367273487029, 6.60207377653732586 53.10528103908822573, 6.60014987506360828 53.1099579261155057, 6.59897397895157667 53.11085053109405152, 6.59896932254860857 53.11126846191665862, 6.59735134142733859 53.11644152097891691, 6.60182344262903698 53.11777965329692108, 6.60119878081936395 53.12326114681031441, 6.6056054473736987 53.12468349198059769, 6.6056054473736987 53.12468349198059769)))</t>
  </si>
  <si>
    <t>MultiPolygon (((6.59735134142733859 53.11644152097891691, 6.59896932254860857 53.11126846191665862, 6.59897397895157667 53.11085053109405152, 6.59762515977230635 53.11159434274554769, 6.59346386583399813 53.11168743582554441, 6.58546337549655814 53.10936884643528799, 6.57552019343443828 53.11052160400191724, 6.57550605465326399 53.11141929216756097, 6.57740434927040152 53.11126283565534578, 6.5814530661816697 53.11244641275138179, 6.58077428019112354 53.11361920493484234, 6.5867252435644712 53.11471455133614228, 6.58620460938677521 53.11760225230969468, 6.58820800747684032 53.11787818242235204, 6.59038322062971549 53.11708630443747836, 6.59385592810138554 53.1193867962432833, 6.59529226012465042 53.11941893798239533, 6.5965304042957067 53.11646273118911665, 6.59735134142733859 53.11644152097891691, 6.59735134142733859 53.11644152097891691)))</t>
  </si>
  <si>
    <t>MultiPolygon (((6.53251081982306747 53.12402400932136715, 6.54071816525547511 53.1250523042460614, 6.54490224324439218 53.11896112846067552, 6.54789543568119559 53.1169410582388295, 6.54791800062514362 53.11420945670194271, 6.54892238451300912 53.11295281962464543, 6.5461522252851756 53.11201527367462916, 6.54998698738599217 53.1102105413961354, 6.54958598571574679 53.10851763545046111, 6.55304906433312695 53.10406533170302623, 6.54773889612837312 53.10216286333982083, 6.54740627545830112 53.10329110811174758, 6.54195908380017954 53.101329052649902, 6.53622183161541592 53.10097478194781218, 6.51521138404073241 53.09279502505003734, 6.51964826087862015 53.0878284390283568, 6.51183857869885774 53.08512235649033073, 6.50400984689785666 53.0833815222569072, 6.49083395418194087 53.09679937555911522, 6.48487030616690241 53.10610117802514196, 6.48430013110913706 53.11164457758602708, 6.48132677060939422 53.11846307414562318, 6.48029955458853646 53.12078670118247459, 6.49842533301501479 53.12335938385350431, 6.50089404851224373 53.12057681645152485, 6.50497867002092711 53.12234337593899625, 6.51307362208765106 53.11561088849030199, 6.52609638675281278 53.12068822214547481, 6.5293871667898431 53.12204195336975232, 6.53054737422049847 53.12326823044894297, 6.53222627514627519 53.12190307850034543, 6.53221510741193345 53.11978346650035832, 6.52776903161578659 53.11833859541010128, 6.5196318117200347 53.11299068661843847, 6.52439200425431931 53.10787262834264055, 6.52701754157357428 53.10839641848591697, 6.52520105683647333 53.1122414398322249, 6.5275425063823187 53.11444673350271728, 6.52897495797639227 53.11484534869310181, 6.52975998704186456 53.11368308017615902, 6.53252742381859441 53.1141913561568586, 6.53230165588463318 53.11547804252717953, 6.53957977961501946 53.11501788646973665, 6.54093327051350393 53.11620682179068353, 6.53618224517268498 53.11824976856160418, 6.53251081982306747 53.12402400932136715, 6.53251081982306747 53.12402400932136715)))</t>
  </si>
  <si>
    <t>MultiPolygon (((6.52609638675281278 53.12068822214547481, 6.51307362208765106 53.11561088849030199, 6.50497867002092711 53.12234337593899625, 6.51250176463350172 53.1256044627906121, 6.51092997484126546 53.1306930529899617, 6.51507844046709472 53.13118482859389502, 6.51789470513509617 53.12982776894557446, 6.5167351232907178 53.12798241648957287, 6.52292643705924569 53.12729819333146963, 6.52609638675281278 53.12068822214547481, 6.52609638675281278 53.12068822214547481)),((6.53912060204421763 53.13255646771825269, 6.53830789974580728 53.13045565855889407, 6.54071816525547511 53.1250523042460614, 6.53251081982306747 53.12402400932136715, 6.52937017133493747 53.12417868250500419, 6.52937182853041431 53.12979641594471758, 6.5214109713816022 53.13099368030569991, 6.52032838195136399 53.13016255522836673, 6.51774654715961255 53.13142927616348032, 6.53376785012076322 53.13269629678519834, 6.53912060204421763 53.13255646771825269, 6.53912060204421763 53.13255646771825269)))</t>
  </si>
  <si>
    <t>MultiPolygon (((6.51507844046709472 53.13118482859389502, 6.51774654715961255 53.13142927616348032, 6.52032838195136399 53.13016255522836673, 6.5214109713816022 53.13099368030569991, 6.52937182853041431 53.12979641594471758, 6.52937017133493747 53.12417868250500419, 6.53251081982306747 53.12402400932136715, 6.53099660002799531 53.12365317494274564, 6.53054737422049847 53.12326823044894297, 6.5293871667898431 53.12204195336975232, 6.52609638675281278 53.12068822214547481, 6.52292643705924569 53.12729819333146963, 6.5167351232907178 53.12798241648957287, 6.51789470513509617 53.12982776894557446, 6.51507844046709472 53.13118482859389502, 6.51507844046709472 53.13118482859389502)))</t>
  </si>
  <si>
    <t>MultiPolygon (((6.53054737422049847 53.12326823044894297, 6.53099660002799531 53.12365317494274564, 6.53251081982306747 53.12402400932136715, 6.53618224517268498 53.11824976856160418, 6.54093327051350393 53.11620682179068353, 6.53957977961501946 53.11501788646973665, 6.53230165588463318 53.11547804252717953, 6.53252742381859441 53.1141913561568586, 6.52975998704186456 53.11368308017615902, 6.52897495797639227 53.11484534869310181, 6.5275425063823187 53.11444673350271728, 6.52520105683647333 53.1122414398322249, 6.52701754157357428 53.10839641848591697, 6.52439200425431931 53.10787262834264055, 6.5196318117200347 53.11299068661843847, 6.52776903161578659 53.11833859541010128, 6.53221510741193345 53.11978346650035832, 6.53222627514627519 53.12190307850034543, 6.53054737422049847 53.12326823044894297, 6.53054737422049847 53.12326823044894297)))</t>
  </si>
  <si>
    <t>MultiPolygon (((6.54892238451300912 53.11295281962464543, 6.56440110448895009 53.11606891482564663, 6.56625764935213763 53.11453134315478763, 6.562549216480698 53.11277213728060786, 6.56031530726019518 53.11052489845163649, 6.56987492052977018 53.09660986418656847, 6.57074501097565289 53.09534256122756801, 6.56038490438497401 53.09173804384434447, 6.56491550300980986 53.08837296160381669, 6.55255868843127498 53.0839791542056858, 6.54951856037187063 53.08387559199312733, 6.54391577613476105 53.08130741148172405, 6.52061783038660092 53.07425493780912262, 6.5217164054555985 53.07283361254072673, 6.5172667020228614 53.07266283047753319, 6.51208902580410776 53.07383719285686396, 6.50400984689785666 53.0833815222569072, 6.51183857869885774 53.08512235649033073, 6.51964826087862015 53.0878284390283568, 6.51521138404073241 53.09279502505003734, 6.53622183161541592 53.10097478194781218, 6.54195908380017954 53.101329052649902, 6.54740627545830112 53.10329110811174758, 6.54773889612837312 53.10216286333982083, 6.55304906433312695 53.10406533170302623, 6.54958598571574679 53.10851763545046111, 6.54998698738599217 53.1102105413961354, 6.5461522252851756 53.11201527367462916, 6.54892238451300912 53.11295281962464543, 6.54892238451300912 53.11295281962464543),(6.54429809059251966 53.09833356326620191, 6.54315359649269812 53.09964768809193458, 6.53770168067521862 53.09816009573079754, 6.54019772620247419 53.09455601101618782, 6.53820890444801517 53.09403818934048758, 6.53914999130766628 53.09282042704020199, 6.54070873239661132 53.09299975854824538, 6.54206192154864485 53.09088944059101323, 6.54890050627730069 53.0933446231922801, 6.55019522747491401 53.09202617204308439, 6.55508494081786086 53.09415729955901497, 6.55696454201873546 53.09333295452123735, 6.55837530080565667 53.09398923757770916, 6.55216289538316854 53.09720137059925094, 6.55150708794531678 53.09830356547762875, 6.54699016948436441 53.09912474877593525, 6.54429809059251966 53.09833356326620191, 6.54429809059251966 53.09833356326620191)))</t>
  </si>
  <si>
    <t>MultiPolygon (((6.54429809059251966 53.09833356326620191, 6.54699016948436441 53.09912474877593525, 6.55150708794531678 53.09830356547762875, 6.55216289538316854 53.09720137059925094, 6.55837530080565667 53.09398923757770916, 6.55696454201873546 53.09333295452123735, 6.55508494081786086 53.09415729955901497, 6.55019522747491401 53.09202617204308439, 6.54890050627730069 53.0933446231922801, 6.54206192154864485 53.09088944059101323, 6.54070873239661132 53.09299975854824538, 6.53914999130766628 53.09282042704020199, 6.53820890444801517 53.09403818934048758, 6.54019772620247419 53.09455601101618782, 6.53770168067521862 53.09816009573079754, 6.54315359649269812 53.09964768809193458, 6.54429809059251966 53.09833356326620191, 6.54429809059251966 53.09833356326620191)))</t>
  </si>
  <si>
    <t>MultiPolygon (((6.56987492052977018 53.09660986418656847, 6.5738380963917491 53.09740193021181653, 6.57722388580220674 53.09407243744177407, 6.58430584342723613 53.09632829464081993, 6.59031309890186545 53.09647366003094504, 6.59213743555528708 53.09533421673329912, 6.59710233327893203 53.09205059320493802, 6.59416071443988017 53.08751330178880323, 6.59272428477725736 53.08319950289599376, 6.59276572909359082 53.08146743823938607, 6.58964567214003338 53.08122078696774793, 6.58969469175155709 53.0804564151724847, 6.5833711773706618 53.08126960423094687, 6.58480822082502026 53.08369796192201306, 6.58147957080065904 53.08439230567380918, 6.5803302872029521 53.08271256229301116, 6.57614164534294332 53.08345239515608682, 6.57641800825699541 53.08569129192721192, 6.57417014757960327 53.08597028379975313, 6.57243400954222601 53.0833391916382169, 6.5676515687505459 53.0852422119520142, 6.56508242910337447 53.08374706650808861, 6.56376404348723241 53.08042481244100941, 6.56438750446046715 53.07832307765366409, 6.56797181446828215 53.07858265590034819, 6.56951059408669202 53.07020075257315739, 6.57267978710918399 53.07064121379770683, 6.56702424305975807 53.06271286684405908, 6.57283065193587834 53.06113895277159287, 6.58026137343201345 53.06108925728094761, 6.5885037271485416 53.06525365833841335, 6.59061709898872916 53.06662370504172799, 6.58873890810748009 53.07332373284219784, 6.58947807427428778 53.0777041310540838, 6.5928556089032373 53.07825542852420142, 6.59442790881112906 53.07001943049557724, 6.60123539379027591 53.06175762042434485, 6.60017742365563098 53.0607662681732748, 6.58807725090164276 53.0579992898495334, 6.58681148773801084 53.05953792919276424, 6.57580412896450017 53.05918760885822394, 6.57520154813989333 53.05506773818015631, 6.57505747867480128 53.05463942992938087, 6.57122326153647851 53.05486118426674835, 6.56993666205832128 53.05712175418687337, 6.56972048677289155 53.05986178259430375, 6.56587820976100378 53.06067291254692009, 6.5570395390226377 53.06659208269547889, 6.55827758456698184 53.06680632968965483, 6.55805769299021701 53.06844688829478685, 6.55671797861983752 53.06978273218297915, 6.54667703655867061 53.06924966149430389, 6.54885163562887396 53.07289855398585132, 6.55118317960377627 53.07342971448796476, 6.55477719146507631 53.07744943479708866, 6.55293324443473768 53.08252976319160865, 6.54951856037187063 53.08387559199312733, 6.55255868843127498 53.0839791542056858, 6.56491550300980986 53.08837296160381669, 6.56038490438497401 53.09173804384434447, 6.57074501097565289 53.09534256122756801, 6.56987492052977018 53.09660986418656847, 6.56987492052977018 53.09660986418656847)))</t>
  </si>
  <si>
    <t>MultiPolygon (((6.5928556089032373 53.07825542852420142, 6.58947807427428778 53.0777041310540838, 6.58873890810748009 53.07332373284219784, 6.59061709898872916 53.06662370504172799, 6.5885037271485416 53.06525365833841335, 6.58026137343201345 53.06108925728094761, 6.57283065193587834 53.06113895277159287, 6.56702424305975807 53.06271286684405908, 6.57267978710918399 53.07064121379770683, 6.56951059408669202 53.07020075257315739, 6.56797181446828215 53.07858265590034819, 6.56438750446046715 53.07832307765366409, 6.56376404348723241 53.08042481244100941, 6.56508242910337447 53.08374706650808861, 6.5676515687505459 53.0852422119520142, 6.57243400954222601 53.0833391916382169, 6.57417014757960327 53.08597028379975313, 6.57641800825699541 53.08569129192721192, 6.57614164534294332 53.08345239515608682, 6.5803302872029521 53.08271256229301116, 6.58147957080065904 53.08439230567380918, 6.58480822082502026 53.08369796192201306, 6.5833711773706618 53.08126960423094687, 6.58969469175155709 53.0804564151724847, 6.58964567214003338 53.08122078696774793, 6.59276572909359082 53.08146743823938607, 6.59284055414054038 53.0784605921658823, 6.5928556089032373 53.07825542852420142, 6.5928556089032373 53.07825542852420142)))</t>
  </si>
  <si>
    <t>MultiPolygon (((6.51338598903973143 53.19693701780399664, 6.51571519822887524 53.19830814966962862, 6.53049197944457305 53.19555927330362266, 6.52952892734361878 53.19519492026118002, 6.53039883036998781 53.19285651245797197, 6.53428185959988461 53.18408513527354131, 6.53803252650543243 53.18231163341346956, 6.54064781974546783 53.18015834642305606, 6.53971462133004078 53.17992424803414764, 6.54067022781263674 53.1781750545461378, 6.54894978117048776 53.16820716708771499, 6.55206741057309117 53.16741924013364695, 6.55572239394667911 53.16769820033432836, 6.55081137470950736 53.17215328785601969, 6.54967233934327986 53.17189923515984162, 6.54860007285740142 53.17279198863639067, 6.54585612113512116 53.17672204273027603, 6.54575703831214817 53.17921955634673026, 6.54857215428099959 53.18066992109094571, 6.55931943334830425 53.16934097786555924, 6.56058735632246126 53.16612699277084886, 6.55424157986807021 53.16546711588492258, 6.55424945819466309 53.1639303435654611, 6.5408057913377764 53.16165488717876286, 6.541882928331062 53.16004660144303529, 6.53779008151736996 53.15831391768754344, 6.53412606643551541 53.16093317066545154, 6.536216917982828 53.16284059266693873, 6.53572711182489385 53.16737728715860101, 6.52138358111136363 53.18576233502130179, 6.51839364852807268 53.18734527902167031, 6.517114294056916 53.18885036857298587, 6.51397510527486467 53.19402806987850596, 6.51338598903973143 53.19693701780399664)))</t>
  </si>
  <si>
    <t>MultiPolygon (((6.54818830399555374 53.18109763702781834, 6.54837759422946686 53.18088572739804931, 6.54857215428099959 53.18066992109094571, 6.54575703831214817 53.17921955634673026, 6.54585612113512116 53.17672204273027603, 6.54860007285740142 53.17279198863639067, 6.54967233934327986 53.17189923515984162, 6.55081137470950736 53.17215328785601969, 6.55572239394667911 53.16769820033432836, 6.55206741057309117 53.16741924013364695, 6.54894978117048776 53.16820716708771499, 6.54067022781263674 53.1781750545461378, 6.53971462133004078 53.17992424803414764, 6.54064781974546783 53.18015834642305606, 6.5414959472733889 53.17906815511074825, 6.54348855922950534 53.17901598560971621, 6.54625370987049138 53.180278600575555, 6.54818830399555374 53.18109763702781834, 6.54818830399555374 53.18109763702781834)))</t>
  </si>
  <si>
    <t>MultiPolygon (((6.55031171446753113 53.13300987967770794, 6.55262686030128982 53.13380853460132158, 6.55847426143027423 53.13448673510746545, 6.56305482063615919 53.12954977209529517, 6.56924637741657325 53.1178224670518091, 6.5754481604911188 53.12075255316904787, 6.57674798956583206 53.12626365213005641, 6.573424453815635 53.12929028748131799, 6.5728045244415183 53.12896223238198701, 6.57063669672216744 53.1307248288474554, 6.58194011076424079 53.1338074061764587, 6.58228633794830476 53.13000484145561586, 6.58891079242305455 53.12706621288536013, 6.59226147155500275 53.12828507610181816, 6.59730224079958205 53.12292948426101447, 6.56440110448895009 53.11606891482564663, 6.54892238451300912 53.11295281962464543, 6.54791800062514362 53.11420945670194271, 6.54789543568119559 53.1169410582388295, 6.54490224324439218 53.11896112846067552, 6.54071816525547511 53.1250523042460614, 6.53830789974580728 53.13045565855889407, 6.53912060204421763 53.13255646771825269, 6.54008397195058588 53.13877028399019764, 6.54567563088704762 53.13963186032517427, 6.55031171446753113 53.13300987967770794)),((6.59608205523971147 53.14422931894858237, 6.60013026366936018 53.14460188317697487, 6.60652101580659856 53.13931385905044635, 6.60818032200694638 53.13889458298264401, 6.60918154793156098 53.13840361813458912, 6.61062345209271829 53.13794370654247956, 6.61440044310587627 53.13555695740313922, 6.61364127523073542 53.13269428726556498, 6.61665170199258412 53.13293834731749143, 6.61708108491583236 53.13216301543537412, 6.61897687297799653 53.13158085523644303, 6.61897835038407667 53.12988007879546615, 6.61479997099673334 53.12881507482646271, 6.60588432879620147 53.12482219617785262, 6.6056054473736987 53.12468349198059769, 6.60762439032357296 53.13276670740638252, 6.60607920957588135 53.13706571735183815, 6.60132392741696084 53.13599683774928906, 6.59917359973987683 53.13770529327044301, 6.58885232841762569 53.13390846791350697, 6.58293037383625279 53.13520618647061866, 6.58190082512088281 53.1343896830087985, 6.58073340221687353 53.1379077955321435, 6.58140234582645078 53.14070215530324504, 6.5790664670774559 53.14434421380990159, 6.57910996258655079 53.14581477880437888, 6.58053327890067585 53.14680992441770968, 6.58738643800682588 53.14868323617962886, 6.58805216690389006 53.14538500538575505, 6.59582358992020445 53.14544935593472985, 6.59608205523971147 53.14422931894858237)))</t>
  </si>
  <si>
    <t>MultiPolygon (((6.58194011076424079 53.1338074061764587, 6.58190082512088281 53.1343896830087985, 6.58293037383625279 53.13520618647061866, 6.58885232841762569 53.13390846791350697, 6.59917359973987683 53.13770529327044301, 6.60132392741696084 53.13599683774928906, 6.60607920957588135 53.13706571735183815, 6.60762439032357296 53.13276670740638252, 6.6056054473736987 53.12468349198059769, 6.60119878081936395 53.12326114681031441, 6.59730224079958205 53.12292948426101447, 6.59226147155500275 53.12828507610181816, 6.58891079242305455 53.12706621288536013, 6.58228633794830476 53.13000484145561586, 6.58194011076424079 53.1338074061764587, 6.58194011076424079 53.1338074061764587)))</t>
  </si>
  <si>
    <t>MultiPolygon (((6.55322207081705344 53.14430130634484328, 6.55522387880202473 53.14424333278967083, 6.55640108046745596 53.1414935094685319, 6.5581707018566231 53.14124984913395622, 6.57004410221185875 53.14141522646122695, 6.57403613853434265 53.14420204815063897, 6.5790664670774559 53.14434421380990159, 6.58140234582645078 53.14070215530324504, 6.58073340221687353 53.1379077955321435, 6.58190082512088281 53.1343896830087985, 6.58194011076424079 53.1338074061764587, 6.57063669672216744 53.1307248288474554, 6.5728045244415183 53.12896223238198701, 6.573424453815635 53.12929028748131799, 6.57674798956583206 53.12626365213005641, 6.5754481604911188 53.12075255316904787, 6.56924637741657325 53.1178224670518091, 6.56305482063615919 53.12954977209529517, 6.55847426143027423 53.13448673510746545, 6.55262686030128982 53.13380853460132158, 6.55031171446753113 53.13300987967770794, 6.54567563088704762 53.13963186032517427, 6.54568651661370193 53.14316572911864966, 6.55322207081705344 53.14430130634484328, 6.55322207081705344 53.14430130634484328)))</t>
  </si>
  <si>
    <t>MultiPolygon (((6.54008397195058588 53.13877028399019764, 6.53681536047820977 53.1422094081334393, 6.53832441698202693 53.14552262047399722, 6.53712648384285178 53.14904993978056069, 6.5339247767864217 53.15184137179173973, 6.53779008151736996 53.15831391768754344, 6.541882928331062 53.16004660144303529, 6.54486823556396136 53.15611765170783087, 6.54798524205446864 53.1559375427239047, 6.55619706864442531 53.14878418525094617, 6.55381374361725388 53.14864284067081002, 6.55473816590256231 53.14456965714762049, 6.55322207081705344 53.14430130634484328, 6.54568651661370193 53.14316572911864966, 6.54567563088704762 53.13963186032517427, 6.54008397195058588 53.13877028399019764)),((6.58097216290980658 53.16217451663867166, 6.58345266483764213 53.15863541473077447, 6.58708933069317837 53.15622595793336558, 6.58464254982511044 53.15430518672305027, 6.58738643800682588 53.14868323617962886, 6.58053327890067585 53.14680992441770968, 6.57910996258655079 53.14581477880437888, 6.57856329636418025 53.14648803247597897, 6.57644578007495806 53.14622710875782019, 6.57324017406710226 53.14739849016072526, 6.57277479381731133 53.1493475709814831, 6.57558076690933202 53.15049421772035032, 6.57418515369580359 53.15270077690341566, 6.57240656774351084 53.15282565504662671, 6.56474233872785096 53.15798966352512167, 6.58149695763823228 53.16353068975768537, 6.58097216290980658 53.16217451663867166)))</t>
  </si>
  <si>
    <t>MultiPolygon (((6.56058735632246126 53.16612699277084886, 6.56368746175537243 53.15763837451387275, 6.56474233872785096 53.15798966352512167, 6.57240656774351084 53.15282565504662671, 6.57418515369580359 53.15270077690341566, 6.57558076690933202 53.15049421772035032, 6.57277479381731133 53.1493475709814831, 6.57324017406710226 53.14739849016072526, 6.57644578007495806 53.14622710875782019, 6.57856329636418025 53.14648803247597897, 6.57910996258655079 53.14581477880437888, 6.5790664670774559 53.14434421380990159, 6.57403613853434265 53.14420204815063897, 6.57004410221185875 53.14141522646122695, 6.5581707018566231 53.14124984913395622, 6.55640108046745596 53.1414935094685319, 6.55522387880202473 53.14424333278967083, 6.55322207081705344 53.14430130634484328, 6.55473816590256231 53.14456965714762049, 6.55381374361725388 53.14864284067081002, 6.55619706864442531 53.14878418525094617, 6.54798524205446864 53.1559375427239047, 6.54486823556396136 53.15611765170783087, 6.541882928331062 53.16004660144303529, 6.5408057913377764 53.16165488717876286, 6.55424945819466309 53.1639303435654611, 6.55424157986807021 53.16546711588492258, 6.56058735632246126 53.16612699277084886)))</t>
  </si>
  <si>
    <t>MultiPolygon (((6.69794385553738802 53.07560399465958056, 6.69744198788916201 53.07054081992659178, 6.70035429259521909 53.07156880925019493, 6.70524494165978346 53.06765898505393153, 6.69901466978939997 53.06517356573488087, 6.6937346605023631 53.06924008801553327, 6.68749322105687405 53.07222731920285241, 6.69666638270247905 53.07664249351923047, 6.69794385553738802 53.07560399465958056, 6.69794385553738802 53.07560399465958056)),((6.74936815592803629 53.08363558781079661, 6.75020053550576904 53.08178728887765629, 6.74821100618051783 53.0812327892480269, 6.7325610756731189 53.07515420536214634, 6.72717366292981822 53.07322117286987861, 6.72613850357082566 53.07366591447388515, 6.71548730505563363 53.06943174896490234, 6.71368719195854613 53.06869691802190658, 6.71143297454264687 53.07011301918629442, 6.70629916735050013 53.06808043248091167, 6.70075074607546917 53.07318268368234726, 6.70554518215523387 53.07391858447084587, 6.69886771866899355 53.08430226610863656, 6.71047924919515637 53.08338362938922472, 6.72097725904546106 53.08598064622884038, 6.72079131811751473 53.08707183016667841, 6.73326043853749212 53.09209813902287323, 6.73720257935986222 53.08852915916594384, 6.74320027490652407 53.08732171152912116, 6.74510821686695738 53.08469005570362498, 6.74787656121275514 53.08352851976346187, 6.74936815592803629 53.08363558781079661, 6.74936815592803629 53.08363558781079661)))</t>
  </si>
  <si>
    <t>MultiPolygon (((6.69794385553738802 53.07560399465958056, 6.70075074607546917 53.07318268368234726, 6.70629916735050013 53.06808043248091167, 6.70524494165978346 53.06765898505393153, 6.70035429259521909 53.07156880925019493, 6.69744198788916201 53.07054081992659178, 6.69794385553738802 53.07560399465958056, 6.69794385553738802 53.07560399465958056)))</t>
  </si>
  <si>
    <t>MultiPolygon (((6.64209266491880435 53.09474359574207369, 6.64232850193889224 53.09309035013288991, 6.65683805595475775 53.08635447719538547, 6.65777420166648959 53.08403025909359485, 6.64885507675901355 53.08218859988240723, 6.64791588466907601 53.08376898157085577, 6.64884095754116977 53.08585992399231657, 6.64797484797438898 53.08708340127247993, 6.64437880176742635 53.08991501114554978, 6.64256484156636162 53.09047157115487181, 6.64121517944724538 53.08979091624421187, 6.64034065785132288 53.09032131163409929, 6.63962523315661368 53.09288949034485938, 6.64209266491880435 53.09474359574207369, 6.64209266491880435 53.09474359574207369)))</t>
  </si>
  <si>
    <t>MultiPolygon (((6.66523140040881668 53.08899607210477001, 6.66321304506981349 53.09076948413316899, 6.66597996073061783 53.09175323717593642, 6.66783426084987951 53.09186035873306508, 6.67239102031992903 53.0905702173546743, 6.67830840111645507 53.08790483883902311, 6.68349751925930935 53.08176853532287254, 6.68173917513019067 53.07876682150018866, 6.67852056883535639 53.07682457535066334, 6.67042637045346254 53.08010540867194749, 6.67066562770834537 53.08422093022143429, 6.66523140040881668 53.08899607210477001, 6.66523140040881668 53.08899607210477001)))</t>
  </si>
  <si>
    <t>MultiPolygon (((6.64177355250591184 53.09588939357021076, 6.64775950022931017 53.09718972243130253, 6.6507136001852869 53.09830272726163969, 6.6492210122884412 53.09867232532262449, 6.65522863564210532 53.10070111409393689, 6.66010535028982353 53.10120712405364429, 6.66307708095661866 53.10051159435045776, 6.66316871461669979 53.09931199352292452, 6.6651164048127578 53.09776345450972457, 6.66822122773216552 53.09697987477886727, 6.66727308295006971 53.09535664742767835, 6.66410505334428649 53.09530509622641148, 6.66425227723398272 53.09305511788996057, 6.66597996073061783 53.09175323717593642, 6.66321304506981349 53.09076948413316899, 6.66523140040881668 53.08899607210477001, 6.65683805595475775 53.08635447719538547, 6.64232850193889224 53.09309035013288991, 6.64209266491880435 53.09474359574207369, 6.64177355250591184 53.09588939357021076, 6.64177355250591184 53.09588939357021076)))</t>
  </si>
  <si>
    <t>MultiPolygon (((6.65683805595475775 53.08635447719538547, 6.66523140040881668 53.08899607210477001, 6.67066562770834537 53.08422093022143429, 6.67042637045346254 53.08010540867194749, 6.66918750117349735 53.08034514666617554, 6.66183613095912719 53.08198529869061133, 6.65777420166648959 53.08403025909359485, 6.65683805595475775 53.08635447719538547, 6.65683805595475775 53.08635447719538547)))</t>
  </si>
  <si>
    <t>MultiPolygon (((6.67877187783528115 53.11810818734132056, 6.69461735181294504 53.12105783039302054, 6.69711764249789265 53.11241121000387722, 6.70254221349093449 53.10955234010926773, 6.70449310329222747 53.1077481194606591, 6.7040835521526283 53.1059642269884904, 6.70218377853817326 53.10635075670462868, 6.69833755683020726 53.10597671939455466, 6.69329659318352732 53.10311835679961234, 6.68926848057760104 53.10224555579016936, 6.68770668589395179 53.10195963362793492, 6.68666947733352846 53.10302888894543116, 6.68477834110749214 53.1024598052415655, 6.68326006088618385 53.10130588409144536, 6.68430088366377184 53.09926245054913352, 6.67162008952646612 53.09659747121513362, 6.66822122773216552 53.09697987477886727, 6.6651164048127578 53.09776345450972457, 6.66316871461669979 53.09931199352292452, 6.66307708095661866 53.10051159435045776, 6.66010535028982353 53.10120712405364429, 6.65522863564210532 53.10070111409393689, 6.6492210122884412 53.09867232532262449, 6.6507136001852869 53.09830272726163969, 6.64775950022931017 53.09718972243130253, 6.64177355250591184 53.09588939357021076, 6.64351238812689182 53.09937659558559631, 6.64248207861333828 53.10092246529578119, 6.63981628094139253 53.10064651261135538, 6.63793703622847708 53.10507363230251343, 6.63556354622840772 53.10515231646188994, 6.63483625781678832 53.10620207653089864, 6.64350211860248496 53.10866233998354602, 6.65190936211650996 53.11115954411184958, 6.65364824214937212 53.11162476149016953, 6.6706024808119162 53.11651630792878365, 6.67877187783528115 53.11810818734132056),(6.67779814306884312 53.11210756408739542, 6.67812012186087589 53.11393966000593991, 6.66585287410548588 53.11120219317082558, 6.66318182500071376 53.11346334664003876, 6.65997280908796796 53.11231459597218674, 6.66233537527366337 53.10778874260928006, 6.66390463755650142 53.10721877228274224, 6.66716263415801613 53.10846294007509272, 6.66663711823245464 53.10912684232141601, 6.67399006266753236 53.11086566107886853, 6.67705281100926573 53.10718180029596169, 6.68347647702148695 53.10690069354114939, 6.68538929845290664 53.10874475323473831, 6.67993574067185936 53.1105634842924772, 6.67779814306884312 53.11210756408739542)))</t>
  </si>
  <si>
    <t>MultiPolygon (((6.67779814306884312 53.11210756408739542, 6.67993574067185936 53.1105634842924772, 6.68538929845290664 53.10874475323473831, 6.68347647702148695 53.10690069354114939, 6.67705281100926573 53.10718180029596169, 6.67399006266753236 53.11086566107886853, 6.66663711823245464 53.10912684232141601, 6.66716263415801613 53.10846294007509272, 6.66390463755650142 53.10721877228274224, 6.66233537527366337 53.10778874260928006, 6.65997280908796796 53.11231459597218674, 6.66318182500071376 53.11346334664003876, 6.66585287410548588 53.11120219317082558, 6.67812012186087589 53.11393966000593991, 6.67779814306884312 53.11210756408739542, 6.67779814306884312 53.11210756408739542)))</t>
  </si>
  <si>
    <t>MultiPolygon (((6.71859091267097153 53.10604422910041933, 6.74038774976595967 53.11201386247391554, 6.73939523832364262 53.11386290524153964, 6.7447299444156803 53.11524799408682895, 6.77650937569126999 53.09476066349912315, 6.76528532689173723 53.09149586588121394, 6.763279535529227 53.09091479416917281, 6.75691384433161879 53.09891167592972749, 6.75212754799685388 53.10229601722862469, 6.74818989139172221 53.10996461305334293, 6.74543785135337348 53.10825743533484911, 6.74805991370474612 53.10168008061955192, 6.75143062058977339 53.09955842543692484, 6.75464903010157158 53.09294826434211956, 6.75785884197639852 53.08940269814541324, 6.74811406645882172 53.08691687787332825, 6.74510821686695738 53.08469005570362498, 6.74320027490652407 53.08732171152912116, 6.73720257935986222 53.08852915916594384, 6.73326043853749212 53.09209813902287323, 6.73493605370021076 53.09638912120640697, 6.72585796148998138 53.10441072296340081, 6.72105666255382328 53.10507540893848244, 6.71859091267097153 53.10604422910041933, 6.71859091267097153 53.10604422910041933)))</t>
  </si>
  <si>
    <t>MultiPolygon (((6.76195183665100341 53.09054417131179093, 6.75785884197639852 53.08940269814541324, 6.75464903010157158 53.09294826434211956, 6.75143062058977339 53.09955842543692484, 6.74805991370474612 53.10168008061955192, 6.74543785135337348 53.10825743533484911, 6.74818989139172221 53.10996461305334293, 6.75212754799685388 53.10229601722862469, 6.75691384433161879 53.09891167592972749, 6.763279535529227 53.09091479416917281, 6.76195183665100341 53.09054417131179093, 6.76195183665100341 53.09054417131179093)))</t>
  </si>
  <si>
    <t>MultiPolygon (((6.74239657192890984 53.11637068980398624, 6.74325377010258542 53.11656829974175054, 6.7447299444156803 53.11524799408682895, 6.73939523832364262 53.11386290524153964, 6.74038774976595967 53.11201386247391554, 6.71859091267097153 53.10604422910041933, 6.70976312470413738 53.10377342221920571, 6.70836022144193755 53.10394449344897083, 6.70748848546340071 53.10596717985682602, 6.71744814497268994 53.11376996388824523, 6.72229465703031615 53.11526853273062443, 6.72342605459390352 53.11630401619414954, 6.72325650172566114 53.12005241176109394, 6.73745095633863489 53.11946172896921325, 6.74239657192890984 53.11637068980398624, 6.74239657192890984 53.11637068980398624)),((6.71872470100848673 53.12024789576108219, 6.71724805227432586 53.11698557099020945, 6.70939011119656037 53.1118663368975561, 6.70449310329222747 53.1077481194606591, 6.70254221349093449 53.10955234010926773, 6.69711764249789265 53.11241121000387722, 6.69461735181294504 53.12105783039302054, 6.69536692827613589 53.12117601511283738, 6.71872470100848673 53.12024789576108219, 6.71872470100848673 53.12024789576108219)))</t>
  </si>
  <si>
    <t>MultiPolygon (((6.71872470100848673 53.12024789576108219, 6.71983176066178522 53.12021853616124645, 6.7213808034658129 53.12013033921159888, 6.72325650172566114 53.12005241176109394, 6.72342605459390352 53.11630401619414954, 6.72229465703031615 53.11526853273062443, 6.71744814497268994 53.11376996388824523, 6.70748848546340071 53.10596717985682602, 6.70556401213051423 53.10666857806384655, 6.70470006384069883 53.10571199099151585, 6.7040835521526283 53.1059642269884904, 6.70449310329222747 53.1077481194606591, 6.70939011119656037 53.1118663368975561, 6.71724805227432586 53.11698557099020945, 6.71872470100848673 53.12024789576108219, 6.71872470100848673 53.12024789576108219)))</t>
  </si>
  <si>
    <t>MultiPolygon (((6.7040835521526283 53.1059642269884904, 6.70470006384069883 53.10571199099151585, 6.70556401213051423 53.10666857806384655, 6.70748848546340071 53.10596717985682602, 6.70836022144193755 53.10394449344897083, 6.70976312470413738 53.10377342221920571, 6.71859091267097153 53.10604422910041933, 6.72105666255382328 53.10507540893848244, 6.72585796148998138 53.10441072296340081, 6.73493605370021076 53.09638912120640697, 6.73326043853749212 53.09209813902287323, 6.72079131811751473 53.08707183016667841, 6.72097725904546106 53.08598064622884038, 6.71047924919515637 53.08338362938922472, 6.69886771866899355 53.08430226610863656, 6.69811787269115477 53.08542037027474692, 6.69311175869407649 53.0931656651703463, 6.69649773847008234 53.09395773392459716, 6.69433884359159403 53.09687792328212907, 6.6901375899396669 53.09697931725197861, 6.69721200369642577 53.09941959683111889, 6.69607562524208166 53.10050315233719687, 6.69104971189084985 53.09948102850323437, 6.68926848057760104 53.10224555579016936, 6.69329659318352732 53.10311835679961234, 6.69833755683020726 53.10597671939455466, 6.70218377853817326 53.10635075670462868, 6.7040835521526283 53.1059642269884904, 6.7040835521526283 53.1059642269884904)))</t>
  </si>
  <si>
    <t>MultiPolygon (((6.69811787269115477 53.08542037027474692, 6.69886771866899355 53.08430226610863656, 6.70554518215523387 53.07391858447084587, 6.70075074607546917 53.07318268368234726, 6.69794385553738802 53.07560399465958056, 6.69666638270247905 53.07664249351923047, 6.68749322105687405 53.07222731920285241, 6.67852056883535639 53.07682457535066334, 6.68173917513019067 53.07876682150018866, 6.68349751925930935 53.08176853532287254, 6.68716191414279582 53.08023584070917167, 6.69136992624085281 53.07956716174577849, 6.69645164571293439 53.08094960972299958, 6.6943848039497702 53.08551904160665913, 6.69811787269115477 53.08542037027474692, 6.69811787269115477 53.08542037027474692)))</t>
  </si>
  <si>
    <t>MultiPolygon (((6.66822122773216552 53.09697987477886727, 6.67162008952646612 53.09659747121513362, 6.68430088366377184 53.09926245054913352, 6.68326006088618385 53.10130588409144536, 6.68477834110749214 53.1024598052415655, 6.68666947733352846 53.10302888894543116, 6.68770668589395179 53.10195963362793492, 6.68926848057760104 53.10224555579016936, 6.69104971189084985 53.09948102850323437, 6.69607562524208166 53.10050315233719687, 6.69721200369642577 53.09941959683111889, 6.6901375899396669 53.09697931725197861, 6.69433884359159403 53.09687792328212907, 6.69649773847008234 53.09395773392459716, 6.69311175869407649 53.0931656651703463, 6.69811787269115477 53.08542037027474692, 6.6943848039497702 53.08551904160665913, 6.69645164571293439 53.08094960972299958, 6.69136992624085281 53.07956716174577849, 6.68716191414279582 53.08023584070917167, 6.68349751925930935 53.08176853532287254, 6.67830840111645507 53.08790483883902311, 6.67239102031992903 53.0905702173546743, 6.66783426084987951 53.09186035873306508, 6.66597996073061783 53.09175323717593642, 6.66425227723398272 53.09305511788996057, 6.66410505334428649 53.09530509622641148, 6.66727308295006971 53.09535664742767835, 6.66822122773216552 53.09697987477886727, 6.66822122773216552 53.09697987477886727)))</t>
  </si>
  <si>
    <t>MultiPolygon (((5.84161701865196648 50.77745282676058736, 5.84967039395316313 50.77754102052708873, 5.85111816381071748 50.77458517579135844, 5.84865706154849274 50.77356384606514439, 5.85473907693185236 50.76475106881953536, 5.85321086830180892 50.76345638977703345, 5.84617168309940016 50.76167150542128326, 5.84503757818692904 50.7653708528923886, 5.84491044058018971 50.77076421971331399, 5.84254713392310077 50.77407686582052548, 5.84424320374838224 50.77455135687609555, 5.84161701865196648 50.77745282676058736, 5.84161701865196648 50.77745282676058736)))</t>
  </si>
  <si>
    <t>MultiPolygon (((5.85358211037505072 50.78602062010170926, 5.85566497123287633 50.78522875129625902, 5.85920542578046 50.78555478979378535, 5.86767613184464487 50.78441169626859164, 5.86694517830013673 50.78121272607792491, 5.86230889723542781 50.78149790940951647, 5.86274982748091755 50.77845588551484468, 5.85508511706060197 50.77789981765320704, 5.85685573674807092 50.78079358165740587, 5.8564793453383972 50.781900885146527, 5.85473275789104264 50.78166224166020015, 5.85353581630843056 50.77782119133972571, 5.84967039395316313 50.77754102052708873, 5.84161701865196648 50.77745282676058736, 5.83953797606926273 50.78058063100985464, 5.83845558200254366 50.78164953819856464, 5.83719107109818935 50.78102304960987823, 5.83525581795998249 50.78173772909605788, 5.83485153797467326 50.7825460488434075, 5.84160074579015109 50.78451696155749318, 5.84548909397704364 50.7862330780395439, 5.84488542521561172 50.78689306488863053, 5.85087976306469315 50.78675370157532853, 5.85358211037505072 50.78602062010170926, 5.85358211037505072 50.78602062010170926)))</t>
  </si>
  <si>
    <t>MultiPolygon (((5.86767613184464487 50.78441169626859164, 5.87890322358601392 50.78262902144364688, 5.88294274745095969 50.7829721499305009, 5.8851580919824924 50.78252834257522608, 5.88273787187827146 50.7751953887142804, 5.88457988590432901 50.77192450199728313, 5.88622814582347775 50.77004693550071579, 5.87622806277270726 50.76561626564036089, 5.87062032653379529 50.76491553877581708, 5.86859167750132915 50.77181782767724627, 5.8679457767176082 50.77284159922037787, 5.86470989013102617 50.77356964292941655, 5.86303955590927295 50.77616252720306989, 5.86274982748091755 50.77845588551484468, 5.86230889723542781 50.78149790940951647, 5.86694517830013673 50.78121272607792491, 5.86767613184464487 50.78441169626859164, 5.86767613184464487 50.78441169626859164)))</t>
  </si>
  <si>
    <t>MultiPolygon (((5.84967039395316313 50.77754102052708873, 5.85353581630843056 50.77782119133972571, 5.85473275789104264 50.78166224166020015, 5.8564793453383972 50.781900885146527, 5.85685573674807092 50.78079358165740587, 5.85508511706060197 50.77789981765320704, 5.86274982748091755 50.77845588551484468, 5.86303955590927295 50.77616252720306989, 5.86470989013102617 50.77356964292941655, 5.8679457767176082 50.77284159922037787, 5.86859167750132915 50.77181782767724627, 5.87062032653379529 50.76491553877581708, 5.86345399013530066 50.7635086872644834, 5.85994969345940397 50.76183008974533806, 5.85229667253878105 50.75721674369160041, 5.84891997718436851 50.75340778389863772, 5.84617168309940016 50.76167150542128326, 5.85321086830180892 50.76345638977703345, 5.85473907693185236 50.76475106881953536, 5.84865706154849274 50.77356384606514439, 5.85111816381071748 50.77458517579135844, 5.84967039395316313 50.77754102052708873, 5.84967039395316313 50.77754102052708873)))</t>
  </si>
  <si>
    <t>MultiPolygon (((5.89386609931274918 50.77776174206695003, 5.90686475865124194 50.7789733786989359, 5.90799294925575591 50.7732628680926652, 5.9148624536232095 50.7708785517082859, 5.91899714924074161 50.77234443903822836, 5.91811441579106301 50.78018233782219681, 5.91988793004072367 50.78042670237390865, 5.92386986631130341 50.77523696436594491, 5.92190495752886026 50.77335420103457864, 5.92054109206964263 50.769333134326601, 5.92451645395150983 50.76689112979235574, 5.92560529117370827 50.76388899181763747, 5.92505108241333911 50.76368483002547549, 5.9267840597109025 50.76310875217736651, 5.9271719884017946 50.76381233448178421, 5.92795529118535036 50.76247820112381959, 5.93008383949769602 50.76265119894058842, 5.9298767831624124 50.76211088689812101, 5.92998224056952861 50.76194954619057853, 5.93052350390112171 50.76203075619360305, 5.93133707697068147 50.76149471777236499, 5.93103765311602604 50.76092917977108954, 5.93214183557392438 50.76088665103786468, 5.93105564322907952 50.75993845365002954, 5.92990714306430711 50.75978732548539085, 5.93018841066769564 50.75900291566377831, 5.93204686128441772 50.75812567751138715, 5.93305136679853362 50.75877779725608008, 5.93454988486728041 50.75848826135418079, 5.93575762804133511 50.75697943801679912, 5.93318420079504261 50.75655386872446684, 5.93110526018896334 50.75694217874892189, 5.92145018387167887 50.75135746820959071, 5.91622058647366167 50.75045047453855318, 5.91508095175524851 50.75036749286343252, 5.91538263324962887 50.75472018444767031, 5.91398058274952465 50.75432423882058686, 5.91370349384401184 50.75574773611916868, 5.91075019324503881 50.75523829279471499, 5.90900980308043877 50.75421878675267351, 5.90821143244761604 50.75569344428142671, 5.90706806511141913 50.75511492290966231, 5.90584540177253636 50.75550223515081427, 5.90485007838796161 50.75522382214964523, 5.90300551269023455 50.75371175106784705, 5.90352637647791756 50.75345455129617989, 5.90163004216075571 50.75140051611103331, 5.9010231324803879 50.75149430376767157, 5.88973833599813901 50.75632771885138084, 5.88918837799129502 50.75754801625664925, 5.89021541921906966 50.76013117738957448, 5.88967210120391016 50.76422115179203587, 5.88666449616420451 50.76981685941426292, 5.89835742758679782 50.77053931123008823, 5.89921221865149548 50.77428192844278954, 5.89386609931274918 50.77776174206695003)))</t>
  </si>
  <si>
    <t>MultiPolygon (((5.88457988590432901 50.77192450199728313, 5.88995077209309326 50.77739795059605399, 5.89386609931274918 50.77776174206695003, 5.89921221865149548 50.77428192844278954, 5.89835742758679782 50.77053931123008823, 5.88666449616420451 50.76981685941426292, 5.88622814582347775 50.77004693550071579, 5.88457988590432901 50.77192450199728313, 5.88457988590432901 50.77192450199728313)))</t>
  </si>
  <si>
    <t>MultiPolygon (((5.90686475865124194 50.7789733786989359, 5.91453306721398953 50.7796900317471227, 5.91811441579106301 50.78018233782219681, 5.91899714924074161 50.77234443903822836, 5.9148624536232095 50.7708785517082859, 5.90799294925575591 50.7732628680926652, 5.90686475865124194 50.7789733786989359, 5.90686475865124194 50.7789733786989359)))</t>
  </si>
  <si>
    <t>MultiPolygon (((5.91587097206171997 50.80354218411658707, 5.92164737049385881 50.80478500907123873, 5.92709401721450657 50.80694033863061065, 5.94637779469789329 50.80179064491930063, 5.94964168431144103 50.8003893799316657, 5.93994814702907625 50.79978278699628191, 5.94118354232723878 50.79657596600165448, 5.94549996608323728 50.79560135044479807, 5.94339187465135321 50.79383294847433916, 5.94200808836334549 50.79047911803634463, 5.94491427779080794 50.78160900898593866, 5.94407728135145241 50.77574512604711288, 5.94331262258047577 50.77305337596756374, 5.94113764987713822 50.77199564945411225, 5.93774545087603833 50.77136864395348681, 5.93592977889146667 50.77146089287979436, 5.93403095551640902 50.77359034270313032, 5.93089892347276848 50.77512542877679635, 5.92386986631130341 50.77523696436594491, 5.91988793004072367 50.78042670237390865, 5.91811441579106301 50.78018233782219681, 5.91453306721398953 50.7796900317471227, 5.90686475865124194 50.7789733786989359, 5.89386609931274918 50.77776174206695003, 5.88995077209309326 50.77739795059605399, 5.88457988590432901 50.77192450199728313, 5.88273787187827146 50.7751953887142804, 5.8851580919824924 50.78252834257522608, 5.88794640698938654 50.78655061527750547, 5.90342451175047067 50.798657944248923, 5.90597724428205684 50.80144234096944444, 5.91355989764202228 50.80369880667523574, 5.91473711427068505 50.80272993779913548, 5.91587097206171997 50.80354218411658707, 5.91587097206171997 50.80354218411658707),(5.91459618561065081 50.79236130305914543, 5.89552837333460467 50.78662030135542693, 5.89776339997628796 50.78433540725889372, 5.90321780971512133 50.78148780464603362, 5.9180072371790704 50.78754756205725585, 5.92189122893124509 50.78792431493859283, 5.92169891461174824 50.79190729646140312, 5.92465897474253822 50.79156995809437802, 5.92674079363823303 50.78838800623496752, 5.93430011871152452 50.78836592805696171, 5.93312655547080414 50.79624746707463601, 5.93330131292190366 50.79663513079298554, 5.93830861964974055 50.79644842419838824, 5.93823479333076953 50.79967411769849406, 5.93151636063336074 50.79997030255162116, 5.91368160434443535 50.79911165652909943, 5.91459618561065081 50.79236130305914543, 5.91459618561065081 50.79236130305914543)))</t>
  </si>
  <si>
    <t>MultiPolygon (((5.91459618561065081 50.79236130305914543, 5.91562268242224931 50.79020938392446283, 5.92169891461174824 50.79190729646140312, 5.92189122893124509 50.78792431493859283, 5.9180072371790704 50.78754756205725585, 5.90321780971512133 50.78148780464603362, 5.89776339997628796 50.78433540725889372, 5.89552837333460467 50.78662030135542693, 5.91459618561065081 50.79236130305914543, 5.91459618561065081 50.79236130305914543)))</t>
  </si>
  <si>
    <t>MultiPolygon (((5.94964168431144103 50.8003893799316657, 5.95398616452232332 50.80001673307394583, 5.95784765627392598 50.79811861593611866, 5.95170369483764095 50.79384813173732027, 5.94549996608323728 50.79560135044479807, 5.94118354232723878 50.79657596600165448, 5.93994814702907625 50.79978278699628191, 5.94964168431144103 50.8003893799316657, 5.94964168431144103 50.8003893799316657)))</t>
  </si>
  <si>
    <t>MultiPolygon (((5.91459618561065081 50.79236130305914543, 5.91368160434443535 50.79911165652909943, 5.93151636063336074 50.79997030255162116, 5.93823479333076953 50.79967411769849406, 5.93830861964974055 50.79644842419838824, 5.93330131292190366 50.79663513079298554, 5.93312655547080414 50.79624746707463601, 5.93430011871152452 50.78836592805696171, 5.92674079363823303 50.78838800623496752, 5.92465897474253822 50.79156995809437802, 5.92169891461174824 50.79190729646140312, 5.91562268242224931 50.79020938392446283, 5.91459618561065081 50.79236130305914543, 5.91459618561065081 50.79236130305914543)))</t>
  </si>
  <si>
    <t>MultiPolygon (((5.89875808629551024 50.82014282195476085, 5.90628333133741723 50.82089241986992789, 5.90911940281156234 50.8220119670894519, 5.90998110663553433 50.82126929467109022, 5.91292057662776394 50.82058628239368403, 5.92045382964569988 50.82053996478902036, 5.92468818625211124 50.81857592673447499, 5.93302596793966419 50.81783570438788189, 5.94178515089069137 50.81783444451397713, 5.94596092244188057 50.81688059989722461, 5.94922925701868888 50.81714789990201098, 5.95481011997083076 50.81913948077936993, 5.9644972889682677 50.82024656774262183, 5.96941870851272327 50.81685801612424314, 5.97795855273977317 50.81490605028826479, 5.97952315915801247 50.81457636980904624, 5.98055556831597368 50.81298288423106158, 5.9829261813082768 50.8114374824305628, 5.9819175639652622 50.81085772179211091, 5.98351816711856799 50.80972969809001683, 5.98136934081597627 50.80859497295410421, 5.98017338840119272 50.8071188375448699, 5.98020015396616778 50.80579471589084051, 5.97870068741285277 50.80467033326521431, 5.9778976512718609 50.80506114722935962, 5.97668086956501021 50.80336997726751491, 5.96910424802635475 50.80127230072267963, 5.96480892306656241 50.80241864541897456, 5.96106366990853243 50.80039612354281076, 5.95784765627392598 50.79811861593611866, 5.95398616452232332 50.80001673307394583, 5.94964168431144103 50.8003893799316657, 5.94637779469789329 50.80179064491930063, 5.92709401721450657 50.80694033863061065, 5.92164737049385881 50.80478500907123873, 5.91587097206171997 50.80354218411658707, 5.91429961006644866 50.80620306284938437, 5.92094602204488307 50.80720795765571296, 5.92932783493926507 50.80761668926962926, 5.94312034726480487 50.80764805378495907, 5.94462127573567845 50.81167236106363561, 5.93121028196727185 50.81111970243650688, 5.92408028568574441 50.81141822996254831, 5.91890769156577967 50.81255059806001384, 5.9115216813047855 50.81734848184380837, 5.90744930647925681 50.8145811677262671, 5.90171197008598636 50.81935188377708812, 5.90077448048498976 50.81946645012539676, 5.90041881049069961 50.81878262565428628, 5.89903833611634187 50.81849520448311353, 5.89817494633483275 50.81933724129856245, 5.89875808629551024 50.82014282195476085, 5.89875808629551024 50.82014282195476085),(5.95538524732228769 50.81267893675333625, 5.9548015594596011 50.81275287416248432, 5.95345264764009485 50.80872710865788378, 5.95145758832209193 50.8067017164765673, 5.95872600391737439 50.80320973762233905, 5.96737151060931126 50.80828584946709725, 5.95538524732228769 50.81267893675333625, 5.95538524732228769 50.81267893675333625)))</t>
  </si>
  <si>
    <t>MultiPolygon (((5.95538524732228769 50.81267893675333625, 5.96737151060931126 50.80828584946709725, 5.95872600391737439 50.80320973762233905, 5.95145758832209193 50.8067017164765673, 5.95345264764009485 50.80872710865788378, 5.9548015594596011 50.81275287416248432, 5.95538524732228769 50.81267893675333625, 5.95538524732228769 50.81267893675333625)))</t>
  </si>
  <si>
    <t>MultiPolygon (((5.93121028196727185 50.81111970243650688, 5.94462127573567845 50.81167236106363561, 5.94312034726480487 50.80764805378495907, 5.92932783493926507 50.80761668926962926, 5.93004903871334044 50.80887793277280196, 5.93121028196727185 50.81111970243650688, 5.93121028196727185 50.81111970243650688)))</t>
  </si>
  <si>
    <t>MultiPolygon (((5.90744930647925681 50.8145811677262671, 5.9115216813047855 50.81734848184380837, 5.91890769156577967 50.81255059806001384, 5.92408028568574441 50.81141822996254831, 5.93121028196727185 50.81111970243650688, 5.93004903871334044 50.80887793277280196, 5.92932783493926507 50.80761668926962926, 5.92094602204488307 50.80720795765571296, 5.91429961006644866 50.80620306284938437, 5.90744930647925681 50.8145811677262671, 5.90744930647925681 50.8145811677262671)))</t>
  </si>
  <si>
    <t>MultiPolygon (((5.95089221152852677 50.84456957228366036, 5.95481621414463014 50.84592411772832321, 5.95617757802655134 50.84201589392893794, 5.95577038108966406 50.83927389310674982, 5.9569469800916357 50.83584262392201936, 5.95554418789346141 50.8353945997113712, 5.95948786080861836 50.82823186780041169, 5.96790429070718798 50.82235229854518366, 5.97182973376272397 50.82117705478847824, 5.96941870851272327 50.81685801612424314, 5.9644972889682677 50.82024656774262183, 5.95481011997083076 50.81913948077936993, 5.94922925701868888 50.81714789990201098, 5.94596092244188057 50.81688059989722461, 5.94178515089069137 50.81783444451397713, 5.93302596793966419 50.81783570438788189, 5.92468818625211124 50.81857592673447499, 5.92045382964569988 50.82053996478902036, 5.91292057662776394 50.82058628239368403, 5.90998110663553433 50.82126929467109022, 5.90911940281156234 50.8220119670894519, 5.90983640542067423 50.82226069744272223, 5.90829821384112197 50.82436880397709444, 5.90881425548237171 50.82626482370837806, 5.91606707248140751 50.82865212702587598, 5.91775611095036869 50.83150763909948466, 5.9226537069128522 50.83218646890015435, 5.92572757360987357 50.8335592909924614, 5.9296669978373675 50.83721930851655912, 5.93135908277475998 50.83515457261974291, 5.93743401185408892 50.83858823851856101, 5.93580694129328812 50.84013681798052176, 5.9404139129975384 50.84151575771549858, 5.94534675843890525 50.84389395472970818, 5.94642032319455183 50.83695603127632978, 5.95239892508949708 50.83703650200545354, 5.95276966791219753 50.83973502563932811, 5.95100548580154065 50.84209959347942487, 5.95089221152852677 50.84456957228366036, 5.95089221152852677 50.84456957228366036),(5.93793176442188742 50.82910702802847425, 5.92925259813339967 50.82873653874984399, 5.93051905405344826 50.8222242875049659, 5.94521607712604094 50.82195480662248599, 5.95136846457110735 50.8229370309181121, 5.95614509023954142 50.82443358714717618, 5.95387212688553102 50.82772853091589838, 5.94853427803861834 50.82843577666237422, 5.94135003065934963 50.82843561804061494, 5.93793176442188742 50.82910702802847425, 5.93793176442188742 50.82910702802847425)))</t>
  </si>
  <si>
    <t>MultiPolygon (((5.92960858954904868 50.84024770433043727, 5.93318719866196354 50.83966094178537531, 5.93580694129328812 50.84013681798052176, 5.93743401185408892 50.83858823851856101, 5.93135908277475998 50.83515457261974291, 5.9296669978373675 50.83721930851655912, 5.92740254011669521 50.8404687411550924, 5.92960858954904868 50.84024770433043727, 5.92960858954904868 50.84024770433043727)))</t>
  </si>
  <si>
    <t>MultiPolygon (((5.9468016879321457 50.84468629851173205, 5.95089221152852677 50.84456957228366036, 5.95100548580154065 50.84209959347942487, 5.95276966791219753 50.83973502563932811, 5.95239892508949708 50.83703650200545354, 5.94642032319455183 50.83695603127632978, 5.94534675843890525 50.84389395472970818, 5.94610843715199522 50.84428725778303715, 5.94636736475144811 50.84442746731311047, 5.9468016879321457 50.84468629851173205, 5.9468016879321457 50.84468629851173205)))</t>
  </si>
  <si>
    <t>MultiPolygon (((5.93793176442188742 50.82910702802847425, 5.94135003065934963 50.82843561804061494, 5.94853427803861834 50.82843577666237422, 5.95387212688553102 50.82772853091589838, 5.95614509023954142 50.82443358714717618, 5.95136846457110735 50.8229370309181121, 5.94521607712604094 50.82195480662248599, 5.93051905405344826 50.8222242875049659, 5.92925259813339967 50.82873653874984399, 5.93793176442188742 50.82910702802847425, 5.93793176442188742 50.82910702802847425)))</t>
  </si>
  <si>
    <t>MultiPolygon (((5.87564638561757047 50.84711149529815088, 5.87615562159017468 50.84629954049454881, 5.88138677032834156 50.84668708827660311, 5.88159734840089143 50.84473392740365227, 5.8850799269471139 50.84049306623337117, 5.88414442274209382 50.84021590836179882, 5.88692002703545292 50.83774631555230172, 5.887337800678484 50.83568071070738625, 5.88256106788489586 50.83567066542738644, 5.88068407545592997 50.83496941385112677, 5.87941607207657846 50.83171100566851663, 5.8814290717625628 50.82721076868880772, 5.88427230901018739 50.82461426316786657, 5.89158433731626463 50.82714245178882351, 5.90167535421418155 50.82971907717320192, 5.90165723597503522 50.83012478281426638, 5.89832795669484877 50.83275420833858504, 5.89088653436054255 50.84247440238407023, 5.89124581395988134 50.84274709519408475, 5.89158946172933451 50.84284692543902651, 5.89877166057733771 50.8433508951030646, 5.90325788535755258 50.84570609571882471, 5.91616940558581028 50.84881890876017962, 5.92500241107350778 50.84884125352320439, 5.92910849128027362 50.84304269233293638, 5.92960858954904868 50.84024770433043727, 5.92740254011669521 50.8404687411550924, 5.9296669978373675 50.83721930851655912, 5.92572757360987357 50.8335592909924614, 5.9226537069128522 50.83218646890015435, 5.91775611095036869 50.83150763909948466, 5.91606707248140751 50.82865212702587598, 5.90881425548237171 50.82626482370837806, 5.90829821384112197 50.82436880397709444, 5.90983640542067423 50.82226069744272223, 5.90911940281156234 50.8220119670894519, 5.90628333133741723 50.82089241986992789, 5.89875808629551024 50.82014282195476085, 5.89666964543205996 50.82005935111789086, 5.8908428838831961 50.82225318836167816, 5.87267580690304047 50.82525402465016384, 5.86961029142629265 50.82456404368829084, 5.86546565999249925 50.82669001226930305, 5.8631408558331799 50.82679580114743345, 5.86232560748555631 50.82923164674129168, 5.85970951401900919 50.83207809130062316, 5.8594608653444693 50.8336841919653466, 5.86593042717586233 50.83757465716864488, 5.86621358697091289 50.83871181139254247, 5.86712242725060484 50.83866479542143679, 5.87100282550019781 50.83829307891241456, 5.87025907865116903 50.83653494014134822, 5.87108725287450017 50.83651806417800145, 5.87395147212604307 50.83792351493292472, 5.87655021716989623 50.84024073075466532, 5.877578744272415 50.84131904051973549, 5.8748410501464905 50.84537712392823749, 5.87476527966701401 50.84668349593410142, 5.87564638561757047 50.84711149529815088, 5.87564638561757047 50.84711149529815088),(5.92343817050109056 50.84227122492151807, 5.92288413302710648 50.84444743003495404, 5.91591115054830841 50.84352305648629056, 5.91672004020120035 50.83902657348236431, 5.9237418512840021 50.83943577240359701, 5.92343817050109056 50.84227122492151807, 5.92343817050109056 50.84227122492151807)))</t>
  </si>
  <si>
    <t>MultiPolygon (((5.92343817050109056 50.84227122492151807, 5.9237418512840021 50.83943577240359701, 5.91672004020120035 50.83902657348236431, 5.91591115054830841 50.84352305648629056, 5.92288413302710648 50.84444743003495404, 5.92343817050109056 50.84227122492151807, 5.92343817050109056 50.84227122492151807)))</t>
  </si>
  <si>
    <t>MultiPolygon (((5.887337800678484 50.83568071070738625, 5.88936058022583353 50.82964122114350403, 5.89158433731626463 50.82714245178882351, 5.88427230901018739 50.82461426316786657, 5.8814290717625628 50.82721076868880772, 5.87941607207657846 50.83171100566851663, 5.88068407545592997 50.83496941385112677, 5.88256106788489586 50.83567066542738644, 5.887337800678484 50.83568071070738625, 5.887337800678484 50.83568071070738625)))</t>
  </si>
  <si>
    <t>MultiPolygon (((5.88138677032834156 50.84668708827660311, 5.88512283902898936 50.84748246708243613, 5.88799257196251968 50.84703370284145052, 5.88945681034101121 50.84521099544621592, 5.89124581395988134 50.84274709519408475, 5.89088653436054255 50.84247440238407023, 5.8850799269471139 50.84049306623337117, 5.88159734840089143 50.84473392740365227, 5.88138677032834156 50.84668708827660311, 5.88138677032834156 50.84668708827660311)))</t>
  </si>
  <si>
    <t>MultiPolygon (((5.8850799269471139 50.84049306623337117, 5.89088653436054255 50.84247440238407023, 5.89832795669484877 50.83275420833858504, 5.90165723597503522 50.83012478281426638, 5.90167535421418155 50.82971907717320192, 5.89158433731626463 50.82714245178882351, 5.88936058022583353 50.82964122114350403, 5.887337800678484 50.83568071070738625, 5.88692002703545292 50.83774631555230172, 5.88414442274209382 50.84021590836179882, 5.8850799269471139 50.84049306623337117, 5.8850799269471139 50.84049306623337117)))</t>
  </si>
  <si>
    <t>MultiPolygon (((5.8631408558331799 50.82679580114743345, 5.86546565999249925 50.82669001226930305, 5.86961029142629265 50.82456404368829084, 5.87267580690304047 50.82525402465016384, 5.8908428838831961 50.82225318836167816, 5.87526156444369541 50.81505617820314313, 5.88098603170952394 50.81222422715076448, 5.88546578386683983 50.81312663773447724, 5.88830282874259225 50.81194381581120467, 5.88873675404871832 50.81082634037893087, 5.88783824221812147 50.80938089333617569, 5.89017687804506807 50.8073841301630722, 5.89271563318630864 50.81178522927472585, 5.90059298170716584 50.81464863552920974, 5.9038297557901771 50.81315637387361051, 5.90744930647925681 50.8145811677262671, 5.91429961006644866 50.80620306284938437, 5.91587097206171997 50.80354218411658707, 5.91473711427068505 50.80272993779913548, 5.91355989764202228 50.80369880667523574, 5.90597724428205684 50.80144234096944444, 5.90342451175047067 50.798657944248923, 5.88794640698938654 50.78655061527750547, 5.8851580919824924 50.78252834257522608, 5.88294274745095969 50.7829721499305009, 5.87890322358601392 50.78262902144364688, 5.86767613184464487 50.78441169626859164, 5.85920542578046 50.78555478979378535, 5.86533906734341848 50.79665583411265573, 5.87084558961610892 50.79726746720832153, 5.87894286661796084 50.80263757160733462, 5.87120788475689093 50.80767171802378357, 5.86341130754613094 50.80382625642932481, 5.86509827707250597 50.80303360480711206, 5.86219151449356879 50.8003767370956254, 5.85358211037505072 50.78602062010170926, 5.85087976306469315 50.78675370157532853, 5.84488542521561172 50.78689306488863053, 5.84548909397704364 50.7862330780395439, 5.84160074579015109 50.78451696155749318, 5.83485153797467326 50.7825460488434075, 5.83397371502623674 50.78436689778091306, 5.83558584681806725 50.78481203452154347, 5.83588607362243117 50.78668112863962847, 5.83289675564489762 50.78662433489825645, 5.83246007465038829 50.78869273739432799, 5.84176931297959534 50.79561924331211031, 5.84708377415769309 50.80220699858729461, 5.85041102102046295 50.80358698081639091, 5.84925461114463907 50.80511241881419693, 5.83567716960856586 50.80508699549118035, 5.82241795915869886 50.7954414540610486, 5.82081642884153982 50.79807033627530188, 5.82138186256935519 50.80215252862841169, 5.81973859887846867 50.80477305723844239, 5.81952386136682609 50.80526019841133945, 5.83066496940495593 50.8078693317622978, 5.83171803292838575 50.80877041913461056, 5.83617256313658839 50.80766631148188139, 5.83753499724969327 50.80820986017310759, 5.83923949625323679 50.80758803107749344, 5.84225185891568355 50.8100675262972814, 5.84478112664250027 50.81448675829852135, 5.84548263623754139 50.81534891960238554, 5.84881458074255089 50.81499396846439254, 5.85063110493776417 50.81312499003650629, 5.85865419073748406 50.81183324045438354, 5.8603900081315059 50.8121848572038175, 5.86048021129438368 50.81628791582492966, 5.86483643633981977 50.81740343289983031, 5.86583349240790763 50.81873780995886847, 5.86542256052577748 50.82031959042048186, 5.86054714425310408 50.82006466199800343, 5.85852779070669261 50.82085852020957617, 5.86413552951010697 50.82334432875212826, 5.8631408558331799 50.82679580114743345, 5.8631408558331799 50.82679580114743345)))</t>
  </si>
  <si>
    <t>MultiPolygon (((5.82241795915869886 50.7954414540610486, 5.83567716960856586 50.80508699549118035, 5.84925461114463907 50.80511241881419693, 5.85041102102046295 50.80358698081639091, 5.84708377415769309 50.80220699858729461, 5.84176931297959534 50.79561924331211031, 5.83246007465038829 50.78869273739432799, 5.82812717232766797 50.79049902975938835, 5.82764421282041223 50.79018118447031327, 5.82241795915869886 50.7954414540610486, 5.82241795915869886 50.7954414540610486)))</t>
  </si>
  <si>
    <t>MultiPolygon (((5.85358211037505072 50.78602062010170926, 5.86219151449356879 50.8003767370956254, 5.86509827707250597 50.80303360480711206, 5.86341130754613094 50.80382625642932481, 5.87120788475689093 50.80767171802378357, 5.87894286661796084 50.80263757160733462, 5.87084558961610892 50.79726746720832153, 5.86533906734341848 50.79665583411265573, 5.85920542578046 50.78555478979378535, 5.85566497123287633 50.78522875129625902, 5.85358211037505072 50.78602062010170926, 5.85358211037505072 50.78602062010170926)))</t>
  </si>
  <si>
    <t>MultiPolygon (((5.84881458074255089 50.81499396846439254, 5.85282277935788375 50.8178314255629644, 5.85117778562725821 50.81917544590525893, 5.85317632582438296 50.82075125434735696, 5.85852779070669261 50.82085852020957617, 5.86054714425310408 50.82006466199800343, 5.86542256052577748 50.82031959042048186, 5.86583349240790763 50.81873780995886847, 5.86483643633981977 50.81740343289983031, 5.86048021129438368 50.81628791582492966, 5.8603900081315059 50.8121848572038175, 5.85865419073748406 50.81183324045438354, 5.85063110493776417 50.81312499003650629, 5.84881458074255089 50.81499396846439254, 5.84881458074255089 50.81499396846439254)))</t>
  </si>
  <si>
    <t>MultiPolygon (((5.8908428838831961 50.82225318836167816, 5.89666964543205996 50.82005935111789086, 5.89875808629551024 50.82014282195476085, 5.89817494633483275 50.81933724129856245, 5.89903833611634187 50.81849520448311353, 5.90041881049069961 50.81878262565428628, 5.90077448048498976 50.81946645012539676, 5.90171197008598636 50.81935188377708812, 5.90744930647925681 50.8145811677262671, 5.9038297557901771 50.81315637387361051, 5.90059298170716584 50.81464863552920974, 5.89271563318630864 50.81178522927472585, 5.89017687804506807 50.8073841301630722, 5.88783824221812147 50.80938089333617569, 5.88873675404871832 50.81082634037893087, 5.88830282874259225 50.81194381581120467, 5.88546578386683983 50.81312663773447724, 5.88098603170952394 50.81222422715076448, 5.87526156444369541 50.81505617820314313, 5.8908428838831961 50.82225318836167816, 5.8908428838831961 50.82225318836167816)))</t>
  </si>
  <si>
    <t>MultiPolygon (((5.38320172891616266 51.31833336975834925, 5.3852253445128575 51.31659810760653784, 5.38727037889335136 51.31768711570303054, 5.38869961038134715 51.31668803314267535, 5.38650955547877253 51.31468939845940014, 5.39067432990540762 51.31272407249734613, 5.38884757284872418 51.31139353945864912, 5.39178905383378204 51.30887243023111211, 5.39445964620932816 51.30899424980680124, 5.39476282170653931 51.30634619169918409, 5.39546403004112829 51.30600865185096637, 5.39342535547440338 51.29965080266877919, 5.39486622840756969 51.29627130709280891, 5.39266497575802184 51.29399001034889949, 5.39708558900340751 51.29147627998964509, 5.39720209354576763 51.29062027169215554, 5.38780362622655939 51.2852388991019339, 5.39801139167960198 51.27767064913069817, 5.40089683989196079 51.27446196954669233, 5.39514292050492728 51.27536112698109605, 5.38834905696535671 51.28005273816725662, 5.38426419184139338 51.28103795577901991, 5.38493279938339686 51.28298980902328452, 5.38768368836604949 51.2851712091719989, 5.38140165633204948 51.2849003217860826, 5.37662151675588618 51.28313617519806655, 5.37137497442192746 51.28408054748641831, 5.38121695831620173 51.28866526711836116, 5.37927825298020945 51.29103828167803414, 5.37766408941091179 51.28925568571350624, 5.37464463575020623 51.28783828266632128, 5.36444611976906138 51.29639606649747208, 5.36890856343507039 51.2977773021626362, 5.36954382132506769 51.29937460808014293, 5.36796741825225876 51.30139728671860411, 5.37196082774206118 51.30263392313501214, 5.36988132159619003 51.30511548039482506, 5.36814551141846419 51.30542035241846577, 5.36522533092682696 51.30795133161802113, 5.3669423026751204 51.30972447153298788, 5.36299358483264133 51.31266186275091457, 5.37753816105960691 51.32071177014325514, 5.37673756095654998 51.32210744563357707, 5.37864735410298245 51.32355244868831079, 5.3805782297211957 51.32391002581032069, 5.38320172891616266 51.31833336975834925, 5.38320172891616266 51.31833336975834925)))</t>
  </si>
  <si>
    <t>MultiPolygon (((5.34918164228872151 51.31233985527426711, 5.34976492920503865 51.31129392514763765, 5.35551785155615701 51.3113273728539383, 5.35904248990181742 51.31349882899303338, 5.36299358483264133 51.31266186275091457, 5.3669423026751204 51.30972447153298788, 5.36522533092682696 51.30795133161802113, 5.36814551141846419 51.30542035241846577, 5.36988132159619003 51.30511548039482506, 5.37196082774206118 51.30263392313501214, 5.36796741825225876 51.30139728671860411, 5.36954382132506769 51.29937460808014293, 5.36890856343507039 51.2977773021626362, 5.36444611976906138 51.29639606649747208, 5.37464463575020623 51.28783828266632128, 5.37766408941091179 51.28925568571350624, 5.37927825298020945 51.29103828167803414, 5.38121695831620173 51.28866526711836116, 5.37137497442192746 51.28408054748641831, 5.37662151675588618 51.28313617519806655, 5.38140165633204948 51.2849003217860826, 5.38768368836604949 51.2851712091719989, 5.38493279938339686 51.28298980902328452, 5.38426419184139338 51.28103795577901991, 5.38834905696535671 51.28005273816725662, 5.39514292050492728 51.27536112698109605, 5.40089683989196079 51.27446196954669233, 5.40379719669702041 51.27346994805203195, 5.41741151905495766 51.26228572985173315, 5.39594478080926887 51.26697162266958685, 5.34614031960368852 51.27576438776718248, 5.34574799396462375 51.27220398440001503, 5.34415953738817695 51.27019819894668018, 5.34261055272431662 51.26575492618967189, 5.33939426575117881 51.26406250927910691, 5.33647558848323289 51.26306721103628661, 5.31513702838380997 51.26345525909069067, 5.31565200096229162 51.26747723040003279, 5.31379263153659931 51.26731311765149712, 5.31295920176016878 51.26798890404651132, 5.31366872903965604 51.27729614812509595, 5.31629446154192564 51.28014510497110479, 5.31518564965227736 51.2813680824005047, 5.31412719353136431 51.28236280246934342, 5.31516668713233553 51.28343124970874101, 5.32074703946890004 51.28498531905156455, 5.3222908575450365 51.28703440943665015, 5.32292310049041273 51.28706337061366582, 5.32364542067530433 51.28644186170424035, 5.33084265115880473 51.28764919747786877, 5.335078202049508 51.29050108359837168, 5.33751067023345893 51.29212220373128872, 5.33930672370500314 51.29472895314401626, 5.33592039991565859 51.29804105420095794, 5.33550977409988114 51.29972096821260408, 5.33797248452817552 51.30257426810328525, 5.33938020610060704 51.30240456116435865, 5.34138849196712862 51.30216241824150813, 5.34494768953677735 51.30838613244787894, 5.34835466702417506 51.31091688196956824, 5.34918164228872151 51.31233985527426711, 5.34918164228872151 51.31233985527426711)))</t>
  </si>
  <si>
    <t>MultiPolygon (((5.28807930631948508 51.30576954474925344, 5.2907224841916225 51.30514088633856318, 5.2928057626575038 51.30569826637783848, 5.29381883728894387 51.30712189228270148, 5.29761016572053389 51.30496308221414381, 5.29689087135347592 51.30352906899244658, 5.29662651512524363 51.30080909971259473, 5.29877679689042669 51.29937439313881242, 5.30126376698155255 51.29562869976740558, 5.30241142445553937 51.29525528427246428, 5.30334383733214931 51.29622129591733426, 5.3047975290366205 51.29629123974036276, 5.30905003833275391 51.29498687902862031, 5.31222190198570754 51.29321339568078741, 5.31227618480637886 51.29172750069061237, 5.31689515056201323 51.28944940005037978, 5.31505668822995503 51.2880638755014715, 5.31575157480716243 51.28739035373015298, 5.31439315114579536 51.28670245875675704, 5.31514546342394656 51.2849434769890351, 5.31303930026420446 51.28424881869398178, 5.31198527243647334 51.28558583161945705, 5.30678277041229052 51.28337380646409827, 5.30211058693043302 51.28237107652221027, 5.30466607212468411 51.27967559541062315, 5.31046647472906486 51.28009231983708816, 5.31058294161065181 51.28090644475562954, 5.31518564965227736 51.2813680824005047, 5.31629446154192564 51.28014510497110479, 5.31366872903965604 51.27729614812509595, 5.31295920176016878 51.26798890404651132, 5.31379263153659931 51.26731311765149712, 5.31565200096229162 51.26747723040003279, 5.31513702838380997 51.26345525909069067, 5.29615375520599851 51.26148162355165283, 5.26311976465415476 51.266801780479895, 5.23791420154675702 51.26135314862720804, 5.22597194275448196 51.26825974963113453, 5.2421926155939591 51.30521857745367953, 5.24111849526876661 51.30566501082844155, 5.24253536278297538 51.30600387419388397, 5.24396938302687143 51.30938740824144162, 5.25944885780784155 51.31147730917439276, 5.26025002877029202 51.31549326112174469, 5.26939343417589967 51.31193508064733777, 5.29060899602967982 51.3075759242025029, 5.28706066950842057 51.3069599798085676, 5.28807930631948508 51.30576954474925344)))</t>
  </si>
  <si>
    <t>MultiPolygon (((5.29736790415920655 51.31275288203715945, 5.29968581704831365 51.31444995650608831, 5.29863737606704266 51.31519123072095567, 5.30218146024440973 51.31667387238309885, 5.30465358714073965 51.31519804272669916, 5.30930838031505825 51.31523925642395056, 5.31287743265185686 51.31612638173472618, 5.3127353815173608 51.31858388408748084, 5.31491816995969213 51.31853440713494052, 5.31686618646179454 51.31630175216800183, 5.32038812250876791 51.31682198609671275, 5.32453057546482711 51.31634643317941169, 5.32680510433452348 51.31504243127750442, 5.33478383661289346 51.31402422075498038, 5.33568217985556981 51.31189442431973902, 5.33384483966676548 51.31110095267010962, 5.33044333883482846 51.31234080352388105, 5.33307698316700751 51.30839987141340686, 5.33100208016971422 51.30769311336605654, 5.33196860270709028 51.30610223483689225, 5.3349310771623415 51.30651325126912354, 5.3401899077969297 51.30391707481155095, 5.33938020610060704 51.30240456116435865, 5.33797248452817552 51.30257426810328525, 5.33550977409988114 51.29972096821260408, 5.33592039991565859 51.29804105420095794, 5.33930672370500314 51.29472895314401626, 5.33751067023345893 51.29212220373128872, 5.335078202049508 51.29050108359837168, 5.33264640041062865 51.29118996682186093, 5.33093812347587903 51.292359634644491, 5.33086305819215855 51.29241863652773503, 5.32841692788851518 51.2951880674300682, 5.3255029257526969 51.29273322909032373, 5.32535799074338101 51.29264403794858396, 5.32297426907318272 51.29377499091950199, 5.32023635675164908 51.29247412855249166, 5.32178253313907224 51.29122101248138677, 5.32065212132119214 51.29021230320338987, 5.31502620921376767 51.29251882315788436, 5.31227618480637886 51.29172750069061237, 5.31222190198570754 51.29321339568078741, 5.30905003833275391 51.29498687902862031, 5.3047975290366205 51.29629123974036276, 5.30334383733214931 51.29622129591733426, 5.30241142445553937 51.29525528427246428, 5.30126376698155255 51.29562869976740558, 5.29877679689042669 51.29937439313881242, 5.29662651512524363 51.30080909971259473, 5.29689087135347592 51.30352906899244658, 5.29964507417532449 51.30387870628363345, 5.29945600766141744 51.30795079773400147, 5.29821418534867572 51.30947709830849135, 5.29906122432230298 51.31050858836585604, 5.30193651470110972 51.31174626391756277, 5.29998258235363107 51.31346018583035828, 5.29736790415920655 51.31275288203715945, 5.29736790415920655 51.31275288203715945)))</t>
  </si>
  <si>
    <t>MultiPolygon (((5.33783926534623188 51.33480408696487984, 5.34163850848104893 51.33227507859908201, 5.34037587181676354 51.33144948606434355, 5.33528225061144123 51.32528340091370467, 5.3359582426712926 51.3237585090389743, 5.34014802690538026 51.32253050471524602, 5.34123854756958583 51.31991582008291886, 5.34158647755296556 51.3190159853513066, 5.34093083047465189 51.32012438921596953, 5.33701058732863132 51.32038701290700544, 5.3346392772118385 51.31929076453450023, 5.33649302986609797 51.31194205090947946, 5.33568217985556981 51.31189442431973902, 5.33478383661289346 51.31402422075498038, 5.32680510433452348 51.31504243127750442, 5.32453057546482711 51.31634643317941169, 5.32038812250876791 51.31682198609671275, 5.31686618646179454 51.31630175216800183, 5.31491816995969213 51.31853440713494052, 5.3127353815173608 51.31858388408748084, 5.31287743265185686 51.31612638173472618, 5.30930838031505825 51.31523925642395056, 5.30465358714073965 51.31519804272669916, 5.30218146024440973 51.31667387238309885, 5.29863737606704266 51.31519123072095567, 5.29968581704831365 51.31444995650608831, 5.29736790415920655 51.31275288203715945, 5.2943391119173322 51.30990169904079323, 5.29067866657327457 51.3083238274056157, 5.29060899602967982 51.3075759242025029, 5.26939343417589967 51.31193508064733777, 5.26025002877029202 51.31549326112174469, 5.26341057205338192 51.3192817998362969, 5.29217374621040104 51.31823746112287665, 5.30805609529497957 51.3218283443451071, 5.30955159856045444 51.32104873118372979, 5.3161675667290389 51.32368382261767437, 5.31673271033665262 51.32345389174891892, 5.3188767523990359 51.32485505397861658, 5.32295166931056674 51.32869222205282966, 5.32115878760008876 51.32956952874391021, 5.32401001357995529 51.33290245639842908, 5.32614172975488476 51.33189548629574972, 5.32635377138468158 51.33262148193801977, 5.33148066390491771 51.33360081866106839, 5.33220336555918983 51.33316551334896616, 5.33783926534623188 51.33480408696487984)))</t>
  </si>
  <si>
    <t>MultiPolygon (((5.42120190826257353 51.33837728153088875, 5.42195176719831373 51.33855653708896227, 5.42281988936932091 51.33626671172993383, 5.42303514683648746 51.33258136371407687, 5.42429073617752966 51.33075986118740985, 5.4339226730521144 51.32432076444420943, 5.42737527273704679 51.31438950819294575, 5.42579912384486462 51.31199022683872357, 5.42392780207092873 51.31250749843429304, 5.41985066958484119 51.31801834680427277, 5.4164874048736662 51.31939178085435316, 5.41365254255927297 51.31864645225552124, 5.41286145468372393 51.32051812983166172, 5.41078557215309708 51.31997691955686491, 5.4007191574708262 51.31350099408819432, 5.3976725084990278 51.31432058161188792, 5.39590530710012128 51.3101775331062413, 5.39445964620932816 51.30899424980680124, 5.39178905383378204 51.30887243023111211, 5.38884757284872418 51.31139353945864912, 5.39067432990540762 51.31272407249734613, 5.38650955547877253 51.31468939845940014, 5.38869961038134715 51.31668803314267535, 5.38727037889335136 51.31768711570303054, 5.3852253445128575 51.31659810760653784, 5.38320172891616266 51.31833336975834925, 5.3805782297211957 51.32391002581032069, 5.3824525705806634 51.32528941763347063, 5.38451897468506235 51.32325152833249149, 5.40028913337052696 51.3312368306450324, 5.40667690176805582 51.33308980011288725, 5.41641140524066067 51.33879449739412593, 5.41467964386750822 51.34163400312964143, 5.42497929260553224 51.34437128865648958, 5.42140124447650074 51.34069367163654363, 5.42120190826257353 51.33837728153088875, 5.42120190826257353 51.33837728153088875)))</t>
  </si>
  <si>
    <t>MultiPolygon (((5.34678371730584878 51.34751624265058467, 5.35119106379776355 51.34371242185719808, 5.35574690362431927 51.3410973882651831, 5.3602749075409557 51.33920643740363232, 5.36620945070900213 51.33768056665666535, 5.37770999079138168 51.33659840677614028, 5.38835058931474098 51.33749359967990245, 5.40919841813298508 51.34090759688422168, 5.40424335408112277 51.33698018286266063, 5.40577568366333594 51.3356027871048326, 5.40410252653161294 51.33445878459933454, 5.40281724290737753 51.33552627837868698, 5.4031432650734077 51.33592022765911622, 5.40093203271149758 51.33762117959359017, 5.39895738756217192 51.33532100335524717, 5.39696039507016057 51.33644638781796488, 5.39273156986589708 51.33500749786181672, 5.39108852821935791 51.33617433039044187, 5.38996964261092781 51.33567023116196992, 5.39005882366215339 51.33280226734132157, 5.3916129790279177 51.33161025727062565, 5.39108619255798249 51.33102933520400768, 5.38901085510925348 51.33124745543562284, 5.38362586249879538 51.32968949558474492, 5.38543446928996872 51.32829313527969362, 5.37804490018055503 51.3241809255553747, 5.37667907177878579 51.32465052367267333, 5.37588308676953552 51.32602751487301163, 5.37463988370995427 51.3268601681592429, 5.36847488757728986 51.32699187856739798, 5.3663682544500686 51.32814822062010762, 5.36052269384328639 51.32815687915192626, 5.36059668491554131 51.32941981263553544, 5.35844737199820553 51.33034394857488536, 5.35370970060187368 51.33008756209372336, 5.34835378997408561 51.33090808661404481, 5.34503999520511019 51.32635645739518537, 5.34551614472002878 51.32555353072742577, 5.34435515421652596 51.32663977595422011, 5.34024310617268494 51.32735595557588937, 5.34037587181676354 51.33144948606434355, 5.34163850848104893 51.33227507859908201, 5.33783926534623188 51.33480408696487984, 5.34174031415237494 51.33582537237307264, 5.34712130978768752 51.33745315530375564, 5.3419922310060457 51.34421792602430656, 5.34678371730584878 51.34751624265058467, 5.34678371730584878 51.34751624265058467)))</t>
  </si>
  <si>
    <t>MultiPolygon (((5.41749684331142856 51.38058064959422211, 5.42245864119240029 51.3799036955637618, 5.4240834823655506 51.38029432418816356, 5.42555264802685144 51.37924222301645472, 5.42485185473728126 51.3791933471744855, 5.42383357816941825 51.37760135027246378, 5.42423682691318554 51.3765531387244252, 5.42320735317639624 51.37486642567531447, 5.42136078798846466 51.37431725256574566, 5.41887117208669267 51.37180738516209288, 5.42098197999277698 51.36929950494544528, 5.41988198594694293 51.36510337607528243, 5.41970340797836947 51.35925012697057923, 5.42097983104183534 51.35665119825787883, 5.42154675538291286 51.35418829066261992, 5.42352787001770587 51.35223978632388508, 5.42290510606281195 51.34984847282574805, 5.42271297818958242 51.34832435371498605, 5.42518258241440776 51.34537388570121408, 5.42497929260553224 51.34437128865648958, 5.41467964386750822 51.34163400312964143, 5.41097770782515575 51.34115895426890575, 5.40919841813298508 51.34090759688422168, 5.38835058931474098 51.33749359967990245, 5.38595486351288066 51.33997509900093092, 5.39007914107412844 51.34141616371471883, 5.39014762204956011 51.34260827354491141, 5.38741258620502794 51.3472886079325761, 5.388069765634528 51.34755246790666661, 5.38821647577891305 51.34764992224103963, 5.39104773487130196 51.34897019457285694, 5.39258917546316141 51.35175379441410826, 5.39159608603768081 51.35342783381674536, 5.39228529345678531 51.35646903902516414, 5.38978225546872558 51.35705065899651345, 5.38636906227956302 51.35697933697139206, 5.38596957732744741 51.3570073248637442, 5.38691527889990329 51.3590704561203637, 5.38499334397702434 51.35967004860500396, 5.38332491353442766 51.3623807974870985, 5.38596528003449304 51.36577072079600015, 5.38884574385387261 51.36704680343918739, 5.39041289607742691 51.36638979248661485, 5.39401913190053683 51.36994803898983974, 5.40434750100845296 51.37037328814646742, 5.40719614506336299 51.3722774842872596, 5.40575001132880573 51.37506587698083393, 5.41008763946899673 51.37810863454026844, 5.41381866194020844 51.3795748291964145, 5.41749684331142856 51.38058064959422211, 5.41749684331142856 51.38058064959422211)))</t>
  </si>
  <si>
    <t>MultiPolygon (((5.37525948756001615 51.36166342837804422, 5.38169935995467164 51.36265391940447955, 5.38249249426400578 51.36427700938416052, 5.38596528003449304 51.36577072079600015, 5.38332491353442766 51.3623807974870985, 5.38499334397702434 51.35967004860500396, 5.38691527889990329 51.3590704561203637, 5.38596957732744741 51.3570073248637442, 5.38342510888207126 51.35706890041500117, 5.37977362424397842 51.35543881466100657, 5.38149882990444084 51.35272597009650042, 5.3801145736499949 51.35112275778365643, 5.38091888640931604 51.35000488455705892, 5.38504590244805836 51.34790295270893523, 5.388069765634528 51.34755246790666661, 5.38741258620502794 51.3472886079325761, 5.39014762204956011 51.34260827354491141, 5.39007914107412844 51.34141616371471883, 5.38595486351288066 51.33997509900093092, 5.38835058931474098 51.33749359967990245, 5.37770999079138168 51.33659840677614028, 5.36620945070900213 51.33768056665666535, 5.3663821018529676 51.34278083812858995, 5.3684605454940435 51.343219253612844, 5.3682032472138852 51.34730907250590803, 5.36476728187312357 51.34878585275298235, 5.3641725925317667 51.35134978834116737, 5.36651923102237483 51.35170829993403885, 5.36685462212834263 51.35468778663238965, 5.37185678596642369 51.35869591417055346, 5.37528997402203235 51.35958640063265079, 5.37525948756001615 51.36166342837804422, 5.37525948756001615 51.36166342837804422)))</t>
  </si>
  <si>
    <t>MultiPolygon (((5.41783762615891984 51.3820875734470448, 5.42180118510642295 51.38340991093038213, 5.4240834823655506 51.38029432418816356, 5.42245864119240029 51.3799036955637618, 5.41749684331142856 51.38058064959422211, 5.41381866194020844 51.3795748291964145, 5.41008763946899673 51.37810863454026844, 5.40575001132880573 51.37506587698083393, 5.40719614506336299 51.3722774842872596, 5.40434750100845296 51.37037328814646742, 5.39401913190053683 51.36994803898983974, 5.39041289607742691 51.36638979248661485, 5.38884574385387261 51.36704680343918739, 5.38596528003449304 51.36577072079600015, 5.38249249426400578 51.36427700938416052, 5.38169935995467164 51.36265391940447955, 5.37525948756001615 51.36166342837804422, 5.37295704054524137 51.36367258320873219, 5.3660755826944877 51.35936632192308338, 5.36554309964047249 51.35701919877416799, 5.36219481751877591 51.35598236742200129, 5.36172489009489173 51.35487917964722016, 5.3641725925317667 51.35134978834116737, 5.36476728187312357 51.34878585275298235, 5.3682032472138852 51.34730907250590803, 5.3684605454940435 51.343219253612844, 5.3663821018529676 51.34278083812858995, 5.36620945070900213 51.33768056665666535, 5.3602749075409557 51.33920643740363232, 5.35574690362431927 51.3410973882651831, 5.35119106379776355 51.34371242185719808, 5.34678371730584878 51.34751624265058467, 5.34258857682555544 51.3526723107015215, 5.34474454703937774 51.35490775326896795, 5.34577393131537537 51.35751707123948506, 5.34828037836818115 51.35963188970652027, 5.35158176528132312 51.3607030748336939, 5.35245118091745731 51.3618210201634966, 5.35575235007108308 51.36253163308217751, 5.36432225194632384 51.36697609970632072, 5.37049637359755661 51.36931143654529563, 5.37406680740162024 51.36952839975150908, 5.37563783162841702 51.36876256390610962, 5.37821147693592483 51.36939360610479355, 5.38113320904071557 51.37113090430050022, 5.38260551645761964 51.37283131015970383, 5.38802653151112487 51.37526787002162365, 5.38890703014940442 51.37646010365587301, 5.39086225344611325 51.3775917882619666, 5.39315293455178413 51.37747696768753514, 5.39589180726080464 51.37932929264267301, 5.39651527905854866 51.38082016455309997, 5.40841378367426184 51.37981847012250114, 5.40981319469625177 51.38010489090726196, 5.41027381997170753 51.38124803772334559, 5.41348191063369555 51.38390500892570145, 5.41783762615891984 51.3820875734470448)))</t>
  </si>
  <si>
    <t>MultiPolygon (((5.34230707946986794 51.313207796749019, 5.34248580371223536 51.31247417212843231, 5.33965806560231648 51.31034639758230043, 5.33547416477254455 51.3100568363909133, 5.33384483966676548 51.31110095267010962, 5.33568217985556981 51.31189442431973902, 5.33649302986609797 51.31194205090947946, 5.34230707946986794 51.313207796749019, 5.34230707946986794 51.313207796749019)))</t>
  </si>
  <si>
    <t>MultiPolygon (((5.33384483966676548 51.31110095267010962, 5.33547416477254455 51.3100568363909133, 5.33307698316700751 51.30839987141340686, 5.33044333883482846 51.31234080352388105, 5.33384483966676548 51.31110095267010962, 5.33384483966676548 51.31110095267010962)))</t>
  </si>
  <si>
    <t>MultiPolygon (((5.34158647755296556 51.3190159853513066, 5.34179499404174685 51.3173292880366958, 5.34230707946986794 51.313207796749019, 5.33649302986609797 51.31194205090947946, 5.3346392772118385 51.31929076453450023, 5.33701058732863132 51.32038701290700544, 5.34093083047465189 51.32012438921596953, 5.34158647755296556 51.3190159853513066, 5.34158647755296556 51.3190159853513066)))</t>
  </si>
  <si>
    <t>MultiPolygon (((5.3349310771623415 51.30651325126912354, 5.34048139533728605 51.30915718693400152, 5.34382872258489083 51.31250499363992645, 5.34752076086451034 51.31224700708009578, 5.34835466702417506 51.31091688196956824, 5.34494768953677735 51.30838613244787894, 5.34138849196712862 51.30216241824150813, 5.33938020610060704 51.30240456116435865, 5.3401899077969297 51.30391707481155095, 5.3349310771623415 51.30651325126912354, 5.3349310771623415 51.30651325126912354)))</t>
  </si>
  <si>
    <t>MultiPolygon (((5.34248580371223536 51.31247417212843231, 5.3451358654628276 51.31287737950199812, 5.34895905786064851 51.31244189115928123, 5.34918164228872151 51.31233985527426711, 5.34835466702417506 51.31091688196956824, 5.34752076086451034 51.31224700708009578, 5.34382872258489083 51.31250499363992645, 5.34048139533728605 51.30915718693400152, 5.3349310771623415 51.30651325126912354, 5.33196860270709028 51.30610223483689225, 5.33100208016971422 51.30769311336605654, 5.33307698316700751 51.30839987141340686, 5.33547416477254455 51.3100568363909133, 5.33965806560231648 51.31034639758230043, 5.34248580371223536 51.31247417212843231, 5.34248580371223536 51.31247417212843231)))</t>
  </si>
  <si>
    <t>MultiPolygon (((5.40919841813298508 51.34090759688422168, 5.41097770782515575 51.34115895426890575, 5.41224866020114526 51.34023541276561531, 5.4103964521577792 51.33915525518091982, 5.40952424625007389 51.33743354635880252, 5.40577568366333594 51.3356027871048326, 5.40424335408112277 51.33698018286266063, 5.40919841813298508 51.34090759688422168, 5.40919841813298508 51.34090759688422168)))</t>
  </si>
  <si>
    <t>MultiPolygon (((5.40006659242825737 51.33472097686420454, 5.40281724290737753 51.33552627837868698, 5.40410252653161294 51.33445878459933454, 5.40229989031609126 51.3332481721621221, 5.40186529651015057 51.33292652170359105, 5.40006659242825737 51.33472097686420454, 5.40006659242825737 51.33472097686420454)))</t>
  </si>
  <si>
    <t>MultiPolygon (((5.39895738756217192 51.33532100335524717, 5.40093203271149758 51.33762117959359017, 5.4031432650734077 51.33592022765911622, 5.40281724290737753 51.33552627837868698, 5.40006659242825737 51.33472097686420454, 5.39895738756217192 51.33532100335524717, 5.39895738756217192 51.33532100335524717)))</t>
  </si>
  <si>
    <t>MultiPolygon (((5.40577568366333594 51.3356027871048326, 5.40952424625007389 51.33743354635880252, 5.4101490924892186 51.33695581702740895, 5.40767616575208709 51.33502613199671316, 5.40339212106722755 51.33279269986132221, 5.40229989031609126 51.3332481721621221, 5.40410252653161294 51.33445878459933454, 5.40577568366333594 51.3356027871048326, 5.40577568366333594 51.3356027871048326)))</t>
  </si>
  <si>
    <t>MultiPolygon (((5.398364892410358 51.33475935688692715, 5.39935466529401875 51.33241508594680624, 5.39505040161357652 51.33160770746189172, 5.39361670758473988 51.33229123730973242, 5.3939716465273948 51.33291206821172636, 5.398364892410358 51.33475935688692715, 5.398364892410358 51.33475935688692715)))</t>
  </si>
  <si>
    <t>MultiPolygon (((5.39696039507016057 51.33644638781796488, 5.39895738756217192 51.33532100335524717, 5.40006659242825737 51.33472097686420454, 5.40186529651015057 51.33292652170359105, 5.40017061006865529 51.33198739756704754, 5.39935466529401875 51.33241508594680624, 5.398364892410358 51.33475935688692715, 5.39696039507016057 51.33644638781796488, 5.39696039507016057 51.33644638781796488)))</t>
  </si>
  <si>
    <t>MultiPolygon (((5.39696039507016057 51.33644638781796488, 5.398364892410358 51.33475935688692715, 5.3939716465273948 51.33291206821172636, 5.39361670758473988 51.33229123730973242, 5.39505040161357652 51.33160770746189172, 5.3916129790279177 51.33161025727062565, 5.39005882366215339 51.33280226734132157, 5.38996964261092781 51.33567023116196992, 5.39108852821935791 51.33617433039044187, 5.39273156986589708 51.33500749786181672, 5.39696039507016057 51.33644638781796488, 5.39696039507016057 51.33644638781796488)))</t>
  </si>
  <si>
    <t>MultiPolygon (((5.39935466529401875 51.33241508594680624, 5.40017061006865529 51.33198739756704754, 5.39997710567820288 51.33136477534859665, 5.3944514711421423 51.33023168950551707, 5.39148155175990951 51.33018995322336764, 5.39108619255798249 51.33102933520400768, 5.3916129790279177 51.33161025727062565, 5.39505040161357652 51.33160770746189172, 5.39935466529401875 51.33241508594680624, 5.39935466529401875 51.33241508594680624)))</t>
  </si>
  <si>
    <t>MultiPolygon (((5.41097770782515575 51.34115895426890575, 5.41467964386750822 51.34163400312964143, 5.41641140524066067 51.33879449739412593, 5.40667690176805582 51.33308980011288725, 5.40028913337052696 51.3312368306450324, 5.38451897468506235 51.32325152833249149, 5.3824525705806634 51.32528941763347063, 5.3805782297211957 51.32391002581032069, 5.37864735410298245 51.32355244868831079, 5.37804490018055503 51.3241809255553747, 5.38543446928996872 51.32829313527969362, 5.38362586249879538 51.32968949558474492, 5.38901085510925348 51.33124745543562284, 5.39108619255798249 51.33102933520400768, 5.39148155175990951 51.33018995322336764, 5.3944514711421423 51.33023168950551707, 5.39997710567820288 51.33136477534859665, 5.40017061006865529 51.33198739756704754, 5.40186529651015057 51.33292652170359105, 5.40229989031609126 51.3332481721621221, 5.40339212106722755 51.33279269986132221, 5.40767616575208709 51.33502613199671316, 5.4101490924892186 51.33695581702740895, 5.40952424625007389 51.33743354635880252, 5.4103964521577792 51.33915525518091982, 5.41224866020114526 51.34023541276561531, 5.41097770782515575 51.34115895426890575, 5.41097770782515575 51.34115895426890575)))</t>
  </si>
  <si>
    <t>MultiPolygon (((5.3641725925317667 51.35134978834116737, 5.36172489009489173 51.35487917964722016, 5.36219481751877591 51.35598236742200129, 5.36554309964047249 51.35701919877416799, 5.3660755826944877 51.35936632192308338, 5.37295704054524137 51.36367258320873219, 5.37525948756001615 51.36166342837804422, 5.37528997402203235 51.35958640063265079, 5.37185678596642369 51.35869591417055346, 5.36685462212834263 51.35468778663238965, 5.36651923102237483 51.35170829993403885, 5.3641725925317667 51.35134978834116737, 5.3641725925317667 51.35134978834116737)))</t>
  </si>
  <si>
    <t>MultiPolygon (((5.38596957732744741 51.3570073248637442, 5.38636906227956302 51.35697933697139206, 5.38654058445035311 51.35388600507855017, 5.38517157836608185 51.3532909379589384, 5.38149882990444084 51.35272597009650042, 5.37977362424397842 51.35543881466100657, 5.38342510888207126 51.35706890041500117, 5.38596957732744741 51.3570073248637442, 5.38596957732744741 51.3570073248637442)))</t>
  </si>
  <si>
    <t>MultiPolygon (((5.38149882990444084 51.35272597009650042, 5.38517157836608185 51.3532909379589384, 5.38736585547425584 51.35185761112720115, 5.38821647577891305 51.34764992224103963, 5.388069765634528 51.34755246790666661, 5.38504590244805836 51.34790295270893523, 5.38091888640931604 51.35000488455705892, 5.3801145736499949 51.35112275778365643, 5.38149882990444084 51.35272597009650042, 5.38149882990444084 51.35272597009650042)))</t>
  </si>
  <si>
    <t>MultiPolygon (((5.38738470727330565 51.35386868705323593, 5.39159608603768081 51.35342783381674536, 5.39258917546316141 51.35175379441410826, 5.39104773487130196 51.34897019457285694, 5.38821647577891305 51.34764992224103963, 5.38736585547425584 51.35185761112720115, 5.38952326120635838 51.35252273238948817, 5.38748012744716842 51.35316692569928421, 5.38738470727330565 51.35386868705323593, 5.38738470727330565 51.35386868705323593)))</t>
  </si>
  <si>
    <t>MultiPolygon (((5.38636906227956302 51.35697933697139206, 5.38978225546872558 51.35705065899651345, 5.39228529345678531 51.35646903902516414, 5.39159608603768081 51.35342783381674536, 5.38738470727330565 51.35386868705323593, 5.38654058445035311 51.35388600507855017, 5.38636906227956302 51.35697933697139206, 5.38636906227956302 51.35697933697139206)))</t>
  </si>
  <si>
    <t>MultiPolygon (((5.38654058445035311 51.35388600507855017, 5.38738470727330565 51.35386868705323593, 5.38748012744716842 51.35316692569928421, 5.38952326120635838 51.35252273238948817, 5.38736585547425584 51.35185761112720115, 5.38517157836608185 51.3532909379589384, 5.38654058445035311 51.35388600507855017, 5.38654058445035311 51.35388600507855017)))</t>
  </si>
  <si>
    <t>MultiPolygon (((5.33093812347587903 51.292359634644491, 5.33264640041062865 51.29118996682186093, 5.33020214114665247 51.29079222447804653, 5.33093812347587903 51.292359634644491, 5.33093812347587903 51.292359634644491)))</t>
  </si>
  <si>
    <t>MultiPolygon (((5.31303930026420446 51.28424881869398178, 5.31412719353136431 51.28236280246934342, 5.31518564965227736 51.2813680824005047, 5.31058294161065181 51.28090644475562954, 5.31046647472906486 51.28009231983708816, 5.30466607212468411 51.27967559541062315, 5.30211058693043302 51.28237107652221027, 5.30678277041229052 51.28337380646409827, 5.31198527243647334 51.28558583161945705, 5.31303930026420446 51.28424881869398178, 5.31303930026420446 51.28424881869398178)))</t>
  </si>
  <si>
    <t>MultiPolygon (((5.31227618480637886 51.29172750069061237, 5.31502620921376767 51.29251882315788436, 5.31870037331449819 51.28983086874804798, 5.31689515056201323 51.28944940005037978, 5.31227618480637886 51.29172750069061237, 5.31227618480637886 51.29172750069061237)))</t>
  </si>
  <si>
    <t>MultiPolygon (((5.32033795727280623 51.2884567325607108, 5.32139592866542976 51.28766919696445115, 5.31505273871547601 51.28545296494638706, 5.31480728221111942 51.28687883306468365, 5.32033795727280623 51.2884567325607108, 5.32033795727280623 51.2884567325607108)))</t>
  </si>
  <si>
    <t>MultiPolygon (((5.31502620921376767 51.29251882315788436, 5.32065212132119214 51.29021230320338987, 5.32062876727435885 51.29007102272148444, 5.32033795727280623 51.2884567325607108, 5.31480728221111942 51.28687883306468365, 5.31505273871547601 51.28545296494638706, 5.31514546342394656 51.2849434769890351, 5.31439315114579536 51.28670245875675704, 5.31575157480716243 51.28739035373015298, 5.31505668822995503 51.2880638755014715, 5.31689515056201323 51.28944940005037978, 5.31870037331449819 51.28983086874804798, 5.31502620921376767 51.29251882315788436, 5.31502620921376767 51.29251882315788436)))</t>
  </si>
  <si>
    <t>MultiPolygon (((5.32139592866542976 51.28766919696445115, 5.3222908575450365 51.28703440943665015, 5.32074703946890004 51.28498531905156455, 5.31516668713233553 51.28343124970874101, 5.31412719353136431 51.28236280246934342, 5.31303930026420446 51.28424881869398178, 5.31514546342394656 51.2849434769890351, 5.31505273871547601 51.28545296494638706, 5.32139592866542976 51.28766919696445115, 5.32139592866542976 51.28766919696445115)))</t>
  </si>
  <si>
    <t>MultiPolygon (((5.32062876727435885 51.29007102272148444, 5.32530613101934236 51.28859896633188953, 5.32292310049041273 51.28706337061366582, 5.3222908575450365 51.28703440943665015, 5.32139592866542976 51.28766919696445115, 5.32033795727280623 51.2884567325607108, 5.32062876727435885 51.29007102272148444, 5.32062876727435885 51.29007102272148444)))</t>
  </si>
  <si>
    <t>MultiPolygon (((5.32065212132119214 51.29021230320338987, 5.32178253313907224 51.29122101248138677, 5.32023635675164908 51.29247412855249166, 5.32297426907318272 51.29377499091950199, 5.32535799074338101 51.29264403794858396, 5.3244329193697757 51.29210322153712553, 5.32523371089940589 51.29007398140000618, 5.32615957117539729 51.28888810745343108, 5.32734358624945603 51.28901737665376004, 5.32631648499038057 51.28814166491403626, 5.32530613101934236 51.28859896633188953, 5.32062876727435885 51.29007102272148444, 5.32065212132119214 51.29021230320338987, 5.32065212132119214 51.29021230320338987)))</t>
  </si>
  <si>
    <t>MultiPolygon (((5.33264640041062865 51.29118996682186093, 5.335078202049508 51.29050108359837168, 5.33084265115880473 51.28764919747786877, 5.32364542067530433 51.28644186170424035, 5.32292310049041273 51.28706337061366582, 5.32530613101934236 51.28859896633188953, 5.32631648499038057 51.28814166491403626, 5.32734358624945603 51.28901737665376004, 5.33020214114665247 51.29079222447804653, 5.33264640041062865 51.29118996682186093, 5.33264640041062865 51.29118996682186093)))</t>
  </si>
  <si>
    <t>MultiPolygon (((5.32535799074338101 51.29264403794858396, 5.3255029257526969 51.29273322909032373, 5.32733482966616201 51.29089468103383354, 5.33086305819215855 51.29241863652773503, 5.33093812347587903 51.292359634644491, 5.33020214114665247 51.29079222447804653, 5.32734358624945603 51.28901737665376004, 5.32615957117539729 51.28888810745343108, 5.32523371089940589 51.29007398140000618, 5.3244329193697757 51.29210322153712553, 5.32535799074338101 51.29264403794858396, 5.32535799074338101 51.29264403794858396)))</t>
  </si>
  <si>
    <t>MultiPolygon (((5.3255029257526969 51.29273322909032373, 5.32841692788851518 51.2951880674300682, 5.33086305819215855 51.29241863652773503, 5.32733482966616201 51.29089468103383354, 5.3255029257526969 51.29273322909032373, 5.3255029257526969 51.29273322909032373)))</t>
  </si>
  <si>
    <t>MultiPolygon (((5.29060899602967982 51.3075759242025029, 5.29067866657327457 51.3083238274056157, 5.2943391119173322 51.30990169904079323, 5.29736790415920655 51.31275288203715945, 5.29998258235363107 51.31346018583035828, 5.30193651470110972 51.31174626391756277, 5.29906122432230298 51.31050858836585604, 5.29821418534867572 51.30947709830849135, 5.29945600766141744 51.30795079773400147, 5.29964507417532449 51.30387870628363345, 5.29689087135347592 51.30352906899244658, 5.29761016572053389 51.30496308221414381, 5.29381883728894387 51.30712189228270148, 5.2928057626575038 51.30569826637783848, 5.2907224841916225 51.30514088633856318, 5.28807930631948508 51.30576954474925344, 5.28706066950842057 51.3069599798085676, 5.29060899602967982 51.3075759242025029, 5.29060899602967982 51.3075759242025029)))</t>
  </si>
  <si>
    <t>MultiPolygon (((5.34858848807672516 51.31921666717341424, 5.3496901935725889 51.31880026751813517, 5.35328350798430641 51.31461697497402241, 5.34888041818537552 51.31259266766895166, 5.34895905786064851 51.31244189115928123, 5.3451358654628276 51.31287737950199812, 5.34248580371223536 51.31247417212843231, 5.34230707946986794 51.313207796749019, 5.34179499404174685 51.3173292880366958, 5.34858848807672516 51.31921666717341424, 5.34858848807672516 51.31921666717341424)))</t>
  </si>
  <si>
    <t>MultiPolygon (((5.34037587181676354 51.33144948606434355, 5.34024310617268494 51.32735595557588937, 5.34435515421652596 51.32663977595422011, 5.34551614472002878 51.32555353072742577, 5.34747164210267467 51.32441175975372261, 5.34740569643424113 51.32390381098952048, 5.34451649152594932 51.32297359955935434, 5.34014802690538026 51.32253050471524602, 5.3359582426712926 51.3237585090389743, 5.33528225061144123 51.32528340091370467, 5.34037587181676354 51.33144948606434355, 5.34037587181676354 51.33144948606434355)))</t>
  </si>
  <si>
    <t>MultiPolygon (((5.34014802690538026 51.32253050471524602, 5.34451649152594932 51.32297359955935434, 5.34478254852820189 51.32097679608758511, 5.34123854756958583 51.31991582008291886, 5.34014802690538026 51.32253050471524602, 5.34014802690538026 51.32253050471524602)))</t>
  </si>
  <si>
    <t>MultiPolygon (((5.34451649152594932 51.32297359955935434, 5.34740569643424113 51.32390381098952048, 5.34745522584340804 51.32237672381045712, 5.34899206490094592 51.32032002040664764, 5.34858848807672516 51.31921666717341424, 5.34179499404174685 51.3173292880366958, 5.34158647755296556 51.3190159853513066, 5.34123854756958583 51.31991582008291886, 5.34478254852820189 51.32097679608758511, 5.34451649152594932 51.32297359955935434, 5.34451649152594932 51.32297359955935434)))</t>
  </si>
  <si>
    <t>MultiPolygon (((5.34740569643424113 51.32390381098952048, 5.34747164210267467 51.32441175975372261, 5.35232172844768161 51.32419945561335339, 5.35575182530479754 51.32310395949237147, 5.35786919278044138 51.32401290682768291, 5.35908736279789633 51.32341160765542298, 5.35546605417597199 51.32131715854407616, 5.3496901935725889 51.31880026751813517, 5.34858848807672516 51.31921666717341424, 5.34899206490094592 51.32032002040664764, 5.34745522584340804 51.32237672381045712, 5.34740569643424113 51.32390381098952048, 5.34740569643424113 51.32390381098952048)))</t>
  </si>
  <si>
    <t>MultiPolygon (((5.35232172844768161 51.32419945561335339, 5.35584351890670263 51.32598374569666078, 5.35786919278044138 51.32401290682768291, 5.35575182530479754 51.32310395949237147, 5.35232172844768161 51.32419945561335339, 5.35232172844768161 51.32419945561335339)))</t>
  </si>
  <si>
    <t>MultiPolygon (((5.34551614472002878 51.32555353072742577, 5.34503999520511019 51.32635645739518537, 5.34835378997408561 51.33090808661404481, 5.35370970060187368 51.33008756209372336, 5.35844737199820553 51.33034394857488536, 5.36059668491554131 51.32941981263553544, 5.36052269384328639 51.32815687915192626, 5.35925595530177823 51.32813546934163895, 5.35907811978367565 51.32529515838832168, 5.36104575571801512 51.32512228443245306, 5.36100746777531434 51.32404634259015097, 5.35972944569608423 51.32332463939214051, 5.35908736279789633 51.32341160765542298, 5.35786919278044138 51.32401290682768291, 5.35584351890670263 51.32598374569666078, 5.35232172844768161 51.32419945561335339, 5.34747164210267467 51.32441175975372261, 5.34551614472002878 51.32555353072742577, 5.34551614472002878 51.32555353072742577)))</t>
  </si>
  <si>
    <t>MultiPolygon (((5.37588308676953552 51.32602751487301163, 5.37667907177878579 51.32465052367267333, 5.37668462927546553 51.3238661853723741, 5.3749622187824091 51.32343878506263479, 5.37405404054439106 51.32320759602698956, 5.37296385756971784 51.32332970715786047, 5.37227763414192871 51.32235063234700334, 5.36664423081745134 51.32312421537377389, 5.37588308676953552 51.32602751487301163, 5.37588308676953552 51.32602751487301163),(5.37428176601381757 51.32352127402806019, 5.37411818175544465 51.32325600748558259, 5.37441143445920488 51.32333190455212701, 5.37428176601381757 51.32352127402806019, 5.37428176601381757 51.32352127402806019)))</t>
  </si>
  <si>
    <t>MultiPolygon (((5.36847488757728986 51.32699187856739798, 5.37463988370995427 51.3268601681592429, 5.37588308676953552 51.32602751487301163, 5.36664423081745134 51.32312421537377389, 5.36335628974024825 51.32344595611308335, 5.3646672363483523 51.32465516388219839, 5.3683543856061311 51.32492245552079879, 5.36847488757728986 51.32699187856739798, 5.36847488757728986 51.32699187856739798)))</t>
  </si>
  <si>
    <t>MultiPolygon (((5.36052269384328639 51.32815687915192626, 5.3663682544500686 51.32814822062010762, 5.36847488757728986 51.32699187856739798, 5.3683543856061311 51.32492245552079879, 5.3646672363483523 51.32465516388219839, 5.36335628974024825 51.32344595611308335, 5.36664423081745134 51.32312421537377389, 5.37227763414192871 51.32235063234700334, 5.37049571636730239 51.32116984859013797, 5.36616582624989658 51.32220887085071581, 5.36075714108644341 51.32217520069550432, 5.36053661922174296 51.32301692850845853, 5.35972944569608423 51.32332463939214051, 5.36100746777531434 51.32404634259015097, 5.36104575571801512 51.32512228443245306, 5.35907811978367565 51.32529515838832168, 5.35925595530177823 51.32813546934163895, 5.36052269384328639 51.32815687915192626, 5.36052269384328639 51.32815687915192626)))</t>
  </si>
  <si>
    <t>MultiPolygon (((5.35908736279789633 51.32341160765542298, 5.35972944569608423 51.32332463939214051, 5.36053661922174296 51.32301692850845853, 5.35866140026999016 51.32035908532991897, 5.35634466729068581 51.31997732867603901, 5.35546605417597199 51.32131715854407616, 5.35908736279789633 51.32341160765542298, 5.35908736279789633 51.32341160765542298)))</t>
  </si>
  <si>
    <t>MultiPolygon (((5.36053661922174296 51.32301692850845853, 5.36075714108644341 51.32217520069550432, 5.36616582624989658 51.32220887085071581, 5.37049571636730239 51.32116984859013797, 5.36717180683065553 51.31927983419261352, 5.36377259041362642 51.31976325702179764, 5.36004097542240387 51.31872723982202444, 5.35866140026999016 51.32035908532991897, 5.36053661922174296 51.32301692850845853, 5.36053661922174296 51.32301692850845853)))</t>
  </si>
  <si>
    <t>MultiPolygon (((5.36004097542240387 51.31872723982202444, 5.36377259041362642 51.31976325702179764, 5.36717180683065553 51.31927983419261352, 5.36569271164347583 51.3179003050667788, 5.35955972355909704 51.31595519632922731, 5.35889127702987444 51.3148907343593379, 5.35760782241542 51.31712265276640039, 5.36004097542240387 51.31872723982202444, 5.36004097542240387 51.31872723982202444)))</t>
  </si>
  <si>
    <t>MultiPolygon (((5.35634466729068581 51.31997732867603901, 5.35866140026999016 51.32035908532991897, 5.36004097542240387 51.31872723982202444, 5.35760782241542 51.31712265276640039, 5.35889127702987444 51.3148907343593379, 5.35607862398159718 51.31430364028123137, 5.35469274045565857 51.31498541877573416, 5.35678082573522918 51.31771983217408462, 5.35634466729068581 51.31997732867603901, 5.35634466729068581 51.31997732867603901)))</t>
  </si>
  <si>
    <t>MultiPolygon (((5.35546605417597199 51.32131715854407616, 5.35634466729068581 51.31997732867603901, 5.35678082573522918 51.31771983217408462, 5.35469274045565857 51.31498541877573416, 5.35607862398159718 51.31430364028123137, 5.35482172636803622 51.31411507516686044, 5.35328350798430641 51.31461697497402241, 5.3496901935725889 51.31880026751813517, 5.35546605417597199 51.32131715854407616, 5.35546605417597199 51.32131715854407616)))</t>
  </si>
  <si>
    <t>MultiPolygon (((5.35328350798430641 51.31461697497402241, 5.35482172636803622 51.31411507516686044, 5.34888041818537552 51.31259266766895166, 5.35328350798430641 51.31461697497402241, 5.35328350798430641 51.31461697497402241)))</t>
  </si>
  <si>
    <t>MultiPolygon (((5.37411818175544465 51.32325600748558259, 5.37428176601381757 51.32352127402806019, 5.37441143445920488 51.32333190455212701, 5.37411818175544465 51.32325600748558259, 5.37411818175544465 51.32325600748558259)),((5.37667907177878579 51.32465052367267333, 5.37804490018055503 51.3241809255553747, 5.37864735410298245 51.32355244868831079, 5.37673756095654998 51.32210744563357707, 5.37753816105960691 51.32071177014325514, 5.36299358483264133 51.31266186275091457, 5.35904248990181742 51.31349882899303338, 5.35551785155615701 51.3113273728539383, 5.34976492920503865 51.31129392514763765, 5.34918164228872151 51.31233985527426711, 5.34895905786064851 51.31244189115928123, 5.34888041818537552 51.31259266766895166, 5.35482172636803622 51.31411507516686044, 5.35607862398159718 51.31430364028123137, 5.35889127702987444 51.3148907343593379, 5.35955972355909704 51.31595519632922731, 5.36569271164347583 51.3179003050667788, 5.36717180683065553 51.31927983419261352, 5.37049571636730239 51.32116984859013797, 5.37227763414192871 51.32235063234700334, 5.37296385756971784 51.32332970715786047, 5.37405404054439106 51.32320759602698956, 5.3749622187824091 51.32343878506263479, 5.37668462927546553 51.3238661853723741, 5.37667907177878579 51.32465052367267333, 5.37667907177878579 51.32465052367267333)))</t>
  </si>
  <si>
    <t>MultiPolygon (((5.57600631267814961 51.73153196734757131, 5.58088116046704474 51.7314480880772436, 5.58847440839842857 51.72497676068934425, 5.60006517977249008 51.70848683888696229, 5.59916797784179376 51.70703532271109282, 5.59543650941702442 51.70752647409533864, 5.59704061606191061 51.70198748986318549, 5.60022846379476835 51.69828990694332305, 5.60058871645217504 51.69657293001790777, 5.59885598491505654 51.69587089174779493, 5.59683746336231458 51.69092255391666413, 5.58924027246356925 51.68504100175063343, 5.58686414637774931 51.68305317301000201, 5.57641262301132645 51.6799716417717363, 5.57675341795253932 51.67873319959323197, 5.57301625730168482 51.67809009801684539, 5.57352289069314821 51.67709016375167863, 5.56590784548572071 51.66736890231793211, 5.56065634806197995 51.66697310929138354, 5.55574060223924615 51.68548729844962253, 5.55726705645805996 51.69305951319078929, 5.55865214728301371 51.69292922569681537, 5.55934722391243952 51.69356218069960818, 5.56251860513989094 51.6968363584033952, 5.56151616233792723 51.69743081962834452, 5.56396503001146314 51.69866437571268847, 5.56528567525471551 51.69869200029130241, 5.56898542475911906 51.69898969485126372, 5.57435177606730026 51.69479369478230524, 5.57663393611993286 51.69486430082891815, 5.57592358252865861 51.69980846524194362, 5.57270945115836014 51.70539116137305768, 5.57034746640948519 51.71015941213295264, 5.5687790573260374 51.71490171056972684, 5.56910684273538337 51.71952230887424662, 5.57039765860930203 51.72299308469094115, 5.57600631267814961 51.73153196734757131, 5.57600631267814961 51.73153196734757131)))</t>
  </si>
  <si>
    <t>MultiPolygon (((5.54584930845772739 51.65675307616260881, 5.54516364472890899 51.65801604082358978, 5.54826081091578249 51.65893128190567296, 5.54800437189445361 51.65600237584279597, 5.5497814437217361 51.65506335764240475, 5.55867402324234572 51.65923149712119056, 5.56236924773460295 51.65975241073711288, 5.56464114278050292 51.65897563336820042, 5.56574736922540847 51.65788784463916272, 5.56355393705845014 51.65660079525366655, 5.55790518979866288 51.65542214481911287, 5.55733298474186643 51.65118036255348244, 5.55617100115090157 51.65039562542375506, 5.55142718925233147 51.649126762043295, 5.54980644732024686 51.64974251797266902, 5.5451512597671746 51.6510999333375409, 5.54655213513526402 51.65477590137334118, 5.54584930845772739 51.65675307616260881, 5.54584930845772739 51.65675307616260881)))</t>
  </si>
  <si>
    <t>MultiPolygon (((5.55075623412533314 51.70273432595934082, 5.55613814603277323 51.70134768763193733, 5.55716746933994621 51.69976642674498635, 5.55860623761171535 51.69912514128338188, 5.55726705645805996 51.69305951319078929, 5.55574060223924615 51.68548729844962253, 5.56065634806197995 51.66697310929138354, 5.56590784548572071 51.66736890231793211, 5.56223967754803894 51.66315233431280518, 5.56196639158995065 51.66077736065860648, 5.56639423591745519 51.66134443415128885, 5.56773885716575734 51.65933339367732202, 5.56464114278050292 51.65897563336820042, 5.56236924773460295 51.65975241073711288, 5.55867402324234572 51.65923149712119056, 5.5497814437217361 51.65506335764240475, 5.54800437189445361 51.65600237584279597, 5.54826081091578249 51.65893128190567296, 5.54516364472890899 51.65801604082358978, 5.54584930845772739 51.65675307616260881, 5.54098951330503109 51.65704199071490166, 5.5336691202520889 51.6662456333034612, 5.53127455008931257 51.66777665753181026, 5.52694321155742774 51.66991399170630928, 5.5249460781663231 51.66870111308920599, 5.52035534758467605 51.67075581389686079, 5.51827901244413255 51.67324002220076551, 5.51869726259694104 51.67722043437614587, 5.51994265361632941 51.67790215443275059, 5.52163431408435379 51.67791819902105743, 5.52314432545182044 51.68483760739901811, 5.5326294984865072 51.69541924270281186, 5.54432911262091821 51.70286003209947268, 5.55075623412533314 51.70273432595934082, 5.55075623412533314 51.70273432595934082)))</t>
  </si>
  <si>
    <t>MultiPolygon (((5.50124671385579145 51.6831208823537267, 5.50242180853546614 51.68430426357559071, 5.50840417623619061 51.6809739994855093, 5.51805957213778697 51.67832714501764713, 5.51747250431040559 51.67742308499404658, 5.51254382168522916 51.67693813770167566, 5.51118533631182839 51.67544698029080763, 5.50616711701302819 51.6753669854227411, 5.5025058559717781 51.67639986794482354, 5.50078948060667461 51.6771356560583115, 5.50479606976218339 51.68056197147302555, 5.50124671385579145 51.6831208823537267, 5.50124671385579145 51.6831208823537267)))</t>
  </si>
  <si>
    <t>MultiPolygon (((5.49752023796693212 51.68506797391868446, 5.50124671385579145 51.6831208823537267, 5.50479606976218339 51.68056197147302555, 5.50078948060667461 51.6771356560583115, 5.5025058559717781 51.67639986794482354, 5.50616711701302819 51.6753669854227411, 5.51118533631182839 51.67544698029080763, 5.51254382168522916 51.67693813770167566, 5.51747250431040559 51.67742308499404658, 5.51869726259694104 51.67722043437614587, 5.51827901244413255 51.67324002220076551, 5.52035534758467605 51.67075581389686079, 5.5249460781663231 51.66870111308920599, 5.52694321155742774 51.66991399170630928, 5.53127455008931257 51.66777665753181026, 5.5336691202520889 51.6662456333034612, 5.54098951330503109 51.65704199071490166, 5.54584930845772739 51.65675307616260881, 5.54655213513526402 51.65477590137334118, 5.5451512597671746 51.6510999333375409, 5.54980644732024686 51.64974251797266902, 5.5484720161108978 51.64777848711483443, 5.54629939557849916 51.64757659517604083, 5.52377446491252044 51.65072687950855368, 5.51640803527095969 51.65227664156974896, 5.50775533481305146 51.65688077989712212, 5.49810857747748916 51.659831646743406, 5.49116926626606983 51.66055506287941057, 5.4863913358002776 51.65986169008763085, 5.48198190774961258 51.66286452071687307, 5.48605833660696973 51.66571851440730967, 5.48368903418446596 51.66792448930826254, 5.48839552594208779 51.67577135053851833, 5.49464059876627076 51.68391448745194339, 5.49625884965115752 51.68338266738020081, 5.49752023796693212 51.68506797391868446, 5.49752023796693212 51.68506797391868446)))</t>
  </si>
  <si>
    <t>MultiPolygon (((5.4817981152037607 51.66295360028482264, 5.48198190774961258 51.66286452071687307, 5.4863913358002776 51.65986169008763085, 5.49116926626606983 51.66055506287941057, 5.49810857747748916 51.659831646743406, 5.50775533481305146 51.65688077989712212, 5.51640803527095969 51.65227664156974896, 5.52377446491252044 51.65072687950855368, 5.54629939557849916 51.64757659517604083, 5.5484720161108978 51.64777848711483443, 5.54980644732024686 51.64974251797266902, 5.55142718925233147 51.649126762043295, 5.55617100115090157 51.65039562542375506, 5.55733298474186643 51.65118036255348244, 5.55790518979866288 51.65542214481911287, 5.56355393705845014 51.65660079525366655, 5.56574736922540847 51.65788784463916272, 5.56464114278050292 51.65897563336820042, 5.56773885716575734 51.65933339367732202, 5.56891027873297784 51.65956352687199171, 5.57109578859557075 51.65509591552324054, 5.56740947936977459 51.6535070598077013, 5.57030030001868592 51.6514342508042219, 5.56535933641198799 51.64836950811312022, 5.54201180302746277 51.64031069762864945, 5.5424122229301247 51.63915633334222832, 5.54314589320482387 51.63909996042559669, 5.5422367144770206 51.63453714204700873, 5.53366266084855418 51.63551279814699058, 5.53247489111676582 51.63447176207975531, 5.53010299366320801 51.63477130310054264, 5.52590049457390542 51.63699577232512894, 5.50261023372000579 51.65054482499417077, 5.4988261300347121 51.64953828899961508, 5.49649881138378493 51.65179100216180785, 5.49434642041849663 51.65228820695016765, 5.48974944416306965 51.65150723616329742, 5.48825127555607128 51.65303719583961595, 5.48596126386321448 51.65526366309526196, 5.47919957441590455 51.65793921656692333, 5.47822795128127193 51.65942194811880483, 5.4817981152037607 51.66295360028482264, 5.4817981152037607 51.66295360028482264)))</t>
  </si>
  <si>
    <t>MultiPolygon (((5.45687272790405853 51.68759084153013106, 5.45876841293654458 51.69202938362629851, 5.46032683896110971 51.6896514200929289, 5.46207841493045887 51.68950307922750653, 5.46984978536234667 51.68913674663943425, 5.46940135969847763 51.69126885569282592, 5.47105422337115677 51.69115160502596495, 5.47376077329271471 51.69069226855224741, 5.47765569958215615 51.69091029716315688, 5.49296194062165721 51.6878346036461096, 5.49752023796693212 51.68506797391868446, 5.49625884965115752 51.68338266738020081, 5.49464059876627076 51.68391448745194339, 5.48839552594208779 51.67577135053851833, 5.48368903418446596 51.66792448930826254, 5.48605833660696973 51.66571851440730967, 5.48198190774961258 51.66286452071687307, 5.4817981152037607 51.66295360028482264, 5.47786741722533943 51.6644342367534648, 5.4709311139073229 51.66310289576475157, 5.45223070024350331 51.66201242156510887, 5.44845108670570433 51.66263882429336718, 5.44693113529134898 51.6638980835748356, 5.44504249315469924 51.66427895953040661, 5.44563126751938498 51.6664168304267335, 5.44882683641383636 51.66955216104381776, 5.45687272790405853 51.68759084153013106, 5.45687272790405853 51.68759084153013106)))</t>
  </si>
  <si>
    <t>MultiPolygon (((5.43260928461048476 51.6641772494751379, 5.43941057351982149 51.66487438314821645, 5.44504249315469924 51.66427895953040661, 5.44693113529134898 51.6638980835748356, 5.44845108670570433 51.66263882429336718, 5.45223070024350331 51.66201242156510887, 5.4709311139073229 51.66310289576475157, 5.47786741722533943 51.6644342367534648, 5.4817981152037607 51.66295360028482264, 5.47822795128127193 51.65942194811880483, 5.47620390502222865 51.65881106443222848, 5.47102946291302761 51.65860230509765927, 5.4675365964426712 51.65965179655359663, 5.46223585891851027 51.65653821311553884, 5.4619336526624771 51.65418694896462881, 5.45549659340971527 51.65497393464224274, 5.45620005986116396 51.65206054055069984, 5.46573725743944028 51.65075776600175317, 5.46504895762345466 51.64837467398207593, 5.46719351482806992 51.64778018116034275, 5.47296296242003866 51.64857353754590719, 5.47415220379802836 51.64825172636130901, 5.47309445094358971 51.64582658157878114, 5.46891250404912288 51.64169751466535985, 5.46592805214433231 51.64290123249195119, 5.43849972084558164 51.64991808399680906, 5.42338980054096087 51.6537831457781067, 5.42352929848414789 51.65385120033671029, 5.42842373803588973 51.65647169451963805, 5.43166342637077548 51.66089459167125142, 5.43159315812028698 51.66318684355347557, 5.43260928461048476 51.6641772494751379, 5.43260928461048476 51.6641772494751379)))</t>
  </si>
  <si>
    <t>MultiPolygon (((5.47415220379802836 51.64825172636130901, 5.47454063014258097 51.64760657666846555, 5.47718268557624111 51.64722174251335929, 5.47768317293546847 51.64773634685211334, 5.47937473361439231 51.64718462677591049, 5.48487003571616949 51.64374951136570502, 5.48903446274150753 51.64442528441727376, 5.49144504239957598 51.64385916818521594, 5.49218102631601734 51.64288674468701146, 5.49316716631006408 51.64258607857426853, 5.49485594628473883 51.64350059113959901, 5.49970317130399966 51.64855313315462837, 5.4988261300347121 51.64953828899961508, 5.50261023372000579 51.65054482499417077, 5.52590049457390542 51.63699577232512894, 5.53010299366320801 51.63477130310054264, 5.53247489111676582 51.63447176207975531, 5.53109429962172339 51.63295297880000589, 5.52621557131894736 51.63225619910409137, 5.52439681887915413 51.63043869642272199, 5.51688029755592524 51.63182173715184575, 5.50485890178941695 51.63607848479289686, 5.50462311705198282 51.63300568087250753, 5.49720249709314057 51.62668597816520588, 5.46891250404912288 51.64169751466535985, 5.47309445094358971 51.64582658157878114, 5.47415220379802836 51.64825172636130901, 5.47415220379802836 51.64825172636130901)))</t>
  </si>
  <si>
    <t>MultiPolygon (((5.54828319718857976 51.73391669258438696, 5.552945559694483 51.73319052011862595, 5.55391893448692642 51.73480178159667986, 5.56017021875657314 51.73235974333196907, 5.57013296955328308 51.7310284900778683, 5.57376078019649857 51.73105924970952429, 5.57600631267814961 51.73153196734757131, 5.57039765860930203 51.72299308469094115, 5.56910684273538337 51.71952230887424662, 5.5687790573260374 51.71490171056972684, 5.56173087141227462 51.71464199414250373, 5.55767719806564386 51.71475279516078416, 5.55017167231071618 51.72093152701180685, 5.54308071682844439 51.71747072253919697, 5.54196470933165841 51.71868722700414622, 5.54331241012261788 51.71921774392039595, 5.54252499418388922 51.72068173764643007, 5.54056398076191847 51.72111782004175495, 5.53531848314314434 51.71966222983626693, 5.52128616799369176 51.72138695937191244, 5.52038876303209314 51.72406970598242992, 5.52639106375929945 51.72630339870604388, 5.53053104750934299 51.72786982299512459, 5.53247433379021381 51.72894635362183635, 5.53653927254196088 51.72585670453855045, 5.53882107999723683 51.72593151133855827, 5.5413687166684209 51.72492320103645369, 5.54394094129968718 51.72684180733775605, 5.54213502196491081 51.72898225546206419, 5.54767489607994868 51.73103409555830723, 5.54828319718857976 51.73391669258438696)))</t>
  </si>
  <si>
    <t>MultiPolygon (((5.49530603895372671 51.73467930841781026, 5.49513863315355966 51.7326400498654877, 5.50333226267202491 51.7322308889875444, 5.50265627386273959 51.72136097444670355, 5.51077865288808511 51.72119704765211878, 5.51903135109393883 51.72369962361697304, 5.52038876303209314 51.72406970598242992, 5.52128616799369176 51.72138695937191244, 5.52099089207668037 51.71941882028463056, 5.52276880690059624 51.71390683620528961, 5.52214323224567227 51.71210289671871152, 5.51905796211787436 51.71283523465224619, 5.51438173461268111 51.70920355397520041, 5.50529788121623742 51.70587483421312669, 5.49906819410222703 51.70708283626569113, 5.49965606871168067 51.7090083707444208, 5.49823184693073674 51.70917731258585093, 5.49891889193400907 51.71056578339552345, 5.49732186518681321 51.71076576344623277, 5.49770657216024539 51.71171060231301198, 5.48781989653904123 51.71206773876283336, 5.48777306105477081 51.71289942003256357, 5.48478521511754558 51.71330805955444276, 5.47882799772973428 51.72415826055880927, 5.4801370461477461 51.72446402207487637, 5.47424431920269683 51.72896472033367843, 5.4787171964685788 51.73021652048849717, 5.49530603895372671 51.73467930841781026)))</t>
  </si>
  <si>
    <t>MultiPolygon (((5.52128616799369176 51.72138695937191244, 5.53531848314314434 51.71966222983626693, 5.54056398076191847 51.72111782004175495, 5.54252499418388922 51.72068173764643007, 5.54331241012261788 51.71921774392039595, 5.54196470933165841 51.71868722700414622, 5.54308071682844439 51.71747072253919697, 5.54400703121433125 51.71655089003950678, 5.54127595118510019 51.71562049987257836, 5.54423980605390909 51.71474694333325317, 5.54708255020473651 51.71476261995368162, 5.55018375678134568 51.7132096826296177, 5.55261260955125824 51.71119702051623079, 5.5557814261134002 51.70598593863695669, 5.55297077830327979 51.70538901276424326, 5.55304147549983806 51.703074205819604, 5.55075623412533314 51.70273432595934082, 5.54432911262091821 51.70286003209947268, 5.5326294984865072 51.69541924270281186, 5.52314432545182044 51.68483760739901811, 5.52163431408435379 51.67791819902105743, 5.51994265361632941 51.67790215443275059, 5.51869726259694104 51.67722043437614587, 5.51747250431040559 51.67742308499404658, 5.51805957213778697 51.67832714501764713, 5.50840417623619061 51.6809739994855093, 5.50242180853546614 51.68430426357559071, 5.50124671385579145 51.6831208823537267, 5.49752023796693212 51.68506797391868446, 5.49296194062165721 51.6878346036461096, 5.47765569958215615 51.69091029716315688, 5.47376077329271471 51.69069226855224741, 5.47105422337115677 51.69115160502596495, 5.47829147527462901 51.701431270595819, 5.48292335483193227 51.70148907856876264, 5.49238588203429057 51.70610065475622719, 5.49906819410222703 51.70708283626569113, 5.50529788121623742 51.70587483421312669, 5.51438173461268111 51.70920355397520041, 5.51905796211787436 51.71283523465224619, 5.52214323224567227 51.71210289671871152, 5.52276880690059624 51.71390683620528961, 5.52099089207668037 51.71941882028463056, 5.52128616799369176 51.72138695937191244, 5.52128616799369176 51.72138695937191244)))</t>
  </si>
  <si>
    <t>MultiPolygon (((5.57227422288971486 51.70527341708384483, 5.57270945115836014 51.70539116137305768, 5.57592358252865861 51.69980846524194362, 5.57663393611993286 51.69486430082891815, 5.57435177606730026 51.69479369478230524, 5.56898542475911906 51.69898969485126372, 5.56781651176866799 51.70310686545575152, 5.57227422288971486 51.70527341708384483, 5.57227422288971486 51.70527341708384483)))</t>
  </si>
  <si>
    <t>MultiPolygon (((5.56173087141227462 51.71464199414250373, 5.5687790573260374 51.71490171056972684, 5.57034746640948519 51.71015941213295264, 5.56411984470437559 51.70915900867318982, 5.55920233918580031 51.70853174798002527, 5.55863584875272654 51.7105954840556663, 5.56151379193800821 51.71184089395807604, 5.56173087141227462 51.71464199414250373, 5.56173087141227462 51.71464199414250373)))</t>
  </si>
  <si>
    <t>MultiPolygon (((5.55304147549983806 51.703074205819604, 5.55903118554483555 51.70408760542156301, 5.55947478480420898 51.70116784737349036, 5.55613814603277323 51.70134768763193733, 5.55075623412533314 51.70273432595934082, 5.55304147549983806 51.703074205819604, 5.55304147549983806 51.703074205819604)))</t>
  </si>
  <si>
    <t>MultiPolygon (((5.56411984470437559 51.70915900867318982, 5.57034746640948519 51.71015941213295264, 5.57270945115836014 51.70539116137305768, 5.57227422288971486 51.70527341708384483, 5.57192032491385358 51.70583939772837567, 5.56805097547548655 51.70486747805249905, 5.56508128341094999 51.70535664988010893, 5.56411984470437559 51.70915900867318982, 5.56411984470437559 51.70915900867318982)))</t>
  </si>
  <si>
    <t>MultiPolygon (((5.5557814261134002 51.70598593863695669, 5.56037892548864043 51.70634397402969995, 5.56120889324899981 51.70472820933448332, 5.55903118554483555 51.70408760542156301, 5.55304147549983806 51.703074205819604, 5.55297077830327979 51.70538901276424326, 5.5557814261134002 51.70598593863695669, 5.5557814261134002 51.70598593863695669)))</t>
  </si>
  <si>
    <t>MultiPolygon (((5.55613814603277323 51.70134768763193733, 5.55947478480420898 51.70116784737349036, 5.56181867560398668 51.70164870867257889, 5.56528567525471551 51.69869200029130241, 5.56396503001146314 51.69866437571268847, 5.56151616233792723 51.69743081962834452, 5.56251860513989094 51.6968363584033952, 5.55934722391243952 51.69356218069960818, 5.55865214728301371 51.69292922569681537, 5.55726705645805996 51.69305951319078929, 5.55860623761171535 51.69912514128338188, 5.55716746933994621 51.69976642674498635, 5.55613814603277323 51.70134768763193733, 5.55613814603277323 51.70134768763193733)))</t>
  </si>
  <si>
    <t>MultiPolygon (((5.54308071682844439 51.71747072253919697, 5.55017167231071618 51.72093152701180685, 5.55767719806564386 51.71475279516078416, 5.56173087141227462 51.71464199414250373, 5.56151379193800821 51.71184089395807604, 5.55863584875272654 51.7105954840556663, 5.55920233918580031 51.70853174798002527, 5.56037892548864043 51.70634397402969995, 5.5557814261134002 51.70598593863695669, 5.55261260955125824 51.71119702051623079, 5.55018375678134568 51.7132096826296177, 5.54708255020473651 51.71476261995368162, 5.54423980605390909 51.71474694333325317, 5.54127595118510019 51.71562049987257836, 5.54400703121433125 51.71655089003950678, 5.54308071682844439 51.71747072253919697, 5.54308071682844439 51.71747072253919697)))</t>
  </si>
  <si>
    <t>MultiPolygon (((5.55920233918580031 51.70853174798002527, 5.56411984470437559 51.70915900867318982, 5.56508128341094999 51.70535664988010893, 5.56225571385108086 51.70469990192226817, 5.56120889324899981 51.70472820933448332, 5.56037892548864043 51.70634397402969995, 5.55920233918580031 51.70853174798002527, 5.55920233918580031 51.70853174798002527)))</t>
  </si>
  <si>
    <t>MultiPolygon (((5.56508128341094999 51.70535664988010893, 5.56805097547548655 51.70486747805249905, 5.57192032491385358 51.70583939772837567, 5.57227422288971486 51.70527341708384483, 5.56781651176866799 51.70310686545575152, 5.56358500664350863 51.70148699459780062, 5.56225571385108086 51.70469990192226817, 5.56508128341094999 51.70535664988010893, 5.56508128341094999 51.70535664988010893)))</t>
  </si>
  <si>
    <t>MultiPolygon (((5.56120889324899981 51.70472820933448332, 5.56225571385108086 51.70469990192226817, 5.56358500664350863 51.70148699459780062, 5.56781651176866799 51.70310686545575152, 5.56898542475911906 51.69898969485126372, 5.56528567525471551 51.69869200029130241, 5.56181867560398668 51.70164870867257889, 5.55947478480420898 51.70116784737349036, 5.55903118554483555 51.70408760542156301, 5.56120889324899981 51.70472820933448332, 5.56120889324899981 51.70472820933448332)))</t>
  </si>
  <si>
    <t>MultiPolygon (((5.48596126386321448 51.65526366309526196, 5.48825127555607128 51.65303719583961595, 5.48435326859407102 51.65049730542926198, 5.48064524243067641 51.65369766916332139, 5.48308125565159443 51.65398378872281882, 5.48596126386321448 51.65526366309526196, 5.48596126386321448 51.65526366309526196)))</t>
  </si>
  <si>
    <t>MultiPolygon (((5.47555538187840352 51.6559752532548373, 5.47919957441590455 51.65793921656692333, 5.48596126386321448 51.65526366309526196, 5.48308125565159443 51.65398378872281882, 5.48064524243067641 51.65369766916332139, 5.48435326859407102 51.65049730542926198, 5.48319733549038091 51.65034554749917106, 5.48113723577888923 51.65207749376481416, 5.47590805192974983 51.65443024451976584, 5.47555538187840352 51.6559752532548373, 5.47555538187840352 51.6559752532548373)))</t>
  </si>
  <si>
    <t>MultiPolygon (((5.48974944416306965 51.65150723616329742, 5.49434642041849663 51.65228820695016765, 5.49649881138378493 51.65179100216180785, 5.4988261300347121 51.64953828899961508, 5.49970317130399966 51.64855313315462837, 5.49485594628473883 51.64350059113959901, 5.49316716631006408 51.64258607857426853, 5.49218102631601734 51.64288674468701146, 5.4930077453407975 51.64413726666568749, 5.48703055045235288 51.6461772160719903, 5.48974944416306965 51.65150723616329742, 5.48974944416306965 51.65150723616329742)))</t>
  </si>
  <si>
    <t>MultiPolygon (((5.47822795128127193 51.65942194811880483, 5.47919957441590455 51.65793921656692333, 5.47555538187840352 51.6559752532548373, 5.47213125545970946 51.65648351240297842, 5.46930009201788003 51.65479573017091752, 5.46890487240399459 51.65318229495006364, 5.4619336526624771 51.65418694896462881, 5.46223585891851027 51.65653821311553884, 5.4675365964426712 51.65965179655359663, 5.47102946291302761 51.65860230509765927, 5.47620390502222865 51.65881106443222848, 5.47822795128127193 51.65942194811880483, 5.47822795128127193 51.65942194811880483)))</t>
  </si>
  <si>
    <t>MultiPolygon (((5.46573725743944028 51.65075776600175317, 5.46731120407598858 51.65104901216079014, 5.47318510375723299 51.64884488817264696, 5.47296296242003866 51.64857353754590719, 5.46719351482806992 51.64778018116034275, 5.46504895762345466 51.64837467398207593, 5.46573725743944028 51.65075776600175317, 5.46573725743944028 51.65075776600175317)))</t>
  </si>
  <si>
    <t>MultiPolygon (((5.47577305844205231 51.65227138029015208, 5.48113723577888923 51.65207749376481416, 5.48319733549038091 51.65034554749917106, 5.48047193204539607 51.64834046983943239, 5.4753079311359274 51.64983332403449623, 5.47448357734737545 51.65070488401212145, 5.47577305844205231 51.65227138029015208, 5.47577305844205231 51.65227138029015208)))</t>
  </si>
  <si>
    <t>MultiPolygon (((5.46894071417780481 51.65317465479223102, 5.47577305844205231 51.65227138029015208, 5.47448357734737545 51.65070488401212145, 5.47321369453855588 51.64984914511945391, 5.46840462017452822 51.6511487165187404, 5.46894071417780481 51.65317465479223102, 5.46894071417780481 51.65317465479223102)))</t>
  </si>
  <si>
    <t>MultiPolygon (((5.46890487240399459 51.65318229495006364, 5.46930009201788003 51.65479573017091752, 5.47213125545970946 51.65648351240297842, 5.47555538187840352 51.6559752532548373, 5.47590805192974983 51.65443024451976584, 5.48113723577888923 51.65207749376481416, 5.47577305844205231 51.65227138029015208, 5.46894071417780481 51.65317465479223102, 5.46890487240399459 51.65318229495006364, 5.46890487240399459 51.65318229495006364)))</t>
  </si>
  <si>
    <t>MultiPolygon (((5.48825127555607128 51.65303719583961595, 5.48974944416306965 51.65150723616329742, 5.48703055045235288 51.6461772160719903, 5.48047193204539607 51.64834046983943239, 5.48319733549038091 51.65034554749917106, 5.48435326859407102 51.65049730542926198, 5.48825127555607128 51.65303719583961595, 5.48825127555607128 51.65303719583961595)))</t>
  </si>
  <si>
    <t>MultiPolygon (((5.4619336526624771 51.65418694896462881, 5.46890487240399459 51.65318229495006364, 5.46894071417780481 51.65317465479223102, 5.46840462017452822 51.6511487165187404, 5.47321369453855588 51.64984914511945391, 5.47318510375723299 51.64884488817264696, 5.46731120407598858 51.65104901216079014, 5.46573725743944028 51.65075776600175317, 5.45620005986116396 51.65206054055069984, 5.45549659340971527 51.65497393464224274, 5.4619336526624771 51.65418694896462881, 5.4619336526624771 51.65418694896462881)))</t>
  </si>
  <si>
    <t>MultiPolygon (((5.47321369453855588 51.64984914511945391, 5.47448357734737545 51.65070488401212145, 5.4753079311359274 51.64983332403449623, 5.48047193204539607 51.64834046983943239, 5.48703055045235288 51.6461772160719903, 5.4930077453407975 51.64413726666568749, 5.49218102631601734 51.64288674468701146, 5.49144504239957598 51.64385916818521594, 5.48903446274150753 51.64442528441727376, 5.48487003571616949 51.64374951136570502, 5.47937473361439231 51.64718462677591049, 5.47768317293546847 51.64773634685211334, 5.47718268557624111 51.64722174251335929, 5.47454063014258097 51.64760657666846555, 5.47415220379802836 51.64825172636130901, 5.47296296242003866 51.64857353754590719, 5.47318510375723299 51.64884488817264696, 5.47321369453855588 51.64984914511945391, 5.47321369453855588 51.64984914511945391)))</t>
  </si>
  <si>
    <t>MultiPolygon (((5.51724025181664679 51.73259861965479445, 5.51729552340237017 51.73261481296719211, 5.51827790668503226 51.72731302337893311, 5.51639982819171415 51.72549783932786482, 5.51903135109393883 51.72369962361697304, 5.51077865288808511 51.72119704765211878, 5.50265627386273959 51.72136097444670355, 5.50333226267202491 51.7322308889875444, 5.51724025181664679 51.73259861965479445, 5.51724025181664679 51.73259861965479445)))</t>
  </si>
  <si>
    <t>MultiPolygon (((5.50993762645642526 51.7373420914336748, 5.51028304079549169 51.73808405572729185, 5.51684697720779216 51.73869516193123275, 5.51788576363353123 51.73585357100094484, 5.51732801535958206 51.73329339681860262, 5.51724025181664679 51.73259861965479445, 5.50333226267202491 51.7322308889875444, 5.49513863315355966 51.7326400498654877, 5.49530603895372671 51.73467930841781026, 5.49900053162543756 51.73547873274520015, 5.50461469955579208 51.7366779305900053, 5.50770622739770488 51.73782194001488932, 5.50873299632847768 51.73793047456305771, 5.50899497743993205 51.73717876718857411, 5.50955332256814501 51.73727550734049174, 5.50993762645642526 51.7373420914336748)))</t>
  </si>
  <si>
    <t>MultiPolygon (((5.544766248335252 51.73501190672295991, 5.54828319718857976 51.73391669258438696, 5.54767489607994868 51.73103409555830723, 5.54213502196491081 51.72898225546206419, 5.54117020262056315 51.72956682634050907, 5.53933624184493922 51.73130403660307763, 5.54508321696758077 51.73347612644867866, 5.544766248335252 51.73501190672295991, 5.544766248335252 51.73501190672295991)))</t>
  </si>
  <si>
    <t>MultiPolygon (((5.53576330014596518 51.73534529002620985, 5.53950057157985043 51.73676192310482946, 5.5443738131894067 51.73621692453368581, 5.544766248335252 51.73501190672295991, 5.54508321696758077 51.73347612644867866, 5.53933624184493922 51.73130403660307763, 5.53831425831767721 51.73211382542650938, 5.53576330014596518 51.73534529002620985, 5.53576330014596518 51.73534529002620985)))</t>
  </si>
  <si>
    <t>MultiPolygon (((5.54117020262056315 51.72956682634050907, 5.54213502196491081 51.72898225546206419, 5.54394094129968718 51.72684180733775605, 5.5413687166684209 51.72492320103645369, 5.53882107999723683 51.72593151133855827, 5.53877666894369813 51.72809397148097332, 5.54117020262056315 51.72956682634050907, 5.54117020262056315 51.72956682634050907)))</t>
  </si>
  <si>
    <t>MultiPolygon (((5.53933624184493922 51.73130403660307763, 5.54117020262056315 51.72956682634050907, 5.53877666894369813 51.72809397148097332, 5.53447997332980357 51.72922829624111074, 5.53498859137326971 51.72940615267710029, 5.53933624184493922 51.73130403660307763, 5.53933624184493922 51.73130403660307763)))</t>
  </si>
  <si>
    <t>MultiPolygon (((5.53247433379021381 51.72894635362183635, 5.53447997332980357 51.72922829624111074, 5.53877666894369813 51.72809397148097332, 5.53882107999723683 51.72593151133855827, 5.53653927254196088 51.72585670453855045, 5.53247433379021381 51.72894635362183635, 5.53247433379021381 51.72894635362183635)))</t>
  </si>
  <si>
    <t>MultiPolygon (((5.53564982813488538 51.73139106636867979, 5.53831425831767721 51.73211382542650938, 5.53933624184493922 51.73130403660307763, 5.53498859137326971 51.72940615267710029, 5.5336293321343053 51.73106587027864833, 5.53564982813488538 51.73139106636867979, 5.53564982813488538 51.73139106636867979)))</t>
  </si>
  <si>
    <t>MultiPolygon (((5.5326934693776737 51.73069022634427938, 5.5336293321343053 51.73106587027864833, 5.53498859137326971 51.72940615267710029, 5.53447997332980357 51.72922829624111074, 5.53247433379021381 51.72894635362183635, 5.53053104750934299 51.72786982299512459, 5.52911278692084895 51.72970105519045347, 5.5326934693776737 51.73069022634427938, 5.5326934693776737 51.73069022634427938)))</t>
  </si>
  <si>
    <t>MultiPolygon (((5.52875317349244 51.73042056716958825, 5.52911278692084895 51.72970105519045347, 5.53053104750934299 51.72786982299512459, 5.52639106375929945 51.72630339870604388, 5.52651517586852137 51.72755593189052803, 5.52875317349244 51.73042056716958825, 5.52875317349244 51.73042056716958825)))</t>
  </si>
  <si>
    <t>MultiPolygon (((5.52913862343562101 51.74044026587674949, 5.53391904027061177 51.74059664895436583, 5.54329536952547031 51.73846480911998924, 5.55391893448692642 51.73480178159667986, 5.552945559694483 51.73319052011862595, 5.54828319718857976 51.73391669258438696, 5.544766248335252 51.73501190672295991, 5.5443738131894067 51.73621692453368581, 5.53950057157985043 51.73676192310482946, 5.53506728184879382 51.73759010680888082, 5.53334336164857454 51.7363898257936512, 5.52645454283874304 51.73585442703737414, 5.52692736492631731 51.73804353891220131, 5.52800055348041663 51.73842935987227776, 5.52913862343562101 51.74044026587674949)))</t>
  </si>
  <si>
    <t>MultiPolygon (((5.51684697720779216 51.73869516193123275, 5.52913862343562101 51.74044026587674949, 5.52800055348041663 51.73842935987227776, 5.52692736492631731 51.73804353891220131, 5.52645454283874304 51.73585442703737414, 5.51732801535958206 51.73329339681860262, 5.51788576363353123 51.73585357100094484, 5.51684697720779216 51.73869516193123275, 5.51684697720779216 51.73869516193123275)))</t>
  </si>
  <si>
    <t>MultiPolygon (((5.53284195328033146 51.73498917988292334, 5.53576330014596518 51.73534529002620985, 5.53831425831767721 51.73211382542650938, 5.53564982813488538 51.73139106636867979, 5.53284195328033146 51.73498917988292334, 5.53284195328033146 51.73498917988292334)))</t>
  </si>
  <si>
    <t>MultiPolygon (((5.52973527622134231 51.73392477721230165, 5.53284195328033146 51.73498917988292334, 5.53564982813488538 51.73139106636867979, 5.5336293321343053 51.73106587027864833, 5.5326934693776737 51.73069022634427938, 5.52973527622134231 51.73392477721230165, 5.52973527622134231 51.73392477721230165)))</t>
  </si>
  <si>
    <t>MultiPolygon (((5.52256030685057819 51.73026637209870415, 5.52651517586852137 51.72755593189052803, 5.52639106375929945 51.72630339870604388, 5.52038876303209314 51.72406970598242992, 5.51903135109393883 51.72369962361697304, 5.51639982819171415 51.72549783932786482, 5.51827790668503226 51.72731302337893311, 5.52256030685057819 51.73026637209870415, 5.52256030685057819 51.73026637209870415)))</t>
  </si>
  <si>
    <t>MultiPolygon (((5.52692973160512846 51.73282076225778781, 5.52745849834511738 51.7330197933006275, 5.52875317349244 51.73042056716958825, 5.52651517586852137 51.72755593189052803, 5.52256030685057819 51.73026637209870415, 5.52345831862282211 51.7308353992866401, 5.52692973160512846 51.73282076225778781, 5.52692973160512846 51.73282076225778781)))</t>
  </si>
  <si>
    <t>MultiPolygon (((5.52745849834511738 51.7330197933006275, 5.52973527622134231 51.73392477721230165, 5.5326934693776737 51.73069022634427938, 5.52911278692084895 51.72970105519045347, 5.52875317349244 51.73042056716958825, 5.52745849834511738 51.7330197933006275, 5.52745849834511738 51.7330197933006275)))</t>
  </si>
  <si>
    <t>MultiPolygon (((5.52250296488238845 51.7332575955207048, 5.52226787447193423 51.73398799541763537, 5.52429690298409604 51.73456222024254458, 5.52692973160512846 51.73282076225778781, 5.52345831862282211 51.7308353992866401, 5.52250296488238845 51.7332575955207048, 5.52250296488238845 51.7332575955207048)))</t>
  </si>
  <si>
    <t>MultiPolygon (((5.51729552340237017 51.73261481296719211, 5.52250296488238845 51.7332575955207048, 5.52345831862282211 51.7308353992866401, 5.52256030685057819 51.73026637209870415, 5.51827790668503226 51.72731302337893311, 5.51729552340237017 51.73261481296719211, 5.51729552340237017 51.73261481296719211)))</t>
  </si>
  <si>
    <t>MultiPolygon (((5.52645454283874304 51.73585442703737414, 5.53334336164857454 51.7363898257936512, 5.53506728184879382 51.73759010680888082, 5.53950057157985043 51.73676192310482946, 5.53576330014596518 51.73534529002620985, 5.53284195328033146 51.73498917988292334, 5.52973527622134231 51.73392477721230165, 5.52745849834511738 51.7330197933006275, 5.52692973160512846 51.73282076225778781, 5.52429690298409604 51.73456222024254458, 5.52226787447193423 51.73398799541763537, 5.52250296488238845 51.7332575955207048, 5.51729552340237017 51.73261481296719211, 5.51724025181664679 51.73259861965479445, 5.51732801535958206 51.73329339681860262, 5.52645454283874304 51.73585442703737414, 5.52645454283874304 51.73585442703737414)))</t>
  </si>
  <si>
    <t>MultiPolygon (((3.55108001083587999 51.33879270162000097, 3.55425662322523106 51.33578141400015937, 3.55868189279286007 51.33701611369595952, 3.56415304987082493 51.33440187982789382, 3.57154540139405041 51.33546138510509849, 3.57864708969096412 51.33414687231062601, 3.57443048573019251 51.33127089459564019, 3.58294162946240613 51.3175468376228423, 3.58317273186634111 51.31364286781342088, 3.58775475988258696 51.31156614595875709, 3.59071661753651084 51.3091203659845263, 3.58838411529558199 51.3063107426194307, 3.58989177138138293 51.30582435405076325, 3.58582950851590132 51.30167498351826083, 3.58111284223028292 51.29832130078593622, 3.58792791961498025 51.2929604626867004, 3.58338507084730296 51.2922542351161681, 3.58259903086349185 51.29075913426790123, 3.58387951743388022 51.28888456625400494, 3.58181205036605244 51.28691251154607755, 3.57983134279176696 51.28876683441731643, 3.57776880705771783 51.28882109443655679, 3.57615944721120149 51.28800713135613165, 3.57153075801073072 51.29102743424230226, 3.57194128098272934 51.29196347216046092, 3.56648287893020211 51.29379169102952574, 3.56619555527472842 51.29462638484505277, 3.56270748410441396 51.29585625535604976, 3.55975921742461798 51.29545468950105658, 3.55807774657419973 51.29122054484592041, 3.55625129555988018 51.29036177876968594, 3.54775131827323387 51.29614729304644527, 3.52733296055126511 51.29837167821337829, 3.52871467882417011 51.30283213472159787, 3.53872968517922315 51.3108500159172749, 3.52871074055494072 51.31567052744767921, 3.52956543400131562 51.31886857576771632, 3.52908701289536619 51.31998927932733778, 3.52655294495711091 51.3238609080413255, 3.52162333431870289 51.32825296333131604, 3.53417144965463059 51.33319789605450723, 3.55094949129278614 51.3399043650621465, 3.55172661743436002 51.33909396829862715, 3.55108001083587999 51.33879270162000097, 3.55108001083587999 51.33879270162000097),(3.55302196814496174 51.31634911689459955, 3.55715121441244309 51.31523996971564827, 3.5571325759144603 51.31762305052496487, 3.56176066250268386 51.31834303404820474, 3.56172860234330457 51.31933684198928347, 3.55687751240048744 51.31882294800908539, 3.55666598516041521 51.31822904711198419, 3.55145454198596955 51.31974087581881605, 3.54945984874911513 51.31834647373827352, 3.55302196814496174 51.31634911689459955, 3.55302196814496174 51.31634911689459955)))</t>
  </si>
  <si>
    <t>MultiPolygon (((3.55666598516041521 51.31822904711198419, 3.55687751240048744 51.31882294800908539, 3.56172860234330457 51.31933684198928347, 3.56176066250268386 51.31834303404820474, 3.5571325759144603 51.31762305052496487, 3.55715121441244309 51.31523996971564827, 3.55302196814496174 51.31634911689459955, 3.54945984874911513 51.31834647373827352, 3.55145454198596955 51.31974087581881605, 3.55666598516041521 51.31822904711198419, 3.55666598516041521 51.31822904711198419)))</t>
  </si>
  <si>
    <t>MultiPolygon (((3.55004227518547166 51.36960342084964282, 3.55617464349373247 51.37022786964405441, 3.56685141740755052 51.36900160974104068, 3.57027132749668175 51.36946406257207087, 3.57600603307880682 51.37138462263141747, 3.57978357100191591 51.37403088920177652, 3.59173109202518548 51.36269949069615848, 3.58972053433766991 51.36157163635424894, 3.58940390210088056 51.35857288116908137, 3.59402633810273775 51.35385298040056767, 3.59534298583954026 51.3530084591432967, 3.59790242251628367 51.3525847854303592, 3.59872167264975795 51.3515184967058218, 3.59615185289929284 51.34973287289283661, 3.58875439902335458 51.34920167488350273, 3.58619040137467904 51.34833042846246798, 3.58575882736353124 51.34732579624163407, 3.57326116370439006 51.34291972667186599, 3.57385803134102442 51.34213896865463767, 3.57283459806141712 51.34080674579467995, 3.57059760897947243 51.34047434132065035, 3.56038120524638257 51.34096074592670789, 3.55868189279286007 51.33701611369595952, 3.55425662322523106 51.33578141400015937, 3.55108001083587999 51.33879270162000097, 3.55172661743436002 51.33909396829862715, 3.55094949129278614 51.3399043650621465, 3.53417144965463059 51.33319789605450723, 3.52783868818748703 51.3392716252063579, 3.52583861247793706 51.33850974069046202, 3.52356663870379672 51.3405584160408992, 3.52150739253750356 51.33966402045198407, 3.51626079839983152 51.34480180006084993, 3.51464366137195805 51.34450608935386384, 3.51001964072115547 51.34874357417377411, 3.51632578833648557 51.34917403810609926, 3.52019215172893807 51.3504751117687448, 3.52309729958591955 51.35264879340527955, 3.53073170063114095 51.35285612583817993, 3.53327892951762168 51.35361510748892044, 3.53968142781477946 51.35793880599651118, 3.5491432120113573 51.36204521806045165, 3.54961675655202002 51.36519858350867906, 3.54852445983230025 51.36730034097951858, 3.55004227518547166 51.36960342084964282, 3.55004227518547166 51.36960342084964282),(3.55267728821741491 51.35972373057619933, 3.55088957126114346 51.36070167753339888, 3.54936801672731095 51.35987470453302706, 3.54703485023318787 51.35822151822438286, 3.54667610343761641 51.35564254691271202, 3.54893683716476493 51.35173245643208162, 3.55563028958371152 51.34890243954467337, 3.56126008472646927 51.35099012508091931, 3.56472579089846553 51.35422090904457093, 3.56020588655261783 51.35899607412592616, 3.55516082937947209 51.3601665490106285, 3.55267728821741491 51.35972373057619933, 3.55267728821741491 51.35972373057619933)))</t>
  </si>
  <si>
    <t>MultiPolygon (((3.55267728821741491 51.35972373057619933, 3.55516082937947209 51.3601665490106285, 3.56020588655261783 51.35899607412592616, 3.56472579089846553 51.35422090904457093, 3.56126008472646927 51.35099012508091931, 3.55563028958371152 51.34890243954467337, 3.54893683716476493 51.35173245643208162, 3.54667610343761641 51.35564254691271202, 3.54703485023318787 51.35822151822438286, 3.54936801672731095 51.35987470453302706, 3.55088957126114346 51.36070167753339888, 3.55267728821741491 51.35972373057619933, 3.55267728821741491 51.35972373057619933)))</t>
  </si>
  <si>
    <t>MultiPolygon (((3.6173076416103167 51.36490776719224982, 3.63448232792614911 51.35101184491122694, 3.63791452900550549 51.34063361224341548, 3.6442318901055244 51.34174144664240202, 3.65330982124090076 51.33175006340253788, 3.65797215708053258 51.33335049976402331, 3.65999127246439615 51.32488686630924946, 3.66382773159617514 51.32523888432243098, 3.66620418358255495 51.31981171067661762, 3.68628368547273277 51.3215987829422744, 3.68940742297108937 51.32030134913807018, 3.70384545312320324 51.31837065733077452, 3.71240870839464066 51.3157906727176254, 3.70358242987735053 51.30994318938883225, 3.70714330324501073 51.30663640182486063, 3.70402960363076117 51.30247914940743925, 3.70661063475024211 51.28882602121920087, 3.70355886569175841 51.28698772703754116, 3.70142504671778072 51.28674844008452993, 3.69888266008280331 51.28444595871581413, 3.6939337048106835 51.27603904362880627, 3.68993238092389308 51.28060896159601612, 3.68257178109218231 51.28109096277332668, 3.67790861999085239 51.28053165456881146, 3.67675669376802983 51.28306462551618239, 3.65810025148668183 51.29018852656012939, 3.644406077491253 51.29011085053681995, 3.64325786963487319 51.2886923895855773, 3.64082030296326931 51.2880873846068539, 3.62571005344572539 51.29333829715940141, 3.62122787913145183 51.29276510451807525, 3.61920985739498313 51.29424721790616104, 3.61856787252763556 51.2959088989554175, 3.61471659629724895 51.29771885792560937, 3.61269167457004947 51.29794023451402296, 3.59083194552954588 51.3044165711124478, 3.59178106070287662 51.30533998514502514, 3.58989177138138293 51.30582435405076325, 3.58838411529558199 51.3063107426194307, 3.59071661753651084 51.3091203659845263, 3.58775475988258696 51.31156614595875709, 3.58317273186634111 51.31364286781342088, 3.58294162946240613 51.3175468376228423, 3.57443048573019251 51.33127089459564019, 3.57864708969096412 51.33414687231062601, 3.57154540139405041 51.33546138510509849, 3.56415304987082493 51.33440187982789382, 3.55868189279286007 51.33701611369595952, 3.56038120524638257 51.34096074592670789, 3.57059760897947243 51.34047434132065035, 3.57283459806141712 51.34080674579467995, 3.57385803134102442 51.34213896865463767, 3.57326116370439006 51.34291972667186599, 3.58575882736353124 51.34732579624163407, 3.58619040137467904 51.34833042846246798, 3.58875439902335458 51.34920167488350273, 3.59615185289929284 51.34973287289283661, 3.59872167264975795 51.3515184967058218, 3.59790242251628367 51.3525847854303592, 3.60041664851866905 51.35409333557453948, 3.60148772846787013 51.35323205521068957, 3.60278180561495098 51.35325553808775112, 3.60856477888215865 51.3562928819684501, 3.60981102322212344 51.35746915525694334, 3.60830992286431762 51.3585149962670755, 3.6088196435828217 51.3596522169845997, 3.6173076416103167 51.36490776719224982),(3.61353425709261566 51.31784243192920769, 3.6173105154685703 51.31602789522628427, 3.6237493283276776 51.3166130562709526, 3.62082000393445069 51.32065401102266833, 3.62255144096211579 51.3245029313082668, 3.61936032909343952 51.32654314321392519, 3.6178773991145321 51.32577974305195312, 3.61398771863985679 51.32941822187198966, 3.6116725842873918 51.32839314121881813, 3.61276566312233216 51.32336525465085231, 3.61030241559824905 51.32126800818775791, 3.61353425709261566 51.31784243192920769)))</t>
  </si>
  <si>
    <t>MultiPolygon (((3.6178773991145321 51.32577974305195312, 3.61936032909343952 51.32654314321392519, 3.62255144096211579 51.3245029313082668, 3.62082000393445069 51.32065401102266833, 3.6237493283276776 51.3166130562709526, 3.6173105154685703 51.31602789522628427, 3.61353425709261566 51.31784243192920769, 3.61030241559824905 51.32126800818775791, 3.61276566312233216 51.32336525465085231, 3.6116725842873918 51.32839314121881813, 3.61398771863985679 51.32941822187198966, 3.6178773991145321 51.32577974305195312, 3.6178773991145321 51.32577974305195312)))</t>
  </si>
  <si>
    <t>MultiPolygon (((3.65710215735765809 51.36694310058773993, 3.66139100834867115 51.36563734708552431, 3.66219261795563034 51.36827077387968643, 3.66516988714392333 51.3685530602083702, 3.66848679762272889 51.37426011090884259, 3.67216770644706925 51.3727584261534318, 3.68739686397188349 51.37125865303800509, 3.69098042981790808 51.36757184206427951, 3.69096553858676257 51.36589439566105142, 3.69305060479724734 51.36528759261400268, 3.69381437875040763 51.35247378161809451, 3.68981466903866018 51.35335068045793605, 3.6878451208627463 51.3555768752184747, 3.68238634361628625 51.35527316893648475, 3.68230910675645662 51.35343342791770027, 3.65939819090467466 51.35113525948083435, 3.65903396885162557 51.34994337696107181, 3.65419652645643378 51.34839022207080461, 3.64954703397827362 51.34899721062186728, 3.64724216439901561 51.35004874745985859, 3.64959803043502706 51.34273486234762629, 3.6442318901055244 51.34174144664240202, 3.63791452900550549 51.34063361224341548, 3.63448232792614911 51.35101184491122694, 3.6173076416103167 51.36490776719224982, 3.6165554024803912 51.36606960298961155, 3.62337396362302044 51.37902291082024675, 3.64075362898419419 51.37590386758249394, 3.65218475172312074 51.37470634010043113, 3.6580853471199406 51.3684501095615289, 3.65710215735765809 51.36694310058773993)))</t>
  </si>
  <si>
    <t>MultiPolygon (((3.60694058772036019 51.38518265464399093, 3.60775243948018476 51.38375567773240959, 3.61418095969847109 51.38248407729589218, 3.61576884882752791 51.38052865491332, 3.62337396362302044 51.37902291082024675, 3.6165554024803912 51.36606960298961155, 3.6173076416103167 51.36490776719224982, 3.6088196435828217 51.3596522169845997, 3.60830992286431762 51.3585149962670755, 3.60981102322212344 51.35746915525694334, 3.60856477888215865 51.3562928819684501, 3.60278180561495098 51.35325553808775112, 3.60148772846787013 51.35323205521068957, 3.60041664851866905 51.35409333557453948, 3.59790242251628367 51.3525847854303592, 3.59534298583954026 51.3530084591432967, 3.59402633810273775 51.35385298040056767, 3.58940390210088056 51.35857288116908137, 3.58972053433766991 51.36157163635424894, 3.59173109202518548 51.36269949069615848, 3.57978357100191591 51.37403088920177652, 3.5814056182676306 51.37605448101450634, 3.58024336137784482 51.38025839762268276, 3.58821505933814322 51.38298899992893354, 3.58916879020401192 51.38672279216622485, 3.60694058772036019 51.38518265464399093, 3.60694058772036019 51.38518265464399093),(3.59424423253978498 51.37987592747766286, 3.59683818179184289 51.38000318468909455, 3.59813196930299828 51.38290003619563606, 3.59643994096355168 51.38343315054022753, 3.59152759052513026 51.38203145491014112, 3.59424423253978498 51.37987592747766286, 3.59424423253978498 51.37987592747766286),(3.60171485401640279 51.37582715072777262, 3.60348285887288444 51.37567076445080971, 3.60473173752835008 51.37780911685366902, 3.60262323997817235 51.3789265149490717, 3.60035663639104575 51.37865915230697311, 3.59954132499318913 51.37791476025851267, 3.60171485401640279 51.37582715072777262, 3.60171485401640279 51.37582715072777262),(3.60023705290725404 51.3739083327568764, 3.59895318540790354 51.37290248314479868, 3.60251727188121595 51.37133067571491551, 3.60620841169544981 51.37290571309300447, 3.60594839449777504 51.37409916755945005, 3.60023705290725404 51.3739083327568764, 3.60023705290725404 51.3739083327568764)))</t>
  </si>
  <si>
    <t>MultiPolygon (((3.60594839449777504 51.37409916755945005, 3.60620841169544981 51.37290571309300447, 3.60251727188121595 51.37133067571491551, 3.59895318540790354 51.37290248314479868, 3.60023705290725404 51.3739083327568764, 3.60594839449777504 51.37409916755945005, 3.60594839449777504 51.37409916755945005)),((3.60473173752835008 51.37780911685366902, 3.60348285887288444 51.37567076445080971, 3.60171485401640279 51.37582715072777262, 3.59954132499318913 51.37791476025851267, 3.60035663639104575 51.37865915230697311, 3.60262323997817235 51.3789265149490717, 3.60473173752835008 51.37780911685366902, 3.60473173752835008 51.37780911685366902)),((3.59683818179184289 51.38000318468909455, 3.59424423253978498 51.37987592747766286, 3.59152759052513026 51.38203145491014112, 3.59643994096355168 51.38343315054022753, 3.59813196930299828 51.38290003619563606, 3.59683818179184289 51.38000318468909455, 3.59683818179184289 51.38000318468909455)))</t>
  </si>
  <si>
    <t>MultiPolygon (((3.65218475172312074 51.37470634010043113, 3.66243297969381398 51.37370767908569746, 3.66587189402472013 51.37465330578575617, 3.66848679762272889 51.37426011090884259, 3.66516988714392333 51.3685530602083702, 3.66219261795563034 51.36827077387968643, 3.66139100834867115 51.36563734708552431, 3.65710215735765809 51.36694310058773993, 3.6580853471199406 51.3684501095615289, 3.65218475172312074 51.37470634010043113, 3.65218475172312074 51.37470634010043113)))</t>
  </si>
  <si>
    <t>MultiPolygon (((3.51631567302399439 51.4073661211978461, 3.54569246573034302 51.40500244165335175, 3.5460694454620123 51.39987610300546095, 3.54949865824024613 51.38794846416674034, 3.55829040303262856 51.38622850164643552, 3.56002185559888362 51.3876958488236113, 3.56079556756630566 51.39171415147613686, 3.56233753145987775 51.39274160207057918, 3.56650677572533503 51.39267025645231968, 3.56934365871684456 51.39416237268863341, 3.57362032970192978 51.39391873177869741, 3.57814543147111586 51.3925921919714952, 3.58481682066846652 51.38789849306885316, 3.58916879020401192 51.38672279216622485, 3.58821505933814322 51.38298899992893354, 3.58024336137784482 51.38025839762268276, 3.5814056182676306 51.37605448101450634, 3.57978357100191591 51.37403088920177652, 3.57600603307880682 51.37138462263141747, 3.57027132749668175 51.36946406257207087, 3.56685141740755052 51.36900160974104068, 3.55617464349373247 51.37022786964405441, 3.55004227518547166 51.36960342084964282, 3.54754311341104822 51.37243482517008175, 3.54879859242155726 51.37613266919602495, 3.54858856527182054 51.37887516556840239, 3.54650964012451997 51.37827509065385101, 3.54317466097900757 51.37861233640377634, 3.53818268494513344 51.38083316906207898, 3.53734384841979255 51.38241935867394972, 3.52536740884339528 51.38608031932375297, 3.51714377037068582 51.38627400867854789, 3.51721695234924647 51.38929888097653986, 3.51869958076815292 51.39015964009763593, 3.51772009542116093 51.39334828777639075, 3.5138068910163156 51.39403168992192406, 3.50747558811393034 51.39631933452820789, 3.50151100808668581 51.40211026347451195, 3.49981442437611179 51.40479360455133673, 3.50309797383869359 51.40618775645703664, 3.51631567302399439 51.4073661211978461, 3.51631567302399439 51.4073661211978461)))</t>
  </si>
  <si>
    <t>MultiPolygon (((3.55099782768465477 51.40595182806723074, 3.5465221185207696 51.40352255350166644, 3.54754549007856212 51.40129372779180272, 3.55116811676026112 51.40096179560307377, 3.5536281234510283 51.40367643659967456, 3.55328438961769422 51.40469614056030423, 3.55401302205684422 51.40371724312893775, 3.55254386404415845 51.40180743221565507, 3.55468441286646097 51.40107477422054671, 3.56785961937230045 51.40061625832485959, 3.56268525351292187 51.39668708410064824, 3.56302184770388397 51.39613687003932796, 3.56629676475991442 51.39846432048314995, 3.5670050707629386 51.39776302371384986, 3.56449872243942467 51.3957163013402365, 3.56622974694934758 51.39532704243563188, 3.56812162717387116 51.39683680884634498, 3.57161036472056903 51.39512798058432708, 3.57348757910113424 51.39490737455882652, 3.57419042188365887 51.39547788262122197, 3.56830735315034264 51.39863999345082135, 3.56824346922984281 51.39924884689007456, 3.57832215914625795 51.39386423210361698, 3.57814543147111586 51.3925921919714952, 3.57362032970192978 51.39391873177869741, 3.56934365871684456 51.39416237268863341, 3.56650677572533503 51.39267025645231968, 3.56233753145987775 51.39274160207057918, 3.56079556756630566 51.39171415147613686, 3.56002185559888362 51.3876958488236113, 3.55829040303262856 51.38622850164643552, 3.54949865824024613 51.38794846416674034, 3.5460694454620123 51.39987610300546095, 3.54569246573034302 51.40500244165335175, 3.55099782768465477 51.40595182806723074)))</t>
  </si>
  <si>
    <t>MultiPolygon (((3.49981442437611179 51.40479360455133673, 3.50151100808668581 51.40211026347451195, 3.50747558811393034 51.39631933452820789, 3.5138068910163156 51.39403168992192406, 3.51772009542116093 51.39334828777639075, 3.51869958076815292 51.39015964009763593, 3.51721695234924647 51.38929888097653986, 3.51714377037068582 51.38627400867854789, 3.52536740884339528 51.38608031932375297, 3.53734384841979255 51.38241935867394972, 3.53818268494513344 51.38083316906207898, 3.54317466097900757 51.37861233640377634, 3.54650964012451997 51.37827509065385101, 3.54858856527182054 51.37887516556840239, 3.54879859242155726 51.37613266919602495, 3.54754311341104822 51.37243482517008175, 3.55004227518547166 51.36960342084964282, 3.54852445983230025 51.36730034097951858, 3.54961675655202002 51.36519858350867906, 3.5491432120113573 51.36204521806045165, 3.53968142781477946 51.35793880599651118, 3.53327892951762168 51.35361510748892044, 3.53073170063114095 51.35285612583817993, 3.52309729958591955 51.35264879340527955, 3.52019215172893807 51.3504751117687448, 3.51632578833648557 51.34917403810609926, 3.51001964072115547 51.34874357417377411, 3.4932750855780923 51.35032995860454719, 3.49226653223516159 51.35485475735875838, 3.49287521805749845 51.35724637655446401, 3.48716630793848514 51.35840228510974725, 3.4909732505265838 51.35983344491221914, 3.48841574466777748 51.36314536208323034, 3.48777177733405308 51.36798821834144491, 3.49073400838434234 51.36805529692700389, 3.49053450599579973 51.3708490324800664, 3.47826438067273758 51.38362691626510781, 3.47129243690709588 51.38676915815339186, 3.47323483745286143 51.38963683895374857, 3.47679586069822344 51.39119673021148316, 3.47554524708443902 51.39401732779467125, 3.47253428919398877 51.39437586562967653, 3.47305848100525161 51.39665320139723548, 3.48781817113128012 51.39950988438549473, 3.4945040700483454 51.4019687794888398, 3.49981442437611179 51.40479360455133673, 3.49981442437611179 51.40479360455133673),(3.50640806260243076 51.38279995577476456, 3.50595120372253 51.38343991693480461, 3.50235120434851988 51.38253015312864846, 3.49957559911884752 51.38011362869683296, 3.50082529284466393 51.37686571626928611, 3.50713158657066382 51.37473061798870333, 3.50911092283378245 51.375528437233001, 3.51012943334520111 51.37804427953808073, 3.51027537811584445 51.38252599398136056, 3.5059069115599053 51.38144774716956675, 3.50500565767383865 51.38238059670081981, 3.50640806260243076 51.38279995577476456, 3.50640806260243076 51.38279995577476456)))</t>
  </si>
  <si>
    <t>MultiPolygon (((3.50640806260243076 51.38279995577476456, 3.50500565767383865 51.38238059670081981, 3.5059069115599053 51.38144774716956675, 3.51027537811584445 51.38252599398136056, 3.51012943334520111 51.37804427953808073, 3.50911092283378245 51.375528437233001, 3.50713158657066382 51.37473061798870333, 3.50082529284466393 51.37686571626928611, 3.49957559911884752 51.38011362869683296, 3.50235120434851988 51.38253015312864846, 3.50595120372253 51.38343991693480461, 3.50640806260243076 51.38279995577476456, 3.50640806260243076 51.38279995577476456)))</t>
  </si>
  <si>
    <t>MultiPolygon (((3.47305848100525161 51.39665320139723548, 3.47253428919398877 51.39437586562967653, 3.47554524708443902 51.39401732779467125, 3.47679586069822344 51.39119673021148316, 3.47323483745286143 51.38963683895374857, 3.47129243690709588 51.38676915815339186, 3.47826438067273758 51.38362691626510781, 3.49053450599579973 51.3708490324800664, 3.49073400838434234 51.36805529692700389, 3.48777177733405308 51.36798821834144491, 3.48841574466777748 51.36314536208323034, 3.4909732505265838 51.35983344491221914, 3.48716630793848514 51.35840228510974725, 3.49287521805749845 51.35724637655446401, 3.49226653223516159 51.35485475735875838, 3.48277230812917082 51.3529000760727854, 3.48245198930789979 51.35331291232861872, 3.48088845812763026 51.35297967905017913, 3.47824151444678753 51.35099543459225657, 3.46653019702174037 51.35405929451047058, 3.46747644149668011 51.36004763356479685, 3.45469547332840898 51.36417779505782732, 3.45730292803766615 51.36565618612848994, 3.45176102649352545 51.36552182943107425, 3.44850828093121775 51.36654749915101803, 3.43725588486666744 51.37258256021063829, 3.43392965405219819 51.38111318584493148, 3.43472704816629459 51.38181519775082506, 3.43602792990059092 51.38118317685685099, 3.43796328359026448 51.3822011936798404, 3.44098516323988113 51.38006859421734163, 3.45132125171548143 51.38243113043667876, 3.44749262083023611 51.38573765141691752, 3.43495735561511006 51.38218122143757682, 3.43295120997197234 51.39007747536356874, 3.4364049857469916 51.38807426356871844, 3.44834450092934164 51.39119049021215346, 3.44794583926678744 51.38749254882446138, 3.44858114048053643 51.38628822476507452, 3.45652379203406879 51.38606240661128055, 3.45578867422380354 51.38790599781588497, 3.45779586369759251 51.39420791802940869, 3.47305848100525161 51.39665320139723548, 3.47305848100525161 51.39665320139723548),(3.46541942966478267 51.368703389165141, 3.46392619344841091 51.36870291199446115, 3.46409867214122524 51.36789573867781655, 3.47134296215543481 51.37040131296120649, 3.47562967509563459 51.37259608662827759, 3.48252065563033941 51.37396849001107313, 3.48271334955783418 51.37467657662872966, 3.47599660654380038 51.37318482432910116, 3.47318397848913696 51.3734819948959256, 3.4655999896103471 51.37810350116400571, 3.46661529808747693 51.37918846538286743, 3.46325665642576741 51.38029822230461718, 3.4622564000304652 51.375233333154533, 3.46500129076339913 51.37395333511701523, 3.46722018541824717 51.3708925686925042, 3.46541942966478267 51.368703389165141, 3.46541942966478267 51.368703389165141)))</t>
  </si>
  <si>
    <t>MultiPolygon (((3.45132125171548143 51.38243113043667876, 3.44098516323988113 51.38006859421734163, 3.43796328359026448 51.3822011936798404, 3.43602792990059092 51.38118317685685099, 3.43472704816629459 51.38181519775082506, 3.43492973064312812 51.38199391553985862, 3.43495735561511006 51.38218122143757682, 3.44749262083023611 51.38573765141691752, 3.45132125171548143 51.38243113043667876, 3.45132125171548143 51.38243113043667876)),((3.45779586369759251 51.39420791802940869, 3.45578867422380354 51.38790599781588497, 3.45652379203406879 51.38606240661128055, 3.44858114048053643 51.38628822476507452, 3.44794583926678744 51.38749254882446138, 3.44834450092934164 51.39119049021215346, 3.45575046912879769 51.39362896604258424, 3.45779586369759251 51.39420791802940869, 3.45779586369759251 51.39420791802940869)))</t>
  </si>
  <si>
    <t>MultiPolygon (((3.46661529808747693 51.37918846538286743, 3.4655999896103471 51.37810350116400571, 3.47318397848913696 51.3734819948959256, 3.47599660654380038 51.37318482432910116, 3.48271334955783418 51.37467657662872966, 3.48252065563033941 51.37396849001107313, 3.47562967509563459 51.37259608662827759, 3.47134296215543481 51.37040131296120649, 3.46409867214122524 51.36789573867781655, 3.46392619344841091 51.36870291199446115, 3.46541942966478267 51.368703389165141, 3.46722018541824717 51.3708925686925042, 3.46500129076339913 51.37395333511701523, 3.4622564000304652 51.375233333154533, 3.46325665642576741 51.38029822230461718, 3.46661529808747693 51.37918846538286743, 3.46661529808747693 51.37918846538286743)))</t>
  </si>
  <si>
    <t>MultiPolygon (((3.37309797553240198 51.37107676011240187, 3.37184390524151567 51.37359680599693235, 3.3785182661895754 51.37741542513153803, 3.3789748205972634 51.37275688365561166, 3.37309797553240198 51.37107676011240187, 3.37309797553240198 51.37107676011240187)),((3.43295120997197234 51.39007747536356874, 3.43495735561511006 51.38218122143757682, 3.43492973064312812 51.38199391553985862, 3.43472704816629459 51.38181519775082506, 3.43392965405219819 51.38111318584493148, 3.43725588486666744 51.37258256021063829, 3.44850828093121775 51.36654749915101803, 3.45176102649352545 51.36552182943107425, 3.45730292803766615 51.36565618612848994, 3.45469547332840898 51.36417779505782732, 3.44291462133501902 51.35692138829906384, 3.43855812608626765 51.35601496718110326, 3.4279773857868272 51.34952949536224054, 3.42282890251392136 51.35099653220068205, 3.41759331086058804 51.34920236079265976, 3.41782336606084369 51.34831530155629764, 3.41648760185389211 51.34779034388026986, 3.41420678939422784 51.35076398605212233, 3.40537729203805295 51.34925026889883526, 3.39778257785444904 51.35018061441507342, 3.39364734131322399 51.35187046928437127, 3.39126932015127247 51.35452789984525168, 3.39046859329653305 51.36971099307744026, 3.38933536249592837 51.36984975320085312, 3.38824121622367791 51.3682097890160918, 3.37987358269564764 51.37056543869774572, 3.38053130735204288 51.37314230557313266, 3.38982527463928829 51.37604538676010435, 3.39359486213085004 51.37564325212371585, 3.40080368284082013 51.37945071178075551, 3.40260609471082809 51.3788287322934849, 3.41522092564584989 51.38270502641837112, 3.41182042284050713 51.38646571007201658, 3.42128783559729621 51.38964266003274872, 3.43016073280748879 51.39135643015454491, 3.43295120997197234 51.39007747536356874, 3.43295120997197234 51.39007747536356874),(3.40195369439216666 51.37494783426377154, 3.40536688451882696 51.36763893927162883, 3.4075409029525221 51.36576166098025453, 3.410743794961832 51.36590510596298742, 3.41484351104246553 51.36385524232354527, 3.41605902010737106 51.36455659919827355, 3.41606135292642765 51.36665771711822259, 3.41300964610181667 51.37038675403955779, 3.41098672404346859 51.3718899187738316, 3.40677395693364327 51.37024412419712149, 3.40422662442985668 51.37254829170120729, 3.40262880123663169 51.37578931726335441, 3.40195369439216666 51.37494783426377154, 3.40195369439216666 51.37494783426377154)))</t>
  </si>
  <si>
    <t>MultiPolygon (((3.41522092564584989 51.38270502641837112, 3.40260609471082809 51.3788287322934849, 3.40080368284082013 51.37945071178075551, 3.39359486213085004 51.37564325212371585, 3.38982527463928829 51.37604538676010435, 3.38053130735204288 51.37314230557313266, 3.3789748205972634 51.37275688365561166, 3.3785182661895754 51.37741542513153803, 3.3803406767808668 51.37808135151389166, 3.38082369991821707 51.38015800307792347, 3.38108658332345025 51.37797525099810514, 3.38263275321581691 51.37782344304520876, 3.38273810251652041 51.37975215349828062, 3.38192650430629005 51.38048753909252042, 3.38319621535741089 51.38014065427165633, 3.38337378580682202 51.37912673437818256, 3.38568766857067649 51.3793017748332943, 3.4022769170996825 51.3833233424894118, 3.41182042284050713 51.38646571007201658, 3.41522092564584989 51.38270502641837112, 3.41522092564584989 51.38270502641837112)))</t>
  </si>
  <si>
    <t>MultiPolygon (((3.40422662442985668 51.37254829170120729, 3.40677395693364327 51.37024412419712149, 3.41098672404346859 51.3718899187738316, 3.41300964610181667 51.37038675403955779, 3.41606135292642765 51.36665771711822259, 3.41605902010737106 51.36455659919827355, 3.41484351104246553 51.36385524232354527, 3.410743794961832 51.36590510596298742, 3.4075409029525221 51.36576166098025453, 3.40536688451882696 51.36763893927162883, 3.40195369439216666 51.37494783426377154, 3.40262880123663169 51.37578931726335441, 3.40422662442985668 51.37254829170120729, 3.40422662442985668 51.37254829170120729)))</t>
  </si>
  <si>
    <t>MultiPolygon (((3.45469547332840898 51.36417779505782732, 3.46747644149668011 51.36004763356479685, 3.46653019702174037 51.35405929451047058, 3.47824151444678753 51.35099543459225657, 3.48088845812763026 51.35297967905017913, 3.48245198930789979 51.35331291232861872, 3.48277230812917082 51.3529000760727854, 3.48350909666079733 51.35195178670270622, 3.48156977514046595 51.35113169272719347, 3.47811528073296383 51.34559605124614023, 3.47397479205543425 51.3420719721344625, 3.47118678195133734 51.337637756287549, 3.46911318599914908 51.33752551417073562, 3.46589942869266787 51.33548639903160904, 3.45716399644707062 51.32831809566210524, 3.44544566055438928 51.32357583158614744, 3.43527586521141215 51.3254708927561083, 3.43513473563655314 51.3263878519087271, 3.4334819884291865 51.32618087398732598, 3.4246726603049984 51.3239159162154408, 3.4157883166480727 51.32451095530070972, 3.40732421915469574 51.32604359724359711, 3.40627425000966433 51.33017284274475855, 3.40767291658572713 51.33420268384454488, 3.41095323475836754 51.33467423320672651, 3.4102161886946436 51.33778019421939121, 3.40798553063450971 51.34035981068672072, 3.41121918569821059 51.34203197594029433, 3.41648760185389211 51.34779034388026986, 3.41782336606084369 51.34831530155629764, 3.41759331086058804 51.34920236079265976, 3.42282890251392136 51.35099653220068205, 3.4279773857868272 51.34952949536224054, 3.43855812608626765 51.35601496718110326, 3.44291462133501902 51.35692138829906384, 3.45469547332840898 51.36417779505782732, 3.45469547332840898 51.36417779505782732),(3.4527883926248033 51.34388347625993987, 3.45233767991676643 51.34422747804160281, 3.4490603351218132 51.34344303719755231, 3.44686520770602911 51.34235089662038831, 3.44385718673842645 51.33863862917676357, 3.44457577424117911 51.33793949370299003, 3.44962775210066752 51.3401679863571303, 3.45328805311792575 51.33727166205391512, 3.45631844748741379 51.34166651467523224, 3.4527883926248033 51.34388347625993987, 3.4527883926248033 51.34388347625993987)))</t>
  </si>
  <si>
    <t>MultiPolygon (((3.4527883926248033 51.34388347625993987, 3.45631844748741379 51.34166651467523224, 3.45328805311792575 51.33727166205391512, 3.44962775210066752 51.3401679863571303, 3.44457577424117911 51.33793949370299003, 3.44385718673842645 51.33863862917676357, 3.44686520770602911 51.34235089662038831, 3.4490603351218132 51.34344303719755231, 3.45233767991676643 51.34422747804160281, 3.4527883926248033 51.34388347625993987, 3.4527883926248033 51.34388347625993987)))</t>
  </si>
  <si>
    <t>MultiPolygon (((3.48277230812917082 51.3529000760727854, 3.49226653223516159 51.35485475735875838, 3.4932750855780923 51.35032995860454719, 3.51001964072115547 51.34874357417377411, 3.51464366137195805 51.34450608935386384, 3.51626079839983152 51.34480180006084993, 3.52150739253750356 51.33966402045198407, 3.52356663870379672 51.3405584160408992, 3.52583861247793706 51.33850974069046202, 3.52783868818748703 51.3392716252063579, 3.53417144965463059 51.33319789605450723, 3.52162333431870289 51.32825296333131604, 3.52655294495711091 51.3238609080413255, 3.52908701289536619 51.31998927932733778, 3.52956543400131562 51.31886857576771632, 3.52871074055494072 51.31567052744767921, 3.53872968517922315 51.3108500159172749, 3.52871467882417011 51.30283213472159787, 3.51484874227042887 51.30294618223820891, 3.50802317988457535 51.30934383581168845, 3.50221779619616314 51.30969277313768373, 3.49825817744038092 51.30900063793087895, 3.49849258254357398 51.30681602049737933, 3.49464491427040791 51.30337775680808221, 3.49085539248957799 51.30348044364615134, 3.48849480550221314 51.29698541823331226, 3.47882050988469782 51.29907827870338366, 3.47579784478663445 51.30036887949194835, 3.47735216461364782 51.30166856697190525, 3.47309465173929421 51.30358280287992301, 3.46399568563051652 51.30540013858578163, 3.44569251972842272 51.30739628299627242, 3.4285298921735663 51.31453923244341553, 3.42217093298391406 51.3148863958581245, 3.42052352517300173 51.31717768870436913, 3.43341080950308575 51.32217955000373877, 3.43530242531719221 51.32418338588791329, 3.43527586521141215 51.3254708927561083, 3.44544566055438928 51.32357583158614744, 3.45716399644707062 51.32831809566210524, 3.46589942869266787 51.33548639903160904, 3.46911318599914908 51.33752551417073562, 3.47118678195133734 51.337637756287549, 3.47397479205543425 51.3420719721344625, 3.47811528073296383 51.34559605124614023, 3.48156977514046595 51.35113169272719347, 3.48350909666079733 51.35195178670270622, 3.48277230812917082 51.3529000760727854, 3.48277230812917082 51.3529000760727854),(3.49975841936701748 51.33525290418884879, 3.49250768482123775 51.3341633596747684, 3.49374361188267235 51.33151670662537924, 3.48944492689670982 51.33150097028673287, 3.48590897523087095 51.32911213786167082, 3.48154586699861168 51.32944090786166669, 3.47843207312656855 51.33172668477513412, 3.47591405075199678 51.32964249246772681, 3.48049286956813209 51.32659773501526246, 3.4810234230610515 51.32419884198081661, 3.48045559553821704 51.322464989010534, 3.47883860749746399 51.32279195000292304, 3.47844442735872761 51.32090527617324227, 3.48632205697659447 51.32017749969959652, 3.48658316899805865 51.32263541635880699, 3.50911492231699018 51.32440528428156767, 3.50089909005296329 51.33136986839861038, 3.50011119735741882 51.33278146579317536, 3.50081975373681553 51.3345765283528479, 3.49975841936701748 51.33525290418884879, 3.49975841936701748 51.33525290418884879)))</t>
  </si>
  <si>
    <t>MultiPolygon (((3.49975841936701748 51.33525290418884879, 3.50081975373681553 51.3345765283528479, 3.50011119735741882 51.33278146579317536, 3.50089909005296329 51.33136986839861038, 3.50911492231699018 51.32440528428156767, 3.48658316899805865 51.32263541635880699, 3.48632205697659447 51.32017749969959652, 3.47844442735872761 51.32090527617324227, 3.47883860749746399 51.32279195000292304, 3.48045559553821704 51.322464989010534, 3.4810234230610515 51.32419884198081661, 3.48049286956813209 51.32659773501526246, 3.47591405075199678 51.32964249246772681, 3.47843207312656855 51.33172668477513412, 3.48154586699861168 51.32944090786166669, 3.48590897523087095 51.32911213786167082, 3.48944492689670982 51.33150097028673287, 3.49374361188267235 51.33151670662537924, 3.49250768482123775 51.3341633596747684, 3.49975841936701748 51.33525290418884879, 3.49975841936701748 51.33525290418884879)))</t>
  </si>
  <si>
    <t>MultiPolygon (((3.49660698491713973 51.29080732459313907, 3.50017475640945452 51.28746417341453423, 3.50135718807848795 51.28705796344215884, 3.50449315003592687 51.28750433536001196, 3.5151699309841935 51.28054688953231022, 3.51761919903937015 51.28058349549522177, 3.52801187358120183 51.24644035608515935, 3.51078160357422409 51.25209956836079783, 3.5003396472209376 51.2530544917141313, 3.49379313870643848 51.25480021957064025, 3.48915663669544029 51.25460046518997359, 3.48833884193065824 51.25848746024988145, 3.49273993991072196 51.26369102294115265, 3.49243525093829499 51.26539881495909157, 3.48607508432365476 51.2700172121216653, 3.48041847791814041 51.26968638162471592, 3.4786461773825379 51.27154090765630912, 3.48638468410643387 51.29025785563931095, 3.49179156679274749 51.28934805969424104, 3.49556051439892412 51.29092518188528516, 3.49660698491713973 51.29080732459313907, 3.49660698491713973 51.29080732459313907),(3.49290607286324484 51.27245726295858219, 3.49262708532188615 51.27072001923414746, 3.50416437351279608 51.27179039163449659, 3.50455742166993112 51.27416583031179442, 3.49290607286324484 51.27245726295858219, 3.49290607286324484 51.27245726295858219)))</t>
  </si>
  <si>
    <t>MultiPolygon (((3.50416437351279608 51.27179039163449659, 3.49262708532188615 51.27072001923414746, 3.49290607286324484 51.27245726295858219, 3.50455742166993112 51.27416583031179442, 3.50416437351279608 51.27179039163449659)))</t>
  </si>
  <si>
    <t>MultiPolygon (((3.47969661244881667 51.2579917625971575, 3.48915663669544029 51.25460046518997359, 3.49379313870643848 51.25480021957064025, 3.5003396472209376 51.2530544917141313, 3.51078160357422409 51.25209956836079783, 3.52801187358120183 51.24644035608515935, 3.52759417657013286 51.24604015673396162, 3.48466846987583656 51.24326932654073374, 3.45038523052776869 51.24161447342670783, 3.45232439757202547 51.2482385495146886, 3.44190485666356372 51.24820212604799963, 3.43956437956443706 51.2473099373705665, 3.4392742182241598 51.24611265261427206, 3.44177586211476472 51.24602078592140941, 3.44053303373697039 51.24346542117863379, 3.43231383030559467 51.24560935977658005, 3.42747886663723467 51.24465693838976676, 3.42536987576622076 51.25087383875003866, 3.43102868258067151 51.25199118079849114, 3.43195209338093266 51.25120819798190297, 3.44253861510600379 51.25414506769337919, 3.44201083843832478 51.25604597703776477, 3.45317206735171256 51.25641556722551684, 3.46069035846577355 51.25597559262315883, 3.4684156217881239 51.25700406351408134, 3.47082200519084427 51.25801671765394474, 3.47247862488683579 51.25981773105908701, 3.47969661244881667 51.2579917625971575, 3.47969661244881667 51.2579917625971575)))</t>
  </si>
  <si>
    <t>MultiPolygon (((3.45038523052776869 51.24161447342670783, 3.44695558628497967 51.24160984554369236, 3.44441268364775244 51.24209947461726244, 3.44449596084815113 51.24269274000970142, 3.44053303373697039 51.24346542117863379, 3.44177586211476472 51.24602078592140941, 3.4392742182241598 51.24611265261427206, 3.43956437956443706 51.2473099373705665, 3.44190485666356372 51.24820212604799963, 3.45232439757202547 51.2482385495146886, 3.45038523052776869 51.24161447342670783, 3.45038523052776869 51.24161447342670783)))</t>
  </si>
  <si>
    <t>MultiPolygon (((3.47882050988469782 51.29907827870338366, 3.48849480550221314 51.29698541823331226, 3.49085539248957799 51.30348044364615134, 3.49464491427040791 51.30337775680808221, 3.49849258254357398 51.30681602049737933, 3.49825817744038092 51.30900063793087895, 3.50221779619616314 51.30969277313768373, 3.50802317988457535 51.30934383581168845, 3.51484874227042887 51.30294618223820891, 3.52871467882417011 51.30283213472159787, 3.52733296055126511 51.29837167821337829, 3.54775131827323387 51.29614729304644527, 3.55625129555988018 51.29036177876968594, 3.55569185474636917 51.28979917442508452, 3.55358690028190072 51.28957875212603312, 3.54981379822617793 51.29110169666206076, 3.54342664518674022 51.29119775821127547, 3.54230955875973619 51.28800624061226188, 3.53800328733274716 51.28365614696927111, 3.53366547891384641 51.28348877436071263, 3.52912976222678898 51.28874372801057291, 3.5154148027543024 51.28715060062101827, 3.51761919903937015 51.28058349549522177, 3.5151699309841935 51.28054688953231022, 3.50449315003592687 51.28750433536001196, 3.50135718807848795 51.28705796344215884, 3.50017475640945452 51.28746417341453423, 3.49660698491713973 51.29080732459313907, 3.49556051439892412 51.29092518188528516, 3.49179156679274749 51.28934805969424104, 3.48638468410643387 51.29025785563931095, 3.4786461773825379 51.27154090765630912, 3.48041847791814041 51.26968638162471592, 3.48607508432365476 51.2700172121216653, 3.49243525093829499 51.26539881495909157, 3.49273993991072196 51.26369102294115265, 3.48833884193065824 51.25848746024988145, 3.48915663669544029 51.25460046518997359, 3.47969661244881667 51.2579917625971575, 3.47247862488683579 51.25981773105908701, 3.47082200519084427 51.25801671765394474, 3.4684156217881239 51.25700406351408134, 3.46069035846577355 51.25597559262315883, 3.45317206735171256 51.25641556722551684, 3.44201083843832478 51.25604597703776477, 3.44253861510600379 51.25414506769337919, 3.43195209338093266 51.25120819798190297, 3.43102868258067151 51.25199118079849114, 3.42536987576622076 51.25087383875003866, 3.42440532409658127 51.25447658452673494, 3.42122304422803314 51.25661718167293657, 3.41833577370658714 51.25748497730762665, 3.4171386778046382 51.25977800422644748, 3.41598454901840798 51.25994819594168206, 3.41485266611849969 51.26132067195378994, 3.4164982867624496 51.26266406002916654, 3.4207058717549863 51.26348432860104509, 3.42393554251594434 51.26324442626627587, 3.42956172928862202 51.26960707920414961, 3.43271786169657966 51.27083234195856676, 3.43489215713124985 51.26964210246153897, 3.4409107373999146 51.27013521915698391, 3.44293904247249172 51.27167511818662149, 3.44748316757163931 51.27130226492732845, 3.45229768001387605 51.26997354467106049, 3.45294168419674241 51.2688585469792244, 3.4569569800229325 51.26891090933847295, 3.45711819476714544 51.27160720509841241, 3.45251117501176186 51.2720594632714608, 3.45024264702068439 51.27468471685054396, 3.44730709171139571 51.27588667300393865, 3.44286250588230702 51.27554275496633096, 3.44181189882948146 51.27748971490611751, 3.43977779673765838 51.27721545973266615, 3.43557794811104067 51.27456004228753272, 3.4323516059892123 51.27364289165509348, 3.42971967565737446 51.27404369280263552, 3.42790568579293176 51.27268333632902397, 3.42634143512523925 51.27504156018090953, 3.43676543751076347 51.28028289723130939, 3.4356403960702484 51.28241961466076049, 3.43254732779335603 51.28396331415407161, 3.43034995017023903 51.28634467053628043, 3.42978768445450877 51.28869955957051729, 3.42298898251949613 51.2953776922567144, 3.42044138842417933 51.30225548126305313, 3.41796631155760267 51.30495757113627775, 3.4203400787853826 51.30771073628048384, 3.41654444920181399 51.31157813270021251, 3.41135876952039396 51.3116394262626514, 3.41100460218693557 51.31314221755597771, 3.42217093298391406 51.3148863958581245, 3.4285298921735663 51.31453923244341553, 3.44569251972842272 51.30739628299627242, 3.46399568563051652 51.30540013858578163, 3.47309465173929421 51.30358280287992301, 3.47735216461364782 51.30166856697190525, 3.47579784478663445 51.30036887949194835, 3.47882050988469782 51.29907827870338366, 3.47882050988469782 51.29907827870338366)))</t>
  </si>
  <si>
    <t>MultiPolygon (((3.42956172928862202 51.26960707920414961, 3.43009105272023529 51.27040213248651668, 3.42790568579293176 51.27268333632902397, 3.42971967565737446 51.27404369280263552, 3.4323516059892123 51.27364289165509348, 3.43557794811104067 51.27456004228753272, 3.43977779673765838 51.27721545973266615, 3.44181189882948146 51.27748971490611751, 3.44286250588230702 51.27554275496633096, 3.44730709171139571 51.27588667300393865, 3.45024264702068439 51.27468471685054396, 3.45251117501176186 51.2720594632714608, 3.45711819476714544 51.27160720509841241, 3.4569569800229325 51.26891090933847295, 3.45294168419674241 51.2688585469792244, 3.45229768001387605 51.26997354467106049, 3.44748316757163931 51.27130226492732845, 3.44293904247249172 51.27167511818662149, 3.4409107373999146 51.27013521915698391, 3.43489215713124985 51.26964210246153897, 3.43271786169657966 51.27083234195856676, 3.42956172928862202 51.26960707920414961, 3.42956172928862202 51.26960707920414961)))</t>
  </si>
  <si>
    <t>MultiPolygon (((3.37184390524151567 51.37359680599693235, 3.37309797553240198 51.37107676011240187, 3.3789748205972634 51.37275688365561166, 3.38053130735204288 51.37314230557313266, 3.37987358269564764 51.37056543869774572, 3.38824121622367791 51.3682097890160918, 3.38933536249592837 51.36984975320085312, 3.39046859329653305 51.36971099307744026, 3.39126932015127247 51.35452789984525168, 3.39364734131322399 51.35187046928437127, 3.39778257785444904 51.35018061441507342, 3.40537729203805295 51.34925026889883526, 3.41420678939422784 51.35076398605212233, 3.41648760185389211 51.34779034388026986, 3.41121918569821059 51.34203197594029433, 3.40798553063450971 51.34035981068672072, 3.4102161886946436 51.33778019421939121, 3.41095323475836754 51.33467423320672651, 3.40767291658572713 51.33420268384454488, 3.40627425000966433 51.33017284274475855, 3.40732421915469574 51.32604359724359711, 3.4157883166480727 51.32451095530070972, 3.4246726603049984 51.3239159162154408, 3.4334819884291865 51.32618087398732598, 3.43513473563655314 51.3263878519087271, 3.43527586521141215 51.3254708927561083, 3.43530242531719221 51.32418338588791329, 3.43341080950308575 51.32217955000373877, 3.42052352517300173 51.31717768870436913, 3.42217093298391406 51.3148863958581245, 3.41100460218693557 51.31314221755597771, 3.40618632530518406 51.31436121171577014, 3.40268625813756609 51.31633890839980694, 3.39992162387690788 51.319227319602156, 3.39793536087489612 51.3246124627010829, 3.3888839235055217 51.33020892924682954, 3.38530563542231189 51.33425861722528083, 3.38351299522714077 51.34120500362131878, 3.37407069313193375 51.34850782164951966, 3.37370588336142552 51.35423314852251764, 3.37499003217857974 51.35888718021210764, 3.3723431130792294 51.36199310942903651, 3.37175066685374114 51.36736620379631546, 3.36953594464484363 51.36882501497196785, 3.36934564224565758 51.37038937369550951, 3.36942824953826614 51.37177816050003543, 3.37184390524151567 51.37359680599693235, 3.37184390524151567 51.37359680599693235),(3.38107573263226291 51.34949902035575775, 3.38550706404390711 51.34376422925254246, 3.38670779330758842 51.3438236347160597, 3.38801970801578012 51.34612539211018856, 3.38735074121833835 51.34924897364355445, 3.38452234379896577 51.35038635237214777, 3.38250218086497245 51.35048393840319392, 3.38107573263226291 51.34949902035575775, 3.38107573263226291 51.34949902035575775)))</t>
  </si>
  <si>
    <t>MultiPolygon (((3.38452234379896577 51.35038635237214777, 3.38735074121833835 51.34924897364355445, 3.38801970801578012 51.34612539211018856, 3.38670779330758842 51.3438236347160597, 3.38550706404390711 51.34376422925254246, 3.38107573263226291 51.34949902035575775, 3.38250218086497245 51.35048393840319392, 3.38452234379896577 51.35038635237214777, 3.38452234379896577 51.35038635237214777)))</t>
  </si>
  <si>
    <t>MultiPolygon (((3.36284866487500667 51.31814303539614741, 3.3659020276484406 51.31758266533585555, 3.36609552743680895 51.31826850472288726, 3.36919134625008088 51.31764956232723307, 3.36839136334091771 51.31660536894236202, 3.37002433675347923 51.31632067148544252, 3.36290697253650928 51.3119002860905411, 3.35837818883570138 51.31498142153888153, 3.36284866487500667 51.31814303539614741, 3.36284866487500667 51.31814303539614741)))</t>
  </si>
  <si>
    <t>MultiPolygon (((3.38974631956971395 51.31435199096268462, 3.38922828936632259 51.31230915556158578, 3.39348718707469166 51.30958595893466878, 3.39287165744623964 51.30766046728652441, 3.39069923480378987 51.30548405274895885, 3.38464094097326651 51.30421479573433885, 3.38273996426353341 51.30788386657236089, 3.37804276881511401 51.31017203711009245, 3.37675478862779865 51.3096246645162708, 3.37426351745554021 51.31164309832570325, 3.38301755250798974 51.31156234318343934, 3.3831403019725923 51.31049002352881416, 3.3843520783988903 51.31080112151451544, 3.38878854384130301 51.31492250121771548, 3.38974631956971395 51.31435199096268462, 3.38974631956971395 51.31435199096268462)))</t>
  </si>
  <si>
    <t>MultiPolygon (((5.94548535207969131 51.03683956775095965, 5.95134801163625049 51.04290685254164828, 5.95272246999611188 51.04133332948688917, 5.95676898122621079 51.04270732142524736, 5.95817713875790833 51.04112589630506847, 5.95946730257374035 51.03823865588162789, 5.95818547644355156 51.03624459855736717, 5.95633527473974844 51.03717601258576053, 5.95400635600949535 51.03652926492500086, 5.94548535207969131 51.03683956775095965, 5.94548535207969131 51.03683956775095965)))</t>
  </si>
  <si>
    <t>MultiPolygon (((5.97285290858635154 51.0729290661835833, 5.97309876256800187 51.07320745217870694, 5.97487192640547615 51.07351127304779226, 5.97696014620232408 51.07267513799125425, 5.9776809462725673 51.07188055064206367, 5.97657745868945778 51.07037906993170395, 5.9719120647428392 51.07003648222925563, 5.9709887826150787 51.07102856115984935, 5.97285290858635154 51.0729290661835833, 5.97285290858635154 51.0729290661835833)))</t>
  </si>
  <si>
    <t>MultiPolygon (((5.95400635600949535 51.03652926492500086, 5.95633527473974844 51.03717601258576053, 5.95818547644355156 51.03624459855736717, 5.95762210252744229 51.03471400224054833, 5.95570113680888191 51.03503212094609154, 5.95400635600949535 51.03652926492500086, 5.95400635600949535 51.03652926492500086)))</t>
  </si>
  <si>
    <t>MultiPolygon (((5.94556218077263843 51.04973678335331044, 5.95112933569938551 51.05092595650723553, 5.95467047060559906 51.04945705874235529, 5.95530811759783507 51.04807648739510029, 5.95990156822796457 51.0500523950715106, 5.96354767398869967 51.04944397525932231, 5.96293199964553189 51.04869751559431279, 5.96393728489948316 51.04766197529254868, 5.96776789078699998 51.04734443485792639, 5.96847430958358238 51.0478553871687879, 5.96919771248635289 51.04677217877458872, 5.96690019628373847 51.04413706205931334, 5.96383949555135562 51.04368525850299676, 5.9617171377671152 51.04199040569582024, 5.95817713875790833 51.04112589630506847, 5.95676898122621079 51.04270732142524736, 5.95272246999611188 51.04133332948688917, 5.95134801163625049 51.04290685254164828, 5.94548535207969131 51.03683956775095965, 5.93812940399872957 51.03511723794773758, 5.93460725131583366 51.04122952218379794, 5.92630529649572946 51.04825525127825614, 5.92740497223891172 51.04760776348143025, 5.92920531235382242 51.04762238337727354, 5.93002610291507271 51.04795898045630764, 5.92950260088205283 51.04925852862535152, 5.94009648928131107 51.0538507005524238, 5.94556218077263843 51.04973678335331044, 5.94556218077263843 51.04973678335331044)),((5.97077972603782747 51.05801754176570739, 5.9681134197699901 51.05556219451141686, 5.97031128716209292 51.0541854654775662, 5.96822805569868997 51.05107081196710084, 5.96929755251503735 51.04914369174418454, 5.96845023424284271 51.04800246703160838, 5.96043455397203825 51.05061913227000048, 5.96088110495507628 51.05232321227830994, 5.96522756665653731 51.05718691771784989, 5.96605750793166312 51.06070260005489558, 5.96886633552011414 51.06098390502776851, 5.96999547069479863 51.06051620087775689, 5.97059999951701759 51.06023522064201359, 5.97077972603782747 51.05801754176570739, 5.97077972603782747 51.05801754176570739)),((5.92848102353217765 51.08534076494231613, 5.93150485625020174 51.08225046823276472, 5.93275294361793293 51.07941191402216674, 5.9466364682162558 51.07705256235205127, 5.95370244295449247 51.08040562383281724, 5.96216609992775215 51.07812407195393689, 5.96161503637919221 51.0770909668423343, 5.97285290858635154 51.0729290661835833, 5.9709887826150787 51.07102856115984935, 5.9719120647428392 51.07003648222925563, 5.97657745868945778 51.07037906993170395, 5.978663074746696 51.06770221362812379, 5.97847277322903814 51.06643802180063574, 5.97478277116807188 51.06315817607526242, 5.97316175623210288 51.06290641660811502, 5.97165419200990844 51.06188706562698343, 5.96854096828712599 51.06294802128861221, 5.96497176126514361 51.06006489700537543, 5.96126235360287193 51.05534552469537601, 5.95574892567202063 51.05412937570572041, 5.95569748300789925 51.05548882807541844, 5.95143329865523185 51.06065632167401702, 5.94956089413308575 51.0610328145705239, 5.9456535692338317 51.05794742705541012, 5.93595319643932218 51.05308355347843019, 5.93175639590789405 51.05396457281732836, 5.92965573268032031 51.05286222347531577, 5.93175231571896955 51.05105244641243445, 5.92626104773023954 51.04835372613715094, 5.91873163791298129 51.06395283598637747, 5.92091961746563378 51.06905057313371543, 5.91686158343096125 51.07014119212291803, 5.91989939231701001 51.07457947669394116, 5.92068455482822742 51.07617398191545988, 5.91893650994855047 51.07745319190125599, 5.92258857920920168 51.08316209639816918, 5.92848102353217765 51.08534076494231613, 5.92848102353217765 51.08534076494231613)))</t>
  </si>
  <si>
    <t>MultiPolygon (((5.97165419200990844 51.06188706562698343, 5.96999547069479863 51.06051620087775689, 5.96886633552011414 51.06098390502776851, 5.96605750793166312 51.06070260005489558, 5.96522756665653731 51.05718691771784989, 5.96088110495507628 51.05232321227830994, 5.96043455397203825 51.05061913227000048, 5.96845023424284271 51.04800246703160838, 5.96847430958358238 51.0478553871687879, 5.96776789078699998 51.04734443485792639, 5.96393728489948316 51.04766197529254868, 5.96293199964553189 51.04869751559431279, 5.96354767398869967 51.04944397525932231, 5.95990156822796457 51.0500523950715106, 5.95530811759783507 51.04807648739510029, 5.95467047060559906 51.04945705874235529, 5.95112933569938551 51.05092595650723553, 5.94556218077263843 51.04973678335331044, 5.94009648928131107 51.0538507005524238, 5.92950260088205283 51.04925852862535152, 5.93002610291507271 51.04795898045630764, 5.92920531235382242 51.04762238337727354, 5.92740497223891172 51.04760776348143025, 5.92630529649572946 51.04825525127825614, 5.92626104773023954 51.04835372613715094, 5.93175231571896955 51.05105244641243445, 5.92965573268032031 51.05286222347531577, 5.93175639590789405 51.05396457281732836, 5.93595319643932218 51.05308355347843019, 5.9456535692338317 51.05794742705541012, 5.94956089413308575 51.0610328145705239, 5.95143329865523185 51.06065632167401702, 5.95569748300789925 51.05548882807541844, 5.95574892567202063 51.05412937570572041, 5.96126235360287193 51.05534552469537601, 5.96497176126514361 51.06006489700537543, 5.96854096828712599 51.06294802128861221, 5.97165419200990844 51.06188706562698343, 5.97165419200990844 51.06188706562698343)))</t>
  </si>
  <si>
    <t>MultiPolygon (((5.89355334691941124 51.13515633403902427, 5.89524839373938558 51.13525488154073884, 5.89658575426699372 51.13595998723367586, 5.89777557375290584 51.13595456701682451, 5.89827384711438807 51.13483232607741513, 5.90146073780764979 51.13420971877275178, 5.9033851899771852 51.13302220614845339, 5.90798556793605023 51.13478818377082291, 5.91156295117387476 51.13179301791767983, 5.91388826989972394 51.13319992157232008, 5.91638653540376858 51.13045185676877935, 5.91437239028850925 51.12829652812489201, 5.92066456471604319 51.11875292231555079, 5.92582452679743366 51.11429798455866091, 5.92675475252796602 51.11377402986512664, 5.94050029455399375 51.11432874751471189, 5.94134053530425454 51.11382670487375179, 5.94042610274216099 51.11269301976352608, 5.94347960596191616 51.11288618150536678, 5.94248391685795418 51.11143336668187942, 5.93934680125002945 51.11150747365700653, 5.93286760769436583 51.10809999588746422, 5.93457313575775647 51.10660032609330727, 5.93874249152503086 51.10490781026805251, 5.92735622254246675 51.09916087761715175, 5.92650992090289552 51.09832871649451391, 5.93243588978231529 51.09759626725151094, 5.92853740871502399 51.09675609457515577, 5.92067443310253605 51.09610452885159049, 5.9170769236660492 51.097153268351029, 5.91443168628612259 51.09918750389881836, 5.91548621056894675 51.10058289536377885, 5.90786990061326023 51.10282091845951413, 5.90126741227620322 51.10314109748308908, 5.90193175721009311 51.10352926920308647, 5.89989206722491399 51.10689201041100915, 5.90011146245563634 51.10906616666338209, 5.90137947167506738 51.10878460263485579, 5.90291781416566241 51.11224508142579737, 5.90761324042558034 51.11874195813285837, 5.90691776964928117 51.11986318225427794, 5.90490828798673029 51.11971103203492817, 5.90407076153905841 51.11839964237776002, 5.90029236506748944 51.11845651598687112, 5.90030153869009233 51.12084868472730648, 5.89565345237759342 51.11998799111378844, 5.89354165656586559 51.11509554811764389, 5.89734828735199557 51.11469347542630004, 5.89945886181670875 51.11215610296767409, 5.8971284560577395 51.11052247763698375, 5.89791383700773064 51.10929935152856984, 5.89448781204959005 51.108070362606, 5.89591495675638999 51.10637866284471187, 5.89456552340687612 51.10585176168081034, 5.89126598185199946 51.10575266124410376, 5.8896436829690364 51.10717316051335501, 5.88918778867337522 51.10725564932987908, 5.89036965383827305 51.10993211393073921, 5.88861456700710573 51.10911913811490592, 5.88260550899981016 51.10941791471752538, 5.88443070636571974 51.11329151053573838, 5.88973986839870545 51.11859032315466322, 5.89607638304149173 51.12263762476020901, 5.897265468050505 51.12670584975166577, 5.89222371041429316 51.12582453224559487, 5.88342047269818202 51.12235733096177626, 5.88093001645161717 51.12210178179795861, 5.88377889997124903 51.12441016467243315, 5.88912479441611669 51.12610118918239266, 5.89211245426872665 51.12839957353155995, 5.89529283233341062 51.1329823312123608, 5.89531658636945011 51.13436078728588541, 5.89355334691941124 51.13515633403902427, 5.89355334691941124 51.13515633403902427)))</t>
  </si>
  <si>
    <t>MultiPolygon (((5.89565345237759342 51.11998799111378844, 5.90030153869009233 51.12084868472730648, 5.90029236506748944 51.11845651598687112, 5.90407076153905841 51.11839964237776002, 5.90490828798673029 51.11971103203492817, 5.90691776964928117 51.11986318225427794, 5.90761324042558034 51.11874195813285837, 5.90291781416566241 51.11224508142579737, 5.90137947167506738 51.10878460263485579, 5.90011146245563634 51.10906616666338209, 5.90026221793050354 51.10940367313934019, 5.89791383700773064 51.10929935152856984, 5.8971284560577395 51.11052247763698375, 5.89945886181670875 51.11215610296767409, 5.89734828735199557 51.11469347542630004, 5.89354165656586559 51.11509554811764389, 5.89565345237759342 51.11998799111378844, 5.89565345237759342 51.11998799111378844)))</t>
  </si>
  <si>
    <t>MultiPolygon (((5.86181587671535453 51.04069386317046764, 5.86212033558872658 51.04193393165374459, 5.86484157250402927 51.0420634269231499, 5.87082530922652968 51.03786804265256905, 5.86820281566335744 51.03387957443059264, 5.86828671644321798 51.03213054742581534, 5.86589213941741416 51.03230186780749733, 5.85668510972750322 51.03113870545091402, 5.85648831373798817 51.03249343245509095, 5.85693574452913257 51.03421411196671187, 5.85850588316762977 51.03371111103676583, 5.86086969315005479 51.03389750563049887, 5.86379322429129513 51.0353200000969025, 5.86453619416279803 51.03835743214476395, 5.86181587671535453 51.04069386317046764, 5.86181587671535453 51.04069386317046764)))</t>
  </si>
  <si>
    <t>MultiPolygon (((5.85863979209533969 51.04023409533515121, 5.86001569412693613 51.0399462213038646, 5.86181587671535453 51.04069386317046764, 5.86453619416279803 51.03835743214476395, 5.86379322429129513 51.0353200000969025, 5.86086969315005479 51.03389750563049887, 5.85850588316762977 51.03371111103676583, 5.85693574452913257 51.03421411196671187, 5.85648831373798817 51.03249343245509095, 5.85107802012728229 51.03240387509277554, 5.84911693763383411 51.03653774461866277, 5.85274058861869317 51.03812321291795939, 5.85364989117022816 51.03677889706037263, 5.8556352546747128 51.03762113461129246, 5.85573259801788648 51.04251075028506079, 5.85824638568167089 51.04286850372596973, 5.85863979209533969 51.04023409533515121, 5.85863979209533969 51.04023409533515121)))</t>
  </si>
  <si>
    <t>MultiPolygon (((5.86072425633207583 51.05568128662745409, 5.86327118158324367 51.05562963291652068, 5.86638764046326688 51.05111967893029856, 5.86728516171218395 51.0462798717485029, 5.87460786991141148 51.0391380747879353, 5.87802812419270371 51.03758348845512671, 5.87700041684825969 51.03204179073469504, 5.87480944830044116 51.03140096721733698, 5.87431713908209918 51.03176869797817261, 5.87283911580578888 51.03155081522240266, 5.87316858544575027 51.03104943408862937, 5.86531383148554308 51.02916833258859697, 5.86177034851174117 51.02953178307297577, 5.86182770311019485 51.02889446728557488, 5.85673570355654416 51.02853714923764983, 5.85261413403204944 51.02931809487414938, 5.85107802012728229 51.03240387509277554, 5.85648831373798817 51.03249343245509095, 5.85668510972750322 51.03113870545091402, 5.86589213941741416 51.03230186780749733, 5.86828671644321798 51.03213054742581534, 5.86820281566335744 51.03387957443059264, 5.87082530922652968 51.03786804265256905, 5.86484157250402927 51.0420634269231499, 5.86212033558872658 51.04193393165374459, 5.86181587671535453 51.04069386317046764, 5.86001569412693613 51.0399462213038646, 5.85863979209533969 51.04023409533515121, 5.85824638568167089 51.04286850372596973, 5.85573259801788648 51.04251075028506079, 5.8556352546747128 51.03762113461129246, 5.85364989117022816 51.03677889706037263, 5.85274058861869317 51.03812321291795939, 5.8485805040065042 51.04628289491672888, 5.84423049227583302 51.04572190490255679, 5.84472402737256225 51.05310729083399224, 5.84730847676629839 51.05237660986287551, 5.85354099312220377 51.0486352043387015, 5.85758667851931669 51.04826070640148572, 5.86072425633207583 51.05568128662745409, 5.86072425633207583 51.05568128662745409)))</t>
  </si>
  <si>
    <t>MultiPolygon (((5.88318120762420715 51.09237677359124774, 5.88389019984169082 51.09276186800180142, 5.88653477077718179 51.09262028919340537, 5.88742554979744881 51.08899562074012124, 5.88913250542866162 51.08783114599165742, 5.88841276154644255 51.08742698730442555, 5.88990077678818658 51.08197379227949142, 5.88607062292559835 51.07955133381459234, 5.88133915617784098 51.08485027471843409, 5.87857223522415495 51.0868717285333318, 5.88005375508815664 51.0890270997282272, 5.88060804681666394 51.08930150456066599, 5.88129033308679894 51.08877414408203066, 5.883806507968532 51.0899510877562264, 5.88318120762420715 51.09237677359124774, 5.88318120762420715 51.09237677359124774)))</t>
  </si>
  <si>
    <t>MultiPolygon (((5.88194466710986141 51.09282602407887453, 5.88318120762420715 51.09237677359124774, 5.883806507968532 51.0899510877562264, 5.88129033308679894 51.08877414408203066, 5.88060804681666394 51.08930150456066599, 5.88005375508815664 51.0890270997282272, 5.87857223522415495 51.0868717285333318, 5.88133915617784098 51.08485027471843409, 5.88607062292559835 51.07955133381459234, 5.88990077678818658 51.08197379227949142, 5.88841276154644255 51.08742698730442555, 5.89203209327457422 51.08711484578141437, 5.89346474703506296 51.08521537980067251, 5.89255928140962126 51.082934789415539, 5.89017229910289064 51.08082498864622778, 5.89727517666661871 51.08048883347282754, 5.90357146324257887 51.08282700779938068, 5.90706438015001378 51.08502161637014183, 5.912531717352695 51.08163853455852887, 5.91642265024967173 51.07696198027177559, 5.91215934930927478 51.07124333161683438, 5.9137759540522099 51.07279389519657542, 5.91989939231701001 51.07457947669394116, 5.91686158343096125 51.07014119212291803, 5.92091961746563378 51.06905057313371543, 5.91873163791298129 51.06395283598637747, 5.91320635761646063 51.06688210763753943, 5.88757227307076025 51.07481820619327806, 5.87217892207085335 51.07845805880592138, 5.87120141396084261 51.08027510954867267, 5.87066409940747747 51.08002978550468498, 5.87406557068342305 51.08810925278232418, 5.87686810558785222 51.08790255873903874, 5.87834378588755069 51.08877115885385933, 5.87654651107422943 51.09056042194818303, 5.88194466710986141 51.09282602407887453, 5.88194466710986141 51.09282602407887453)))</t>
  </si>
  <si>
    <t>MultiPolygon (((5.89372896193809215 51.10102317967567842, 5.89409872129475243 51.10193853716415902, 5.89835118265066782 51.10310696704418376, 5.90124325757428725 51.10297809026322113, 5.90217436868164569 51.10244025203571994, 5.90070580713209747 51.10119767622780529, 5.90324966897948666 51.09763909138194293, 5.90204064004670759 51.09473986652501765, 5.90235913222678388 51.09664762241991554, 5.90020426485202787 51.09496680910474709, 5.89447274006211952 51.09882099422519275, 5.89484203044382848 51.10055151056525347, 5.89372896193809215 51.10102317967567842, 5.89372896193809215 51.10102317967567842)))</t>
  </si>
  <si>
    <t>MultiPolygon (((5.88260550899981016 51.10941791471752538, 5.88861456700710573 51.10911913811490592, 5.89036965383827305 51.10993211393073921, 5.88918778867337522 51.10725564932987908, 5.88296157313205459 51.09551239650606647, 5.88086863937296833 51.09429061970029551, 5.88119993480043846 51.09296999309895426, 5.88194466710986141 51.09282602407887453, 5.87654651107422943 51.09056042194818303, 5.87572286796913978 51.09219941079712868, 5.88058089729849875 51.1046448078401383, 5.88260550899981016 51.10941791471752538, 5.88260550899981016 51.10941791471752538)))</t>
  </si>
  <si>
    <t>MultiPolygon (((5.90988554920885178 51.09124418645462384, 5.90384829857809823 51.09252361478721838, 5.90561362193560235 51.09493593857528992, 5.91217719679243014 51.09551807085490083, 5.91567947043944109 51.09329915018415846, 5.91189957677486966 51.09074436110851991, 5.90988554920885178 51.09124418645462384, 5.90988554920885178 51.09124418645462384)))</t>
  </si>
  <si>
    <t>MultiPolygon (((5.90124325757428725 51.10297809026322113, 5.90126741227620322 51.10314109748308908, 5.90786990061326023 51.10282091845951413, 5.91548621056894675 51.10058289536377885, 5.91443168628612259 51.09918750389881836, 5.9170769236660492 51.097153268351029, 5.92067443310253605 51.09610452885159049, 5.92853740871502399 51.09675609457515577, 5.92524558770563647 51.09466787510506691, 5.91816757505814817 51.09195992252862339, 5.92171913123054328 51.08834849964195968, 5.92457761986369036 51.08899941921482935, 5.92806088060297753 51.08752593702868694, 5.92693057430989878 51.08639892162889851, 5.92848102353217765 51.08534076494231613, 5.92258857920920168 51.08316209639816918, 5.91893650994855047 51.07745319190125599, 5.92068455482822742 51.07617398191545988, 5.91989939231701001 51.07457947669394116, 5.9137759540522099 51.07279389519657542, 5.91215934930927478 51.07124333161683438, 5.91642265024967173 51.07696198027177559, 5.912531717352695 51.08163853455852887, 5.90706438015001378 51.08502161637014183, 5.90357146324257887 51.08282700779938068, 5.89727517666661871 51.08048883347282754, 5.89017229910289064 51.08082498864622778, 5.89255928140962126 51.082934789415539, 5.89346474703506296 51.08521537980067251, 5.89203209327457422 51.08711484578141437, 5.88841276154644255 51.08742698730442555, 5.88913250542866162 51.08783114599165742, 5.88742554979744881 51.08899562074012124, 5.88653477077718179 51.09262028919340537, 5.88389019984169082 51.09276186800180142, 5.89086615437207328 51.09297258549599263, 5.89132741851828978 51.09251051025319867, 5.90268860602282519 51.09144043720076667, 5.90888381808239682 51.08977418534702508, 5.90988554920885178 51.09124418645462384, 5.91189957677486966 51.09074436110851991, 5.91567947043944109 51.09329915018415846, 5.91217719679243014 51.09551807085490083, 5.90561362193560235 51.09493593857528992, 5.90204064004670759 51.09473986652501765, 5.90324966897948666 51.09763909138194293, 5.90070580713209747 51.10119767622780529, 5.90217436868164569 51.10244025203571994, 5.90124325757428725 51.10297809026322113, 5.90124325757428725 51.10297809026322113)))</t>
  </si>
  <si>
    <t>MultiPolygon (((5.88918778867337522 51.10725564932987908, 5.8896436829690364 51.10717316051335501, 5.88845854262233459 51.10466561577205624, 5.89265815195088738 51.10225796659063491, 5.89101899778567883 51.10054903413601579, 5.89296620022556894 51.10028465731858205, 5.89372896193809215 51.10102317967567842, 5.89484203044382848 51.10055151056525347, 5.89447274006211952 51.09882099422519275, 5.90020426485202787 51.09496680910474709, 5.90235913222678388 51.09664762241991554, 5.90204064004670759 51.09473986652501765, 5.90561362193560235 51.09493593857528992, 5.90384829857809823 51.09252361478721838, 5.90988554920885178 51.09124418645462384, 5.90888381808239682 51.08977418534702508, 5.90268860602282519 51.09144043720076667, 5.89132741851828978 51.09251051025319867, 5.89086615437207328 51.09297258549599263, 5.88389019984169082 51.09276186800180142, 5.88318120762420715 51.09237677359124774, 5.88194466710986141 51.09282602407887453, 5.88119993480043846 51.09296999309895426, 5.88086863937296833 51.09429061970029551, 5.88296157313205459 51.09551239650606647, 5.88918778867337522 51.10725564932987908, 5.88918778867337522 51.10725564932987908)))</t>
  </si>
  <si>
    <t>MultiPolygon (((5.89791383700773064 51.10929935152856984, 5.90026221793050354 51.10940367313934019, 5.90011146245563634 51.10906616666338209, 5.89989206722491399 51.10689201041100915, 5.90193175721009311 51.10352926920308647, 5.90126741227620322 51.10314109748308908, 5.90124325757428725 51.10297809026322113, 5.89835118265066782 51.10310696704418376, 5.89409872129475243 51.10193853716415902, 5.89372896193809215 51.10102317967567842, 5.89296620022556894 51.10028465731858205, 5.89101899778567883 51.10054903413601579, 5.89265815195088738 51.10225796659063491, 5.88845854262233459 51.10466561577205624, 5.8896436829690364 51.10717316051335501, 5.89126598185199946 51.10575266124410376, 5.89456552340687612 51.10585176168081034, 5.89591495675638999 51.10637866284471187, 5.89448781204959005 51.108070362606, 5.89791383700773064 51.10929935152856984, 5.89791383700773064 51.10929935152856984)))</t>
  </si>
  <si>
    <t>MultiPolygon (((5.96296656240082257 51.09036442080812179, 5.9645299336510389 51.09200048991624499, 5.97146118363139244 51.09414367756431119, 5.97093057398318106 51.09241887195053522, 5.97167344527687405 51.08696451544906125, 5.97080683008369739 51.08504793278196132, 5.9679434937415845 51.08492117566158441, 5.96664188685687247 51.08329034012414382, 5.96665713143077081 51.08004223905353314, 5.96565680108327001 51.07877128068552253, 5.96228337908049699 51.07874811423318562, 5.9609450625152185 51.07963172839276922, 5.96142577658843376 51.08027723045148605, 5.96284399623529637 51.07984354071639643, 5.96350359809234654 51.08079487472844704, 5.96367204625661973 51.0821003526367079, 5.96220329408019012 51.08256115556017107, 5.95917447390236354 51.08111912406549493, 5.95774166781537762 51.07964009449154474, 5.95645957304857276 51.08019743693152037, 5.95750061160277422 51.08363875426196188, 5.96166272112368301 51.08634901300244024, 5.96380813610619143 51.0889605890919043, 5.96472585967691327 51.08765549891295876, 5.96667150691846082 51.0879604109556027, 5.96551711014538277 51.09105539746802549, 5.96296656240082257 51.09036442080812179, 5.96296656240082257 51.09036442080812179)))</t>
  </si>
  <si>
    <t>MultiPolygon (((5.97309876256800187 51.07320745217870694, 5.97605718937841068 51.07779472279569433, 5.98193202331547358 51.07621739054891918, 5.98520264886372466 51.07369874475603666, 5.9846411813235596 51.07357425877102486, 5.98176412033596971 51.07317670338324689, 5.98029391556102663 51.07231711638210214, 5.97958102921555401 51.07134359307588056, 5.98172962002142228 51.06947789954071482, 5.978663074746696 51.06770221362812379, 5.97657745868945778 51.07037906993170395, 5.9776809462725673 51.07188055064206367, 5.97696014620232408 51.07267513799125425, 5.97487192640547615 51.07351127304779226, 5.97309876256800187 51.07320745217870694, 5.97309876256800187 51.07320745217870694)))</t>
  </si>
  <si>
    <t>MultiPolygon (((5.98206536596612359 51.11860875210336985, 5.98298873054236591 51.11809483434329593, 5.98480671461508518 51.12065508132806002, 5.99090317060081023 51.12040918877744389, 5.99770361600839408 51.1188365882489606, 6.0007656711955395 51.11413613583783189, 6.01394824737737288 51.11792553983593024, 6.01316049431698918 51.11677967377607956, 6.02198315552602015 51.11337131681310808, 6.02421693423839688 51.10987010502688577, 6.02263960830546718 51.10906263934226956, 6.02397464527980286 51.10663571020931784, 6.0282138126057534 51.10715573401640199, 6.02843853460619528 51.10633963365008725, 6.02917769834794104 51.10489233604287307, 6.03046913411582697 51.10174134803290258, 6.03646308443582402 51.09653142290106587, 6.02999150103475579 51.09465676653384492, 6.02590585591449113 51.09423905655763321, 6.02067552265377604 51.09283829775718289, 6.01757483210743782 51.0945726104772433, 6.0140857664792513 51.09145911224213421, 6.00952359662935454 51.09084419546223899, 6.00382494234595665 51.08679202247775919, 5.99779346185901474 51.08424570759138561, 5.99219428876983429 51.07985481926392879, 5.98845169579143111 51.07461388932343027, 5.98498143421586715 51.07358581292315591, 5.9846411813235596 51.07357425877102486, 5.98520264886372466 51.07369874475603666, 5.98193202331547358 51.07621739054891918, 5.97605718937841068 51.07779472279569433, 5.97309876256800187 51.07320745217870694, 5.97285290858635154 51.0729290661835833, 5.96161503637919221 51.0770909668423343, 5.96216609992775215 51.07812407195393689, 5.95370244295449247 51.08040562383281724, 5.9466364682162558 51.07705256235205127, 5.93275294361793293 51.07941191402216674, 5.93150485625020174 51.08225046823276472, 5.92848102353217765 51.08534076494231613, 5.92693057430989878 51.08639892162889851, 5.92806088060297753 51.08752593702868694, 5.92457761986369036 51.08899941921482935, 5.92171913123054328 51.08834849964195968, 5.91816757505814817 51.09195992252862339, 5.92524558770563647 51.09466787510506691, 5.92853740871502399 51.09675609457515577, 5.93243588978231529 51.09759626725151094, 5.92650992090289552 51.09832871649451391, 5.92735622254246675 51.09916087761715175, 5.93874249152503086 51.10490781026805251, 5.93457313575775647 51.10660032609330727, 5.93286760769436583 51.10809999588746422, 5.93934680125002945 51.11150747365700653, 5.94248391685795418 51.11143336668187942, 5.94347960596191616 51.11288618150536678, 5.94751839403112648 51.11334250535666257, 5.94808881999673034 51.11258139540633749, 5.95156699574301129 51.1129312135394116, 5.95335029813952854 51.11452533953897159, 5.95423522511177694 51.11319949625351455, 5.95656919671236196 51.1138221601331324, 5.95605637300311042 51.11478265697601842, 5.96260250227576982 51.11648816196404255, 5.96177542851914044 51.11703988789736286, 5.96532901055163123 51.11844218312456434, 5.97212628967580272 51.11469440687638155, 5.97608077435676943 51.11709135864538922, 5.97848848222818496 51.11584287031056562, 5.98206536596612359 51.11860875210336985, 5.98206536596612359 51.11860875210336985),(5.96296656240082257 51.09036442080812179, 5.96551711014538277 51.09105539746802549, 5.96667150691846082 51.0879604109556027, 5.96472585967691327 51.08765549891295876, 5.96380813610619143 51.0889605890919043, 5.96166272112368301 51.08634901300244024, 5.95750061160277422 51.08363875426196188, 5.95645957304857276 51.08019743693152037, 5.95774166781537762 51.07964009449154474, 5.95917447390236354 51.08111912406549493, 5.96220329408019012 51.08256115556017107, 5.96367204625661973 51.0821003526367079, 5.96350359809234654 51.08079487472844704, 5.96284399623529637 51.07984354071639643, 5.96142577658843376 51.08027723045148605, 5.9609450625152185 51.07963172839276922, 5.96228337908049699 51.07874811423318562, 5.96565680108327001 51.07877128068552253, 5.96665713143077081 51.08004223905353314, 5.96664188685687247 51.08329034012414382, 5.9679434937415845 51.08492117566158441, 5.97080683008369739 51.08504793278196132, 5.97167344527687405 51.08696451544906125, 5.97093057398318106 51.09241887195053522, 5.97146118363139244 51.09414367756431119, 5.9645299336510389 51.09200048991624499, 5.96296656240082257 51.09036442080812179, 5.96296656240082257 51.09036442080812179)))</t>
  </si>
  <si>
    <t>MultiPolygon (((5.85094436259794826 51.10923338512186831, 5.84873302555574792 51.10685638812508813, 5.8372568266506617 51.09374065781703678, 5.83239152174401987 51.09732513832897638, 5.83350721498873792 51.09955531355434744, 5.83471128862570332 51.09946977530860579, 5.83508594426653993 51.10105495223612593, 5.83766512519073988 51.10324255689771888, 5.84467980383364694 51.10526283847230644, 5.84867641914957481 51.10953501044104996, 5.85094436259794826 51.10923338512186831, 5.85094436259794826 51.10923338512186831),(5.84275811093761277 51.10295320426964594, 5.8396093224268979 51.10225930225192315, 5.83895712826447433 51.10098764524031623, 5.84273428393354166 51.10071479791332649, 5.84372838618030777 51.10237064865102496, 5.84275811093761277 51.10295320426964594, 5.84275811093761277 51.10295320426964594)))</t>
  </si>
  <si>
    <t>MultiPolygon (((5.87283677543024574 51.13487808142137681, 5.8743022292556839 51.13424964108170911, 5.8815682256701427 51.13483104344452101, 5.88283848001838994 51.13339907517350724, 5.88661641996397211 51.13500889936508287, 5.88715464374014896 51.1344223471307302, 5.89039576930337017 51.13488486416904522, 5.89063090160698977 51.13440288293580238, 5.89355334691941124 51.13515633403902427, 5.89531658636945011 51.13436078728588541, 5.89529283233341062 51.1329823312123608, 5.89211245426872665 51.12839957353155995, 5.88912479441611669 51.12610118918239266, 5.88377889997124903 51.12441016467243315, 5.88093001645161717 51.12210178179795861, 5.88142602826273109 51.12147937175695489, 5.87062933891036387 51.11612131661540559, 5.86975977281332728 51.11475716330017605, 5.86499356716575715 51.11243016520414528, 5.86376711802475459 51.11294706533500687, 5.85916700703017312 51.11261263892606621, 5.85852174260484126 51.11406607076972364, 5.8589800211228269 51.11643974541146207, 5.85795471518992095 51.11678249002071794, 5.86616573111825357 51.12725299275817292, 5.87228155597490353 51.13510866121423959, 5.87283677543024574 51.13487808142137681, 5.87283677543024574 51.13487808142137681),(5.87185902731197018 51.12561709501002127, 5.87183195143389813 51.1243866129521507, 5.87075248999455823 51.12390579435173521, 5.86589082902407633 51.12337742910980865, 5.86601533126924934 51.12138912933831847, 5.86783232682546085 51.12172649776815803, 5.87024369853842565 51.12113037219275213, 5.87113068308479846 51.11709493961441098, 5.87418660176305263 51.1185917654333366, 5.87448566729748922 51.12047486191325163, 5.87430893036234902 51.12356422142376289, 5.87185902731197018 51.12561709501002127, 5.87185902731197018 51.12561709501002127)))</t>
  </si>
  <si>
    <t>MultiPolygon (((5.84873302555574792 51.10685638812508813, 5.84998805120597076 51.10460066369370935, 5.85148025836740615 51.10526577960560957, 5.85404735036176049 51.10526909761222925, 5.85669733541826609 51.10170243403683088, 5.86220618575836916 51.10219344889699755, 5.86153086304703574 51.10095560779402035, 5.86428454207784267 51.09903123340954778, 5.86338361851799306 51.09761854226712785, 5.8570995629892586 51.09636466823723566, 5.85747930634037495 51.09495793522801677, 5.85182820485196498 51.09666665611107561, 5.84928235219258763 51.0966205227931809, 5.84942514650469914 51.0975779293887129, 5.84743005677575312 51.09804561673371381, 5.84444490426424679 51.09709287673120315, 5.84820120378230968 51.0952175467205123, 5.84456011295420108 51.09279062394519144, 5.83883282935479997 51.09318788163520253, 5.83837058039425028 51.09334183552245889, 5.8372568266506617 51.09374065781703678, 5.84873302555574792 51.10685638812508813, 5.84873302555574792 51.10685638812508813)))</t>
  </si>
  <si>
    <t>MultiPolygon (((5.86428454207784267 51.09903123340954778, 5.86909546590928688 51.09895901926542905, 5.8708221243682539 51.09716244189629464, 5.87081771778627548 51.09478203118888473, 5.86935852143377268 51.09475213833372464, 5.86931243651209034 51.09349914080087274, 5.87240652169557986 51.09185101109321181, 5.87647705809324261 51.09517957588315085, 5.87572286796913978 51.09219941079712868, 5.87654651107422943 51.09056042194818303, 5.87834378588755069 51.08877115885385933, 5.87686810558785222 51.08790255873903874, 5.87406557068342305 51.08810925278232418, 5.87066409940747747 51.08002978550468498, 5.86942141393903238 51.08173154992031328, 5.86722975351504772 51.08360710811843575, 5.85391691933244385 51.08775337230253655, 5.84616268642642645 51.09127913750079131, 5.84456011295420108 51.09279062394519144, 5.84820120378230968 51.0952175467205123, 5.85139794816073433 51.09633156022197653, 5.85182820485196498 51.09666665611107561, 5.85747930634037495 51.09495793522801677, 5.8570995629892586 51.09636466823723566, 5.86338361851799306 51.09761854226712785, 5.86428454207784267 51.09903123340954778, 5.86428454207784267 51.09903123340954778)))</t>
  </si>
  <si>
    <t>MultiPolygon (((5.85795471518992095 51.11678249002071794, 5.8589800211228269 51.11643974541146207, 5.85852174260484126 51.11406607076972364, 5.85916700703017312 51.11261263892606621, 5.86376711802475459 51.11294706533500687, 5.86499356716575715 51.11243016520414528, 5.86119696809936475 51.10992269582356329, 5.85404735036176049 51.10526909761222925, 5.85148025836740615 51.10526577960560957, 5.84998805120597076 51.10460066369370935, 5.84873302555574792 51.10685638812508813, 5.85094436259794826 51.10923338512186831, 5.85109108997558103 51.10918499649671531, 5.85795471518992095 51.11678249002071794, 5.85795471518992095 51.11678249002071794)))</t>
  </si>
  <si>
    <t>MultiPolygon (((5.88342047269818202 51.12235733096177626, 5.88396979496958128 51.12179180936769285, 5.87239502560321469 51.1149480746860263, 5.87123653793986389 51.11485250709064587, 5.86975977281332728 51.11475716330017605, 5.87062933891036387 51.11612131661540559, 5.88142602826273109 51.12147937175695489, 5.88093001645161717 51.12210178179795861, 5.88342047269818202 51.12235733096177626, 5.88342047269818202 51.12235733096177626)))</t>
  </si>
  <si>
    <t>MultiPolygon (((5.88342047269818202 51.12235733096177626, 5.89222371041429316 51.12582453224559487, 5.897265468050505 51.12670584975166577, 5.89607638304149173 51.12263762476020901, 5.88973986839870545 51.11859032315466322, 5.88396979496958128 51.12179180936769285, 5.88342047269818202 51.12235733096177626, 5.88342047269818202 51.12235733096177626)))</t>
  </si>
  <si>
    <t>MultiPolygon (((5.85182820485196498 51.09666665611107561, 5.85139794816073433 51.09633156022197653, 5.84820120378230968 51.0952175467205123, 5.84444490426424679 51.09709287673120315, 5.84743005677575312 51.09804561673371381, 5.84942514650469914 51.0975779293887129, 5.84928235219258763 51.0966205227931809, 5.85182820485196498 51.09666665611107561, 5.85182820485196498 51.09666665611107561)))</t>
  </si>
  <si>
    <t>MultiPolygon (((5.8708221243682539 51.09716244189629464, 5.87465263690253003 51.09490140067462249, 5.87647705809324261 51.09517957588315085, 5.87240652169557986 51.09185101109321181, 5.86931243651209034 51.09349914080087274, 5.86935852143377268 51.09475213833372464, 5.87081771778627548 51.09478203118888473, 5.8708221243682539 51.09716244189629464, 5.8708221243682539 51.09716244189629464)))</t>
  </si>
  <si>
    <t>MultiPolygon (((5.86975977281332728 51.11475716330017605, 5.87123653793986389 51.11485250709064587, 5.87507424152075775 51.11298367543882648, 5.88273769498944077 51.11124412471329492, 5.88443070636571974 51.11329151053573838, 5.88260550899981016 51.10941791471752538, 5.88058089729849875 51.1046448078401383, 5.87647002212485337 51.10673013012599597, 5.87171504261982768 51.1079224582740963, 5.86456263464005367 51.10775806802843135, 5.86119696809936475 51.10992269582356329, 5.86499356716575715 51.11243016520414528, 5.86975977281332728 51.11475716330017605, 5.86975977281332728 51.11475716330017605)))</t>
  </si>
  <si>
    <t>MultiPolygon (((5.87171504261982768 51.1079224582740963, 5.87647002212485337 51.10673013012599597, 5.88058089729849875 51.1046448078401383, 5.87572286796913978 51.09219941079712868, 5.87647705809324261 51.09517957588315085, 5.87465263690253003 51.09490140067462249, 5.8708221243682539 51.09716244189629464, 5.86909546590928688 51.09895901926542905, 5.86428454207784267 51.09903123340954778, 5.86153086304703574 51.10095560779402035, 5.86220618575836916 51.10219344889699755, 5.86392555981468444 51.10458791392497346, 5.86456263464005367 51.10775806802843135, 5.87171504261982768 51.1079224582740963, 5.87171504261982768 51.1079224582740963)))</t>
  </si>
  <si>
    <t>MultiPolygon (((5.86119696809936475 51.10992269582356329, 5.86456263464005367 51.10775806802843135, 5.86392555981468444 51.10458791392497346, 5.86220618575836916 51.10219344889699755, 5.85669733541826609 51.10170243403683088, 5.85404735036176049 51.10526909761222925, 5.86119696809936475 51.10992269582356329, 5.86119696809936475 51.10992269582356329)))</t>
  </si>
  <si>
    <t>MultiPolygon (((5.88396979496958128 51.12179180936769285, 5.88973986839870545 51.11859032315466322, 5.88443070636571974 51.11329151053573838, 5.88273769498944077 51.11124412471329492, 5.87507424152075775 51.11298367543882648, 5.87123653793986389 51.11485250709064587, 5.87239502560321469 51.1149480746860263, 5.88396979496958128 51.12179180936769285, 5.88396979496958128 51.12179180936769285)))</t>
  </si>
  <si>
    <t>MultiPolygon (((5.87185902731197018 51.12561709501002127, 5.87430893036234902 51.12356422142376289, 5.87448566729748922 51.12047486191325163, 5.87418660176305263 51.1185917654333366, 5.87113068308479846 51.11709493961441098, 5.87024369853842565 51.12113037219275213, 5.86783232682546085 51.12172649776815803, 5.86601533126924934 51.12138912933831847, 5.86589082902407633 51.12337742910980865, 5.87075248999455823 51.12390579435173521, 5.87183195143389813 51.1243866129521507, 5.87185902731197018 51.12561709501002127, 5.87185902731197018 51.12561709501002127)))</t>
  </si>
  <si>
    <t>MultiPolygon (((5.84275811093761277 51.10295320426964594, 5.84372838618030777 51.10237064865102496, 5.84273428393354166 51.10071479791332649, 5.83895712826447433 51.10098764524031623, 5.8396093224268979 51.10225930225192315, 5.84275811093761277 51.10295320426964594, 5.84275811093761277 51.10295320426964594)))</t>
  </si>
  <si>
    <t>MultiPolygon (((5.83837058039425028 51.09334183552245889, 5.83883282935479997 51.09318788163520253, 5.83859480778483331 51.0908458402421104, 5.83449260473248543 51.0867398403180033, 5.83280577464884065 51.0823231070700956, 5.82931465005517069 51.08148413966731738, 5.82836141826709042 51.07879723670953354, 5.82642011595436582 51.079154417549546, 5.83837058039425028 51.09334183552245889, 5.83837058039425028 51.09334183552245889)))</t>
  </si>
  <si>
    <t>MultiPolygon (((5.83239152174401987 51.09732513832897638, 5.8372568266506617 51.09374065781703678, 5.83837058039425028 51.09334183552245889, 5.82642011595436582 51.079154417549546, 5.82619600026466156 51.07907811518827401, 5.82411435525996168 51.07565316527486488, 5.8233912322647452 51.07584361140479956, 5.82054188442805476 51.07258884208986416, 5.81962309863628402 51.07260986287094795, 5.81903658375864197 51.07262158644022776, 5.82067298496002472 51.07510870575470818, 5.81917958263145874 51.07929404669097551, 5.82064021472929838 51.08055080606694531, 5.81547223859899365 51.08103906148191697, 5.80654854094892059 51.08215584675656373, 5.80666368957504986 51.0844777152236702, 5.80521167004182725 51.0852579604902175, 5.80350020594701821 51.08303707118263759, 5.80282426305792942 51.08276520287756028, 5.79884783007848092 51.08578345494003514, 5.7971304503274208 51.08618064356303989, 5.7951070638913702 51.08962269995100769, 5.79602262302703242 51.09147846845718988, 5.8000581334703476 51.09420156226084941, 5.80533665429280354 51.09591904052314248, 5.80974570223930709 51.09631008234665472, 5.81398701003840124 51.09558470386826912, 5.82132913370060123 51.09266878858220906, 5.82414298361504734 51.09235008476755269, 5.8289869107301806 51.09442159576660458, 5.83239152174401987 51.09732513832897638, 5.83239152174401987 51.09732513832897638),(5.80738684071888756 51.08442304133367173, 5.81342728535090458 51.08169377775833198, 5.81858050585159514 51.08097501251862838, 5.82485972246369776 51.07972756076201648, 5.82580530987933187 51.08113699836792421, 5.81989772860102494 51.08444693118637758, 5.82130687928644264 51.08577520512801584, 5.82773585637058122 51.08891129052958746, 5.81650379183564148 51.08558436881473597, 5.81328780193325212 51.0854792535023492, 5.81026753446325106 51.08700624976929561, 5.80738684071888756 51.08442304133367173, 5.80738684071888756 51.08442304133367173)))</t>
  </si>
  <si>
    <t>MultiPolygon (((5.80282426305792942 51.08276520287756028, 5.80350020594701821 51.08303707118263759, 5.80450896006304262 51.08188028741197684, 5.80654854094892059 51.08215584675656373, 5.81547223859899365 51.08103906148191697, 5.81565649843660193 51.07808373050193751, 5.81439683408248342 51.07594427717287999, 5.81980898048143391 51.07413548476936427, 5.82067298496002472 51.07510870575470818, 5.81903658375864197 51.07262158644022776, 5.81962309863628402 51.07260986287094795, 5.81351879983603848 51.06554433982844898, 5.80934353649734714 51.05914416859173599, 5.80785614713595777 51.05921206515207444, 5.8069343069305317 51.05757204731778387, 5.80626117860776514 51.05809848074278534, 5.80323336458692474 51.0575947345908645, 5.80294588034825498 51.05855755926710771, 5.80053671378776947 51.05930400879057629, 5.79933879672286867 51.06007180645048749, 5.80088628650754767 51.06211178063057332, 5.80105849193761891 51.06401959756023246, 5.79825780438238692 51.06817505579559935, 5.79768076315094838 51.07089956464743352, 5.7966200760487725 51.07182440564434955, 5.79924813567459196 51.07500687253569538, 5.80419120411367206 51.07692541210947468, 5.80487996001944939 51.07792933002876623, 5.80450657739368481 51.08053169978410324, 5.80282426305792942 51.08276520287756028, 5.80282426305792942 51.08276520287756028),(5.80052534902737005 51.06904335951576002, 5.79926713692089724 51.068232741837285, 5.80039586099049931 51.06666999884040337, 5.80099595818938596 51.06846002985049893, 5.80052534902737005 51.06904335951576002, 5.80052534902737005 51.06904335951576002),(5.8033866645175296 51.05898758766947765, 5.80688143443216376 51.05981645182350093, 5.80538023518701785 51.06318828096397056, 5.80387315381197944 51.06375601369687445, 5.8033866645175296 51.05898758766947765, 5.8033866645175296 51.05898758766947765)))</t>
  </si>
  <si>
    <t>MultiPolygon (((5.82064021472929838 51.08055080606694531, 5.81917958263145874 51.07929404669097551, 5.82067298496002472 51.07510870575470818, 5.81980898048143391 51.07413548476936427, 5.81439683408248342 51.07594427717287999, 5.81565649843660193 51.07808373050193751, 5.81547223859899365 51.08103906148191697, 5.82064021472929838 51.08055080606694531, 5.82064021472929838 51.08055080606694531)),((5.82773585637058122 51.08891129052958746, 5.82130687928644264 51.08577520512801584, 5.81989772860102494 51.08444693118637758, 5.82580530987933187 51.08113699836792421, 5.82485972246369776 51.07972756076201648, 5.81858050585159514 51.08097501251862838, 5.81342728535090458 51.08169377775833198, 5.80738684071888756 51.08442304133367173, 5.81026753446325106 51.08700624976929561, 5.81328780193325212 51.0854792535023492, 5.81650379183564148 51.08558436881473597, 5.82773585637058122 51.08891129052958746, 5.82773585637058122 51.08891129052958746)))</t>
  </si>
  <si>
    <t>MultiPolygon (((5.82836141826709042 51.07879723670953354, 5.82931465005517069 51.08148413966731738, 5.83280577464884065 51.0823231070700956, 5.83179447530489092 51.07846459912178716, 5.82836141826709042 51.07879723670953354, 5.82836141826709042 51.07879723670953354)))</t>
  </si>
  <si>
    <t>MultiPolygon (((5.80350020594701821 51.08303707118263759, 5.80521167004182725 51.0852579604902175, 5.80666368957504986 51.0844777152236702, 5.80654854094892059 51.08215584675656373, 5.80450896006304262 51.08188028741197684, 5.80350020594701821 51.08303707118263759, 5.80350020594701821 51.08303707118263759)))</t>
  </si>
  <si>
    <t>MultiPolygon (((5.80387315381197944 51.06375601369687445, 5.80538023518701785 51.06318828096397056, 5.80688143443216376 51.05981645182350093, 5.8033866645175296 51.05898758766947765, 5.80387315381197944 51.06375601369687445, 5.80387315381197944 51.06375601369687445)),((5.80052534902737005 51.06904335951576002, 5.80099595818938596 51.06846002985049893, 5.80039586099049931 51.06666999884040337, 5.79926713692089724 51.068232741837285, 5.80052534902737005 51.06904335951576002, 5.80052534902737005 51.06904335951576002)))</t>
  </si>
  <si>
    <t>MultiPolygon (((5.86677070276317991 51.06725973510945948, 5.86997245311266447 51.07486763050373924, 5.87120141396084261 51.08027510954867267, 5.87217892207085335 51.07845805880592138, 5.88757227307076025 51.07481820619327806, 5.91320635761646063 51.06688210763753943, 5.90564464485854401 51.06184586353960952, 5.89637236634435169 51.05714132632959235, 5.89200034467951461 51.05312782458621967, 5.88719873927077408 51.05217918271114286, 5.8751880664317282 51.05147258986396253, 5.86869034526292577 51.05168572845533959, 5.86673690238690249 51.05157041556211794, 5.86638764046326688 51.05111967893029856, 5.86327118158324367 51.05562963291652068, 5.86072425633207583 51.05568128662745409, 5.86216270884728807 51.05937587281294299, 5.86236993294338493 51.05920929773194672, 5.86438831787399373 51.05774894353300652, 5.86628489068865555 51.06182368650945591, 5.87209419601183402 51.06303221813864468, 5.87133457381980062 51.06473567014656112, 5.87034364124238817 51.06458916654379721, 5.8703901438250945 51.0650323021602901, 5.87728774792831565 51.06756839000093606, 5.8767494874123285 51.06658175890211737, 5.88098858880683117 51.06443784782370443, 5.8850633725648871 51.06419235878739471, 5.88999429454950452 51.06749130101899681, 5.88770290463804713 51.06853680134770457, 5.88745396167438528 51.07053484854021264, 5.88156802138130264 51.07249151238546148, 5.88070479609300723 51.07217585069297172, 5.87775821214756 51.07221499844317236, 5.8767633110073465 51.07286270554559593, 5.86677070276317991 51.06725973510945948, 5.86677070276317991 51.06725973510945948)))</t>
  </si>
  <si>
    <t>MultiPolygon (((5.87728774792831565 51.06756839000093606, 5.87995407543118453 51.06946095786235418, 5.88070479609300723 51.07217585069297172, 5.88156802138130264 51.07249151238546148, 5.88745396167438528 51.07053484854021264, 5.88770290463804713 51.06853680134770457, 5.88999429454950452 51.06749130101899681, 5.8850633725648871 51.06419235878739471, 5.88098858880683117 51.06443784782370443, 5.8767494874123285 51.06658175890211737, 5.87728774792831565 51.06756839000093606, 5.87728774792831565 51.06756839000093606)))</t>
  </si>
  <si>
    <t>MultiPolygon (((5.87728774792831565 51.06756839000093606, 5.8703901438250945 51.0650323021602901, 5.87034364124238817 51.06458916654379721, 5.87133457381980062 51.06473567014656112, 5.87209419601183402 51.06303221813864468, 5.86628489068865555 51.06182368650945591, 5.86438831787399373 51.05774894353300652, 5.86236993294338493 51.05920929773194672, 5.8646710177335919 51.05858987472277022, 5.8660416368444146 51.06202542294668234, 5.86605863276768247 51.06641803336507479, 5.86466081716632814 51.06722015178908691, 5.86520071060510872 51.06718161331179573, 5.86677070276317991 51.06725973510945948, 5.8767633110073465 51.07286270554559593, 5.87775821214756 51.07221499844317236, 5.88070479609300723 51.07217585069297172, 5.87995407543118453 51.06946095786235418, 5.87728774792831565 51.06756839000093606, 5.87728774792831565 51.06756839000093606)))</t>
  </si>
  <si>
    <t>MultiPolygon (((5.83883282935479997 51.09318788163520253, 5.84456011295420108 51.09279062394519144, 5.84616268642642645 51.09127913750079131, 5.85391691933244385 51.08775337230253655, 5.86722975351504772 51.08360710811843575, 5.86942141393903238 51.08173154992031328, 5.85919812834615161 51.07342990817472383, 5.85353650999178843 51.07154266480763738, 5.8499698579269328 51.06957230443742901, 5.84434831115025499 51.06429422554301567, 5.84141393599187708 51.06798425272187814, 5.83955223119126554 51.07264005001584195, 5.84273857037202671 51.07253336076019679, 5.84199661917520086 51.07344211584622684, 5.83873978871188282 51.07317279766665763, 5.83277189332946566 51.07601174089653995, 5.83215694480194635 51.07746437991212218, 5.82619600026466156 51.07907811518827401, 5.82642011595436582 51.079154417549546, 5.82836141826709042 51.07879723670953354, 5.83179447530489092 51.07846459912178716, 5.83280577464884065 51.0823231070700956, 5.83449260473248543 51.0867398403180033, 5.83859480778483331 51.0908458402421104, 5.83883282935479997 51.09318788163520253, 5.83883282935479997 51.09318788163520253),(5.84324459714177902 51.07842043036689716, 5.83961738472872671 51.07834204455938476, 5.83915867687275103 51.07746579988715752, 5.84374635444565449 51.07188643088436208, 5.85074319539997667 51.07507204216099694, 5.84909935293321226 51.07916858273618743, 5.84684708206234216 51.08018197028800955, 5.84324459714177902 51.07842043036689716, 5.84324459714177902 51.07842043036689716)))</t>
  </si>
  <si>
    <t>MultiPolygon (((5.84273857037202671 51.07253336076019679, 5.83955223119126554 51.07264005001584195, 5.83858647540690967 51.07306460620812061, 5.83873978871188282 51.07317279766665763, 5.84199661917520086 51.07344211584622684, 5.84273857037202671 51.07253336076019679, 5.84273857037202671 51.07253336076019679)),((5.84684708206234216 51.08018197028800955, 5.84909935293321226 51.07916858273618743, 5.85074319539997667 51.07507204216099694, 5.84374635444565449 51.07188643088436208, 5.83915867687275103 51.07746579988715752, 5.83961738472872671 51.07834204455938476, 5.84324459714177902 51.07842043036689716, 5.84684708206234216 51.08018197028800955, 5.84684708206234216 51.08018197028800955)))</t>
  </si>
  <si>
    <t>MultiPolygon (((5.8612137252394545 51.07111421808063056, 5.86624324849348966 51.0752062894226313, 5.8684782934473203 51.0754202528817558, 5.86571781791621749 51.06854387172123211, 5.86459472192113651 51.06849695079837659, 5.8611539288529837 51.07078442433567034, 5.8612137252394545 51.07111421808063056, 5.8612137252394545 51.07111421808063056)))</t>
  </si>
  <si>
    <t>MultiPolygon (((5.8611539288529837 51.07078442433567034, 5.86459472192113651 51.06849695079837659, 5.86571781791621749 51.06854387172123211, 5.86520071060510872 51.06718161331179573, 5.86466081716632814 51.06722015178908691, 5.85866766964974328 51.06798215103769678, 5.8611539288529837 51.07078442433567034, 5.8611539288529837 51.07078442433567034)))</t>
  </si>
  <si>
    <t>MultiPolygon (((5.86942141393903238 51.08173154992031328, 5.87066409940747747 51.08002978550468498, 5.87120141396084261 51.08027510954867267, 5.86997245311266447 51.07486763050373924, 5.86677070276317991 51.06725973510945948, 5.86520071060510872 51.06718161331179573, 5.86571781791621749 51.06854387172123211, 5.8684782934473203 51.0754202528817558, 5.86624324849348966 51.0752062894226313, 5.8612137252394545 51.07111421808063056, 5.85636931897581725 51.06865576236251059, 5.85548425205630974 51.06883645822193785, 5.85413084006552253 51.07156660377455637, 5.84931599605403907 51.06843245395538844, 5.84495479978284038 51.06408231401885445, 5.84346374630117804 51.05983751807460891, 5.84402337283173967 51.05836157429607169, 5.84681430144695646 51.05772795470110026, 5.84749696792348761 51.05932856337850723, 5.85400371199809566 51.05868572223978674, 5.85883884167513358 51.05771278190412232, 5.86059762832061626 51.05818056304378416, 5.86196726602884777 51.05952702732560056, 5.86216270884728807 51.05937587281294299, 5.86072425633207583 51.05568128662745409, 5.85758667851931669 51.04826070640148572, 5.85354099312220377 51.0486352043387015, 5.84730847676629839 51.05237660986287551, 5.84472402737256225 51.05310729083399224, 5.84423049227583302 51.04572190490255679, 5.84231218361557048 51.04638596592774746, 5.8412384342800836 51.04575394110448627, 5.83815233604468009 51.04661497155051109, 5.83527541263103711 51.04892955264080712, 5.82725315051691517 51.04755818086221097, 5.82677248735863618 51.0558685230690088, 5.82367781049480548 51.06673157132888718, 5.82396046627711073 51.07251055074738844, 5.82054188442805476 51.07258884208986416, 5.8233912322647452 51.07584361140479956, 5.82411435525996168 51.07565316527486488, 5.82619600026466156 51.07907811518827401, 5.83215694480194635 51.07746437991212218, 5.83277189332946566 51.07601174089653995, 5.83873978871188282 51.07317279766665763, 5.83858647540690967 51.07306460620812061, 5.83955223119126554 51.07264005001584195, 5.84141393599187708 51.06798425272187814, 5.84434831115025499 51.06429422554301567, 5.8499698579269328 51.06957230443742901, 5.85353650999178843 51.07154266480763738, 5.85919812834615161 51.07342990817472383, 5.86942141393903238 51.08173154992031328, 5.86942141393903238 51.08173154992031328),(5.8274408074419588 51.07014291970805431, 5.8249139979414073 51.06844221998120759, 5.82724610715805014 51.06725380707072048, 5.82866516406097901 51.06947686175368517, 5.8274408074419588 51.07014291970805431, 5.8274408074419588 51.07014291970805431)))</t>
  </si>
  <si>
    <t>MultiPolygon (((5.85565023458705269 51.0657537025286743, 5.85807775064175118 51.06170561377345507, 5.85380299182888031 51.06107014757091633, 5.85400371199809566 51.05868572223978674, 5.84749696792348761 51.05932856337850723, 5.847336707348469 51.06046976685986749, 5.84909892246940011 51.06286185704296798, 5.85020296360489134 51.0625545994631409, 5.85241805215172839 51.06319076583618966, 5.85308203431186769 51.06437697698564904, 5.85565023458705269 51.0657537025286743, 5.85565023458705269 51.0657537025286743)))</t>
  </si>
  <si>
    <t>MultiPolygon (((5.84931599605403907 51.06843245395538844, 5.8517077878987136 51.06721761404161697, 5.85308203431186769 51.06437697698564904, 5.85241805215172839 51.06319076583618966, 5.85020296360489134 51.0625545994631409, 5.84909892246940011 51.06286185704296798, 5.847336707348469 51.06046976685986749, 5.84749696792348761 51.05932856337850723, 5.84681430144695646 51.05772795470110026, 5.84402337283173967 51.05836157429607169, 5.84346374630117804 51.05983751807460891, 5.84495479978284038 51.06408231401885445, 5.84931599605403907 51.06843245395538844, 5.84931599605403907 51.06843245395538844)))</t>
  </si>
  <si>
    <t>MultiPolygon (((5.85413084006552253 51.07156660377455637, 5.85548425205630974 51.06883645822193785, 5.85636931897581725 51.06865576236251059, 5.8612137252394545 51.07111421808063056, 5.8611539288529837 51.07078442433567034, 5.85866766964974328 51.06798215103769678, 5.85565023458705269 51.0657537025286743, 5.85308203431186769 51.06437697698564904, 5.8517077878987136 51.06721761404161697, 5.84931599605403907 51.06843245395538844, 5.85413084006552253 51.07156660377455637, 5.85413084006552253 51.07156660377455637)))</t>
  </si>
  <si>
    <t>MultiPolygon (((5.85866766964974328 51.06798215103769678, 5.86466081716632814 51.06722015178908691, 5.86605863276768247 51.06641803336507479, 5.8660416368444146 51.06202542294668234, 5.8646710177335919 51.05858987472277022, 5.86236993294338493 51.05920929773194672, 5.86216270884728807 51.05937587281294299, 5.86196726602884777 51.05952702732560056, 5.85807775064175118 51.06170561377345507, 5.85565023458705269 51.0657537025286743, 5.85866766964974328 51.06798215103769678, 5.85866766964974328 51.06798215103769678)))</t>
  </si>
  <si>
    <t>MultiPolygon (((5.85807775064175118 51.06170561377345507, 5.86196726602884777 51.05952702732560056, 5.86059762832061626 51.05818056304378416, 5.85883884167513358 51.05771278190412232, 5.85400371199809566 51.05868572223978674, 5.85380299182888031 51.06107014757091633, 5.85807775064175118 51.06170561377345507, 5.85807775064175118 51.06170561377345507)))</t>
  </si>
  <si>
    <t>MultiPolygon (((5.8274408074419588 51.07014291970805431, 5.82866516406097901 51.06947686175368517, 5.82724610715805014 51.06725380707072048, 5.8249139979414073 51.06844221998120759, 5.8274408074419588 51.07014291970805431, 5.8274408074419588 51.07014291970805431)))</t>
  </si>
  <si>
    <t>MultiPolygon (((4.41883964764863535 51.68358354196662674, 4.41867967623717295 51.68486596759041163, 4.4217305954908328 51.68430321933644223, 4.43021912075284607 51.68016517995928893, 4.43158489434351122 51.67812012854484038, 4.42927244795108788 51.67744353929759882, 4.43179019585658285 51.67348465130022106, 4.43322585006236114 51.67486539326831263, 4.4378145239721043 51.6692738650255734, 4.44102430603034026 51.66709472486449783, 4.46489933903690517 51.65641470619919318, 4.46739046112006566 51.65258784933697456, 4.46433955171323049 51.65189864844094814, 4.46123900497708359 51.655403479087866, 4.44700578363885768 51.66170988446884849, 4.43681482444836917 51.66745333977583243, 4.43455019118639004 51.66874930214809325, 4.42820497965771231 51.67733681767535359, 4.42799683846694236 51.67881100146362172, 4.41938144718699277 51.68233854301709584, 4.41883964764863535 51.68358354196662674, 4.41883964764863535 51.68358354196662674)))</t>
  </si>
  <si>
    <t>MultiPolygon (((4.43158489434351122 51.67812012854484038, 4.43613227122421261 51.6784896485586458, 4.43322585006236114 51.67486539326831263, 4.43179019585658285 51.67348465130022106, 4.42927244795108788 51.67744353929759882, 4.43158489434351122 51.67812012854484038, 4.43158489434351122 51.67812012854484038)))</t>
  </si>
  <si>
    <t>MultiPolygon (((4.40363760711814578 51.69871300110370527, 4.40412286825754151 51.69823343137343841, 4.40096590499413853 51.69631290580522176, 4.40287940861639449 51.69459801154003031, 4.40665027625085148 51.69695077049420462, 4.40745380972227707 51.69865745944085234, 4.4070253030460913 51.69695322442019148, 4.40235838320745909 51.69310193245033958, 4.40374322985379685 51.69211068289862965, 4.4131583923703781 51.69509717467268217, 4.42283825798956798 51.70020722133404689, 4.42953617955450696 51.70077358342247464, 4.42352574206403748 51.69978674346008773, 4.41141575695850374 51.693271760475767, 4.41039795907730259 51.69248176136431994, 4.41205987796157295 51.69092249651488657, 4.42574118959331386 51.6969939430125649, 4.43135421168875698 51.69662804995225969, 4.43736115516000496 51.69740276211677354, 4.43501212103106734 51.69705456347345063, 4.43613422594159967 51.69627187860855599, 4.43508945238107977 51.69380104265647446, 4.43328580347629764 51.69294217184835105, 4.43489031839090764 51.6906029926129662, 4.44064482973283425 51.68920269583136218, 4.43405093393170979 51.68276280171541259, 4.43850031294668668 51.68104241944924127, 4.44252547876001724 51.68537367843696018, 4.44743180441790464 51.68479431512327693, 4.45034053929694728 51.68774129646926241, 4.4461476368899735 51.68929480349570582, 4.44911340970843217 51.69249817650374723, 4.44701234921884581 51.69317685424002207, 4.44544545555610959 51.69475249471075529, 4.45136555607438833 51.69178920894828622, 4.46228482558017614 51.68841737294563643, 4.49022410918563963 51.68297989170628881, 4.49305386621663239 51.68333863760292957, 4.4925598873124466 51.6796630503583927, 4.49230910818073248 51.67906716896261088, 4.49215234068515645 51.67334576711763816, 4.49158808380327201 51.66833739941608172, 4.49598173917570954 51.66560850001155103, 4.4952667335994807 51.6624229283033074, 4.49501767600903435 51.66128644629224453, 4.49172545134674461 51.66109557573174271, 4.49345433545103301 51.65985482265195117, 4.48580015548166688 51.6541181811340735, 4.48258243542770085 51.65576447028264084, 4.47995524011687074 51.65387611034915238, 4.47703606078058591 51.65307337168775348, 4.46739046112006566 51.65258784933697456, 4.46489933903690517 51.65641470619919318, 4.44102430603034026 51.66709472486449783, 4.4378145239721043 51.6692738650255734, 4.43322585006236114 51.67486539326831263, 4.43613227122421261 51.6784896485586458, 4.43158489434351122 51.67812012854484038, 4.43021912075284607 51.68016517995928893, 4.4217305954908328 51.68430321933644223, 4.41867967623717295 51.68486596759041163, 4.41883964764863535 51.68358354196662674, 4.39972493303870671 51.68360022554837485, 4.40720895119779144 51.68790481901590539, 4.40769330142879134 51.68854745811346163, 4.40604658643887248 51.68970389949918598, 4.40436915788487315 51.68936158224556721, 4.39802530412474546 51.68602597589566727, 4.39675099227925958 51.6859384541374709, 4.3896543040303504 51.68164832601902248, 4.39154135102361387 51.68424290363655871, 4.40160405517657782 51.68890972063701383, 4.40144337130540553 51.69007736369621853, 4.40328807065860417 51.69185281670807086, 4.40189776236546404 51.69284855444396953, 4.3950214151810032 51.6904835000910623, 4.39196638550186158 51.69053990227300233, 4.39198856590367548 51.69092585415980778, 4.39551793511555733 51.69090019126439728, 4.40057504411946088 51.69366213544757471, 4.39877946988286617 51.69339029832677568, 4.39720076055139497 51.694299222255232, 4.39418047845063153 51.69278355732176067, 4.3936749193248934 51.69199225070385495, 4.39332173147733496 51.69255658766202544, 4.39448781870767569 51.69376499315437457, 4.40363760711814578 51.69871300110370527, 4.40363760711814578 51.69871300110370527)))</t>
  </si>
  <si>
    <t>MultiPolygon (((4.44414554685210472 51.68711684101309345, 4.4461476368899735 51.68929480349570582, 4.45034053929694728 51.68774129646926241, 4.44743180441790464 51.68479431512327693, 4.44252547876001724 51.68537367843696018, 4.44414554685210472 51.68711684101309345, 4.44414554685210472 51.68711684101309345)))</t>
  </si>
  <si>
    <t>MultiPolygon (((4.44064482973283425 51.68920269583136218, 4.44157142514611092 51.69053887826804328, 4.44414554685210472 51.68711684101309345, 4.44252547876001724 51.68537367843696018, 4.43850031294668668 51.68104241944924127, 4.43405093393170979 51.68276280171541259, 4.44064482973283425 51.68920269583136218, 4.44064482973283425 51.68920269583136218)))</t>
  </si>
  <si>
    <t>MultiPolygon (((4.43613422594159967 51.69627187860855599, 4.43991202703311405 51.69679081766196305, 4.44357980931153218 51.69617826953945894, 4.44057375671985355 51.6948395296665737, 4.44284974800132737 51.694564752293374, 4.44234840018175792 51.69320159179025609, 4.44352867695585907 51.69320248665377449, 4.44381137193281628 51.69489204284464279, 4.44229458364054342 51.69536702625730129, 4.44329264263353263 51.69566528284817508, 4.44544545555610959 51.69475249471075529, 4.44701234921884581 51.69317685424002207, 4.44911340970843217 51.69249817650374723, 4.4461476368899735 51.68929480349570582, 4.44414554685210472 51.68711684101309345, 4.44157142514611092 51.69053887826804328, 4.44064482973283425 51.68920269583136218, 4.43489031839090764 51.6906029926129662, 4.43328580347629764 51.69294217184835105, 4.43508945238107977 51.69380104265647446, 4.43613422594159967 51.69627187860855599, 4.43613422594159967 51.69627187860855599)))</t>
  </si>
  <si>
    <t>MultiPolygon (((4.43681482444836917 51.66745333977583243, 4.42347523907628215 51.65377530330911782, 4.41737130248826748 51.6560227226917732, 4.40982398367793138 51.65997947385666578, 4.40444182546374652 51.65664805876435395, 4.41396303968633053 51.64516511825062395, 4.41787599043092971 51.64691815813232978, 4.42159408278999244 51.64954392580624898, 4.42498716430644734 51.65308687641995533, 4.43910288534712727 51.64804021760786412, 4.43712674984279776 51.6415449247060252, 4.4319889141810993 51.6303161994332811, 4.43104444245596962 51.63023488657194093, 4.42881596953903856 51.62327071539915124, 4.4250018968592979 51.62946592159259751, 4.42385921854880504 51.63026500717271006, 4.42120734054838849 51.63081840146354295, 4.41349236765934361 51.63116412561706881, 4.40910825371030235 51.632719370112099, 4.39990456192555435 51.63880521009012625, 4.39716933262883369 51.64305110262803566, 4.39243623083128121 51.6448142954520435, 4.38666833132565603 51.64618069897063179, 4.38076916532135119 51.65058446973142026, 4.37639706266811501 51.65193326186346923, 4.37487760843082896 51.65367785163910952, 4.37753474290028244 51.6527208047432822, 4.37801061689276771 51.65305021058987478, 4.37287615376720851 51.65694729585764833, 4.37714296071122 51.65929932930821877, 4.37571084113918829 51.66053000251873328, 4.37818715111719836 51.66132576080975269, 4.38347002628919746 51.66540709255713892, 4.38561254232168718 51.66832490006024159, 4.38779241470058778 51.66883428167795955, 4.39353564326140233 51.67782003978179972, 4.3922490220916881 51.67878907941492628, 4.39217802373747546 51.68007812197857476, 4.39398569865441502 51.68049847658892304, 4.39972493303870671 51.68360022554837485, 4.41883964764863535 51.68358354196662674, 4.41938144718699277 51.68233854301709584, 4.42799683846694236 51.67881100146362172, 4.42820497965771231 51.67733681767535359, 4.43455019118639004 51.66874930214809325, 4.43681482444836917 51.66745333977583243, 4.43681482444836917 51.66745333977583243)))</t>
  </si>
  <si>
    <t>MultiPolygon (((4.42347523907628215 51.65377530330911782, 4.42334407776401317 51.65364135502517939, 4.42498716430644734 51.65308687641995533, 4.42159408278999244 51.64954392580624898, 4.41787599043092971 51.64691815813232978, 4.41396303968633053 51.64516511825062395, 4.40444182546374652 51.65664805876435395, 4.40982398367793138 51.65997947385666578, 4.41737130248826748 51.6560227226917732, 4.42347523907628215 51.65377530330911782, 4.42347523907628215 51.65377530330911782)))</t>
  </si>
  <si>
    <t>MultiPolygon (((4.5146039848250572 51.6452629128619165, 4.5048848266096817 51.63879719085603881, 4.50239619960654291 51.6347917815129307, 4.50164408426030072 51.6291932464295229, 4.49892664794385588 51.62403093653385611, 4.49277014206111325 51.6204125852609792, 4.48774444433924025 51.61964193145548307, 4.48427868759853787 51.62008281244504815, 4.48043854989241641 51.61971867587798357, 4.47602775286151733 51.61835989903352839, 4.47144225197126044 51.61596602627158603, 4.46137052828914538 51.61437974186097932, 4.45484375961816692 51.61420718745707603, 4.44353653009565441 51.61508855682697572, 4.4378278664116122 51.61711916144195555, 4.42881596953903856 51.62327071539915124, 4.43104444245596962 51.63023488657194093, 4.4319889141810993 51.6303161994332811, 4.43712674984279776 51.6415449247060252, 4.45526781150013118 51.63674147470899811, 4.45584146599433417 51.635369031829363, 4.46126006166267874 51.63293470726917889, 4.47716124253185921 51.63036723621625157, 4.47978986523208356 51.63417905275783681, 4.48549557881524663 51.63447765874614248, 4.47272051294963902 51.64370098717726165, 4.46985428191181455 51.64299201970536757, 4.46226629180998735 51.64360198110653499, 4.4570693272470292 51.64116942901615204, 4.4541238312947673 51.64351206694428953, 4.45758573806579861 51.64542000957428769, 4.46781761956215728 51.64835203845221656, 4.48489737397009947 51.6512007546315175, 4.48768930769020535 51.65281779080908819, 4.48580015548166688 51.6541181811340735, 4.49345433545103301 51.65985482265195117, 4.50804363498093341 51.65556603533941882, 4.52001332210972517 51.65041924499348625, 4.5146039848250572 51.6452629128619165, 4.5146039848250572 51.6452629128619165)),((4.45011783692538554 51.64783609672348774, 4.4477241695258769 51.64468591000475328, 4.43910288534712727 51.64804021760786412, 4.42498716430644734 51.65308687641995533, 4.42334407776401317 51.65364135502517939, 4.42347523907628215 51.65377530330911782, 4.43681482444836917 51.66745333977583243, 4.44700578363885768 51.66170988446884849, 4.46123900497708359 51.655403479087866, 4.46433955171323049 51.65189864844094814, 4.45011783692538554 51.64783609672348774, 4.45011783692538554 51.64783609672348774)))</t>
  </si>
  <si>
    <t>MultiPolygon (((4.49345433545103301 51.65985482265195117, 4.49172545134674461 51.66109557573174271, 4.49501767600903435 51.66128644629224453, 4.4952667335994807 51.6624229283033074, 4.50054831885191042 51.65993826177836468, 4.51010094578763354 51.65694975724075277, 4.52154336386166555 51.65237331164899359, 4.52001332210972517 51.65041924499348625, 4.50804363498093341 51.65556603533941882, 4.49345433545103301 51.65985482265195117, 4.49345433545103301 51.65985482265195117)))</t>
  </si>
  <si>
    <t>MultiPolygon (((4.45011783692538554 51.64783609672348774, 4.45758573806579861 51.64542000957428769, 4.4541238312947673 51.64351206694428953, 4.4570693272470292 51.64116942901615204, 4.45543013850752523 51.6370250791331884, 4.45526781150013118 51.63674147470899811, 4.43712674984279776 51.6415449247060252, 4.43910288534712727 51.64804021760786412, 4.4477241695258769 51.64468591000475328, 4.45011783692538554 51.64783609672348774, 4.45011783692538554 51.64783609672348774)))</t>
  </si>
  <si>
    <t>MultiPolygon (((4.46739046112006566 51.65258784933697456, 4.47703606078058591 51.65307337168775348, 4.47995524011687074 51.65387611034915238, 4.48258243542770085 51.65576447028264084, 4.48580015548166688 51.6541181811340735, 4.48768930769020535 51.65281779080908819, 4.48489737397009947 51.6512007546315175, 4.46781761956215728 51.64835203845221656, 4.45758573806579861 51.64542000957428769, 4.45011783692538554 51.64783609672348774, 4.46433955171323049 51.65189864844094814, 4.46739046112006566 51.65258784933697456, 4.46739046112006566 51.65258784933697456)))</t>
  </si>
  <si>
    <t>MultiPolygon (((4.45526781150013118 51.63674147470899811, 4.45543013850752523 51.6370250791331884, 4.4570693272470292 51.64116942901615204, 4.46226629180998735 51.64360198110653499, 4.46985428191181455 51.64299201970536757, 4.47272051294963902 51.64370098717726165, 4.48549557881524663 51.63447765874614248, 4.47978986523208356 51.63417905275783681, 4.47716124253185921 51.63036723621625157, 4.46126006166267874 51.63293470726917889, 4.45584146599433417 51.635369031829363, 4.45526781150013118 51.63674147470899811, 4.45526781150013118 51.63674147470899811)))</t>
  </si>
  <si>
    <t>MultiPolygon (((4.54913424369663488 51.61989149825686951, 4.54320430236423434 51.6176677963249233, 4.53689452795800729 51.61715026137509454, 4.53086689383785934 51.61594787390394146, 4.52548661849041789 51.61270226423523866, 4.52027382238948761 51.61663215251764569, 4.51616874214189234 51.61878767322055239, 4.50978230397726243 51.61544632390542375, 4.50699806080074783 51.6171254543693081, 4.5046452298370685 51.61425540368112053, 4.50832339905278623 51.6105869252491587, 4.51325217899604514 51.60892661364035661, 4.51375602868839199 51.60674754878591841, 4.50798831665218902 51.60709518109370464, 4.50216973579780788 51.60874585910827506, 4.49616181482404453 51.61317456266904458, 4.49244040873382655 51.61753256909951659, 4.48774444433924025 51.61964193145548307, 4.49277014206111325 51.6204125852609792, 4.49892664794385588 51.62403093653385611, 4.50164408426030072 51.6291932464295229, 4.50239619960654291 51.6347917815129307, 4.51198672602502615 51.63132392481591637, 4.50778988884187903 51.62776708708506135, 4.50124595667308824 51.62033942989101831, 4.50205733861971513 51.6178547734008859, 4.50613365832546631 51.62045471394195317, 4.51043506635643698 51.62517844257016719, 4.51590627675883738 51.62770729723740715, 4.51656074231403171 51.62916304747528784, 4.51589377506275724 51.63044716074692531, 4.52738694164178934 51.63071560590238818, 4.53536879028903783 51.63161978877907643, 4.55496429005418779 51.64174470098749481, 4.5710771712031022 51.63039960650380777, 4.56043743582871564 51.62881753861623935, 4.55669538667656671 51.62688664034037345, 4.55456788497306508 51.62487668296883214, 4.55325362833873548 51.62246573452340925, 4.54913424369663488 51.61989149825686951, 4.54913424369663488 51.61989149825686951)))</t>
  </si>
  <si>
    <t>MultiPolygon (((4.51198672602502615 51.63132392481591637, 4.51362011522731343 51.63079875656435291, 4.51589377506275724 51.63044716074692531, 4.51656074231403171 51.62916304747528784, 4.51590627675883738 51.62770729723740715, 4.51043506635643698 51.62517844257016719, 4.50613365832546631 51.62045471394195317, 4.50205733861971513 51.6178547734008859, 4.50124595667308824 51.62033942989101831, 4.50778988884187903 51.62776708708506135, 4.51198672602502615 51.63132392481591637, 4.51198672602502615 51.63132392481591637)))</t>
  </si>
  <si>
    <t>MultiPolygon (((4.52027382238948761 51.61663215251764569, 4.52548661849041789 51.61270226423523866, 4.51913244499475386 51.60783410702662621, 4.51655458087040973 51.60713188904659177, 4.51375602868839199 51.60674754878591841, 4.51325217899604514 51.60892661364035661, 4.50832339905278623 51.6105869252491587, 4.5046452298370685 51.61425540368112053, 4.50699806080074783 51.6171254543693081, 4.50978230397726243 51.61544632390542375, 4.51616874214189234 51.61878767322055239, 4.52027382238948761 51.61663215251764569, 4.52027382238948761 51.61663215251764569)))</t>
  </si>
  <si>
    <t>MultiPolygon (((4.5146039848250572 51.6452629128619165, 4.5254327964534351 51.64423047962267077, 4.51798298790751574 51.63764573819938875, 4.51880577855268228 51.63636558085839567, 4.52343771066812828 51.63616080937327268, 4.53151222925788311 51.64069101468611933, 4.53547304338804746 51.63985247289004121, 4.5402089345205825 51.64067000603292712, 4.54181173694259588 51.64283697770567017, 4.55496429005418779 51.64174470098749481, 4.53536879028903783 51.63161978877907643, 4.52738694164178934 51.63071560590238818, 4.51589377506275724 51.63044716074692531, 4.51362011522731343 51.63079875656435291, 4.51198672602502615 51.63132392481591637, 4.50239619960654291 51.6347917815129307, 4.5048848266096817 51.63879719085603881, 4.5146039848250572 51.6452629128619165, 4.5146039848250572 51.6452629128619165)))</t>
  </si>
  <si>
    <t>MultiPolygon (((4.5254327964534351 51.64423047962267077, 4.52696513142756807 51.64572043703849857, 4.53738598780362068 51.64504598540071356, 4.54219150222272461 51.64430407529955147, 4.54181173694259588 51.64283697770567017, 4.5402089345205825 51.64067000603292712, 4.53547304338804746 51.63985247289004121, 4.53151222925788311 51.64069101468611933, 4.52343771066812828 51.63616080937327268, 4.51880577855268228 51.63636558085839567, 4.51798298790751574 51.63764573819938875, 4.5254327964534351 51.64423047962267077, 4.5254327964534351 51.64423047962267077)))</t>
  </si>
  <si>
    <t>MultiPolygon (((4.64513658491795489 51.71906732503935444, 4.6508653828035591 51.71011199577074535, 4.65463176449142946 51.70898522002605091, 4.65651138182083457 51.70729768053386266, 4.65740340087170779 51.70220424005051996, 4.65968891690699394 51.69684569441994171, 4.64793726617076963 51.69153976308265186, 4.65322743805924066 51.68951543703731488, 4.66402832830801906 51.68026488368185056, 4.63458620813581845 51.6704225530037462, 4.61160344937892752 51.66274608427344361, 4.59927614410055696 51.66808069437730921, 4.60815290015521573 51.67093085584230749, 4.60640160022759204 51.67258887288846836, 4.61317013000225717 51.67386275536822637, 4.61608020586706758 51.67558337738608287, 4.61770650279315653 51.67716515783039455, 4.61736784325746097 51.6815225243982681, 4.62059183497196901 51.68198300266794831, 4.62309647979626703 51.68351511453171554, 4.62316397376239685 51.68559984225742454, 4.618401670788149 51.68910663081278756, 4.62584239381763229 51.69760950972274571, 4.62772719140272848 51.6985759651025063, 4.63221386910275967 51.69844485425044667, 4.63378937818643788 51.70183535482771475, 4.62904208567112097 51.70469715968366131, 4.62065529071190717 51.70593412221760587, 4.61924160387733629 51.70623368137994902, 4.62657071067355297 51.709087242757235, 4.63865437962742178 51.71239813733148338, 4.63891356048840287 51.7132402358586063, 4.63643050329010364 51.71735050455952631, 4.63685422401973657 51.71743529803992345, 4.63935307761873972 51.71336421815253459, 4.64038769451041055 51.71282400954719805, 4.64300452931018093 51.71333556914757423, 4.64733401240792343 51.71288097503215653, 4.64385229610427164 51.71882698661915612, 4.64513658491795489 51.71906732503935444)))</t>
  </si>
  <si>
    <t>MultiPolygon (((4.618401670788149 51.68910663081278756, 4.62316397376239685 51.68559984225742454, 4.62309647979626703 51.68351511453171554, 4.62059183497196901 51.68198300266794831, 4.61736784325746097 51.6815225243982681, 4.61563207008703191 51.68622125775667797, 4.6144918087600022 51.68736318908209881, 4.61281145321367614 51.68718944944664884, 4.61126998001723809 51.68979500205324484, 4.61212449136134151 51.69073297119538069, 4.61498854289199745 51.69168925576165208, 4.618401670788149 51.68910663081278756, 4.618401670788149 51.68910663081278756)))</t>
  </si>
  <si>
    <t>MultiPolygon (((4.62125286471211361 51.70482591356332591, 4.62290926401437119 51.70390480340122252, 4.62326684237369001 51.7042599047120035, 4.62065529071190717 51.70593412221760587, 4.62904208567112097 51.70469715968366131, 4.63378937818643788 51.70183535482771475, 4.63221386910275967 51.69844485425044667, 4.62772719140272848 51.6985759651025063, 4.62584239381763229 51.69760950972274571, 4.62257542414836475 51.69877363232940581, 4.62280243802539204 51.70186474262489185, 4.62125286471211361 51.70482591356332591, 4.62125286471211361 51.70482591356332591)))</t>
  </si>
  <si>
    <t>MultiPolygon (((4.52621349582200505 51.68581422183490304, 4.52706488200048529 51.68283771811683636, 4.52301469112788546 51.68241373945453176, 4.52290880925319616 51.67369031432876625, 4.52351260039139103 51.67165596323294352, 4.52927384899498886 51.67008564606119592, 4.52952600810797534 51.66813239828983484, 4.52784760441629874 51.66500626448691946, 4.52206841080529731 51.66655390510617707, 4.51816274165845044 51.6620369612022472, 4.52830043950887706 51.65837489864211562, 4.53755428065466049 51.65648733229554779, 4.54164093906634392 51.65752733465457425, 4.54478453441178321 51.65927053769709687, 4.54653278337309796 51.66082723474049487, 4.54717441542088174 51.66302879104826928, 4.55117495136419326 51.65706462001527655, 4.55123039717612698 51.65415260166713551, 4.55213502268189796 51.65291212523834474, 4.56265069093992448 51.65269200173750619, 4.56865520557147065 51.65209958045980443, 4.56833260630349258 51.65144085257819029, 4.56953113024362167 51.64465922411118015, 4.57424224836320192 51.63719977398822891, 4.57364945812577428 51.63468240618296079, 4.57794045018732376 51.63035196696043272, 4.5776821511093182 51.62963276227729637, 4.5710771712031022 51.63039960650380777, 4.55496429005418779 51.64174470098749481, 4.54181173694259588 51.64283697770567017, 4.54219150222272461 51.64430407529955147, 4.53738598780362068 51.64504598540071356, 4.52696513142756807 51.64572043703849857, 4.5254327964534351 51.64423047962267077, 4.5146039848250572 51.6452629128619165, 4.52001332210972517 51.65041924499348625, 4.52154336386166555 51.65237331164899359, 4.51010094578763354 51.65694975724075277, 4.50054831885191042 51.65993826177836468, 4.4952667335994807 51.6624229283033074, 4.49598173917570954 51.66560850001155103, 4.49158808380327201 51.66833739941608172, 4.49215234068515645 51.67334576711763816, 4.49768482993133123 51.67462138339242728, 4.49714325282586369 51.67976064390693836, 4.4925598873124466 51.6796630503583927, 4.49305386621663239 51.68333863760292957, 4.50322756861655371 51.68245015488628269, 4.51958351952348192 51.6837100836426373, 4.52462332862043048 51.68450697626630586, 4.52621349582200505 51.68581422183490304, 4.52621349582200505 51.68581422183490304)))</t>
  </si>
  <si>
    <t>MultiPolygon (((4.59596568177795994 51.70108432133726239, 4.56952437169413184 51.69639753374346469, 4.56722689981123153 51.69533428858910895, 4.55490211078386054 51.6932155283517929, 4.54534607239032429 51.69331534877257184, 4.54514085431082471 51.69200123972532879, 4.54392773388337634 51.69180597598052174, 4.54306942230964328 51.69381161357440391, 4.54432927823983768 51.69512702329159026, 4.55492964570385706 51.69685465527705048, 4.57230517129263792 51.70007293413008398, 4.57964101520446754 51.70003532177393168, 4.58980290962396253 51.70234719476452767, 4.59947385390863328 51.70304865580070697, 4.60046719437939355 51.70269662745422323, 4.59596568177795994 51.70108432133726239, 4.59596568177795994 51.70108432133726239)),((4.62125286471211361 51.70482591356332591, 4.62280243802539204 51.70186474262489185, 4.62257542414836475 51.69877363232940581, 4.62584239381763229 51.69760950972274571, 4.618401670788149 51.68910663081278756, 4.61498854289199745 51.69168925576165208, 4.61212449136134151 51.69073297119538069, 4.61126998001723809 51.68979500205324484, 4.61281145321367614 51.68718944944664884, 4.6144918087600022 51.68736318908209881, 4.61563207008703191 51.68622125775667797, 4.61736784325746097 51.6815225243982681, 4.61770650279315653 51.67716515783039455, 4.61608020586706758 51.67558337738608287, 4.61317013000225717 51.67386275536822637, 4.60640160022759204 51.67258887288846836, 4.60815290015521573 51.67093085584230749, 4.59927614410055696 51.66808069437730921, 4.59155516583834178 51.66595120750724845, 4.58554769207983881 51.66336552931204551, 4.56833260630349258 51.65144085257819029, 4.56865520557147065 51.65209958045980443, 4.56265069093992448 51.65269200173750619, 4.55213502268189796 51.65291212523834474, 4.55123039717612698 51.65415260166713551, 4.55117495136419326 51.65706462001527655, 4.54717441542088174 51.66302879104826928, 4.54727989135002897 51.6652624536627485, 4.53558876119319443 51.67439896260840726, 4.53393331644514141 51.67565884529159348, 4.53342379001053786 51.67738887177785756, 4.53216843845436745 51.68612364673222714, 4.53267680923444871 51.68528044390119192, 4.53450332597103589 51.68477982847819874, 4.53761786909752818 51.68524599148961585, 4.53755700540230134 51.68712391785975058, 4.54937434351996295 51.68848083844859076, 4.56874817017595181 51.69223008144382447, 4.57410149111129893 51.69234226402859633, 4.60165497190351136 51.6969468123224658, 4.61937008342101318 51.70558149526108593, 4.62125286471211361 51.70482591356332591, 4.62125286471211361 51.70482591356332591)))</t>
  </si>
  <si>
    <t>MultiPolygon (((4.49230910818073248 51.67906716896261088, 4.4925598873124466 51.6796630503583927, 4.49714325282586369 51.67976064390693836, 4.49768482993133123 51.67462138339242728, 4.49215234068515645 51.67334576711763816, 4.49230910818073248 51.67906716896261088, 4.49230910818073248 51.67906716896261088)))</t>
  </si>
  <si>
    <t>MultiPolygon (((4.52654334228143362 51.68652838714636744, 4.53216843845436745 51.68612364673222714, 4.53342379001053786 51.67738887177785756, 4.53393331644514141 51.67565884529159348, 4.53558876119319443 51.67439896260840726, 4.52290880925319616 51.67369031432876625, 4.52301469112788546 51.68241373945453176, 4.52706488200048529 51.68283771811683636, 4.52598070754497162 51.68029588873704938, 4.52777470183964326 51.68281894417857103, 4.52713859233358651 51.68506504279982039, 4.5299121581510926 51.68468479935444293, 4.53003249350945136 51.6856488070093647, 4.52704306115668409 51.68584963222389206, 4.52654334228143362 51.68652838714636744, 4.52654334228143362 51.68652838714636744)))</t>
  </si>
  <si>
    <t>MultiPolygon (((4.52290880925319616 51.67369031432876625, 4.53558876119319443 51.67439896260840726, 4.54727989135002897 51.6652624536627485, 4.54717441542088174 51.66302879104826928, 4.54653278337309796 51.66082723474049487, 4.54478453441178321 51.65927053769709687, 4.54164093906634392 51.65752733465457425, 4.53755428065466049 51.65648733229554779, 4.52830043950887706 51.65837489864211562, 4.51816274165845044 51.6620369612022472, 4.52206841080529731 51.66655390510617707, 4.52784760441629874 51.66500626448691946, 4.52952600810797534 51.66813239828983484, 4.52927384899498886 51.67008564606119592, 4.52351260039139103 51.67165596323294352, 4.52290880925319616 51.67369031432876625, 4.52290880925319616 51.67369031432876625)))</t>
  </si>
  <si>
    <t>MultiPolygon (((4.65007044212598153 51.66118895885523443, 4.65541484788756765 51.65834943082179365, 4.65686837853048452 51.65918014342669551, 4.67231049678189159 51.65409789390439954, 4.67573024104321533 51.65203332080645993, 4.67769354921483949 51.64906572347216951, 4.68917180140999257 51.65241643448341335, 4.69256183222869705 51.64755183351655887, 4.69545134753522042 51.64710592074482065, 4.69905965738351217 51.63807319222909342, 4.69873798355655659 51.63797469765179216, 4.69095871085952076 51.63735795979537357, 4.68275395011233186 51.63363643946104986, 4.67851250147579467 51.63259402328387893, 4.67225705784998446 51.63262296828042253, 4.66507157672891104 51.63431920743104797, 4.6581757472883849 51.63458668570029886, 4.64391695584887199 51.63237881147691866, 4.63802418166642649 51.62971367966639491, 4.63664628639914511 51.62864425265581758, 4.63570072814375944 51.62629323751396981, 4.63434216734534754 51.62544309136812615, 4.6292061111419569 51.62404829661971206, 4.62443530412140369 51.62426561261212754, 4.62476533878728713 51.62530595605777251, 4.62716710442598167 51.62590501560058698, 4.6410021481409327 51.63321661865342804, 4.63659489203824471 51.63767921733817445, 4.63314535697255891 51.64313940974735573, 4.63271952152102973 51.64676367292247505, 4.63971168347151242 51.64740252592182657, 4.63903799303378239 51.65152965580686129, 4.63509424267749637 51.65576331993390369, 4.65007044212598153 51.66118895885523443),(4.65858156637012133 51.64585419201972627, 4.65953414795722498 51.64527809121624813, 4.66804785560741209 51.64600711922603438, 4.6699889362679281 51.64820949504292713, 4.66770362042236275 51.65226572537964245, 4.65787847316616688 51.64949843984581435, 4.65858156637012133 51.64585419201972627)))</t>
  </si>
  <si>
    <t>MultiPolygon (((4.6699889362679281 51.64820949504292713, 4.66804785560741209 51.64600711922603438, 4.65953414795722498 51.64527809121624813, 4.65858156637012133 51.64585419201972627, 4.65787847316616688 51.64949843984581435, 4.66770362042236275 51.65226572537964245, 4.6699889362679281 51.64820949504292713)))</t>
  </si>
  <si>
    <t>MultiPolygon (((4.65968891690699394 51.69684569441994171, 4.66693973197362411 51.68649367881741341, 4.67322762190319985 51.68898686487883509, 4.67919055899498026 51.68643591677057003, 4.68112145237057042 51.68784797232178363, 4.6928182567161052 51.68167984859159958, 4.69503687606912923 51.68335723661369485, 4.69731355493367175 51.68771751586165664, 4.70453403048898533 51.68050651281561159, 4.70203056570796996 51.67989380692168311, 4.70460566339115971 51.67632156713003866, 4.70662519363326481 51.67675318696531406, 4.7098789378812036 51.67327189373413887, 4.68499228396057799 51.66628979629302165, 4.6942327131701802 51.65830641773671772, 4.69678308504902198 51.65459411454180128, 4.68917180140999257 51.65241643448341335, 4.67769354921483949 51.64906572347216951, 4.67573024104321533 51.65203332080645993, 4.67231049678189159 51.65409789390439954, 4.65686837853048452 51.65918014342669551, 4.6536326033768951 51.6676453706736396, 4.6482511649640168 51.66381571503258385, 4.64108862568514713 51.66770908786698158, 4.6393692212994555 51.66695653940513466, 4.63458620813581845 51.6704225530037462, 4.66402832830801906 51.68026488368185056, 4.65322743805924066 51.68951543703731488, 4.64793726617076963 51.69153976308265186, 4.65968891690699394 51.69684569441994171),(4.6659079338124263 51.67991130407803979, 4.67744921815974202 51.66784356371498887, 4.69078854498291609 51.67321160183222162, 4.68403334370740776 51.67819063216354891, 4.68030136191819057 51.67607377457539286, 4.67547536426113819 51.67827460915147242, 4.67331695108159995 51.68338705356602247, 4.67140113292880965 51.68319642731385244, 4.6659079338124263 51.67991130407803979)))</t>
  </si>
  <si>
    <t>MultiPolygon (((4.67331695108159995 51.68338705356602247, 4.67547536426113819 51.67827460915147242, 4.68030136191819057 51.67607377457539286, 4.68403334370740776 51.67819063216354891, 4.69078854498291609 51.67321160183222162, 4.67744921815974202 51.66784356371498887, 4.6659079338124263 51.67991130407803979, 4.67140113292880965 51.68319642731385244, 4.67331695108159995 51.68338705356602247, 4.67331695108159995 51.68338705356602247)))</t>
  </si>
  <si>
    <t>MultiPolygon (((4.63971168347151242 51.64740252592182657, 4.63271952152102973 51.64676367292247505, 4.63314535697255891 51.64313940974735573, 4.63659489203824471 51.63767921733817445, 4.6410021481409327 51.63321661865342804, 4.62716710442598167 51.62590501560058698, 4.62476533878728713 51.62530595605777251, 4.62443530412140369 51.62426561261212754, 4.62275189891455529 51.62469072809675907, 4.61682050364229291 51.62762354029769085, 4.61132112615274625 51.62850296732812438, 4.60629086485671113 51.62772018187575895, 4.60123317821307598 51.62523889112881648, 4.59613038767950766 51.62410933032092686, 4.59290704000919536 51.62443667780105017, 4.60134792279192606 51.6327415953462534, 4.6086026681141492 51.63988457458350467, 4.6143148288711533 51.63980642172900559, 4.61714448168327607 51.63783178962143694, 4.62342160949744052 51.6405294186053041, 4.62464636103643834 51.6416132609196481, 4.62538978619808017 51.64400549056777834, 4.62482545675731771 51.64702797669851719, 4.61566897519573782 51.64681882040668626, 4.61668613353663204 51.64766935155100214, 4.62082319280504183 51.65021255380357701, 4.63509424267749637 51.65576331993390369, 4.63903799303378239 51.65152965580686129, 4.63971168347151242 51.64740252592182657)))</t>
  </si>
  <si>
    <t>MultiPolygon (((4.63458620813581845 51.6704225530037462, 4.6393692212994555 51.66695653940513466, 4.64108862568514713 51.66770908786698158, 4.6482511649640168 51.66381571503258385, 4.6536326033768951 51.6676453706736396, 4.65686837853048452 51.65918014342669551, 4.65541484788756765 51.65834943082179365, 4.65007044212598153 51.66118895885523443, 4.63509424267749637 51.65576331993390369, 4.62082319280504183 51.65021255380357701, 4.61668613353663204 51.64766935155100214, 4.61488893459116234 51.6513825549824972, 4.61612249244112682 51.65387077331050847, 4.60841517378312826 51.65373435763523702, 4.60727936871713695 51.65297622421566359, 4.60378919348253124 51.6524127432134037, 4.59967051538604998 51.65358877462902143, 4.59194233706802812 51.65275272308453935, 4.58479911104998017 51.65182567694329663, 4.58300011253450723 51.64920739064869792, 4.58317775725145005 51.64523467172738691, 4.58146611163285744 51.64508020143227895, 4.582113793320719 51.64063458406288021, 4.58673399129000536 51.63921596961217375, 4.58500005423927348 51.63683945174075518, 4.59240537798904569 51.6347685946366397, 4.60134792279192606 51.6327415953462534, 4.59290704000919536 51.62443667780105017, 4.5891870565149695 51.6252023722950355, 4.5776821511093182 51.62963276227729637, 4.57794045018732376 51.63035196696043272, 4.57364945812577428 51.63468240618296079, 4.57424224836320192 51.63719977398822891, 4.56953113024362167 51.64465922411118015, 4.56833260630349258 51.65144085257819029, 4.58554769207983881 51.66336552931204551, 4.59155516583834178 51.66595120750724845, 4.59927614410055696 51.66808069437730921, 4.61160344937892752 51.66274608427344361, 4.63458620813581845 51.6704225530037462, 4.63458620813581845 51.6704225530037462)))</t>
  </si>
  <si>
    <t>MultiPolygon (((4.6086026681141492 51.63988457458350467, 4.61439193878889853 51.64561487462658107, 4.61566897519573782 51.64681882040668626, 4.62482545675731771 51.64702797669851719, 4.62538978619808017 51.64400549056777834, 4.62464636103643834 51.6416132609196481, 4.62342160949744052 51.6405294186053041, 4.61714448168327607 51.63783178962143694, 4.6143148288711533 51.63980642172900559, 4.6086026681141492 51.63988457458350467, 4.6086026681141492 51.63988457458350467)))</t>
  </si>
  <si>
    <t>MultiPolygon (((4.60378919348253124 51.6524127432134037, 4.60727936871713695 51.65297622421566359, 4.60841517378312826 51.65373435763523702, 4.61612249244112682 51.65387077331050847, 4.61488893459116234 51.6513825549824972, 4.61668613353663204 51.64766935155100214, 4.61566897519573782 51.64681882040668626, 4.60929225792278086 51.64692577421523367, 4.60785121691193567 51.6477979413076369, 4.60378919348253124 51.6524127432134037, 4.60378919348253124 51.6524127432134037)))</t>
  </si>
  <si>
    <t>MultiPolygon (((4.58317775725145005 51.64523467172738691, 4.58637125255137157 51.64531414921459884, 4.5868139929475733 51.64349776776623457, 4.59780617014540383 51.64364798336689688, 4.59896848886733611 51.64227787898933286, 4.59240537798904569 51.6347685946366397, 4.58500005423927348 51.63683945174075518, 4.58673399129000536 51.63921596961217375, 4.582113793320719 51.64063458406288021, 4.58146611163285744 51.64508020143227895, 4.58317775725145005 51.64523467172738691, 4.58317775725145005 51.64523467172738691)))</t>
  </si>
  <si>
    <t>MultiPolygon (((4.59896848886733611 51.64227787898933286, 4.6086026681141492 51.63988457458350467, 4.60134792279192606 51.6327415953462534, 4.59240537798904569 51.6347685946366397, 4.59896848886733611 51.64227787898933286, 4.59896848886733611 51.64227787898933286)))</t>
  </si>
  <si>
    <t>MultiPolygon (((4.58317775725145005 51.64523467172738691, 4.58300011253450723 51.64920739064869792, 4.58479911104998017 51.65182567694329663, 4.59194233706802812 51.65275272308453935, 4.59441210846360359 51.65165016695596023, 4.59936976850014112 51.64437762944848487, 4.59780617014540383 51.64364798336689688, 4.5868139929475733 51.64349776776623457, 4.58637125255137157 51.64531414921459884, 4.58317775725145005 51.64523467172738691, 4.58317775725145005 51.64523467172738691)))</t>
  </si>
  <si>
    <t>MultiPolygon (((4.59194233706802812 51.65275272308453935, 4.59967051538604998 51.65358877462902143, 4.60378919348253124 51.6524127432134037, 4.60785121691193567 51.6477979413076369, 4.6024642367322679 51.646229343592303, 4.59936976850014112 51.64437762944848487, 4.59441210846360359 51.65165016695596023, 4.59194233706802812 51.65275272308453935, 4.59194233706802812 51.65275272308453935)))</t>
  </si>
  <si>
    <t>MultiPolygon (((4.60785121691193567 51.6477979413076369, 4.60929225792278086 51.64692577421523367, 4.61566897519573782 51.64681882040668626, 4.61439193878889853 51.64561487462658107, 4.6086026681141492 51.63988457458350467, 4.59896848886733611 51.64227787898933286, 4.59780617014540383 51.64364798336689688, 4.59936976850014112 51.64437762944848487, 4.6024642367322679 51.646229343592303, 4.60785121691193567 51.6477979413076369, 4.60785121691193567 51.6477979413076369)))</t>
  </si>
  <si>
    <t>MultiPolygon (((5.94237489237745198 52.74569045679309198, 5.95078110594926191 52.7468035045448147, 5.95534915230812345 52.7454083039555357, 5.95925481861674022 52.74824543361052065, 5.96199719808409156 52.74658770453913803, 5.97406143317318605 52.75271943409403974, 5.97846157950230683 52.74673866395681898, 5.97516998909776031 52.74541580197691104, 5.9752396730381454 52.73905139680399401, 5.96904448771763096 52.7372731627871687, 5.96424868596972235 52.74509377863927995, 5.94174049260264159 52.7243870861710846, 5.94031900567085369 52.72135693949869761, 5.94116975413286585 52.71755064861637408, 5.93555941864496184 52.7302517227055958, 5.93015052952085053 52.73958612680135616, 5.94459301664776074 52.743399710645825, 5.94237489237745198 52.74569045679309198, 5.94237489237745198 52.74569045679309198)))</t>
  </si>
  <si>
    <t>MultiPolygon (((5.9627593869732447 52.75612162631174584, 5.97660559013130133 52.7563118015599315, 5.97908795297580653 52.75456278838965574, 5.99240026179766083 52.75498061671819272, 5.99172666081838035 52.75327342617648441, 5.97406143317318605 52.75271943409403974, 5.96199719808409156 52.74658770453913803, 5.95925481861674022 52.74824543361052065, 5.95534915230812345 52.7454083039555357, 5.95078110594926191 52.7468035045448147, 5.95437977771442206 52.75153482431438334, 5.9620308918809064 52.75181391666384201, 5.96516597993749009 52.75419237980261755, 5.9627593869732447 52.75612162631174584, 5.9627593869732447 52.75612162631174584)))</t>
  </si>
  <si>
    <t>MultiPolygon (((5.96680750786200331 52.77229397512771669, 5.97974297116428399 52.77998927528759765, 5.98094646074887137 52.77947390456654375, 5.98225965272345572 52.77492768789027622, 5.9902387009394138 52.76488169198828615, 5.99401934939096304 52.7585517289383148, 5.99480680217523165 52.75563087131443751, 5.99311143747561914 52.74750345376038041, 5.99420424542894104 52.74541462441472106, 5.99615317048518826 52.74544286431577689, 5.99651962723833698 52.74449532792947792, 5.98985386742911974 52.74364558026083216, 5.9752396730381454 52.73905139680399401, 5.97516998909776031 52.74541580197691104, 5.97846157950230683 52.74673866395681898, 5.97406143317318605 52.75271943409403974, 5.99172666081838035 52.75327342617648441, 5.99240026179766083 52.75498061671819272, 5.97908795297580653 52.75456278838965574, 5.97660559013130133 52.7563118015599315, 5.9627593869732447 52.75612162631174584, 5.95904214018784106 52.75992532972692572, 5.95786981453986098 52.76232854351670198, 5.95939140269319356 52.76557457400141971, 5.96199089862729448 52.76894770642925181, 5.96578423084624809 52.77170930825261053, 5.96628839347911999 52.77218057430830811, 5.96680750786200331 52.77229397512771669, 5.96680750786200331 52.77229397512771669)))</t>
  </si>
  <si>
    <t>MultiPolygon (((5.97974297116428399 52.77998927528759765, 5.98220483988955554 52.78139982147410336, 5.98440613323166293 52.78029764219739661, 5.98798294080935278 52.77237928765648434, 5.99799149652405372 52.75926444786617964, 5.99663327679371694 52.74853515911797786, 5.99485376045761864 52.7480139452951633, 5.99615317048518826 52.74544286431577689, 5.99420424542894104 52.74541462441472106, 5.99311143747561914 52.74750345376038041, 5.99480680217523165 52.75563087131443751, 5.99401934939096304 52.7585517289383148, 5.9902387009394138 52.76488169198828615, 5.98225965272345572 52.77492768789027622, 5.98094646074887137 52.77947390456654375, 5.97974297116428399 52.77998927528759765, 5.97974297116428399 52.77998927528759765)))</t>
  </si>
  <si>
    <t>MultiPolygon (((5.92799734665063482 52.82058686313308016, 5.93245985813299104 52.81667199487359454, 5.93668272007044528 52.81808969636847451, 5.94024461143947136 52.81788313134745039, 5.94294235536139581 52.81555610447395566, 5.93876031556970396 52.81365440351749641, 5.94004713766511117 52.80959033143010117, 5.94175970417129573 52.80753829832977431, 5.94401326666227714 52.80343192477177894, 5.95049755719862539 52.79773406410499348, 5.96152306601960102 52.79313711777041362, 5.94151714970519595 52.78335766077833568, 5.91733014683717862 52.77266423043500509, 5.90815289549135603 52.77783446235613241, 5.88999646791329479 52.7944099005152836, 5.88929161580744687 52.79479820122345757, 5.88709657181240242 52.79413628299064243, 5.87958081791786569 52.80120267785416388, 5.88257794690250169 52.8039196006834004, 5.89278192979961268 52.80605089243267969, 5.89788147813640773 52.80780331216548973, 5.90065717352827601 52.81182486547333355, 5.9085836033734358 52.81371207914553878, 5.91196572034902346 52.81611594882776473, 5.91385994440870011 52.81862211419888098, 5.91632123036286295 52.82028033712465742, 5.92420201882695352 52.82358984331084883, 5.92784427159473992 52.82150780090835696, 5.92861276779648527 52.82085880793948007, 5.92799734665063482 52.82058686313308016, 5.92799734665063482 52.82058686313308016),(5.91247389478098739 52.8098154696556179, 5.9158510942484055 52.8070463295994017, 5.91961973807488384 52.80787205509225402, 5.92557954681458554 52.80258288149254042, 5.93144429316385757 52.79554454300800614, 5.93287363144592472 52.79544694147686812, 5.92533347034497115 52.80393616016532121, 5.92507789657205564 52.80721914242033677, 5.92133138735720976 52.81027178237093267, 5.92167932415326526 52.81172913431281302, 5.91994576581968523 52.81314706592068831, 5.91247389478098739 52.8098154696556179, 5.91247389478098739 52.8098154696556179)))</t>
  </si>
  <si>
    <t>MultiPolygon (((5.92167932415326526 52.81172913431281302, 5.92133138735720976 52.81027178237093267, 5.92507789657205564 52.80721914242033677, 5.92533347034497115 52.80393616016532121, 5.93287363144592472 52.79544694147686812, 5.93144429316385757 52.79554454300800614, 5.92557954681458554 52.80258288149254042, 5.91961973807488384 52.80787205509225402, 5.9158510942484055 52.8070463295994017, 5.91247389478098739 52.8098154696556179, 5.91994576581968523 52.81314706592068831, 5.92167932415326526 52.81172913431281302, 5.92167932415326526 52.81172913431281302)))</t>
  </si>
  <si>
    <t>MultiPolygon (((5.94004713766511117 52.80959033143010117, 5.95365855811259248 52.81567938245336791, 5.95199649037164669 52.81701102988857599, 5.95420450502964016 52.81801515641718225, 5.96075140234480561 52.81859447943369901, 5.96318239507470693 52.81834976607864007, 5.96415709554372864 52.81696794311140764, 5.96648294670498558 52.81291641297226391, 5.96701344618181739 52.80973793549559758, 5.9660133100781394 52.80998091168331143, 5.96719363981029005 52.80757073427323434, 5.97495620881226586 52.8112130521097427, 5.97859676730044409 52.80622188468974088, 5.97671557787098084 52.80572592966404244, 5.97870051644531131 52.80288838647128813, 5.98859317837098359 52.80090653860317218, 5.984611128108698 52.79762543336895675, 5.96936126068999862 52.79789480061640461, 5.96530706087221141 52.79844793155986338, 5.9484171026335666 52.8037959377464432, 5.94175970417129573 52.80753829832977431, 5.94004713766511117 52.80959033143010117, 5.94004713766511117 52.80959033143010117)))</t>
  </si>
  <si>
    <t>MultiPolygon (((6.02661649896668816 52.82107760196668522, 6.03116837964363572 52.81499070869166701, 6.02593684899711146 52.81223563774133822, 6.02363631609369499 52.80946944007975929, 6.01661818387022151 52.80505767930389993, 6.00602772918814853 52.80226404809516794, 5.99962564934132025 52.79615358652521451, 5.99837546435813973 52.79654185737267369, 5.99363315675256647 52.79742718750063091, 5.984611128108698 52.79762543336895675, 5.98859317837098359 52.80090653860317218, 5.97870051644531131 52.80288838647128813, 5.97671557787098084 52.80572592966404244, 5.97859676730044409 52.80622188468974088, 5.97495620881226586 52.8112130521097427, 5.97765035435421499 52.81238055722693048, 5.98581835828250242 52.81600997323725011, 5.99212157406939117 52.8162154323851567, 5.99192411024638449 52.81843998086774405, 5.98882348362765882 52.8212640567214109, 5.98647307444942989 52.82170312158759629, 5.98890413782845332 52.82206395354056383, 5.99057465540735556 52.82159656081811505, 5.99420950816088194 52.81911624336625977, 5.99650785655815177 52.81656150967961594, 5.99907838538231797 52.81691000759853694, 6.0074833978507467 52.82004646890508326, 6.01789959442992561 52.82190033689858666, 6.02455896254659518 52.82254466263565007, 6.02661649896668816 52.82107760196668522, 6.02661649896668816 52.82107760196668522)))</t>
  </si>
  <si>
    <t>MultiPolygon (((6.03661703665686389 52.81075706193880848, 6.03654015157708468 52.80720803513207784, 6.03810307080017417 52.8072955976292846, 6.03801324920283466 52.80798898705966593, 6.04685702900121491 52.80811232282529488, 6.04765081298875451 52.80204045918358702, 6.04720846309931837 52.7967885602584559, 6.04474549367597902 52.79152300533567654, 6.03997315149543201 52.79209212270758655, 6.02742288412994398 52.79158375984478369, 6.01140708626540299 52.79283653717232738, 5.99962564934132025 52.79615358652521451, 6.00602772918814853 52.80226404809516794, 6.01661818387022151 52.80505767930389993, 6.02363631609369499 52.80946944007975929, 6.02593684899711146 52.81223563774133822, 6.03116837964363572 52.81499070869166701, 6.03820901476942318 52.81771410923788324, 6.03909636219081847 52.81640491663512904, 6.04046376885348302 52.81498254425223138, 6.04297486689339625 52.81093416570517718, 6.03661703665686389 52.81075706193880848, 6.03661703665686389 52.81075706193880848),(6.02979018109766152 52.80379820679282687, 6.03959556236145811 52.80355191244218105, 6.03696510351314863 52.80522772440922807, 6.03339968135103355 52.80501124789395817, 6.03205654388877477 52.80742345608255306, 6.03082463103195732 52.80719248799012888, 6.02979018109766152 52.80379820679282687, 6.02979018109766152 52.80379820679282687)))</t>
  </si>
  <si>
    <t>MultiPolygon (((6.03205654388877477 52.80742345608255306, 6.03339968135103355 52.80501124789395817, 6.03696510351314863 52.80522772440922807, 6.03959556236145811 52.80355191244218105, 6.02979018109766152 52.80379820679282687, 6.03082463103195732 52.80719248799012888, 6.03205654388877477 52.80742345608255306, 6.03205654388877477 52.80742345608255306)))</t>
  </si>
  <si>
    <t>MultiPolygon (((6.0783691055781901 52.802884636880421, 6.08089723501622625 52.80379379530297967, 6.08143567690701126 52.80322219860235577, 6.07947554080344155 52.79951769876716128, 6.07592231353614487 52.79942993183552602, 6.0744741313383086 52.80120060748916444, 6.07283011121216898 52.80075710223035657, 6.07156509792609889 52.8029372158769803, 6.0733926783104577 52.80615025827915332, 6.07733749665424572 52.8061540759948187, 6.0783691055781901 52.802884636880421, 6.0783691055781901 52.802884636880421)),((6.04598357899318817 52.81440490194449211, 6.04802762787089154 52.81142303576908859, 6.0548115843012047 52.80974220224045013, 6.05811232274439071 52.80962476970319841, 6.06100012923606535 52.80682995778066413, 6.06146943949067829 52.80576014964864839, 6.05724615093231566 52.80281868455201533, 6.05520075568738125 52.80283760124994075, 6.05285410715567451 52.80183593050912805, 6.04999949685893768 52.79990443553840862, 6.0500249369985335 52.79928178124721683, 6.06141508290549513 52.79979934089057281, 6.06213972281238256 52.80104243641169859, 6.06565317840130813 52.80224923728717812, 6.06899455955900624 52.80100754713395617, 6.07258661967241764 52.79835527772490167, 6.07289155318761864 52.79511470186793787, 6.07073326719243944 52.78984354637448462, 6.07266126194346878 52.78844963053309414, 6.08491048648274901 52.78534077880527065, 6.08773206527996447 52.77716704348019761, 6.08635326375668839 52.77288642285310516, 6.06447595850260601 52.76982726366922094, 6.05268061375299027 52.76564912253742534, 6.04847223147828039 52.76972692126450681, 6.04440035356905447 52.77973777701547675, 6.04474549367597902 52.79152300533567654, 6.04720846309931837 52.7967885602584559, 6.04765081298875451 52.80204045918358702, 6.04685702900121491 52.80811232282529488, 6.03801324920283466 52.80798898705966593, 6.03810307080017417 52.8072955976292846, 6.03654015157708468 52.80720803513207784, 6.03661703665686389 52.81075706193880848, 6.04297486689339625 52.81093416570517718, 6.04046376885348302 52.81498254425223138, 6.04401948877684969 52.8152983270849532, 6.04598357899318817 52.81440490194449211, 6.04598357899318817 52.81440490194449211)))</t>
  </si>
  <si>
    <t>MultiPolygon (((6.06100012923606535 52.80682995778066413, 6.06490626232502006 52.8070335210116184, 6.06814361314906847 52.80752934887100025, 6.0681808848852441 52.80829102829498822, 6.07003164229661163 52.80845292525090429, 6.07387979212407725 52.80759624791269857, 6.0733926783104577 52.80615025827915332, 6.07156509792609889 52.8029372158769803, 6.07283011121216898 52.80075710223035657, 6.0744741313383086 52.80120060748916444, 6.07592231353614487 52.79942993183552602, 6.07258661967241764 52.79835527772490167, 6.06899455955900624 52.80100754713395617, 6.06565317840130813 52.80224923728717812, 6.06213972281238256 52.80104243641169859, 6.06141508290549513 52.79979934089057281, 6.0500249369985335 52.79928178124721683, 6.04999949685893768 52.79990443553840862, 6.05285410715567451 52.80183593050912805, 6.05520075568738125 52.80283760124994075, 6.05724615093231566 52.80281868455201533, 6.06146943949067829 52.80576014964864839, 6.06100012923606535 52.80682995778066413, 6.06100012923606535 52.80682995778066413)))</t>
  </si>
  <si>
    <t>MultiPolygon (((6.09145437414524604 52.80444086901082557, 6.09362749777460877 52.80492218989977715, 6.10159132707300689 52.81200834782446663, 6.10619848459222325 52.81191102011415239, 6.10768457639144291 52.8099830228915863, 6.1088498636163564 52.80802360072673451, 6.10745891529021989 52.8068604505347281, 6.10777914415428835 52.80286135965497607, 6.09745602450947732 52.79992388054094477, 6.09227865254238576 52.80382010554587424, 6.08893068784782443 52.80233175487366992, 6.08829959482196248 52.80143636984063704, 6.08843840881712683 52.79644942542369535, 6.0946064652596128 52.79033330134282664, 6.09053860779828327 52.78878681539261208, 6.09391442214653711 52.7853012760766731, 6.09094414406783446 52.78481518439670594, 6.08491048648274901 52.78534077880527065, 6.07266126194346878 52.78844963053309414, 6.07073326719243944 52.78984354637448462, 6.07289155318761864 52.79511470186793787, 6.07258661967241764 52.79835527772490167, 6.07592231353614487 52.79942993183552602, 6.07947554080344155 52.79951769876716128, 6.08143567690701126 52.80322219860235577, 6.08089723501622625 52.80379379530297967, 6.09145437414524604 52.80444086901082557, 6.09145437414524604 52.80444086901082557)))</t>
  </si>
  <si>
    <t>MultiPolygon (((6.09745602450947732 52.79992388054094477, 6.1028183173235897 52.7958824450537989, 6.10010123589135134 52.79477084540941689, 6.10104352286580376 52.79328892990196209, 6.10070184466076171 52.79161443976683188, 6.0946064652596128 52.79033330134282664, 6.08843840881712683 52.79644942542369535, 6.08829959482196248 52.80143636984063704, 6.08893068784782443 52.80233175487366992, 6.09227865254238576 52.80382010554587424, 6.09745602450947732 52.79992388054094477, 6.09745602450947732 52.79992388054094477)))</t>
  </si>
  <si>
    <t>MultiPolygon (((6.03909636219081847 52.81640491663512904, 6.05631164177339709 52.82200255088208252, 6.06212101432643014 52.82328275665030759, 6.06448275539771942 52.82085080167262703, 6.07201159067961971 52.81321557353200546, 6.06302463400419978 52.81056828283828963, 6.06490626232502006 52.8070335210116184, 6.06100012923606535 52.80682995778066413, 6.05811232274439071 52.80962476970319841, 6.0548115843012047 52.80974220224045013, 6.04802762787089154 52.81142303576908859, 6.04598357899318817 52.81440490194449211, 6.04401948877684969 52.8152983270849532, 6.04046376885348302 52.81498254425223138, 6.03909636219081847 52.81640491663512904, 6.03909636219081847 52.81640491663512904)))</t>
  </si>
  <si>
    <t>MultiPolygon (((6.09319309806338527 52.84457941794481428, 6.09301579638172264 52.83700153645578723, 6.09036595278027981 52.83542288276972698, 6.09265301606543197 52.83308035081358867, 6.0884421548613652 52.83009504453328731, 6.08119655425196903 52.8268864052540934, 6.07461508034646958 52.82452246098519311, 6.07294620611029234 52.82447259788721539, 6.07055239619462483 52.82310019563253434, 6.06997916802005211 52.82190332546841915, 6.0785002513446349 52.81418370681716823, 6.07762812273236719 52.81383456624728012, 6.07201159067961971 52.81321557353200546, 6.06448275539771942 52.82085080167262703, 6.06686914728904281 52.82171269767291477, 6.06327466796857806 52.82539368858363815, 6.06537859879842944 52.82613621387055503, 6.0635913019306793 52.82755684013709185, 6.05930007115094327 52.82680556123847992, 6.05497922544523171 52.83134728677219272, 6.05260734800683675 52.83733911968907648, 6.05454699545666131 52.83763131340679564, 6.06151294938163776 52.8392962911839561, 6.08100026776764402 52.83873232330257252, 6.0832977843995879 52.83948697624229851, 6.08748041998270839 52.84311386268871047, 6.09319309806338527 52.84457941794481428, 6.09319309806338527 52.84457941794481428)))</t>
  </si>
  <si>
    <t>MultiPolygon (((6.06327466796857806 52.82539368858363815, 6.06686914728904281 52.82171269767291477, 6.06448275539771942 52.82085080167262703, 6.06212101432643014 52.82328275665030759, 6.05631164177339709 52.82200255088208252, 6.03909636219081847 52.81640491663512904, 6.03820901476942318 52.81771410923788324, 6.04695744293555126 52.82052638471819961, 6.05293585852617788 52.82412336535697506, 6.05781639973771746 52.82545265777395116, 6.05995103372484323 52.82611853669096291, 6.05930007115094327 52.82680556123847992, 6.0635913019306793 52.82755684013709185, 6.06537859879842944 52.82613621387055503, 6.06327466796857806 52.82539368858363815, 6.06327466796857806 52.82539368858363815)))</t>
  </si>
  <si>
    <t>MultiPolygon (((6.09265301606543197 52.83308035081358867, 6.09366547978575479 52.8318743846329113, 6.09031245313097802 52.82552741336240132, 6.09224684760667845 52.82427400741354262, 6.09389749658340918 52.82497967064915656, 6.09885818147999892 52.82198137967454699, 6.09577609630989681 52.82202116358162414, 6.09175341571201656 52.81899707714769221, 6.09406920777346439 52.81771027385840966, 6.09005043668103152 52.81584827002452442, 6.08967905699593182 52.81636652617513761, 6.08199305315097138 52.81155858498407696, 6.0785002513446349 52.81418370681716823, 6.06997916802005211 52.82190332546841915, 6.07055239619462483 52.82310019563253434, 6.07294620611029234 52.82447259788721539, 6.07461508034646958 52.82452246098519311, 6.08119655425196903 52.8268864052540934, 6.0884421548613652 52.83009504453328731, 6.09265301606543197 52.83308035081358867, 6.09265301606543197 52.83308035081358867)))</t>
  </si>
  <si>
    <t>MultiPolygon (((6.07201159067961971 52.81321557353200546, 6.07762812273236719 52.81383456624728012, 6.08002490369985171 52.81136690934081912, 6.07662912511278019 52.8098912324080132, 6.07732569039275283 52.80857130802851884, 6.0812019034745548 52.80620389410245963, 6.08262225329654349 52.80699059314370203, 6.08031073036865521 52.80821133090476138, 6.08347651754389318 52.81044102871235424, 6.09145437414524604 52.80444086901082557, 6.08089723501622625 52.80379379530297967, 6.0783691055781901 52.802884636880421, 6.07733749665424572 52.8061540759948187, 6.0733926783104577 52.80615025827915332, 6.07387979212407725 52.80759624791269857, 6.07003164229661163 52.80845292525090429, 6.0681808848852441 52.80829102829498822, 6.06814361314906847 52.80752934887100025, 6.06490626232502006 52.8070335210116184, 6.06302463400419978 52.81056828283828963, 6.07201159067961971 52.81321557353200546, 6.07201159067961971 52.81321557353200546)))</t>
  </si>
  <si>
    <t>MultiPolygon (((6.07762812273236719 52.81383456624728012, 6.0785002513446349 52.81418370681716823, 6.08199305315097138 52.81155858498407696, 6.08347651754389318 52.81044102871235424, 6.08031073036865521 52.80821133090476138, 6.08262225329654349 52.80699059314370203, 6.0812019034745548 52.80620389410245963, 6.07732569039275283 52.80857130802851884, 6.07662912511278019 52.8098912324080132, 6.08002490369985171 52.81136690934081912, 6.07762812273236719 52.81383456624728012, 6.07762812273236719 52.81383456624728012)))</t>
  </si>
  <si>
    <t>MultiPolygon (((6.09577609630989681 52.82202116358162414, 6.09903543154643302 52.82009780312092317, 6.10607599255308475 52.82396249653373843, 6.10981533996609638 52.82131007317789084, 6.10611912892256736 52.81992464839360224, 6.11290182431704476 52.81598471179064092, 6.10774805448237057 52.81481776388903882, 6.10876531341868567 52.8131400168815901, 6.1114011832420374 52.81150778985534799, 6.10768457639144291 52.8099830228915863, 6.10619848459222325 52.81191102011415239, 6.10159132707300689 52.81200834782446663, 6.09362749777460877 52.80492218989977715, 6.09145437414524604 52.80444086901082557, 6.08347651754389318 52.81044102871235424, 6.08199305315097138 52.81155858498407696, 6.08967905699593182 52.81636652617513761, 6.09005043668103152 52.81584827002452442, 6.09406920777346439 52.81771027385840966, 6.09175341571201656 52.81899707714769221, 6.09577609630989681 52.82202116358162414, 6.09577609630989681 52.82202116358162414)))</t>
  </si>
  <si>
    <t>MultiPolygon (((6.10768457639144291 52.8099830228915863, 6.1114011832420374 52.81150778985534799, 6.10876531341868567 52.8131400168815901, 6.10774805448237057 52.81481776388903882, 6.11290182431704476 52.81598471179064092, 6.10611912892256736 52.81992464839360224, 6.10981533996609638 52.82131007317789084, 6.1167002080341808 52.82079730163810893, 6.12392006923690513 52.8161629213976056, 6.12369424344722457 52.81555498557304418, 6.1342756365696065 52.81343729068083803, 6.13492999079118295 52.81213058820558359, 6.13418336893540594 52.81121600181091225, 6.13034356896936927 52.81197873423458589, 6.12724486429590876 52.80805141984702544, 6.11974087751151163 52.80959951939595953, 6.12012695030011589 52.80180535907500428, 6.12089978144648494 52.80159147606606496, 6.12009012733754876 52.80056600470484085, 6.11861846889099326 52.79873090235194866, 6.1196027753268929 52.79763577245306294, 6.11182766288060542 52.79385884391216166, 6.11050119729088603 52.79218550737090254, 6.10552270286577503 52.79407967781487798, 6.1028183173235897 52.7958824450537989, 6.09745602450947732 52.79992388054094477, 6.10777914415428835 52.80286135965497607, 6.10745891529021989 52.8068604505347281, 6.1088498636163564 52.80802360072673451, 6.10768457639144291 52.8099830228915863, 6.10768457639144291 52.8099830228915863)))</t>
  </si>
  <si>
    <t>MultiPolygon (((6.15028873626027472 52.82994031850090977, 6.15196215526883439 52.82882968618027775, 6.14956467841668886 52.82845896985028133, 6.14738042200809875 52.82924194120700179, 6.14447180519588976 52.82733237644027469, 6.13785781409176323 52.82617360957338803, 6.13643205988705631 52.82480555157685131, 6.13521311509138467 52.82250325678296576, 6.13876047490816479 52.82093780903353064, 6.13823106594404866 52.81715170938810644, 6.13980709605331043 52.81664969715677671, 6.14051610990988284 52.81742443909435281, 6.14022549865295009 52.81904724804218887, 6.14568282601885407 52.82622347130006801, 6.14822770515808781 52.82784202176477351, 6.14989573580883864 52.82812387883140559, 6.1517148331027629 52.82739915847863443, 6.15764390429564923 52.82503554887961883, 6.17140817777193273 52.81525550494527721, 6.16209815149070472 52.81142086272044622, 6.15292547043887339 52.81455947696237985, 6.14968950100466483 52.81148438815404234, 6.14899901576700803 52.81185391157922737, 6.14510056256186132 52.80895416635124917, 6.14264516553216477 52.8087111942177998, 6.14076113443066163 52.80963738119206141, 6.13406560801457967 52.81088559328986776, 6.13114288326472856 52.80766915685222784, 6.13228688570758695 52.80730889985510856, 6.13153576795739852 52.80574612489114372, 6.13009939762448486 52.80418056569064333, 6.12837319570564354 52.80447896624467319, 6.12624751724854999 52.80073221667898054, 6.12089978144648494 52.80159147606606496, 6.12012695030011589 52.80180535907500428, 6.11974087751151163 52.80959951939595953, 6.12724486429590876 52.80805141984702544, 6.13034356896936927 52.81197873423458589, 6.13418336893540594 52.81121600181091225, 6.13492999079118295 52.81213058820558359, 6.1342756365696065 52.81343729068083803, 6.12369424344722457 52.81555498557304418, 6.12392006923690513 52.8161629213976056, 6.1167002080341808 52.82079730163810893, 6.10981533996609638 52.82131007317789084, 6.10607599255308475 52.82396249653373843, 6.09903543154643302 52.82009780312092317, 6.09577609630989681 52.82202116358162414, 6.09885818147999892 52.82198137967454699, 6.09389749658340918 52.82497967064915656, 6.09224684760667845 52.82427400741354262, 6.09031245313097802 52.82552741336240132, 6.09366547978575479 52.8318743846329113, 6.09265301606543197 52.83308035081358867, 6.09036595278027981 52.83542288276972698, 6.09301579638172264 52.83700153645578723, 6.09319309806338527 52.84457941794481428, 6.11981988981395286 52.85421494321398228, 6.12869439323800869 52.84780737031687181, 6.13045167312941075 52.84387255058585708, 6.1368207387740199 52.83882543262710385, 6.15028873626027472 52.82994031850090977, 6.15028873626027472 52.82994031850090977)))</t>
  </si>
  <si>
    <t>MultiPolygon (((6.14956467841668886 52.82845896985028133, 6.14919895690909968 52.82840241838783868, 6.14989573580883864 52.82812387883140559, 6.14822770515808781 52.82784202176477351, 6.14568282601885407 52.82622347130006801, 6.14022549865295009 52.81904724804218887, 6.14051610990988284 52.81742443909435281, 6.13980709605331043 52.81664969715677671, 6.13823106594404866 52.81715170938810644, 6.13876047490816479 52.82093780903353064, 6.13521311509138467 52.82250325678296576, 6.13643205988705631 52.82480555157685131, 6.13785781409176323 52.82617360957338803, 6.14447180519588976 52.82733237644027469, 6.14738042200809875 52.82924194120700179, 6.14956467841668886 52.82845896985028133, 6.14956467841668886 52.82845896985028133)))</t>
  </si>
  <si>
    <t>MultiPolygon (((6.17241893120049312 52.81563908378527827, 6.17722978260432676 52.81385109156843072, 6.18045807899877264 52.81103425793948247, 6.1851212380651015 52.80722411249502812, 6.1991035240289758 52.79582829616241213, 6.20173074225066312 52.79369609481708636, 6.19380786471907552 52.78640280634567006, 6.18481014904945692 52.78030455941114951, 6.17658398514392815 52.77519975464204549, 6.17507283797231743 52.77488627650248532, 6.17184467294888517 52.77587207602014274, 6.16476519298287506 52.78293506419289116, 6.16014428301829042 52.78410509561987141, 6.15838750756605968 52.78343003430568814, 6.15344336704017536 52.78514208592810064, 6.15321714332403502 52.78569144350849029, 6.18180540886610164 52.79945757339794454, 6.18535331361182461 52.80275048694112172, 6.18455043152321338 52.80295385617871773, 6.1574023017208237 52.78908205294568745, 6.1542751372162563 52.78983544962218133, 6.15198199633246556 52.79128618827388664, 6.14385205131213397 52.79551494218873842, 6.15504575772868545 52.8087011573764471, 6.14968950100466483 52.81148438815404234, 6.15292547043887339 52.81455947696237985, 6.16209815149070472 52.81142086272044622, 6.17140817777193273 52.81525550494527721, 6.17241893120049312 52.81563908378527827, 6.17241893120049312 52.81563908378527827)))</t>
  </si>
  <si>
    <t>MultiPolygon (((6.15198199633246556 52.79128618827388664, 6.1542751372162563 52.78983544962218133, 6.1574023017208237 52.78908205294568745, 6.18455043152321338 52.80295385617871773, 6.18535331361182461 52.80275048694112172, 6.18180540886610164 52.79945757339794454, 6.15321714332403502 52.78569144350849029, 6.15146797972881565 52.78568942639809336, 6.14937104932233147 52.78745362025122034, 6.15336608898629844 52.78966849260643812, 6.15198199633246556 52.79128618827388664, 6.15198199633246556 52.79128618827388664)))</t>
  </si>
  <si>
    <t>MultiPolygon (((6.16476519298287506 52.78293506419289116, 6.17184467294888517 52.77587207602014274, 6.17507283797231743 52.77488627650248532, 6.17658398514392815 52.77519975464204549, 6.17290597400690633 52.77305425554322937, 6.16852538881040413 52.76709349261833637, 6.1639399861867421 52.76644934610869342, 6.16015370357404013 52.76465857717849417, 6.1556718650851856 52.76909816415597021, 6.14742444799766918 52.76706223714663224, 6.14191403212041287 52.76653441351395912, 6.13919737823515366 52.77451494652940767, 6.13479531568396741 52.77492927186144556, 6.1322314174004493 52.77456866835048288, 6.13151802774054033 52.77712775592110006, 6.14027178068726887 52.77586976768564853, 6.14952583892165272 52.77735521775586136, 6.1532318022378103 52.7773302290703441, 6.15376294442557548 52.7784569656866509, 6.15796084586076198 52.77849457918392062, 6.16247817268728948 52.77994350626493514, 6.15838750756605968 52.78343003430568814, 6.16014428301829042 52.78410509561987141, 6.16476519298287506 52.78293506419289116, 6.16476519298287506 52.78293506419289116),(6.15141901294222304 52.77585613364860961, 6.1427052238427029 52.77476279329682285, 6.14598604890905875 52.77205407553713457, 6.15213830627780034 52.77495803787631701, 6.15141901294222304 52.77585613364860961, 6.15141901294222304 52.77585613364860961)))</t>
  </si>
  <si>
    <t>MultiPolygon (((6.15213830627780034 52.77495803787631701, 6.14598604890905875 52.77205407553713457, 6.1427052238427029 52.77476279329682285, 6.15141901294222304 52.77585613364860961, 6.15213830627780034 52.77495803787631701, 6.15213830627780034 52.77495803787631701)))</t>
  </si>
  <si>
    <t>MultiPolygon (((6.12087148882223175 52.77346250082859314, 6.12651879915530007 52.77262432324634034, 6.12877282075894314 52.7729397393449986, 6.12958764741888995 52.77339548551469051, 6.12906578185597706 52.77398690580900364, 6.1322314174004493 52.77456866835048288, 6.13479531568396741 52.77492927186144556, 6.13919737823515366 52.77451494652940767, 6.14191403212041287 52.76653441351395912, 6.14742444799766918 52.76706223714663224, 6.1556718650851856 52.76909816415597021, 6.16015370357404013 52.76465857717849417, 6.15649641930794544 52.76265013832276907, 6.14085880685090224 52.75960239951623976, 6.13246809421032069 52.75866799431913989, 6.12633046225488798 52.75683437298086886, 6.12159732851650951 52.75421015689203585, 6.12037622347349686 52.75024246278635331, 6.11588324868396338 52.74882108752225918, 6.11557443612089191 52.74756055507991448, 6.11283620167918951 52.74635377139512116, 6.1091625959369642 52.74652387039843404, 6.10484659758269643 52.74663953038656672, 6.09480923668195995 52.75532613072968502, 6.09034828981985754 52.75539344765758898, 6.08993045223998664 52.76499690155716138, 6.09101641247036785 52.77423875432084799, 6.10217774136724778 52.77709818240072082, 6.10452670727185609 52.77749809281796445, 6.12087148882223175 52.77346250082859314, 6.12087148882223175 52.77346250082859314)))</t>
  </si>
  <si>
    <t>MultiPolygon (((6.10148865843950539 52.77900372864090883, 6.11154846504196403 52.78009229422455917, 6.11180741912256043 52.77970510755615408, 6.11050765106671889 52.77867996626277858, 6.11098773763013536 52.77765499115839987, 6.12187983634448329 52.77429632735843512, 6.12906578185597706 52.77398690580900364, 6.12958764741888995 52.77339548551469051, 6.12877282075894314 52.7729397393449986, 6.12651879915530007 52.77262432324634034, 6.12087148882223175 52.77346250082859314, 6.10452670727185609 52.77749809281796445, 6.10217774136724778 52.77709818240072082, 6.10148865843950539 52.77900372864090883, 6.10148865843950539 52.77900372864090883)))</t>
  </si>
  <si>
    <t>MultiPolygon (((6.00564870388895145 52.72967214598907049, 6.02009321825396615 52.73292163120483877, 6.02391099905694727 52.72090957437631431, 6.0242546854823269 52.71073216864702005, 6.01681926937711875 52.71270520607200183, 6.01808541083757387 52.71789182877876812, 6.01448774435642175 52.72256978293508922, 6.00564870388895145 52.72967214598907049, 6.00564870388895145 52.72967214598907049)))</t>
  </si>
  <si>
    <t>MultiPolygon (((6.02009321825396615 52.73292163120483877, 6.04976315331744807 52.73882663669545678, 6.05193446908157195 52.73914396058239618, 6.05159210246152668 52.7298346073949844, 6.05090265648397185 52.71392077409910826, 6.05155612190752645 52.70487375583777379, 6.04192689622854218 52.70903282424390568, 6.03985842076123358 52.70886992019438821, 6.03649594639786358 52.70603404133379399, 6.03478525414114841 52.70625897449030361, 6.03022620694691369 52.70911328100763882, 6.0242546854823269 52.71073216864702005, 6.02391099905694727 52.72090957437631431, 6.02009321825396615 52.73292163120483877, 6.02009321825396615 52.73292163120483877)))</t>
  </si>
  <si>
    <t>MultiPolygon (((6.07687460145392766 52.73250873302422548, 6.07693622191322191 52.73198863175789342, 6.0769265870662732 52.72532899031269693, 6.07165708891428046 52.72367718080431587, 6.07280145910134106 52.71621359880267477, 6.0767648482161345 52.71622975812611145, 6.07481648298633115 52.71135526859846721, 6.07146973461180828 52.70763607395324613, 6.07092044258060959 52.70145888097648168, 6.066887470660693 52.70067176150621435, 6.06532944940928509 52.70307441001119741, 6.06688726887259033 52.70555976077694993, 6.06366360679284888 52.70727067472108729, 6.05940601844907523 52.70822497567608877, 6.05668779853454531 52.70810044943330297, 6.05402073230387572 52.70670590468734673, 6.05209285928023988 52.704613729418476, 6.05155612190752645 52.70487375583777379, 6.05090265648397185 52.71392077409910826, 6.05159210246152668 52.7298346073949844, 6.07687460145392766 52.73250873302422548, 6.07687460145392766 52.73250873302422548)))</t>
  </si>
  <si>
    <t>MultiPolygon (((6.08494845475772195 52.73361014811786163, 6.08728283520968994 52.73395530726082825, 6.09013794980826351 52.73597664788250938, 6.10806242252647191 52.73817165027030285, 6.10728512797958523 52.73431328706598009, 6.11315947769288659 52.72651581392709375, 6.11064011354690972 52.72643833891844878, 6.10584557663552108 52.7249163482726928, 6.10794460280022111 52.72194355238147523, 6.10446028449656009 52.71765918794832828, 6.09780051244231824 52.71555907550747833, 6.09064212594514132 52.71169842447929454, 6.0892256935500555 52.70844355078888555, 6.08485909878205078 52.7060865976337638, 6.08100503560570615 52.70271616027999784, 6.07092044258060959 52.70145888097648168, 6.07146973461180828 52.70763607395324613, 6.07481648298633115 52.71135526859846721, 6.0767648482161345 52.71622975812611145, 6.07280145910134106 52.71621359880267477, 6.07165708891428046 52.72367718080431587, 6.0769265870662732 52.72532899031269693, 6.07693622191322191 52.73198863175789342, 6.08482640965153632 52.73273277230635614, 6.08494845475772195 52.73361014811786163, 6.08494845475772195 52.73361014811786163)))</t>
  </si>
  <si>
    <t>MultiPolygon (((6.07602182241825073 52.74257990289142839, 6.08015599282539032 52.74327894445757181, 6.08510373166875684 52.7428105684934323, 6.08346007116164955 52.73969910617261547, 6.08494845475772195 52.73361014811786163, 6.08482640965153632 52.73273277230635614, 6.07693622191322191 52.73198863175789342, 6.07687460145392766 52.73250873302422548, 6.07513559235871803 52.73752622526503586, 6.07602182241825073 52.74257990289142839, 6.07602182241825073 52.74257990289142839)))</t>
  </si>
  <si>
    <t>MultiPolygon (((6.08635326375668839 52.77288642285310516, 6.09101641247036785 52.77423875432084799, 6.08993045223998664 52.76499690155716138, 6.09034828981985754 52.75539344765758898, 6.09480923668195995 52.75532613072968502, 6.10484659758269643 52.74663953038656672, 6.1091625959369642 52.74652387039843404, 6.10948349310137662 52.74102556642876038, 6.10806242252647191 52.73817165027030285, 6.09013794980826351 52.73597664788250938, 6.08728283520968994 52.73395530726082825, 6.08494845475772195 52.73361014811786163, 6.08346007116164955 52.73969910617261547, 6.08510373166875684 52.7428105684934323, 6.08015599282539032 52.74327894445757181, 6.07602182241825073 52.74257990289142839, 6.08006464705345806 52.75758634215634402, 6.08635326375668839 52.77288642285310516, 6.08635326375668839 52.77288642285310516)))</t>
  </si>
  <si>
    <t>MultiPolygon (((6.05268061375299027 52.76564912253742534, 6.06447595850260601 52.76982726366922094, 6.08635326375668839 52.77288642285310516, 6.08006464705345806 52.75758634215634402, 6.07602182241825073 52.74257990289142839, 6.07513559235871803 52.73752622526503586, 6.07687460145392766 52.73250873302422548, 6.05159210246152668 52.7298346073949844, 6.05193446908157195 52.73914396058239618, 6.04976315331744807 52.73882663669545678, 6.05133076499453537 52.765132667612896, 6.05268061375299027 52.76564912253742534, 6.05268061375299027 52.76564912253742534)))</t>
  </si>
  <si>
    <t>MultiPolygon (((5.99651962723833698 52.74449532792947792, 6.00340464296109211 52.74493424213438431, 6.01990341527667905 52.74904781154440769, 6.03935291119612216 52.75567085297389269, 6.05133076499453537 52.765132667612896, 6.04976315331744807 52.73882663669545678, 6.02009321825396615 52.73292163120483877, 6.00564870388895145 52.72967214598907049, 6.00415011515637964 52.7307843912489318, 5.99399785557620923 52.73854065392364276, 5.99312727214852803 52.74079038622880944, 5.99639652652309696 52.74326123701340663, 5.99651962723833698 52.74449532792947792, 5.99651962723833698 52.74449532792947792)))</t>
  </si>
  <si>
    <t>MultiPolygon (((6.00415011515637964 52.7307843912489318, 6.00564870388895145 52.72967214598907049, 6.01448774435642175 52.72256978293508922, 6.01808541083757387 52.71789182877876812, 6.01681926937711875 52.71270520607200183, 6.01364879524532281 52.71107219585520198, 6.00456278968572654 52.7089476952990168, 6.00398024140165631 52.70625491549957076, 5.98706618457093853 52.70532408756874787, 5.98712399081907698 52.70459311341932818, 5.98062222702201218 52.70425982596508163, 5.95901166866440857 52.70386342352049525, 5.95483901027930163 52.70376762565697959, 5.9553155110032634 52.70726177305025573, 5.95209173853920692 52.71087622217952884, 5.95133091620908505 52.71728803183740553, 5.95253153491619358 52.72059006547436155, 5.9552583260466756 52.72316361441824029, 5.95659507061185955 52.72384656673479952, 5.96065046810213328 52.72426600482479131, 5.96245097568803661 52.72194375067661554, 5.97107688465799935 52.72422741683301695, 5.96782208460828834 52.72773605289185639, 5.96533411978503647 52.72802107126526749, 5.96829096287787664 52.7300053320168729, 5.97773055700539668 52.73365636034110082, 5.98146227959035759 52.73329349686802914, 5.98542800730080771 52.73113625120272019, 5.99035671140246961 52.73089260825869928, 5.99426588281728101 52.73210771891458393, 6.00415011515637964 52.7307843912489318, 6.00415011515637964 52.7307843912489318)))</t>
  </si>
  <si>
    <t>MultiPolygon (((5.9752396730381454 52.73905139680399401, 5.98985386742911974 52.74364558026083216, 5.99651962723833698 52.74449532792947792, 5.99639652652309696 52.74326123701340663, 5.99312727214852803 52.74079038622880944, 5.99399785557620923 52.73854065392364276, 6.00415011515637964 52.7307843912489318, 5.99426588281728101 52.73210771891458393, 5.99035671140246961 52.73089260825869928, 5.98542800730080771 52.73113625120272019, 5.98146227959035759 52.73329349686802914, 5.97773055700539668 52.73365636034110082, 5.96829096287787664 52.7300053320168729, 5.96533411978503647 52.72802107126526749, 5.96071103360619947 52.7280670048967437, 5.95717224298016923 52.72916112263537514, 5.95632379320209537 52.72757953115010565, 5.95659507061185955 52.72384656673479952, 5.9552583260466756 52.72316361441824029, 5.95293549123085963 52.72400308643123878, 5.94736748530032777 52.72199484199803265, 5.94897611834392137 52.71729855051714964, 5.95133091620908505 52.71728803183740553, 5.95209173853920692 52.71087622217952884, 5.95116137114300781 52.71191922171152555, 5.94255503130131491 52.71500199959305633, 5.94116975413286585 52.71755064861637408, 5.94031900567085369 52.72135693949869761, 5.94174049260264159 52.7243870861710846, 5.96424868596972235 52.74509377863927995, 5.96904448771763096 52.7372731627871687, 5.9752396730381454 52.73905139680399401, 5.9752396730381454 52.73905139680399401)))</t>
  </si>
  <si>
    <t>MultiPolygon (((5.9552583260466756 52.72316361441824029, 5.95253153491619358 52.72059006547436155, 5.95133091620908505 52.71728803183740553, 5.94897611834392137 52.71729855051714964, 5.94736748530032777 52.72199484199803265, 5.95293549123085963 52.72400308643123878, 5.9552583260466756 52.72316361441824029, 5.9552583260466756 52.72316361441824029)))</t>
  </si>
  <si>
    <t>MultiPolygon (((5.95659507061185955 52.72384656673479952, 5.95632379320209537 52.72757953115010565, 5.95717224298016923 52.72916112263537514, 5.96071103360619947 52.7280670048967437, 5.96533411978503647 52.72802107126526749, 5.96782208460828834 52.72773605289185639, 5.97107688465799935 52.72422741683301695, 5.96245097568803661 52.72194375067661554, 5.96065046810213328 52.72426600482479131, 5.95659507061185955 52.72384656673479952, 5.95659507061185955 52.72384656673479952)))</t>
  </si>
  <si>
    <t>MultiPolygon (((6.15649493156417726 52.69213039183983227, 6.15880268998294689 52.69248021067647869, 6.15897604170188373 52.69215417824357672, 6.1544984892243555 52.69041057729049271, 6.15479009213778649 52.68820618467641026, 6.15369155939286205 52.68624885679533065, 6.15008886752397821 52.68296789996762897, 6.14484000478657411 52.68007265046167475, 6.13612948127939806 52.67725713307125091, 6.13542763466066443 52.67683727934944926, 6.13598761779935753 52.67463436788253972, 6.13283429211402442 52.67342435244005117, 6.13108398296489909 52.67180435533686023, 6.12756957117591838 52.67193716428025141, 6.12539980570123799 52.67027353720253302, 6.12301193927567766 52.66952197354393661, 6.12226672575859521 52.66843189491963528, 6.11956608639549682 52.66793686841844391, 6.1074919854732892 52.66563571732722693, 6.10279845901278861 52.66318347856770288, 6.10246902794331891 52.66343371667205275, 6.09991728817755341 52.66082127534782131, 6.09736035683582767 52.66462737569491281, 6.09871696685992593 52.66498034234547276, 6.09249808402313597 52.67432441735783755, 6.09934227145317465 52.67531252899658512, 6.1119645836905665 52.67823992759588947, 6.13146033182170136 52.68470702846742881, 6.13262887952480185 52.68614730661469281, 6.13207933177148323 52.68756805371363328, 6.13391536494628031 52.69002891280435108, 6.13579819266549453 52.69032023777192819, 6.13815566216848829 52.69068495332449942, 6.14151646734573475 52.69349402800940396, 6.14205782565958724 52.69548410619825773, 6.1538206070200614 52.69733696038542803, 6.15649493156417726 52.69213039183983227, 6.15649493156417726 52.69213039183983227)))</t>
  </si>
  <si>
    <t>MultiPolygon (((6.12037622347349686 52.75024246278635331, 6.12709362440496363 52.74026386353794038, 6.12914787007385975 52.7380282848591122, 6.13297638875484896 52.73139632006841993, 6.11648955947171302 52.72730134554313963, 6.11315947769288659 52.72651581392709375, 6.10728512797958523 52.73431328706598009, 6.10806242252647191 52.73817165027030285, 6.10948349310137662 52.74102556642876038, 6.1091625959369642 52.74652387039843404, 6.11283620167918951 52.74635377139512116, 6.11557443612089191 52.74756055507991448, 6.11588324868396338 52.74882108752225918, 6.12037622347349686 52.75024246278635331, 6.12037622347349686 52.75024246278635331)))</t>
  </si>
  <si>
    <t>MultiPolygon (((6.13993497371003727 52.72036251253844341, 6.142647085262956 52.71632635926804511, 6.14391846973260947 52.71426495820851699, 6.12480543914967068 52.70903713016566883, 6.11740570122536731 52.71974951985805546, 6.12128508791620529 52.72086354372670769, 6.12018876259955213 52.72221265736094153, 6.11712544754209997 52.72369763240436669, 6.11738786853955663 52.72605590325275671, 6.11648955947171302 52.72730134554313963, 6.13297638875484896 52.73139632006841993, 6.13993497371003727 52.72036251253844341, 6.13993497371003727 52.72036251253844341)))</t>
  </si>
  <si>
    <t>MultiPolygon (((6.14391846973260947 52.71426495820851699, 6.15142277845856889 52.70288272217645442, 6.15198505144882102 52.70159698906323342, 6.15143588274118169 52.70137652006162199, 6.1538206070200614 52.69733696038542803, 6.14205782565958724 52.69548410619825773, 6.14151646734573475 52.69349402800940396, 6.13815566216848829 52.69068495332449942, 6.13579819266549453 52.69032023777192819, 6.13211668116247033 52.69961605724127907, 6.12857002053888156 52.70340365015311335, 6.12726909051311885 52.70314505051983645, 6.12689357513072252 52.70352752355604053, 6.12576130540631691 52.70505756261186292, 6.12638935416371222 52.70525397367792664, 6.12480543914967068 52.70903713016566883, 6.14391846973260947 52.71426495820851699, 6.14391846973260947 52.71426495820851699)))</t>
  </si>
  <si>
    <t>MultiPolygon (((6.06185383720447923 52.69968909515675648, 6.06647220180529612 52.68298481281352252, 6.0490648355429073 52.68108253421353027, 6.03324128519922187 52.6779728496661761, 6.02564979391708544 52.68266120622065785, 6.01581018494155817 52.69069249004849809, 6.06185383720447923 52.69968909515675648, 6.06185383720447923 52.69968909515675648)))</t>
  </si>
  <si>
    <t>MultiPolygon (((6.11315947769288659 52.72651581392709375, 6.11648955947171302 52.72730134554313963, 6.11738786853955663 52.72605590325275671, 6.11712544754209997 52.72369763240436669, 6.12018876259955213 52.72221265736094153, 6.12128508791620529 52.72086354372670769, 6.11740570122536731 52.71974951985805546, 6.12480543914967068 52.70903713016566883, 6.12638935416371222 52.70525397367792664, 6.12576130540631691 52.70505756261186292, 6.12385519699402447 52.70574923357663266, 6.12288786802730645 52.70713417906355147, 6.11647088194047761 52.7058788483566687, 6.11998190373172779 52.70143964032904904, 6.12726909051311885 52.70314505051983645, 6.12857002053888156 52.70340365015311335, 6.13211668116247033 52.69961605724127907, 6.13579819266549453 52.69032023777192819, 6.13391536494628031 52.69002891280435108, 6.13207933177148323 52.68756805371363328, 6.13262887952480185 52.68614730661469281, 6.13146033182170136 52.68470702846742881, 6.1119645836905665 52.67823992759588947, 6.09934227145317465 52.67531252899658512, 6.09249808402313597 52.67432441735783755, 6.08908699630559092 52.67969907268462748, 6.08225837113130297 52.68515668528773688, 6.09209605019334166 52.68719931972463399, 6.0914968323149612 52.69045559552414915, 6.08890200691972616 52.695134726089222, 6.08100503560570615 52.70271616027999784, 6.08485909878205078 52.7060865976337638, 6.0892256935500555 52.70844355078888555, 6.09064212594514132 52.71169842447929454, 6.09780051244231824 52.71555907550747833, 6.10446028449656009 52.71765918794832828, 6.10794460280022111 52.72194355238147523, 6.10584557663552108 52.7249163482726928, 6.11064011354690972 52.72643833891844878, 6.11315947769288659 52.72651581392709375, 6.11315947769288659 52.72651581392709375)))</t>
  </si>
  <si>
    <t>MultiPolygon (((6.07092044258060959 52.70145888097648168, 6.08100503560570615 52.70271616027999784, 6.08890200691972616 52.695134726089222, 6.0914968323149612 52.69045559552414915, 6.09209605019334166 52.68719931972463399, 6.08225837113130297 52.68515668528773688, 6.06647220180529612 52.68298481281352252, 6.06185383720447923 52.69968909515675648, 6.066887470660693 52.70067176150621435, 6.07092044258060959 52.70145888097648168, 6.07092044258060959 52.70145888097648168)))</t>
  </si>
  <si>
    <t>MultiPolygon (((6.12576130540631691 52.70505756261186292, 6.12689357513072252 52.70352752355604053, 6.12726909051311885 52.70314505051983645, 6.11998190373172779 52.70143964032904904, 6.11647088194047761 52.7058788483566687, 6.12288786802730645 52.70713417906355147, 6.12385519699402447 52.70574923357663266, 6.12576130540631691 52.70505756261186292, 6.12576130540631691 52.70505756261186292)))</t>
  </si>
  <si>
    <t>MultiPolygon (((6.06647220180529612 52.68298481281352252, 6.08225837113130297 52.68515668528773688, 6.08908699630559092 52.67969907268462748, 6.09249808402313597 52.67432441735783755, 6.09871696685992593 52.66498034234547276, 6.09736035683582767 52.66462737569491281, 6.08556284400794656 52.66327421250758789, 6.06153433095189698 52.65291039348550584, 6.05891898309959576 52.6523292370340954, 6.05818275735242207 52.65404934796663383, 6.04054062138385284 52.65536880662900643, 6.03659456382260284 52.67590711066938525, 6.03324128519922187 52.6779728496661761, 6.0490648355429073 52.68108253421353027, 6.06647220180529612 52.68298481281352252, 6.06647220180529612 52.68298481281352252),(6.06481475048869267 52.67288858227049531, 6.06198734011196017 52.67277901474400181, 6.06192644248163148 52.67193366100610774, 6.06052525416870314 52.67131345989706404, 6.0519356344498112 52.66909413024357178, 6.05505271908617981 52.6675379129309249, 6.06538973358290079 52.67013497484771278, 6.07343072230730119 52.67103582086395619, 6.07185039274655214 52.67197326588902229, 6.06567171889736834 52.67150596173944166, 6.06481475048869267 52.67288858227049531, 6.06481475048869267 52.67288858227049531)))</t>
  </si>
  <si>
    <t>MultiPolygon (((6.06481475048869267 52.67288858227049531, 6.06567171889736834 52.67150596173944166, 6.07185039274655214 52.67197326588902229, 6.07343072230730119 52.67103582086395619, 6.06538973358290079 52.67013497484771278, 6.05505271908617981 52.6675379129309249, 6.0519356344498112 52.66909413024357178, 6.06052525416870314 52.67131345989706404, 6.06192644248163148 52.67193366100610774, 6.06198734011196017 52.67277901474400181, 6.06481475048869267 52.67288858227049531, 6.06481475048869267 52.67288858227049531)))</t>
  </si>
  <si>
    <t>MultiPolygon (((6.01980601592775155 52.68074938773504101, 6.02564979391708544 52.68266120622065785, 6.03324128519922187 52.6779728496661761, 6.03659456382260284 52.67590711066938525, 6.04054062138385284 52.65536880662900643, 6.05818275735242207 52.65404934796663383, 6.05891898309959576 52.6523292370340954, 6.05486416404883521 52.65021892515036228, 6.0382082158760646 52.64950000641381678, 6.02621661279924048 52.64291903732408429, 6.01155346068074703 52.65241251231947217, 6.00804260027367043 52.65611225223096881, 6.01751195570933284 52.65794111822952317, 6.02243537868105872 52.65796655257110359, 6.02349336616134678 52.65873549589616687, 6.02353666066026161 52.66172609109783309, 6.01914092450543325 52.66871372601279688, 6.02292289308765483 52.66963923155569205, 6.02413781510899415 52.67085360289307516, 6.02290203843903171 52.67306636267153408, 6.01602068669075418 52.67885447261390652, 6.01980601592775155 52.68074938773504101, 6.01980601592775155 52.68074938773504101)))</t>
  </si>
  <si>
    <t>MultiPolygon (((5.98532875938500197 52.66985028411483682, 5.99568008073055392 52.67472961327525383, 6.00544232409030432 52.66861287065736974, 6.0095525318213614 52.66756757924483168, 6.0086784716419821 52.66696450047133027, 6.0083807242031364 52.66408792148012452, 6.00961318564265934 52.65833416032712222, 6.01695894247200425 52.65953701946651933, 6.01387553733663882 52.66498000488709152, 6.01498895180137794 52.66786980633651183, 6.01914092450543325 52.66871372601279688, 6.02353666066026161 52.66172609109783309, 6.02349336616134678 52.65873549589616687, 6.02243537868105872 52.65796655257110359, 6.01751195570933284 52.65794111822952317, 6.00804260027367043 52.65611225223096881, 6.00352830304236562 52.65879421496036628, 5.9908274150924008 52.66249167739474046, 5.98394593365407523 52.65923906649422293, 5.98303499799377114 52.65899319201630391, 5.98167668211625791 52.65978069207586998, 5.98080429655996149 52.66047996370264173, 5.98133423601667413 52.66148085799179057, 5.98654745692005452 52.66240583237554063, 5.98918389463307932 52.66365963741025524, 5.98960394961155096 52.66750228979718429, 5.98532875938500197 52.66985028411483682, 5.98532875938500197 52.66985028411483682)))</t>
  </si>
  <si>
    <t>MultiPolygon (((6.0095525318213614 52.66756757924483168, 6.01172375659231406 52.66860849149635015, 6.01306386042385377 52.66784240311790199, 6.01375268752050118 52.66884894391618133, 6.01498895180137794 52.66786980633651183, 6.01387553733663882 52.66498000488709152, 6.01695894247200425 52.65953701946651933, 6.00961318564265934 52.65833416032712222, 6.0083807242031364 52.66408792148012452, 6.0086784716419821 52.66696450047133027, 6.0095525318213614 52.66756757924483168, 6.0095525318213614 52.66756757924483168)))</t>
  </si>
  <si>
    <t>MultiPolygon (((5.99568008073055392 52.67472961327525383, 5.99754051008170919 52.67589129179388863, 6.00134259873829912 52.67358288520164677, 6.01272510807987626 52.67669573152083018, 6.01602068669075418 52.67885447261390652, 6.02290203843903171 52.67306636267153408, 6.02413781510899415 52.67085360289307516, 6.02292289308765483 52.66963923155569205, 6.01914092450543325 52.66871372601279688, 6.01498895180137794 52.66786980633651183, 6.01375268752050118 52.66884894391618133, 6.01306386042385377 52.66784240311790199, 6.01172375659231406 52.66860849149635015, 6.0095525318213614 52.66756757924483168, 6.00544232409030432 52.66861287065736974, 5.99568008073055392 52.67472961327525383, 5.99568008073055392 52.67472961327525383)))</t>
  </si>
  <si>
    <t>MultiPolygon (((6.01681926937711875 52.71270520607200183, 6.0242546854823269 52.71073216864702005, 6.03022620694691369 52.70911328100763882, 6.03478525414114841 52.70625897449030361, 6.03649594639786358 52.70603404133379399, 6.03985842076123358 52.70886992019438821, 6.04192689622854218 52.70903282424390568, 6.05155612190752645 52.70487375583777379, 6.05209285928023988 52.704613729418476, 6.05402073230387572 52.70670590468734673, 6.05668779853454531 52.70810044943330297, 6.05940601844907523 52.70822497567608877, 6.06366360679284888 52.70727067472108729, 6.06688726887259033 52.70555976077694993, 6.06532944940928509 52.70307441001119741, 6.066887470660693 52.70067176150621435, 6.06185383720447923 52.69968909515675648, 6.01581018494155817 52.69069249004849809, 6.02564979391708544 52.68266120622065785, 6.01980601592775155 52.68074938773504101, 6.00847393124254481 52.68054367909728342, 6.00221128662462355 52.68177325138146472, 5.98788062933512677 52.68549647500874045, 5.97564571170831815 52.68457069742095911, 5.97056882407658218 52.68394690315912499, 5.96862087135141284 52.68371159683070459, 5.96742526395616668 52.68669139060171602, 5.96524679309725503 52.68783721422391864, 5.97004911513096559 52.69282704207573431, 5.98162792862181014 52.69348665809162213, 5.98062222702201218 52.70425982596508163, 5.98712399081907698 52.70459311341932818, 5.98706618457093853 52.70532408756874787, 6.00398024140165631 52.70625491549957076, 6.00456278968572654 52.7089476952990168, 6.01364879524532281 52.71107219585520198, 6.01681926937711875 52.71270520607200183, 6.01681926937711875 52.71270520607200183)))</t>
  </si>
  <si>
    <t>MultiPolygon (((5.97564571170831815 52.68457069742095911, 5.98788062933512677 52.68549647500874045, 6.00221128662462355 52.68177325138146472, 5.99919544508764435 52.67940332577106943, 5.99460911426636756 52.67791425947255846, 5.99754051008170919 52.67589129179388863, 5.99568008073055392 52.67472961327525383, 5.98532875938500197 52.66985028411483682, 5.98291628492710892 52.67125776653554681, 5.97908607178476537 52.6720659767616084, 5.97726742530121768 52.67157930238861496, 5.97551236888218629 52.67014677892974817, 5.97470373305504143 52.67065402897966209, 5.97167910502642663 52.67554846542488889, 5.97578957253734977 52.6776565287348717, 5.97897611356095915 52.67918671557264076, 5.97608186769507554 52.68180164865412962, 5.97564571170831815 52.68457069742095911, 5.97564571170831815 52.68457069742095911)))</t>
  </si>
  <si>
    <t>MultiPolygon (((6.00221128662462355 52.68177325138146472, 6.00847393124254481 52.68054367909728342, 6.01980601592775155 52.68074938773504101, 6.01602068669075418 52.67885447261390652, 6.01272510807987626 52.67669573152083018, 6.00134259873829912 52.67358288520164677, 5.99754051008170919 52.67589129179388863, 5.99460911426636756 52.67791425947255846, 5.99919544508764435 52.67940332577106943, 6.00221128662462355 52.68177325138146472, 6.00221128662462355 52.68177325138146472)))</t>
  </si>
  <si>
    <t>MultiPolygon (((5.97578957253734977 52.6776565287348717, 5.97167910502642663 52.67554846542488889, 5.97470373305504143 52.67065402897966209, 5.97551236888218629 52.67014677892974817, 5.97726742530121768 52.67157930238861496, 5.97908607178476537 52.6720659767616084, 5.98291628492710892 52.67125776653554681, 5.98532875938500197 52.66985028411483682, 5.98960394961155096 52.66750228979718429, 5.98918389463307932 52.66365963741025524, 5.98654745692005452 52.66240583237554063, 5.98133423601667413 52.66148085799179057, 5.98080429655996149 52.66047996370264173, 5.98167668211625791 52.65978069207586998, 5.98303499799377114 52.65899319201630391, 5.98394593365407523 52.65923906649422293, 5.9908274150924008 52.66249167739474046, 6.00352830304236562 52.65879421496036628, 6.00804260027367043 52.65611225223096881, 6.01155346068074703 52.65241251231947217, 6.02621661279924048 52.64291903732408429, 6.02449448931923293 52.64203470523891326, 6.02110189270408025 52.64136724149265234, 6.01885903723506566 52.64351411174595796, 6.01750477531939421 52.64339949713126288, 6.01597316331111287 52.64398145069645807, 6.0145034424368049 52.64588539084989094, 6.0056659029352204 52.6518530909736171, 6.00201658759943868 52.65350820986195401, 5.99681980321372521 52.65507399659254162, 5.98410827016533364 52.65717692256372118, 5.97954642097996381 52.66049557011485405, 5.9708140004392698 52.66518881739401792, 5.96685166772940878 52.66658018333188807, 5.9630542922890637 52.66639831216860301, 5.96179495740876231 52.66729648647636708, 5.95817250919958674 52.66780947459952245, 5.9540173264465226 52.6676740581230618, 5.94159351948175196 52.67051667628976475, 5.94010113267055484 52.67042656422994185, 5.93972586572615135 52.66883524716443077, 5.93514785260986688 52.66923380355425621, 5.93459346691204015 52.6697816161156922, 5.93308401620596815 52.67126351616801117, 5.93275059001930405 52.67318892259255847, 5.9338702986652061 52.67551045850922975, 5.9401605389741432 52.67922320911421252, 5.94256430881857334 52.6772764513340519, 5.94409918870121778 52.67402719000404687, 5.95324157576447899 52.67278956695122361, 5.96831078876162291 52.67599284751328526, 5.96728694524130265 52.67887701399379807, 5.96848519094963681 52.67922575428728038, 5.97124190846334457 52.67611290560054726, 5.97578957253734977 52.6776565287348717)),((5.97578957253734977 52.6776565287348717, 5.97646939385248821 52.67807549433477732, 5.97243651133786635 52.68148699172306237, 5.97089129404784558 52.68126645536443675, 5.97056882407658218 52.68394690315912499, 5.97564571170831815 52.68457069742095911, 5.97608186769507554 52.68180164865412962, 5.97897611356095915 52.67918671557264076, 5.97578957253734977 52.6776565287348717)))</t>
  </si>
  <si>
    <t>MultiPolygon (((5.96862087135141284 52.68371159683070459, 5.97056882407658218 52.68394690315912499, 5.97089129404784558 52.68126645536443675, 5.97243651133786635 52.68148699172306237, 5.97646939385248821 52.67807549433477732, 5.97578957253734977 52.6776565287348717, 5.97124190846334457 52.67611290560054726, 5.96848519094963681 52.67922575428728038, 5.96500490720215648 52.68335950262334677, 5.96862087135141284 52.68371159683070459, 5.96862087135141284 52.68371159683070459)))</t>
  </si>
  <si>
    <t>MultiPolygon (((5.95901166866440857 52.70386342352049525, 5.98062222702201218 52.70425982596508163, 5.98162792862181014 52.69348665809162213, 5.97004911513096559 52.69282704207573431, 5.96524679309725503 52.68783721422391864, 5.96742526395616668 52.68669139060171602, 5.96862087135141284 52.68371159683070459, 5.96500490720215648 52.68335950262334677, 5.95620364845646222 52.68274541639813435, 5.94877153590621432 52.68336859467767397, 5.94684787879745436 52.68400277252803932, 5.94951911296653435 52.68571345856469179, 5.95150880528850035 52.68495190244758675, 5.9527402796757638 52.68524002155838559, 5.95940014980621502 52.68995030930975787, 5.96210480017795863 52.69035067422250052, 5.96515542926316567 52.69356972280215956, 5.96482502689129745 52.69810442327128186, 5.95901166866440857 52.70386342352049525, 5.95901166866440857 52.70386342352049525)))</t>
  </si>
  <si>
    <t>MultiPolygon (((5.94684787879745436 52.68400277252803932, 5.94877153590621432 52.68336859467767397, 5.95620364845646222 52.68274541639813435, 5.96500490720215648 52.68335950262334677, 5.96848519094963681 52.67922575428728038, 5.96728694524130265 52.67887701399379807, 5.96831078876162291 52.67599284751328526, 5.95324157576447899 52.67278956695122361, 5.94409918870121778 52.67402719000404687, 5.94256430881857334 52.6772764513340519, 5.9401605389741432 52.67922320911421252, 5.94537696968999718 52.6823014198083257, 5.94470756530312361 52.68271257508818906, 5.94684787879745436 52.68400277252803932, 5.94684787879745436 52.68400277252803932)))</t>
  </si>
  <si>
    <t>MultiPolygon (((5.98220483988955554 52.78139982147410336, 6.00402909333412094 52.79171590301885431, 6.02534353438024972 52.77493927037453858, 6.03703282273481268 52.76423988012116695, 6.04847223147828039 52.76972692126450681, 6.05268061375299027 52.76564912253742534, 6.05133076499453537 52.765132667612896, 6.03935291119612216 52.75567085297389269, 6.01990341527667905 52.74904781154440769, 6.00340464296109211 52.74493424213438431, 5.99651962723833698 52.74449532792947792, 5.99615317048518826 52.74544286431577689, 5.99485376045761864 52.7480139452951633, 5.99663327679371694 52.74853515911797786, 5.99799149652405372 52.75926444786617964, 5.98798294080935278 52.77237928765648434, 5.98440613323166293 52.78029764219739661, 5.98220483988955554 52.78139982147410336, 5.98220483988955554 52.78139982147410336),(6.01706497258148509 52.75771659039561001, 6.01565604136166776 52.75950149584938487, 6.00964432388830971 52.75776377162211617, 6.01359615574542428 52.75271565089719417, 6.01864246213875109 52.75432553187812346, 6.01706497258148509 52.75771659039561001, 6.01706497258148509 52.75771659039561001)))</t>
  </si>
  <si>
    <t>MultiPolygon (((5.99837546435813973 52.79654185737267369, 5.99962564934132025 52.79615358652521451, 6.01140708626540299 52.79283653717232738, 6.02742288412994398 52.79158375984478369, 6.03997315149543201 52.79209212270758655, 6.04474549367597902 52.79152300533567654, 6.04440035356905447 52.77973777701547675, 6.04847223147828039 52.76972692126450681, 6.03703282273481268 52.76423988012116695, 6.02534353438024972 52.77493927037453858, 6.00402909333412094 52.79171590301885431, 5.99693304653470793 52.79445750165016449, 5.99837546435813973 52.79654185737267369, 5.99837546435813973 52.79654185737267369)))</t>
  </si>
  <si>
    <t>MultiPolygon (((6.01706497258148509 52.75771659039561001, 6.01864246213875109 52.75432553187812346, 6.01359615574542428 52.75271565089719417, 6.00964432388830971 52.75776377162211617, 6.01565604136166776 52.75950149584938487, 6.01706497258148509 52.75771659039561001, 6.01706497258148509 52.75771659039561001)))</t>
  </si>
  <si>
    <t>MultiPolygon (((5.86595867988782782 52.78421357385909118, 5.86757895714160327 52.78615833604730057, 5.86438798428441554 52.78722380691349514, 5.86691502998090986 52.78952271996289625, 5.86964459417577 52.78924109555791944, 5.8704912852739648 52.78854443764257098, 5.88709657181240242 52.79413628299064243, 5.88929161580744687 52.79479820122345757, 5.88999646791329479 52.7944099005152836, 5.90815289549135603 52.77783446235613241, 5.91733014683717862 52.77266423043500509, 5.9380883745701718 52.76326024627326206, 5.9524184096218633 52.75777512013407033, 5.95904214018784106 52.75992532972692572, 5.9627593869732447 52.75612162631174584, 5.96516597993749009 52.75419237980261755, 5.9620308918809064 52.75181391666384201, 5.95437977771442206 52.75153482431438334, 5.95078110594926191 52.7468035045448147, 5.94237489237745198 52.74569045679309198, 5.92378322613922226 52.75779742012934292, 5.90009392781324316 52.77025047082545228, 5.89047813155964661 52.77268903503613018, 5.88736585619089414 52.77773955506768999, 5.88007268606857725 52.78285354495064752, 5.87795996603654114 52.78384076673220449, 5.86595867988782782 52.78421357385909118, 5.86595867988782782 52.78421357385909118)))</t>
  </si>
  <si>
    <t>MultiPolygon (((5.90009392781324316 52.77025047082545228, 5.92378322613922226 52.75779742012934292, 5.94237489237745198 52.74569045679309198, 5.94459301664776074 52.743399710645825, 5.93015052952085053 52.73958612680135616, 5.921829484094145 52.75116970138942918, 5.90600944636322911 52.76132555739557262, 5.90005412724011524 52.76119525314109637, 5.89776186848241402 52.76213486877229286, 5.8992948342885505 52.76370726580073978, 5.89943283808977803 52.76534202082383018, 5.89780300656840417 52.76665387764474957, 5.8951577247136786 52.76583107079716939, 5.89301955019511059 52.76634090398896149, 5.89255033434500231 52.76595969398952946, 5.88513655078320852 52.76930084938943111, 5.87993853515188558 52.77309156558359149, 5.86208329520024574 52.78102255340257187, 5.86595867988782782 52.78421357385909118, 5.87795996603654114 52.78384076673220449, 5.88007268606857725 52.78285354495064752, 5.88736585619089414 52.77773955506768999, 5.89047813155964661 52.77268903503613018, 5.90009392781324316 52.77025047082545228, 5.90009392781324316 52.77025047082545228)))</t>
  </si>
  <si>
    <t>MultiPolygon (((5.89780300656840417 52.76665387764474957, 5.89943283808977803 52.76534202082383018, 5.8992948342885505 52.76370726580073978, 5.89776186848241402 52.76213486877229286, 5.89608541708566136 52.7628220150552707, 5.89438282171364136 52.76513370030132677, 5.89255033434500231 52.76595969398952946, 5.89301955019511059 52.76634090398896149, 5.8951577247136786 52.76583107079716939, 5.89780300656840417 52.76665387764474957, 5.89780300656840417 52.76665387764474957)))</t>
  </si>
  <si>
    <t>MultiPolygon (((5.82415449365375526 52.81329705446556488, 5.82872057565961565 52.81342693344568318, 5.83341115490056872 52.81176061882592876, 5.8373653458528878 52.80826181450017742, 5.83610186264308695 52.80595460983803946, 5.83844441925978064 52.80594702879679403, 5.84220196806102798 52.80758426538067596, 5.84359364337010589 52.80503254260125345, 5.84274895415430695 52.80171757715626768, 5.8372054710264436 52.79854121762863883, 5.83705277159373725 52.79729734077658776, 5.8393361127759924 52.79628153058413886, 5.83904619757762422 52.78712656314908713, 5.83647994675471438 52.78728802200667758, 5.83605430970323358 52.78563509564427392, 5.82814652057837712 52.78554533929743542, 5.81879176350009697 52.78469664770391745, 5.81865649320588485 52.78763573340465598, 5.81272548042160953 52.79118641355397301, 5.80347441019006727 52.79685870198061082, 5.795177033982438 52.80652183738239103, 5.81001554143357879 52.81388355109209698, 5.81974419827093659 52.81727838858881796, 5.81989685679757063 52.81690330427487368, 5.82030603301838934 52.81595019382489653, 5.82235432506053741 52.81510942810976417, 5.82415449365375526 52.81329705446556488, 5.82415449365375526 52.81329705446556488)))</t>
  </si>
  <si>
    <t>MultiPolygon (((5.85963995776366975 52.80453624439987692, 5.86563613863618283 52.8046504553202638, 5.86867964098371253 52.80272622934943172, 5.87629224304216979 52.8008548718802686, 5.87958081791786569 52.80120267785416388, 5.88709657181240242 52.79413628299064243, 5.8704912852739648 52.78854443764257098, 5.86964459417577 52.78924109555791944, 5.86691502998090986 52.78952271996289625, 5.86438798428441554 52.78722380691349514, 5.86757895714160327 52.78615833604730057, 5.86595867988782782 52.78421357385909118, 5.86208329520024574 52.78102255340257187, 5.8502964907112327 52.78453079942575954, 5.84992655367608183 52.78624611351334295, 5.84520186559183319 52.78819920802135357, 5.84170107109120895 52.78842940706865505, 5.84183869270776146 52.79565507869028096, 5.8393361127759924 52.79628153058413886, 5.83705277159373725 52.79729734077658776, 5.8372054710264436 52.79854121762863883, 5.84274895415430695 52.80171757715626768, 5.84359364337010589 52.80503254260125345, 5.84995182268899772 52.80616168726525217, 5.85480250342686137 52.80551819679691761, 5.85702677167972308 52.80722886085778356, 5.85963995776366975 52.80453624439987692)))</t>
  </si>
  <si>
    <t>MultiPolygon (((5.84520186559183319 52.78819920802135357, 5.84992655367608183 52.78624611351334295, 5.8502964907112327 52.78453079942575954, 5.84338994256841016 52.78446361798681608, 5.84161842299542933 52.78513837983388157, 5.8373105749794636 52.78502388788616173, 5.83605430970323358 52.78563509564427392, 5.83647994675471438 52.78728802200667758, 5.83904619757762422 52.78712656314908713, 5.8393361127759924 52.79628153058413886, 5.84183869270776146 52.79565507869028096, 5.84170107109120895 52.78842940706865505, 5.84520186559183319 52.78819920802135357, 5.84520186559183319 52.78819920802135357)))</t>
  </si>
  <si>
    <t>MultiPolygon (((5.94175970417129573 52.80753829832977431, 5.9484171026335666 52.8037959377464432, 5.96530706087221141 52.79844793155986338, 5.96936126068999862 52.79789480061640461, 5.984611128108698 52.79762543336895675, 5.99363315675256647 52.79742718750063091, 5.99837546435813973 52.79654185737267369, 5.99693304653470793 52.79445750165016449, 6.00402909333412094 52.79171590301885431, 5.98220483988955554 52.78139982147410336, 5.97974297116428399 52.77998927528759765, 5.96680750786200331 52.77229397512771669, 5.94503985125452239 52.78228357415892447, 5.94430802200199704 52.78189932712241728, 5.94814619561984426 52.77738880465509652, 5.95343759608595224 52.77623590997310288, 5.96026798799594726 52.7732591355880416, 5.96578423084624809 52.77170930825261053, 5.96199089862729448 52.76894770642925181, 5.95939140269319356 52.76557457400141971, 5.95786981453986098 52.76232854351670198, 5.95904214018784106 52.75992532972692572, 5.9524184096218633 52.75777512013407033, 5.9380883745701718 52.76326024627326206, 5.91733014683717862 52.77266423043500509, 5.94151714970519595 52.78335766077833568, 5.96152306601960102 52.79313711777041362, 5.95049755719862539 52.79773406410499348, 5.94401326666227714 52.80343192477177894, 5.94175970417129573 52.80753829832977431, 5.94175970417129573 52.80753829832977431)))</t>
  </si>
  <si>
    <t>MultiPolygon (((5.96578423084624809 52.77170930825261053, 5.96026798799594726 52.7732591355880416, 5.95343759608595224 52.77623590997310288, 5.94814619561984426 52.77738880465509652, 5.94430802200199704 52.78189932712241728, 5.94503985125452239 52.78228357415892447, 5.96680750786200331 52.77229397512771669, 5.96628839347911999 52.77218057430830811, 5.96578423084624809 52.77170930825261053, 5.96578423084624809 52.77170930825261053)))</t>
  </si>
  <si>
    <t>MultiPolygon (((5.98177660924558641 52.82928326546539211, 5.98639430054110289 52.82185398401939835, 5.98023629286407843 52.82179161439747617, 5.97592161794317889 52.82585009584087743, 5.97013611000478672 52.82873869372906483, 5.9661936181505828 52.82780489006552926, 5.96665808905344797 52.82628403415588991, 5.96324214877419934 52.82473780550168385, 5.95978265902197091 52.82203805948773834, 5.96409706251359584 52.8207837150944286, 5.97513470707474159 52.81742302376567721, 5.97696678546564097 52.81630009067665554, 5.97531815186711235 52.81499669982111556, 5.97765035435421499 52.81238055722693048, 5.97495620881226586 52.8112130521097427, 5.96719363981029005 52.80757073427323434, 5.9660133100781394 52.80998091168331143, 5.96701344618181739 52.80973793549559758, 5.96648294670498558 52.81291641297226391, 5.96415709554372864 52.81696794311140764, 5.96318239507470693 52.81834976607864007, 5.96075140234480561 52.81859447943369901, 5.95420450502964016 52.81801515641718225, 5.95199649037164669 52.81701102988857599, 5.95365855811259248 52.81567938245336791, 5.94004713766511117 52.80959033143010117, 5.93876031556970396 52.81365440351749641, 5.94294235536139581 52.81555610447395566, 5.94024461143947136 52.81788313134745039, 5.93668272007044528 52.81808969636847451, 5.93245985813299104 52.81667199487359454, 5.92799734665063482 52.82058686313308016, 5.92861276779648527 52.82085880793948007, 5.92784427159473992 52.82150780090835696, 5.92420201882695352 52.82358984331084883, 5.92294616925740858 52.82752583509279276, 5.92640957396153389 52.82818344496317309, 5.9227472582208156 52.82987258089561777, 5.92309763670317935 52.83103450332396278, 5.92698326557996236 52.83157678511724242, 5.93011512219557435 52.83135654178438045, 5.9306537985642942 52.83224756023206226, 5.92673215770888007 52.83329176849430553, 5.93015774736085444 52.83501290690459484, 5.93801949430771625 52.83538176970294131, 5.94197575695465385 52.83601990750919697, 5.94624728798758007 52.8374247154435821, 5.95578367377805495 52.83323456910258642, 5.95685336022834644 52.83444270424989497, 5.95579233808414621 52.83744184616364237, 5.95873131894085617 52.83976596131216752, 5.96997626821709204 52.84237532308866037, 5.97312779531899984 52.84246971440310858, 5.97243808797426468 52.84191669502413191, 5.97287072790083773 52.84071357009159442, 5.97617498466914743 52.83474817201192053, 5.98177660924558641 52.82928326546539211)))</t>
  </si>
  <si>
    <t>MultiPolygon (((5.9661936181505828 52.82780489006552926, 5.96764543275500969 52.82715127906607933, 5.96834394441278349 52.82503707376319113, 5.97048763777157365 52.82315632192246113, 5.96409706251359584 52.8207837150944286, 5.95978265902197091 52.82203805948773834, 5.96324214877419934 52.82473780550168385, 5.96665808905344797 52.82628403415588991, 5.9661936181505828 52.82780489006552926, 5.9661936181505828 52.82780489006552926)))</t>
  </si>
  <si>
    <t>MultiPolygon (((5.98639430054110289 52.82185398401939835, 5.98647307444942989 52.82170312158759629, 5.98882348362765882 52.8212640567214109, 5.99192411024638449 52.81843998086774405, 5.99212157406939117 52.8162154323851567, 5.98581835828250242 52.81600997323725011, 5.97765035435421499 52.81238055722693048, 5.97531815186711235 52.81499669982111556, 5.97696678546564097 52.81630009067665554, 5.97513470707474159 52.81742302376567721, 5.96409706251359584 52.8207837150944286, 5.97048763777157365 52.82315632192246113, 5.96834394441278349 52.82503707376319113, 5.96764543275500969 52.82715127906607933, 5.9661936181505828 52.82780489006552926, 5.97013611000478672 52.82873869372906483, 5.97592161794317889 52.82585009584087743, 5.98023629286407843 52.82179161439747617, 5.98639430054110289 52.82185398401939835, 5.98639430054110289 52.82185398401939835)))</t>
  </si>
  <si>
    <t>MultiPolygon (((6.13913759391421721 52.78027801432475741, 6.14419694339691347 52.78085057792027612, 6.15376294442557548 52.7784569656866509, 6.1532318022378103 52.7773302290703441, 6.14952583892165272 52.77735521775586136, 6.14027178068726887 52.77586976768564853, 6.13151802774054033 52.77712775592110006, 6.1322314174004493 52.77456866835048288, 6.12906578185597706 52.77398690580900364, 6.12187983634448329 52.77429632735843512, 6.11098773763013536 52.77765499115839987, 6.11050765106671889 52.77867996626277858, 6.11180741912256043 52.77970510755615408, 6.11613910818033801 52.78066981526057333, 6.12418890090626178 52.78047787911648925, 6.12739592427537527 52.7823592505322523, 6.12925498299790128 52.78313431791220012, 6.13913759391421721 52.78027801432475741, 6.13913759391421721 52.78027801432475741)),((6.15796084586076198 52.77849457918392062, 6.15904754529990583 52.77913189502282165, 6.15835424547695798 52.78041845989973524, 6.15344336704017536 52.78514208592810064, 6.15838750756605968 52.78343003430568814, 6.16247817268728948 52.77994350626493514, 6.15796084586076198 52.77849457918392062, 6.15796084586076198 52.77849457918392062)))</t>
  </si>
  <si>
    <t>MultiPolygon (((6.15146797972881565 52.78568942639809336, 6.15321714332403502 52.78569144350849029, 6.15344336704017536 52.78514208592810064, 6.15835424547695798 52.78041845989973524, 6.15904754529990583 52.77913189502282165, 6.15796084586076198 52.77849457918392062, 6.15376294442557548 52.7784569656866509, 6.14419694339691347 52.78085057792027612, 6.14900761492145786 52.78204893748555548, 6.1502136723293086 52.78525636341061045, 6.1511310613402701 52.78554041712305178, 6.15146797972881565 52.78568942639809336, 6.15146797972881565 52.78568942639809336)))</t>
  </si>
  <si>
    <t>MultiPolygon (((6.12089978144648494 52.80159147606606496, 6.12624751724854999 52.80073221667898054, 6.12837319570564354 52.80447896624467319, 6.13009939762448486 52.80418056569064333, 6.13153576795739852 52.80574612489114372, 6.13228688570758695 52.80730889985510856, 6.13114288326472856 52.80766915685222784, 6.13406560801457967 52.81088559328986776, 6.14076113443066163 52.80963738119206141, 6.14264516553216477 52.8087111942177998, 6.14510056256186132 52.80895416635124917, 6.14899901576700803 52.81185391157922737, 6.14968950100466483 52.81148438815404234, 6.15504575772868545 52.8087011573764471, 6.14385205131213397 52.79551494218873842, 6.12009012733754876 52.80056600470484085, 6.12089978144648494 52.80159147606606496, 6.12089978144648494 52.80159147606606496)))</t>
  </si>
  <si>
    <t>MultiPolygon (((6.08491048648274901 52.78534077880527065, 6.09094414406783446 52.78481518439670594, 6.09391442214653711 52.7853012760766731, 6.0988068712791268 52.77905547713773871, 6.09950619078320511 52.7786406894891158, 6.10148865843950539 52.77900372864090883, 6.10217774136724778 52.77709818240072082, 6.09101641247036785 52.77423875432084799, 6.08635326375668839 52.77288642285310516, 6.08773206527996447 52.77716704348019761, 6.08491048648274901 52.78534077880527065, 6.08491048648274901 52.78534077880527065)))</t>
  </si>
  <si>
    <t>MultiPolygon (((6.13037928053555525 52.78889661380730303, 6.13361833670746304 52.78837530823895463, 6.1511310613402701 52.78554041712305178, 6.1502136723293086 52.78525636341061045, 6.14900761492145786 52.78204893748555548, 6.14419694339691347 52.78085057792027612, 6.13913759391421721 52.78027801432475741, 6.12925498299790128 52.78313431791220012, 6.13180027721942178 52.78770598432013372, 6.13037928053555525 52.78889661380730303, 6.13037928053555525 52.78889661380730303)))</t>
  </si>
  <si>
    <t>MultiPolygon (((6.13887227510438915 52.79490560573866986, 6.14385205131213397 52.79551494218873842, 6.15198199633246556 52.79128618827388664, 6.15336608898629844 52.78966849260643812, 6.14937104932233147 52.78745362025122034, 6.15146797972881565 52.78568942639809336, 6.1511310613402701 52.78554041712305178, 6.13361833670746304 52.78837530823895463, 6.13568475832737725 52.78973615529825025, 6.13887227510438915 52.79490560573866986, 6.13887227510438915 52.79490560573866986)))</t>
  </si>
  <si>
    <t>MultiPolygon (((6.1196027753268929 52.79763577245306294, 6.11861846889099326 52.79873090235194866, 6.12009012733754876 52.80056600470484085, 6.14385205131213397 52.79551494218873842, 6.13887227510438915 52.79490560573866986, 6.12465033571213624 52.7975257501619808, 6.1196027753268929 52.79763577245306294, 6.1196027753268929 52.79763577245306294)))</t>
  </si>
  <si>
    <t>MultiPolygon (((6.12465033571213624 52.7975257501619808, 6.13887227510438915 52.79490560573866986, 6.13568475832737725 52.78973615529825025, 6.13361833670746304 52.78837530823895463, 6.13037928053555525 52.78889661380730303, 6.12122304604317513 52.79037421610480152, 6.12465033571213624 52.7975257501619808, 6.12465033571213624 52.7975257501619808)))</t>
  </si>
  <si>
    <t>MultiPolygon (((6.1196027753268929 52.79763577245306294, 6.12465033571213624 52.7975257501619808, 6.12122304604317513 52.79037421610480152, 6.11050119729088603 52.79218550737090254, 6.11182766288060542 52.79385884391216166, 6.1196027753268929 52.79763577245306294, 6.1196027753268929 52.79763577245306294)))</t>
  </si>
  <si>
    <t>MultiPolygon (((6.1028183173235897 52.7958824450537989, 6.10552270286577503 52.79407967781487798, 6.11050119729088603 52.79218550737090254, 6.10950659433949461 52.79096521529650232, 6.1038486699123915 52.78899036516391163, 6.09928673735868276 52.78678158211940996, 6.09391442214653711 52.7853012760766731, 6.09053860779828327 52.78878681539261208, 6.0946064652596128 52.79033330134282664, 6.10070184466076171 52.79161443976683188, 6.10104352286580376 52.79328892990196209, 6.10010123589135134 52.79477084540941689, 6.1028183173235897 52.7958824450537989, 6.1028183173235897 52.7958824450537989)))</t>
  </si>
  <si>
    <t>MultiPolygon (((6.11402637052062303 52.78524292460839007, 6.11793049675655798 52.78487253216805897, 6.12423518348964269 52.78412746355695617, 6.12739592427537527 52.7823592505322523, 6.12418890090626178 52.78047787911648925, 6.11613910818033801 52.78066981526057333, 6.11627759345716093 52.78290045522912521, 6.11402637052062303 52.78524292460839007, 6.11402637052062303 52.78524292460839007)))</t>
  </si>
  <si>
    <t>MultiPolygon (((6.12122304604317513 52.79037421610480152, 6.13037928053555525 52.78889661380730303, 6.13180027721942178 52.78770598432013372, 6.12925498299790128 52.78313431791220012, 6.12739592427537527 52.7823592505322523, 6.12423518348964269 52.78412746355695617, 6.11793049675655798 52.78487253216805897, 6.12054365950558488 52.78822172286489689, 6.12122304604317513 52.79037421610480152, 6.12122304604317513 52.79037421610480152)))</t>
  </si>
  <si>
    <t>MultiPolygon (((6.11050119729088603 52.79218550737090254, 6.12122304604317513 52.79037421610480152, 6.12054365950558488 52.78822172286489689, 6.11315416570234493 52.78856370932342656, 6.11232748211832799 52.78724369850615261, 6.1038486699123915 52.78899036516391163, 6.10950659433949461 52.79096521529650232, 6.11050119729088603 52.79218550737090254, 6.11050119729088603 52.79218550737090254)))</t>
  </si>
  <si>
    <t>MultiPolygon (((6.1038486699123915 52.78899036516391163, 6.11232748211832799 52.78724369850615261, 6.11372416180498846 52.78534920254644192, 6.11189040133968753 52.78437668100529834, 6.10742811425681342 52.78562318303196577, 6.10467013030364658 52.78564463761344427, 6.10233961754414533 52.78522167532705112, 6.10240533017911968 52.78392246689782752, 6.09988264880803754 52.78364761000041483, 6.09774742310979079 52.78399020245978335, 6.09928673735868276 52.78678158211940996, 6.1038486699123915 52.78899036516391163, 6.1038486699123915 52.78899036516391163)))</t>
  </si>
  <si>
    <t>MultiPolygon (((6.11372416180498846 52.78534920254644192, 6.11402637052062303 52.78524292460839007, 6.11627759345716093 52.78290045522912521, 6.11613910818033801 52.78066981526057333, 6.11180741912256043 52.77970510755615408, 6.11154846504196403 52.78009229422455917, 6.10148865843950539 52.77900372864090883, 6.09950619078320511 52.7786406894891158, 6.0988068712791268 52.77905547713773871, 6.09391442214653711 52.7853012760766731, 6.09928673735868276 52.78678158211940996, 6.09774742310979079 52.78399020245978335, 6.09988264880803754 52.78364761000041483, 6.10240533017911968 52.78392246689782752, 6.10233961754414533 52.78522167532705112, 6.10467013030364658 52.78564463761344427, 6.10742811425681342 52.78562318303196577, 6.11189040133968753 52.78437668100529834, 6.11372416180498846 52.78534920254644192, 6.11372416180498846 52.78534920254644192)))</t>
  </si>
  <si>
    <t>MultiPolygon (((6.11232748211832799 52.78724369850615261, 6.11315416570234493 52.78856370932342656, 6.12054365950558488 52.78822172286489689, 6.11793049675655798 52.78487253216805897, 6.11402637052062303 52.78524292460839007, 6.11372416180498846 52.78534920254644192, 6.11232748211832799 52.78724369850615261, 6.11232748211832799 52.78724369850615261)))</t>
  </si>
  <si>
    <t>MultiPolygon (((5.51577388550657144 51.29520250654501012, 5.52848942297737445 51.30275099907429848, 5.53355758146750709 51.30155412633418877, 5.54157634013303912 51.30070555638778274, 5.55259893727659115 51.30083955977912069, 5.55728845632772472 51.29964066103606513, 5.55567423194448384 51.29696127107220605, 5.55269617050350828 51.29489841308783582, 5.55784356018885006 51.29242187447784573, 5.53936130500434221 51.282296128190346, 5.51578058270533589 51.29519905374909428, 5.51577388550657144 51.29520250654501012, 5.51577388550657144 51.29520250654501012)))</t>
  </si>
  <si>
    <t>MultiPolygon (((5.55784356018885006 51.29242187447784573, 5.56268523026380901 51.29552506107712162, 5.57340670596189458 51.28763423036114943, 5.56252479194441207 51.28283934884091622, 5.55920853135959536 51.28221143720897146, 5.55816799853044063 51.27914527428409741, 5.55444087640412931 51.27893496493896208, 5.55262277884688249 51.27987942049377779, 5.55230805976118802 51.28128408095943058, 5.54426081398043546 51.27852922006130143, 5.54212131681542886 51.28031102278641384, 5.54149298361344922 51.28225258878861581, 5.53936130500434221 51.282296128190346, 5.55784356018885006 51.29242187447784573, 5.55784356018885006 51.29242187447784573)))</t>
  </si>
  <si>
    <t>MultiPolygon (((5.60166192731632773 51.31065410872740529, 5.6018362656369769 51.29738749178148538, 5.59383204889994623 51.2962727722064713, 5.59109572347957329 51.2964503544188446, 5.58801255501767624 51.29468296453120502, 5.58752609598146055 51.29358183718417052, 5.58475724261471562 51.29781213551957109, 5.58520018814782659 51.29875183098329217, 5.59320623771776315 51.30469916511756168, 5.58964358234872982 51.30975176769884882, 5.57539305757325288 51.30751867206431882, 5.56319288118027355 51.30408412173888166, 5.56251563375106528 51.30323121159236166, 5.56367417486181548 51.29619491272912768, 5.56268523026380901 51.29552506107712162, 5.55784356018885006 51.29242187447784573, 5.55269617050350828 51.29489841308783582, 5.55567423194448384 51.29696127107220605, 5.55728845632772472 51.29964066103606513, 5.55259893727659115 51.30083955977912069, 5.54157634013303912 51.30070555638778274, 5.53355758146750709 51.30155412633418877, 5.52848942297737445 51.30275099907429848, 5.53759525949550291 51.30755739593936937, 5.56792679790192224 51.32108717689213506, 5.58546038709818049 51.32620585355393672, 5.58707906697768397 51.323831754616279, 5.59115966503556194 51.3226308534619946, 5.59341398502373188 51.32119485870316566, 5.59632395910539415 51.31632337534209398, 5.60166192731632773 51.31065410872740529, 5.60166192731632773 51.31065410872740529)))</t>
  </si>
  <si>
    <t>MultiPolygon (((5.56268523026380901 51.29552506107712162, 5.56367417486181548 51.29619491272912768, 5.56251563375106528 51.30323121159236166, 5.56319288118027355 51.30408412173888166, 5.57539305757325288 51.30751867206431882, 5.58964358234872982 51.30975176769884882, 5.59320623771776315 51.30469916511756168, 5.58520018814782659 51.29875183098329217, 5.58475724261471562 51.29781213551957109, 5.58752609598146055 51.29358183718417052, 5.58674064149571326 51.29294863615311328, 5.58508491969741439 51.29168685783843529, 5.57627279190164771 51.28931949392903533, 5.57340670596189458 51.28763423036114943, 5.56268523026380901 51.29552506107712162, 5.56268523026380901 51.29552506107712162)))</t>
  </si>
  <si>
    <t>MultiPolygon (((5.60243332914120895 51.33099243975890857, 5.6053165979773043 51.33180508275791709, 5.61005260392104343 51.33082352237874346, 5.61782886028806949 51.32044790681236179, 5.61600354621976816 51.3184534776484611, 5.61285442174190763 51.31841686314207607, 5.60822160339316245 51.31742843575489132, 5.6072945562474743 51.3155461194026401, 5.60286322590884112 51.3157207085586009, 5.6060413196095169 51.31321224688279159, 5.60263018022550696 51.30916833141991873, 5.60420972796374528 51.30689488928288, 5.605019048760294 51.30636921935039396, 5.61044989394641114 51.30788083523319898, 5.61323752092280071 51.30517601389398408, 5.61788879253668494 51.30292867986867833, 5.62478677236880742 51.30624092438743133, 5.6268603162032429 51.30871532546412084, 5.63358262581109326 51.29998413833799731, 5.61908293781062973 51.30158894551642845, 5.61294630309990072 51.29793078793171901, 5.6092045264664927 51.29710034813987818, 5.60612450124868822 51.29736152251383885, 5.60505948958863875 51.29802419665845292, 5.6018362656369769 51.29738749178148538, 5.60166192731632773 51.31065410872740529, 5.59632395910539415 51.31632337534209398, 5.59341398502373188 51.32119485870316566, 5.59115966503556194 51.3226308534619946, 5.58707906697768397 51.323831754616279, 5.58546038709818049 51.32620585355393672, 5.60243332914120895 51.33099243975890857, 5.60243332914120895 51.33099243975890857)))</t>
  </si>
  <si>
    <t>MultiPolygon (((5.64127757741729496 51.33407700831426013, 5.6441128142992989 51.33348424905740615, 5.64423173515678567 51.33652537150728534, 5.64289430488326449 51.337294950815334, 5.63663723601372979 51.33783380340440061, 5.63672353716137575 51.34083797735287646, 5.63920304863838684 51.33997250142242308, 5.64019242588744874 51.33957421161637313, 5.6406374915787092 51.34186187235847854, 5.63953735524327993 51.34310249112709101, 5.63992561260162351 51.34673705427353951, 5.64260301295347855 51.34839679271225066, 5.64877408520263469 51.35016744159442936, 5.64752836487431509 51.3520757069797682, 5.65470715148351744 51.35387728600997548, 5.66676923752109563 51.32672501866519355, 5.67010068121648203 51.32565352465960018, 5.67209067694290514 51.3235921549135341, 5.67049380639851286 51.31748248659178557, 5.67211078204799879 51.31509401291456385, 5.65187613538731171 51.29774165133621722, 5.63889087693420699 51.29933766226548641, 5.63621592080639378 51.30564342763831576, 5.63899210150467134 51.30636807121609877, 5.64894607943386617 51.30839835466386489, 5.64599873839726829 51.31572462017320646, 5.63102266768552262 51.31572634516869158, 5.62993464224131834 51.31316597719654737, 5.63127604025180339 51.31197187850375485, 5.62581281272295097 51.31002056891290408, 5.61782886028806949 51.32044790681236179, 5.61005260392104343 51.33082352237874346, 5.61896760749914481 51.32894985482467121, 5.62114736368783152 51.3311885491560318, 5.63129516423827869 51.32754093128694706, 5.63493064580359615 51.33021826604133508, 5.63312800315496798 51.33131417891596726, 5.63445669304788588 51.33339834823795655, 5.6385917732705364 51.3318594320410142, 5.64127757741729496 51.33407700831426013, 5.64127757741729496 51.33407700831426013)))</t>
  </si>
  <si>
    <t>MultiPolygon (((5.62581281272295097 51.31002056891290408, 5.63127604025180339 51.31197187850375485, 5.63412504814623905 51.30828327935466859, 5.63616462917754291 51.30885618129804016, 5.63797203739413177 51.30863993916374, 5.63899210150467134 51.30636807121609877, 5.63621592080639378 51.30564342763831576, 5.63889087693420699 51.29933766226548641, 5.63358262581109326 51.29998413833799731, 5.6268603162032429 51.30871532546412084, 5.62581281272295097 51.31002056891290408, 5.62581281272295097 51.31002056891290408)))</t>
  </si>
  <si>
    <t>MultiPolygon (((5.63127604025180339 51.31197187850375485, 5.62993464224131834 51.31316597719654737, 5.63102266768552262 51.31572634516869158, 5.64599873839726829 51.31572462017320646, 5.64894607943386617 51.30839835466386489, 5.63899210150467134 51.30636807121609877, 5.63797203739413177 51.30863993916374, 5.63616462917754291 51.30885618129804016, 5.63412504814623905 51.30828327935466859, 5.63127604025180339 51.31197187850375485, 5.63127604025180339 51.31197187850375485)))</t>
  </si>
  <si>
    <t>MultiPolygon (((5.61782886028806949 51.32044790681236179, 5.62581281272295097 51.31002056891290408, 5.6268603162032429 51.30871532546412084, 5.62478677236880742 51.30624092438743133, 5.61788879253668494 51.30292867986867833, 5.61323752092280071 51.30517601389398408, 5.61044989394641114 51.30788083523319898, 5.605019048760294 51.30636921935039396, 5.60420972796374528 51.30689488928288, 5.60263018022550696 51.30916833141991873, 5.6060413196095169 51.31321224688279159, 5.60286322590884112 51.3157207085586009, 5.6072945562474743 51.3155461194026401, 5.60822160339316245 51.31742843575489132, 5.61285442174190763 51.31841686314207607, 5.61600354621976816 51.3184534776484611, 5.61782886028806949 51.32044790681236179, 5.61782886028806949 51.32044790681236179)))</t>
  </si>
  <si>
    <t>MultiPolygon (((5.55617266125073783 51.24033711488243625, 5.56311543830596289 51.24227381162898354, 5.56709519784224138 51.24152811120723072, 5.56639394469360749 51.23707859780702734, 5.57938467703238317 51.23671207690936313, 5.57900515476452519 51.2322607288719567, 5.58496587819408674 51.23199258953064117, 5.59242435755084877 51.23446507589322607, 5.60145283063251131 51.23491673988214501, 5.60828870622059927 51.23018931358519978, 5.60907728331706856 51.2288569073982103, 5.60219561360228013 51.22585602118630987, 5.59441437519181939 51.22418039344110952, 5.59432058298139534 51.22607368988148124, 5.56604527370337987 51.22090940690335259, 5.56045060221521226 51.22232732682713419, 5.55617266125073783 51.24033711488243625, 5.55617266125073783 51.24033711488243625)))</t>
  </si>
  <si>
    <t>MultiPolygon (((5.62348058231187498 51.24910878249394841, 5.62346737466645763 51.24899791641887248, 5.6187815626398967 51.22942527863342121, 5.60219561360228013 51.22585602118630987, 5.60907728331706856 51.2288569073982103, 5.60828870622059927 51.23018931358519978, 5.60145283063251131 51.23491673988214501, 5.59895915073733885 51.23611373012642645, 5.58939747550479638 51.23673750329339782, 5.5895768198220086 51.23960320886066455, 5.5751165546453576 51.23955052490396866, 5.57101841390770325 51.24423012212433548, 5.57186144820355178 51.24486446134162776, 5.58770289470807668 51.24592753904047981, 5.5876911239024194 51.24814525926623077, 5.62348058231187498 51.24910878249394841, 5.62348058231187498 51.24910878249394841)))</t>
  </si>
  <si>
    <t>MultiPolygon (((5.56848205963377829 51.24243831714549202, 5.57101841390770325 51.24423012212433548, 5.5751165546453576 51.23955052490396866, 5.5895768198220086 51.23960320886066455, 5.58939747550479638 51.23673750329339782, 5.59895915073733885 51.23611373012642645, 5.60145283063251131 51.23491673988214501, 5.59242435755084877 51.23446507589322607, 5.58496587819408674 51.23199258953064117, 5.57900515476452519 51.2322607288719567, 5.57938467703238317 51.23671207690936313, 5.56639394469360749 51.23707859780702734, 5.56709519784224138 51.24152811120723072, 5.56848205963377829 51.24243831714549202, 5.56848205963377829 51.24243831714549202)))</t>
  </si>
  <si>
    <t>MultiPolygon (((5.56197270627059304 51.25915561432601919, 5.56706495432492865 51.25792087822478038, 5.56596797426879242 51.25689981697089337, 5.56466100279303255 51.2571245733172276, 5.55904349695491717 51.25086530917801753, 5.55940504544846092 51.24910999688126623, 5.56311958823193642 51.24685294245440303, 5.56386013935705392 51.24483279840723071, 5.56610307428045381 51.24565268348596447, 5.56848205963377829 51.24243831714549202, 5.56709519784224138 51.24152811120723072, 5.56311543830596289 51.24227381162898354, 5.55617266125073783 51.24033711488243625, 5.55486637718340592 51.24449729457916902, 5.55660370190099329 51.25085059453410707, 5.55598592717969098 51.25438951094493234, 5.55737076491709914 51.25718246978658499, 5.55663755494191136 51.25747553588660566, 5.56021560484789923 51.25970290702067444, 5.56197270627059304 51.25915561432601919, 5.56197270627059304 51.25915561432601919)))</t>
  </si>
  <si>
    <t>MultiPolygon (((5.56706495432492865 51.25792087822478038, 5.56894855541456391 51.25967441149474269, 5.57074551707300003 51.25943619435987131, 5.57821719337190647 51.26196067672530177, 5.58124356643733677 51.25939021080827018, 5.58694010732836066 51.25625331018617459, 5.5876911239024194 51.24814525926623077, 5.58770289470807668 51.24592753904047981, 5.57186144820355178 51.24486446134162776, 5.57101841390770325 51.24423012212433548, 5.56848205963377829 51.24243831714549202, 5.56610307428045381 51.24565268348596447, 5.565973849757337 51.24665709697914195, 5.57155934427134181 51.2484180364789168, 5.57337368836790059 51.24975896670310505, 5.57136782317234047 51.25315654976677138, 5.56685548650379314 51.25308524177405189, 5.56691592592503337 51.25462672344838921, 5.56892431550131306 51.25751630021954242, 5.56706495432492865 51.25792087822478038, 5.56706495432492865 51.25792087822478038)))</t>
  </si>
  <si>
    <t>MultiPolygon (((5.56706495432492865 51.25792087822478038, 5.56892431550131306 51.25751630021954242, 5.56691592592503337 51.25462672344838921, 5.56685548650379314 51.25308524177405189, 5.57136782317234047 51.25315654976677138, 5.57337368836790059 51.24975896670310505, 5.57155934427134181 51.2484180364789168, 5.565973849757337 51.24665709697914195, 5.56610307428045381 51.24565268348596447, 5.56386013935705392 51.24483279840723071, 5.56311958823193642 51.24685294245440303, 5.55940504544846092 51.24910999688126623, 5.55904349695491717 51.25086530917801753, 5.56466100279303255 51.2571245733172276, 5.56596797426879242 51.25689981697089337, 5.56706495432492865 51.25792087822478038, 5.56706495432492865 51.25792087822478038)))</t>
  </si>
  <si>
    <t>MultiPolygon (((5.63358262581109326 51.29998413833799731, 5.63889087693420699 51.29933766226548641, 5.65187613538731171 51.29774165133621722, 5.64399670834996048 51.29057548978200032, 5.62597219505678581 51.27360160140783307, 5.62348058231187498 51.24910878249394841, 5.5876911239024194 51.24814525926623077, 5.58694010732836066 51.25625331018617459, 5.58979007310687948 51.25740905438318862, 5.59898741019071355 51.26708874732215548, 5.59977153051648724 51.27578227365639663, 5.59921663807610948 51.27974171882846122, 5.59751077673866781 51.28342403400629479, 5.59156602498312783 51.28970149156675262, 5.58674064149571326 51.29294863615311328, 5.58752609598146055 51.29358183718417052, 5.58801255501767624 51.29468296453120502, 5.59109572347957329 51.2964503544188446, 5.59383204889994623 51.2962727722064713, 5.6018362656369769 51.29738749178148538, 5.60505948958863875 51.29802419665845292, 5.60612450124868822 51.29736152251383885, 5.6092045264664927 51.29710034813987818, 5.61294630309990072 51.29793078793171901, 5.61908293781062973 51.30158894551642845, 5.63358262581109326 51.29998413833799731, 5.63358262581109326 51.29998413833799731)))</t>
  </si>
  <si>
    <t>MultiPolygon (((5.51578058270533589 51.29519905374909428, 5.53936130500434221 51.282296128190346, 5.54149298361344922 51.28225258878861581, 5.54212131681542886 51.28031102278641384, 5.54426081398043546 51.27852922006130143, 5.55230805976118802 51.28128408095943058, 5.55262277884688249 51.27987942049377779, 5.55444087640412931 51.27893496493896208, 5.55816799853044063 51.27914527428409741, 5.55920853135959536 51.28221143720897146, 5.56252479194441207 51.28283934884091622, 5.57340670596189458 51.28763423036114943, 5.57697724244108084 51.2804697474957436, 5.56592922255317557 51.27998753467069548, 5.56333880175183193 51.271247944674613, 5.56320520868907753 51.26783438010767213, 5.56774777174731561 51.26322769078802111, 5.56197270627059304 51.25915561432601919, 5.56021560484789923 51.25970290702067444, 5.55663755494191136 51.25747553588660566, 5.55676911015380082 51.26006025075177064, 5.55730543453558834 51.26005232639531073, 5.55793054547393783 51.26246383807031748, 5.55669516029365607 51.26312766008818755, 5.5571772272340878 51.26429922492627611, 5.55621475281058075 51.26664397562988285, 5.54458884740895108 51.27118794060372409, 5.52868531009060948 51.28175655475214256, 5.51900632084475529 51.28947525238179139, 5.51578058270533589 51.29519905374909428, 5.51578058270533589 51.29519905374909428)))</t>
  </si>
  <si>
    <t>MultiPolygon (((5.57340670596189458 51.28763423036114943, 5.57627279190164771 51.28931949392903533, 5.58508491969741439 51.29168685783843529, 5.58674064149571326 51.29294863615311328, 5.59156602498312783 51.28970149156675262, 5.59751077673866781 51.28342403400629479, 5.59921663807610948 51.27974171882846122, 5.59977153051648724 51.27578227365639663, 5.58511428239329089 51.27595814533775354, 5.58366152230581569 51.27904825226439556, 5.58205535705778111 51.28050264140127013, 5.57697724244108084 51.2804697474957436, 5.57340670596189458 51.28763423036114943, 5.57340670596189458 51.28763423036114943)))</t>
  </si>
  <si>
    <t>MultiPolygon (((5.58511428239329089 51.27595814533775354, 5.59977153051648724 51.27578227365639663, 5.59898741019071355 51.26708874732215548, 5.58979007310687948 51.25740905438318862, 5.58694010732836066 51.25625331018617459, 5.58124356643733677 51.25939021080827018, 5.57821719337190647 51.26196067672530177, 5.58433961539290546 51.26637152938053532, 5.58684965323877769 51.26717595454582721, 5.58686376930866313 51.27041076509069484, 5.58400270352605155 51.27126929723991111, 5.58511428239329089 51.27595814533775354, 5.58511428239329089 51.27595814533775354)))</t>
  </si>
  <si>
    <t>MultiPolygon (((5.57697724244108084 51.2804697474957436, 5.58205535705778111 51.28050264140127013, 5.58366152230581569 51.27904825226439556, 5.58511428239329089 51.27595814533775354, 5.58400270352605155 51.27126929723991111, 5.58686376930866313 51.27041076509069484, 5.58684965323877769 51.26717595454582721, 5.58433961539290546 51.26637152938053532, 5.57821719337190647 51.26196067672530177, 5.57074551707300003 51.25943619435987131, 5.56894855541456391 51.25967441149474269, 5.56706495432492865 51.25792087822478038, 5.56197270627059304 51.25915561432601919, 5.56774777174731561 51.26322769078802111, 5.56320520868907753 51.26783438010767213, 5.56333880175183193 51.271247944674613, 5.56592922255317557 51.27998753467069548, 5.57697724244108084 51.2804697474957436, 5.57697724244108084 51.2804697474957436)))</t>
  </si>
  <si>
    <t>MultiPolygon (((5.93161741234165341 51.95673403705033166, 5.93183063113725151 51.95948313461079238, 5.93559711122274258 51.96041566076741702, 5.94032767137614481 51.95603975938521302, 5.95522544038598678 51.94875353914862615, 5.96029344997653876 51.94378273225819953, 5.96179424254992529 51.93879262058419499, 5.9657754667008005 51.93876761439823042, 5.96669247737031672 51.93606863544268748, 5.97233096477649195 51.93074206735531817, 5.97288744492721868 51.92918657787942038, 5.968612960245407 51.92821244351981136, 5.97559798960005217 51.9239120994330321, 5.97167295544290067 51.92187203587896249, 5.97060001768973247 51.92004119690945885, 5.96657653884644024 51.91910158973178113, 5.96474311604066187 51.91929122786521589, 5.96069621145142658 51.92173203335546106, 5.95495415814469364 51.92823945764622806, 5.95184650147352645 51.92806342880233217, 5.94840048261595555 51.92460450496891866, 5.94612742811094108 51.92806015443626677, 5.94473821680472714 51.93467942259361791, 5.94417221522397465 51.93815697151153188, 5.94073265668521611 51.94037903326340455, 5.93834742378560154 51.94214017305920805, 5.93323662433754695 51.94952833300004613, 5.92950444639166463 51.9507104784615521, 5.93161741234165341 51.95673403705033166, 5.93161741234165341 51.95673403705033166)))</t>
  </si>
  <si>
    <t>MultiPolygon (((5.91248806482349654 51.94499181523729447, 5.92957101884419213 51.94123019756528237, 5.9258520228393099 51.93869349545885683, 5.92376554589551318 51.93920696561351491, 5.92221187156532913 51.93685660072371491, 5.92780515659261198 51.93538405245872269, 5.91863766584312856 51.92943877318591461, 5.91495090968806903 51.92602631273079794, 5.90186380128681698 51.93346432496439746, 5.91248806482349654 51.94499181523729447, 5.91248806482349654 51.94499181523729447)))</t>
  </si>
  <si>
    <t>MultiPolygon (((5.92780515659261198 51.93538405245872269, 5.9291951031900787 51.93586051892026489, 5.93100487978173874 51.93389437083300919, 5.93147373564303493 51.93004063385533442, 5.9269188487444131 51.92620646269741513, 5.93387153025060421 51.92283262073216576, 5.93931085979380136 51.92456161614956045, 5.93994814099305657 51.92626922937076017, 5.93672003708514495 51.9290617923780502, 5.93801659862462738 51.93010455689530147, 5.9415290473482596 51.92855832293255247, 5.94612742811094108 51.92806015443626677, 5.94840048261595555 51.92460450496891866, 5.94836572319805601 51.92364038128057047, 5.94119310822877633 51.92301910525215902, 5.94016696606311889 51.91555455316301249, 5.92520421730444458 51.91307103434408532, 5.91864076846013365 51.90946565262915158, 5.91464192472727568 51.91074037022290355, 5.91337370634554027 51.91182972458666001, 5.91667902457113648 51.91503244753206303, 5.92430201402280243 51.91915386583936254, 5.91495090968806903 51.92602631273079794, 5.91863766584312856 51.92943877318591461, 5.92780515659261198 51.93538405245872269, 5.92780515659261198 51.93538405245872269)))</t>
  </si>
  <si>
    <t>MultiPolygon (((5.9220070687863835 51.95083905548165149, 5.92950444639166463 51.9507104784615521, 5.93323662433754695 51.94952833300004613, 5.93834742378560154 51.94214017305920805, 5.93465415657534834 51.93957692087729328, 5.92957101884419213 51.94123019756528237, 5.91248806482349654 51.94499181523729447, 5.91096487549443328 51.94590687806140039, 5.91517277002153552 51.94996752674117602, 5.9220070687863835 51.95083905548165149, 5.9220070687863835 51.95083905548165149)))</t>
  </si>
  <si>
    <t>MultiPolygon (((5.93147373564303493 51.93004063385533442, 5.9330917440832609 51.93079436788304548, 5.93672003708514495 51.9290617923780502, 5.93994814099305657 51.92626922937076017, 5.93931085979380136 51.92456161614956045, 5.93387153025060421 51.92283262073216576, 5.9269188487444131 51.92620646269741513, 5.93147373564303493 51.93004063385533442, 5.93147373564303493 51.93004063385533442)))</t>
  </si>
  <si>
    <t>MultiPolygon (((5.93834742378560154 51.94214017305920805, 5.94073265668521611 51.94037903326340455, 5.93931144765108598 51.93774761998678713, 5.93984223360799835 51.9362154101357234, 5.94473821680472714 51.93467942259361791, 5.94612742811094108 51.92806015443626677, 5.9415290473482596 51.92855832293255247, 5.93801659862462738 51.93010455689530147, 5.93672003708514495 51.9290617923780502, 5.9330917440832609 51.93079436788304548, 5.93147373564303493 51.93004063385533442, 5.93100487978173874 51.93389437083300919, 5.9291951031900787 51.93586051892026489, 5.92780515659261198 51.93538405245872269, 5.92221187156532913 51.93685660072371491, 5.92376554589551318 51.93920696561351491, 5.9258520228393099 51.93869349545885683, 5.92957101884419213 51.94123019756528237, 5.93465415657534834 51.93957692087729328, 5.93834742378560154 51.94214017305920805, 5.93834742378560154 51.94214017305920805)))</t>
  </si>
  <si>
    <t>MultiPolygon (((5.94073265668521611 51.94037903326340455, 5.94417221522397465 51.93815697151153188, 5.94473821680472714 51.93467942259361791, 5.93984223360799835 51.9362154101357234, 5.93931144765108598 51.93774761998678713, 5.94073265668521611 51.94037903326340455, 5.94073265668521611 51.94037903326340455)))</t>
  </si>
  <si>
    <t>MultiPolygon (((5.97864565339471632 51.8768526021886629, 5.98126215252320481 51.87626581347567623, 5.98716064988200092 51.87525972373253325, 5.98608602342816276 51.87241332286276929, 5.98874760285017693 51.87147020837244327, 5.98575283842246986 51.86775767850550523, 5.981180058406526 51.85994744124951694, 5.9777495839953998 51.85722976506621507, 5.97435337595701288 51.85586326831797521, 5.97033358912803713 51.85475418128259406, 5.96624729830110834 51.85444929714551421, 5.95917320898201996 51.85537365877026872, 5.95528813523312461 51.85692801725855361, 5.93731541257462148 51.87141112062489157, 5.93218562317015952 51.87355424224672618, 5.92541338676830076 51.87439990605503937, 5.92698731198590512 51.87614475153003468, 5.93366692526192008 51.87904802671533844, 5.93582201620668481 51.87863883349894678, 5.94661228570521683 51.86962021509074106, 5.95142151592628998 51.8683649325861893, 5.96228106793398815 51.86873554117426011, 5.96830621654709503 51.87194089044361078, 5.97305600634090705 51.873953182369128, 5.97516746495887485 51.87651783453567589, 5.97864565339471632 51.8768526021886629, 5.97864565339471632 51.8768526021886629)))</t>
  </si>
  <si>
    <t>MultiPolygon (((5.93352519315368276 51.89751155447984132, 5.93372423907580959 51.89769432993354314, 5.93664497988471229 51.89962052315580365, 5.95110837342259114 51.90028481214525868, 5.95082620676614216 51.89483775289952661, 5.96188488267661487 51.89719784684452719, 5.96978101105533288 51.90095208172913743, 5.97687355761828609 51.9013318437728941, 5.97990881423391851 51.89496170742410186, 5.97973773788136231 51.89205760330064976, 5.98435906340218615 51.88607903454936832, 5.97852486662220972 51.88654731011832411, 5.97731738544598645 51.88486635581489281, 5.97168401735850018 51.88705429746372744, 5.96887384965652412 51.88451832843340128, 5.96328066272730783 51.88600905826795184, 5.957088129482492 51.88219782094513022, 5.95664052384052933 51.87930569929681468, 5.95170501048787326 51.87915144658335009, 5.95191841323573456 51.87787574049109196, 5.95638390835135567 51.87762328599340123, 5.95623012255972561 51.87511708588583303, 5.95708315046265469 51.8749278412075725, 5.95727484211634639 51.87390390740524282, 5.9563505945759303 51.87384294362432513, 5.95601902117637572 51.87162972915206893, 5.9528429776360019 51.87182119232402755, 5.95142151592628998 51.8683649325861893, 5.94661228570521683 51.86962021509074106, 5.93582201620668481 51.87863883349894678, 5.93951830633297551 51.87937541274288833, 5.94361801463649098 51.87906982871081141, 5.94576237064447888 51.88118345729530745, 5.94694031338284379 51.88719450927087706, 5.94224632754848248 51.8887282578569824, 5.93994968259338751 51.89196651168627028, 5.93352519315368276 51.89751155447984132, 5.93352519315368276 51.89751155447984132),(5.97616055251303635 51.89113517766281802, 5.97645658495587195 51.89377097082537915, 5.97345955630163328 51.8937733302957227, 5.96434514406550953 51.89278479978902681, 5.96124720383333973 51.89193624549785255, 5.96169052062937954 51.89149280090965277, 5.95682441257931572 51.88947078287779391, 5.95431557533651468 51.89166066493324792, 5.9519773904303559 51.89090257449998234, 5.95538002051540083 51.88610063954822493, 5.95697332542470903 51.88506570393023054, 5.95992040866076156 51.88665834094791052, 5.95887554419482779 51.88787771960267037, 5.96829015302331367 51.89003481298681209, 5.97616055251303635 51.89113517766281802, 5.97616055251303635 51.89113517766281802)))</t>
  </si>
  <si>
    <t>MultiPolygon (((5.97616055251303635 51.89113517766281802, 5.96829015302331367 51.89003481298681209, 5.95887554419482779 51.88787771960267037, 5.95992040866076156 51.88665834094791052, 5.95697332542470903 51.88506570393023054, 5.95538002051540083 51.88610063954822493, 5.9519773904303559 51.89090257449998234, 5.95431557533651468 51.89166066493324792, 5.95682441257931572 51.88947078287779391, 5.96169052062937954 51.89149280090965277, 5.96124720383333973 51.89193624549785255, 5.96434514406550953 51.89278479978902681, 5.97345955630163328 51.8937733302957227, 5.97645658495587195 51.89377097082537915, 5.97616055251303635 51.89113517766281802, 5.97616055251303635 51.89113517766281802)))</t>
  </si>
  <si>
    <t>MultiPolygon (((5.98658906694774995 51.88293855091340134, 5.99525003859765881 51.88464172513715056, 5.99514138884036729 51.88350467924496456, 6.00010112227542081 51.88270813037173923, 6.0076037168172336 51.88145959240869587, 5.99971502803257906 51.87933664183319138, 5.99361439869049573 51.87566966759744247, 5.98874760285017693 51.87147020837244327, 5.98608602342816276 51.87241332286276929, 5.98716064988200092 51.87525972373253325, 5.98126215252320481 51.87626581347567623, 5.98655617285930752 51.88099832476648032, 5.98658906694774995 51.88293855091340134, 5.98658906694774995 51.88293855091340134)))</t>
  </si>
  <si>
    <t>MultiPolygon (((5.95727484211634639 51.87390390740524282, 5.96238816358692336 51.87381155309955005, 5.96830621654709503 51.87194089044361078, 5.96228106793398815 51.86873554117426011, 5.95142151592628998 51.8683649325861893, 5.9528429776360019 51.87182119232402755, 5.95601902117637572 51.87162972915206893, 5.9563505945759303 51.87384294362432513, 5.95727484211634639 51.87390390740524282, 5.95727484211634639 51.87390390740524282)))</t>
  </si>
  <si>
    <t>MultiPolygon (((5.98435906340218615 51.88607903454936832, 5.98658906694774995 51.88293855091340134, 5.98655617285930752 51.88099832476648032, 5.98126215252320481 51.87626581347567623, 5.97864565339471632 51.8768526021886629, 5.97869070662888813 51.88113393830481357, 5.97177940786014982 51.88288681270545766, 5.97262333944664547 51.88399718082278156, 5.97116425306235765 51.8843791548315636, 5.96792893954576087 51.88389465309933968, 5.96200103477724408 51.88067981859273914, 5.96166319653679277 51.87503501177646825, 5.95708315046265469 51.8749278412075725, 5.95623012255972561 51.87511708588583303, 5.95638390835135567 51.87762328599340123, 5.95191841323573456 51.87787574049109196, 5.95170501048787326 51.87915144658335009, 5.95664052384052933 51.87930569929681468, 5.957088129482492 51.88219782094513022, 5.96328066272730783 51.88600905826795184, 5.96887384965652412 51.88451832843340128, 5.97168401735850018 51.88705429746372744, 5.97731738544598645 51.88486635581489281, 5.97852486662220972 51.88654731011832411, 5.98435906340218615 51.88607903454936832, 5.98435906340218615 51.88607903454936832)))</t>
  </si>
  <si>
    <t>MultiPolygon (((5.95708315046265469 51.8749278412075725, 5.96166319653679277 51.87503501177646825, 5.96200103477724408 51.88067981859273914, 5.96792893954576087 51.88389465309933968, 5.97116425306235765 51.8843791548315636, 5.97262333944664547 51.88399718082278156, 5.97177940786014982 51.88288681270545766, 5.97869070662888813 51.88113393830481357, 5.97864565339471632 51.8768526021886629, 5.97516746495887485 51.87651783453567589, 5.97305600634090705 51.873953182369128, 5.96830621654709503 51.87194089044361078, 5.96238816358692336 51.87381155309955005, 5.95727484211634639 51.87390390740524282, 5.95708315046265469 51.8749278412075725, 5.95708315046265469 51.8749278412075725)))</t>
  </si>
  <si>
    <t>MultiPolygon (((5.90049156001773412 51.88585734632545154, 5.90530977897475928 51.88598814628790734, 5.9116474100801506 51.88725771879936133, 5.91401767429322156 51.88573367889192411, 5.91931310501873309 51.88570696424891793, 5.92162202367870449 51.88454429914381194, 5.93440106319751948 51.88013305616691184, 5.93582201620668481 51.87863883349894678, 5.93366692526192008 51.87904802671533844, 5.92698731198590512 51.87614475153003468, 5.92541338676830076 51.87439990605503937, 5.92103589589945045 51.87465047062761414, 5.91084889466582908 51.87384494600047447, 5.90049156001773412 51.88585734632545154, 5.90049156001773412 51.88585734632545154)))</t>
  </si>
  <si>
    <t>MultiPolygon (((5.91659699070435252 51.89274655415636772, 5.9254140176802137 51.89482943709637652, 5.93352519315368276 51.89751155447984132, 5.93994968259338751 51.89196651168627028, 5.94224632754848248 51.8887282578569824, 5.94694031338284379 51.88719450927087706, 5.94576237064447888 51.88118345729530745, 5.94361801463649098 51.87906982871081141, 5.93951830633297551 51.87937541274288833, 5.94197162302602511 51.88244998408320185, 5.93546287616605905 51.88467627080282085, 5.93452348048380873 51.88614577349348878, 5.93571382912743406 51.8875182636592811, 5.93119235975962145 51.89158920233923311, 5.92193031343818088 51.88897954217028285, 5.92487254227422877 51.88624429067696298, 5.92162202367870449 51.88454429914381194, 5.91931310501873309 51.88570696424891793, 5.92162935167495252 51.88665554802733482, 5.91659699070435252 51.89274655415636772, 5.91659699070435252 51.89274655415636772)))</t>
  </si>
  <si>
    <t>MultiPolygon (((5.89337773136390908 51.88447872715064335, 5.90049156001773412 51.88585734632545154, 5.91084889466582908 51.87384494600047447, 5.89596777416602436 51.87053361607940616, 5.88676570909621244 51.8652030075613979, 5.88442642329776788 51.86693368682994532, 5.88369064583744983 51.87036159882451614, 5.88427888827668522 51.8747095203188735, 5.88835543710352471 51.87774826264499239, 5.89020585485216852 51.88218429352372851, 5.89337773136390908 51.88447872715064335, 5.89337773136390908 51.88447872715064335)))</t>
  </si>
  <si>
    <t>MultiPolygon (((5.88203410801141491 51.88674918786831824, 5.88635393822923891 51.88634693092307515, 5.89308358345676897 51.88713972960071175, 5.89337773136390908 51.88447872715064335, 5.89020585485216852 51.88218429352372851, 5.88835543710352471 51.87774826264499239, 5.88427888827668522 51.8747095203188735, 5.88369064583744983 51.87036159882451614, 5.88442642329776788 51.86693368682994532, 5.88245845468507866 51.86684122216608728, 5.88070541151524306 51.86859042399800046, 5.87639682162711008 51.87657715975743145, 5.8745108790255598 51.88339596640846452, 5.88256552132687016 51.88554249781635264, 5.88203410801141491 51.88674918786831824, 5.88203410801141491 51.88674918786831824)))</t>
  </si>
  <si>
    <t>MultiPolygon (((5.97687355761828609 51.9013318437728941, 5.98002563230503359 51.90795115780573354, 5.98601079578216844 51.91039178774651219, 5.98792250108884971 51.91260909258393497, 5.99845476833762703 51.90663901026210425, 6.01508886757569794 51.90099951730329053, 6.02180297561451816 51.89632336722394257, 6.03058274696170749 51.88023922031113244, 6.0371548213884223 51.87541841186707359, 6.04628469344197139 51.8709132077393491, 6.04409120521654764 51.87120709485530767, 6.03545587304816689 51.87304884834149021, 6.02193213741114963 51.87929450624902472, 6.01691567867856225 51.88098596820076835, 6.01219049360087876 51.88167199639243421, 6.0076037168172336 51.88145959240869587, 6.00010112227542081 51.88270813037173923, 6.00329188876938424 51.885238834932629, 6.00323633295103409 51.88732979913061172, 6.00816820589251588 51.88893271150801922, 6.00773927305789091 51.89206101460598575, 6.00123888630192948 51.89381760415029987, 6.00155411566793706 51.89519119664998925, 5.99582167858987525 51.89533592663226358, 5.99384337774554243 51.89342262317205012, 5.99261480339591301 51.89077117668170303, 5.99631141191450645 51.88944423337369471, 5.99525003859765881 51.88464172513715056, 5.98658906694774995 51.88293855091340134, 5.98435906340218615 51.88607903454936832, 5.97973773788136231 51.89205760330064976, 5.97990881423391851 51.89496170742410186, 5.97687355761828609 51.9013318437728941, 5.97687355761828609 51.9013318437728941)))</t>
  </si>
  <si>
    <t>MultiPolygon (((5.8979183789305889 51.93435795751754824, 5.90186380128681698 51.93346432496439746, 5.91495090968806903 51.92602631273079794, 5.92430201402280243 51.91915386583936254, 5.91667902457113648 51.91503244753206303, 5.91337370634554027 51.91182972458666001, 5.91464192472727568 51.91074037022290355, 5.91879161497731143 51.90670720603755228, 5.92243940784794898 51.90550866159360766, 5.92512454722426085 51.90195860091007773, 5.92986732893814228 51.8988321184284942, 5.93372423907580959 51.89769432993354314, 5.93352519315368276 51.89751155447984132, 5.9254140176802137 51.89482943709637652, 5.91659699070435252 51.89274655415636772, 5.91504024446147092 51.89440631117022917, 5.91274289746377235 51.89486350974212314, 5.90737811615866004 51.90106048348635426, 5.89731544937645769 51.90011420625812377, 5.8958215009821755 51.90522161589165506, 5.88878654116824052 51.90545494965419238, 5.8904742754830357 51.89739869097103053, 5.88354725503337139 51.89649298887571405, 5.87829817134070787 51.89667548837093136, 5.87446319069202527 51.89754411248564736, 5.87588664645157444 51.90080998156493308, 5.87542084334870385 51.90208355452828215, 5.87214237002256656 51.90200492454319203, 5.87298420259240395 51.90523092723138632, 5.87366442754037177 51.90845186664068933, 5.88263666551351161 51.90821143503179513, 5.89119933288110076 51.90726350133110856, 5.89427651245907391 51.91450423068251752, 5.89305773046956904 51.91618577811796342, 5.89699683152481846 51.92080966212277815, 5.88952195657228206 51.9252650664729245, 5.8979183789305889 51.93435795751754824)))</t>
  </si>
  <si>
    <t>MultiPolygon (((5.94840048261595555 51.92460450496891866, 5.95184650147352645 51.92806342880233217, 5.95495415814469364 51.92823945764622806, 5.96069621145142658 51.92173203335546106, 5.96474311604066187 51.91929122786521589, 5.96657653884644024 51.91910158973178113, 5.97060001768973247 51.92004119690945885, 5.97167295544290067 51.92187203587896249, 5.97559798960005217 51.9239120994330321, 5.98706257029882671 51.91331383154283685, 5.98792250108884971 51.91260909258393497, 5.98601079578216844 51.91039178774651219, 5.98002563230503359 51.90795115780573354, 5.97687355761828609 51.9013318437728941, 5.96978101105533288 51.90095208172913743, 5.96188488267661487 51.89719784684452719, 5.95082620676614216 51.89483775289952661, 5.95110837342259114 51.90028481214525868, 5.93664497988471229 51.89962052315580365, 5.93372423907580959 51.89769432993354314, 5.92986732893814228 51.8988321184284942, 5.92512454722426085 51.90195860091007773, 5.92243940784794898 51.90550866159360766, 5.91879161497731143 51.90670720603755228, 5.91464192472727568 51.91074037022290355, 5.91864076846013365 51.90946565262915158, 5.92520421730444458 51.91307103434408532, 5.94016696606311889 51.91555455316301249, 5.94119310822877633 51.92301910525215902, 5.94836572319805601 51.92364038128057047, 5.94840048261595555 51.92460450496891866, 5.94840048261595555 51.92460450496891866),(5.95684307319334927 51.92121680780843462, 5.95492217183899619 51.92071292116694536, 5.95612830110607305 51.91867895013809431, 5.95324105825107974 51.917687742888603, 5.95196404919566646 51.91862304077415047, 5.95050325426261839 51.91759554007480659, 5.94848003719131224 51.91039283954037842, 5.95201608079108357 51.90830939124069232, 5.95976204819216093 51.91254140676315387, 5.96905688043707361 51.9070810308997892, 5.97171427458924331 51.90949388230934858, 5.965891325544046 51.91312624071944271, 5.9641871367921544 51.91499607628522028, 5.96403609871365425 51.91704702629272106, 5.95684307319334927 51.92121680780843462, 5.95684307319334927 51.92121680780843462)))</t>
  </si>
  <si>
    <t>MultiPolygon (((5.87446319069202527 51.89754411248564736, 5.87829817134070787 51.89667548837093136, 5.87522495099098219 51.89104383709283042, 5.87945338727583611 51.89118826230573944, 5.88203410801141491 51.88674918786831824, 5.88256552132687016 51.88554249781635264, 5.8745108790255598 51.88339596640846452, 5.87311790082314555 51.88691561813035236, 5.87148104039882313 51.8886524098085502, 5.85762769208808631 51.88838881866484343, 5.85712354051798467 51.89462092317047137, 5.85694787340133782 51.89695435192440698, 5.87446319069202527 51.89754411248564736)))</t>
  </si>
  <si>
    <t>MultiPolygon (((5.99525003859765881 51.88464172513715056, 5.99631141191450645 51.88944423337369471, 5.99261480339591301 51.89077117668170303, 5.99384337774554243 51.89342262317205012, 5.99582167858987525 51.89533592663226358, 6.00155411566793706 51.89519119664998925, 6.00123888630192948 51.89381760415029987, 6.00773927305789091 51.89206101460598575, 6.00816820589251588 51.88893271150801922, 6.00323633295103409 51.88732979913061172, 6.00329188876938424 51.885238834932629, 6.00010112227542081 51.88270813037173923, 5.99514138884036729 51.88350467924496456, 5.99525003859765881 51.88464172513715056, 5.99525003859765881 51.88464172513715056)))</t>
  </si>
  <si>
    <t>MultiPolygon (((5.95684307319334927 51.92121680780843462, 5.96403609871365425 51.91704702629272106, 5.9641871367921544 51.91499607628522028, 5.965891325544046 51.91312624071944271, 5.97171427458924331 51.90949388230934858, 5.96905688043707361 51.9070810308997892, 5.95976204819216093 51.91254140676315387, 5.95201608079108357 51.90830939124069232, 5.94848003719131224 51.91039283954037842, 5.95050325426261839 51.91759554007480659, 5.95196404919566646 51.91862304077415047, 5.95324105825107974 51.917687742888603, 5.95612830110607305 51.91867895013809431, 5.95492217183899619 51.92071292116694536, 5.95684307319334927 51.92121680780843462, 5.95684307319334927 51.92121680780843462)))</t>
  </si>
  <si>
    <t>MultiPolygon (((5.92162202367870449 51.88454429914381194, 5.92487254227422877 51.88624429067696298, 5.92193031343818088 51.88897954217028285, 5.93119235975962145 51.89158920233923311, 5.93571382912743406 51.8875182636592811, 5.93452348048380873 51.88614577349348878, 5.93546287616605905 51.88467627080282085, 5.94197162302602511 51.88244998408320185, 5.93951830633297551 51.87937541274288833, 5.93582201620668481 51.87863883349894678, 5.93440106319751948 51.88013305616691184, 5.92162202367870449 51.88454429914381194, 5.92162202367870449 51.88454429914381194)))</t>
  </si>
  <si>
    <t>MultiPolygon (((5.87829817134070787 51.89667548837093136, 5.88354725503337139 51.89649298887571405, 5.8904742754830357 51.89739869097103053, 5.88878654116824052 51.90545494965419238, 5.8958215009821755 51.90522161589165506, 5.89731544937645769 51.90011420625812377, 5.90737811615866004 51.90106048348635426, 5.91274289746377235 51.89486350974212314, 5.91504024446147092 51.89440631117022917, 5.91659699070435252 51.89274655415636772, 5.92162935167495252 51.88665554802733482, 5.91931310501873309 51.88570696424891793, 5.91401767429322156 51.88573367889192411, 5.9116474100801506 51.88725771879936133, 5.90530977897475928 51.88598814628790734, 5.90049156001773412 51.88585734632545154, 5.89337773136390908 51.88447872715064335, 5.89308358345676897 51.88713972960071175, 5.88635393822923891 51.88634693092307515, 5.88203410801141491 51.88674918786831824, 5.87945338727583611 51.89118826230573944, 5.87522495099098219 51.89104383709283042, 5.87829817134070787 51.89667548837093136, 5.87829817134070787 51.89667548837093136)))</t>
  </si>
  <si>
    <t>MultiPolygon (((5.74767610171189869 51.63266798026980808, 5.77857986592958817 51.6450018232767647, 5.78811892646053394 51.63414974880141273, 5.79617141489614962 51.63714486100570156, 5.79998386972056323 51.63575873425010343, 5.80160196762220348 51.63435724545178829, 5.81113162239239056 51.6381331537797692, 5.82816093914604849 51.62842986067829543, 5.80057418593538454 51.60567275409554355, 5.79884506010459599 51.60692322784305475, 5.79630582774318714 51.60506389429968266, 5.79761006523491584 51.60408534908905409, 5.7926400102130966 51.6005615518371954, 5.78667840543607515 51.5982082669260862, 5.75861458742039911 51.59394650695961815, 5.75047824215118109 51.62268337516537287, 5.74767610171189869 51.63266798026980808, 5.74767610171189869 51.63266798026980808),(5.79780632172244381 51.61783601646750697, 5.7942882846484709 51.6209935019070727, 5.78726917131795382 51.61835652575877731, 5.7913195400566746 51.61495556221608894, 5.79780632172244381 51.61783601646750697, 5.79780632172244381 51.61783601646750697)))</t>
  </si>
  <si>
    <t>MultiPolygon (((5.79780632172244381 51.61783601646750697, 5.7913195400566746 51.61495556221608894, 5.78726917131795382 51.61835652575877731, 5.7942882846484709 51.6209935019070727, 5.79780632172244381 51.61783601646750697, 5.79780632172244381 51.61783601646750697)))</t>
  </si>
  <si>
    <t>MultiPolygon (((5.84280501575530575 51.67997029813231791, 5.84650567341104654 51.67651316340084833, 5.85990328542709626 51.66991442759790942, 5.85801488727002262 51.66820849921558789, 5.86010431555931977 51.66583753500574261, 5.85579768689436531 51.66220623373367005, 5.87540568466230972 51.65309513405338038, 5.87178807818409254 51.65151773261939638, 5.87267661190098078 51.65084826758110381, 5.87078804588334879 51.6464226809237843, 5.87167180583562853 51.64397949042439961, 5.87359512469199441 51.64375919160912076, 5.87214369405350656 51.64291095561349465, 5.87159154271938011 51.64113882356182472, 5.86787593983199685 51.6401943292596215, 5.86321499633305621 51.63725695870097354, 5.85813661437119748 51.63648482682535956, 5.84894948612958121 51.63633156953429904, 5.84123315894216599 51.63406629712082463, 5.83736416333746799 51.6344146746613859, 5.83479819364941665 51.63390851757306166, 5.83158966857375649 51.63125589625248324, 5.82816093914604849 51.62842986067829543, 5.81113162239239056 51.6381331537797692, 5.80160196762220348 51.63435724545178829, 5.79998386972056323 51.63575873425010343, 5.79617141489614962 51.63714486100570156, 5.78811892646053394 51.63414974880141273, 5.77857986592958817 51.6450018232767647, 5.79035028014312836 51.64993762766056307, 5.7950086914756076 51.65609115918149996, 5.79865741093934339 51.66089785421374359, 5.80090036214504057 51.6609627415003132, 5.80299991588604058 51.65574326639243452, 5.80824245058182242 51.65662787369927855, 5.81029706441049498 51.6511688578636381, 5.83516394804372318 51.65103583714088842, 5.83830097968450357 51.65394256473486934, 5.82613984615644576 51.66114546008267183, 5.81865500057171303 51.66285332958338472, 5.81437426840172211 51.66504759903573785, 5.81885559882815251 51.66722165096621211, 5.82132214817444549 51.66783438655381389, 5.8231170322533039 51.66704208146996535, 5.82574374464372013 51.66849999291076045, 5.82418053656277745 51.66904444969926402, 5.82997237122172596 51.67397212874208634, 5.83059453004254369 51.67366781847579205, 5.84280501575530575 51.67997029813231791, 5.84280501575530575 51.67997029813231791)))</t>
  </si>
  <si>
    <t>MultiPolygon (((5.80090036214504057 51.6609627415003132, 5.80695457647439284 51.66116639187066539, 5.80907226143380218 51.66281271824104238, 5.8104263405420058 51.66531456613626005, 5.81264547791673269 51.66603589156616039, 5.81437426840172211 51.66504759903573785, 5.81865500057171303 51.66285332958338472, 5.82613984615644576 51.66114546008267183, 5.83830097968450357 51.65394256473486934, 5.83516394804372318 51.65103583714088842, 5.81029706441049498 51.6511688578636381, 5.80824245058182242 51.65662787369927855, 5.80299991588604058 51.65574326639243452, 5.80090036214504057 51.6609627415003132, 5.80090036214504057 51.6609627415003132)))</t>
  </si>
  <si>
    <t>MultiPolygon (((5.93262796912915213 51.61961954756296223, 5.93935465332247681 51.61276973324721951, 5.94381872246739462 51.61013163493615963, 5.94979959648641099 51.60781357675734426, 5.94805643645929738 51.6072738175281529, 5.93384063530242845 51.60232452852965679, 5.93472412465057708 51.60102677035499141, 5.93092543085206714 51.59966286649984113, 5.93050989466944944 51.5983214667617176, 5.93185296048700383 51.59686089230338979, 5.9075368014670806 51.58858207729325329, 5.8955904448426999 51.59448054454242083, 5.90505052728288771 51.61128360695528272, 5.90054252115606737 51.61584587457318918, 5.90313723549272851 51.61678079830324606, 5.92823287825238676 51.61789771331905996, 5.93262796912915213 51.61961954756296223, 5.93262796912915213 51.61961954756296223),(5.91609716462239987 51.60704176324202308, 5.91404044697735465 51.60909401712429201, 5.91090384142641501 51.60776260869290866, 5.91422656571548888 51.60445920951647736, 5.91165049206346271 51.60312529251139324, 5.91386022261338429 51.60047435794458437, 5.92014174214687028 51.59710742010651074, 5.92415839101531994 51.59848426022411161, 5.91609716462239987 51.60704176324202308, 5.91609716462239987 51.60704176324202308)))</t>
  </si>
  <si>
    <t>MultiPolygon (((5.91609716462239987 51.60704176324202308, 5.92415839101531994 51.59848426022411161, 5.92014174214687028 51.59710742010651074, 5.91386022261338429 51.60047435794458437, 5.91165049206346271 51.60312529251139324, 5.91422656571548888 51.60445920951647736, 5.91090384142641501 51.60776260869290866, 5.91404044697735465 51.60909401712429201, 5.91609716462239987 51.60704176324202308, 5.91609716462239987 51.60704176324202308)))</t>
  </si>
  <si>
    <t>MultiPolygon (((5.82278541719932186 51.56829135117467189, 5.82770067774338418 51.57259250008883811, 5.85384019550676182 51.58779038602408917, 5.86673791871369232 51.58890446766454829, 5.87151399569532284 51.59265834962557307, 5.87644364500648297 51.59452497338893551, 5.88237881142201591 51.58993886010694041, 5.88476846399940889 51.58955592743896545, 5.88685334517309844 51.59027067365762775, 5.89270734634889859 51.58566706526205792, 5.89127978779469608 51.58516302689925936, 5.89329878462725976 51.58378364628460133, 5.87723619855635615 51.57816583903381513, 5.87887845319477353 51.57603028467308093, 5.87144804882127769 51.57372399951324837, 5.87089239478694225 51.56264419462748094, 5.8382384642548395 51.56641461613496347, 5.82278541719932186 51.56829135117467189, 5.82278541719932186 51.56829135117467189),(5.86644698534372733 51.58480034649311108, 5.86610419598759858 51.58600736289088928, 5.8593686688993456 51.58361989432327022, 5.85576108110091376 51.58128021233346772, 5.8568547134086959 51.57993650525022389, 5.86018328857853987 51.58140172397610002, 5.8635198898553007 51.58064829006305274, 5.86834841122112749 51.58258861331267298, 5.86898273072817833 51.58404722858895042, 5.86614535052607255 51.5837341730083665, 5.86644698534372733 51.58480034649311108, 5.86644698534372733 51.58480034649311108)))</t>
  </si>
  <si>
    <t>MultiPolygon (((5.86644698534372733 51.58480034649311108, 5.86614535052607255 51.5837341730083665, 5.86898273072817833 51.58404722858895042, 5.86834841122112749 51.58258861331267298, 5.8635198898553007 51.58064829006305274, 5.86018328857853987 51.58140172397610002, 5.8568547134086959 51.57993650525022389, 5.85576108110091376 51.58128021233346772, 5.8593686688993456 51.58361989432327022, 5.86610419598759858 51.58600736289088928, 5.86644698534372733 51.58480034649311108, 5.86644698534372733 51.58480034649311108)))</t>
  </si>
  <si>
    <t>MultiPolygon (((5.80057418593538454 51.60567275409554355, 5.84986288052082237 51.60541421233710224, 5.87071034630361144 51.61228233167778967, 5.87954538413700689 51.61404376459817911, 5.88395641341883469 51.61430881428449879, 5.89152901409393248 51.61181602029277116, 5.89227104405624846 51.61020411973826327, 5.90505052728288771 51.61128360695528272, 5.8955904448426999 51.59448054454242083, 5.9075368014670806 51.58858207729325329, 5.90753577581285505 51.58858172770290906, 5.9031719788429422 51.58711984578537368, 5.89976609258977547 51.58876450625001553, 5.89412094780886431 51.58685010330760434, 5.89496341073466112 51.58635262364088447, 5.89270734634889859 51.58566706526205792, 5.88685334517309844 51.59027067365762775, 5.88476846399940889 51.58955592743896545, 5.88237881142201591 51.58993886010694041, 5.87644364500648297 51.59452497338893551, 5.87151399569532284 51.59265834962557307, 5.86673791871369232 51.58890446766454829, 5.85384019550676182 51.58779038602408917, 5.82770067774338418 51.57259250008883811, 5.82278541719932186 51.56829135117467189, 5.82021613539696947 51.56867368591051815, 5.80958072551139715 51.57408112948192525, 5.80058600959831505 51.57862177243742252, 5.78834239990125443 51.59419126120459964, 5.78667840543607515 51.5982082669260862, 5.7926400102130966 51.6005615518371954, 5.79761006523491584 51.60408534908905409, 5.79630582774318714 51.60506389429968266, 5.79884506010459599 51.60692322784305475, 5.80057418593538454 51.60567275409554355, 5.80057418593538454 51.60567275409554355),(5.87608461385959568 51.61187627959287028, 5.87504905664397015 51.6125980153330346, 5.87044795471625402 51.61141151197369226, 5.86724697489514302 51.60623793829729067, 5.86752494622504273 51.60320198759690413, 5.87097169471819935 51.60235997282497777, 5.87637480561938919 51.60628296883166399, 5.87828987908763345 51.6112684465112892, 5.87679223421720032 51.61210252973657475, 5.87608461385959568 51.61187627959287028, 5.87608461385959568 51.61187627959287028)))</t>
  </si>
  <si>
    <t>MultiPolygon (((5.87608461385959568 51.61187627959287028, 5.87679223421720032 51.61210252973657475, 5.87828987908763345 51.6112684465112892, 5.87637480561938919 51.60628296883166399, 5.87097169471819935 51.60235997282497777, 5.86752494622504273 51.60320198759690413, 5.86724697489514302 51.60623793829729067, 5.87044795471625402 51.61141151197369226, 5.87504905664397015 51.6125980153330346, 5.87608461385959568 51.61187627959287028, 5.87608461385959568 51.61187627959287028)))</t>
  </si>
  <si>
    <t>MultiPolygon (((5.89256021119987139 51.6431771212499342, 5.89647720591357327 51.64448697238289299, 5.92588822318999142 51.63202026558190028, 5.93262796912915213 51.61961954756296223, 5.92823287825238676 51.61789771331905996, 5.90313723549272851 51.61678079830324606, 5.90054252115606737 51.61584587457318918, 5.90505052728288771 51.61128360695528272, 5.89227104405624846 51.61020411973826327, 5.89152901409393248 51.61181602029277116, 5.88395641341883469 51.61430881428449879, 5.87954538413700689 51.61404376459817911, 5.87071034630361144 51.61228233167778967, 5.84986288052082237 51.60541421233710224, 5.80057418593538454 51.60567275409554355, 5.82816093914604849 51.62842986067829543, 5.83158966857375649 51.63125589625248324, 5.86127646879524633 51.62952502158370294, 5.86622751431796985 51.62826890452358697, 5.8772516980769236 51.63028978743378161, 5.8739348575699708 51.62648007587333154, 5.87008302072838628 51.62621655079589544, 5.86782302640752107 51.62482840040777177, 5.86920168845455326 51.62174831518204599, 5.87351208991145057 51.62342146691982236, 5.87888310608129316 51.62134874452616629, 5.88743651932682077 51.62338857715509732, 5.89266106677493262 51.62596131914259701, 5.89179012992761653 51.62840073541413233, 5.88456746174060719 51.63082715935771461, 5.88228066684556516 51.63291324815089212, 5.89256021119987139 51.6431771212499342, 5.89256021119987139 51.6431771212499342)))</t>
  </si>
  <si>
    <t>MultiPolygon (((5.87359512469199441 51.64375919160912076, 5.87769663788290586 51.64328918636611121, 5.87872930332972121 51.64484196907942959, 5.88298627217649717 51.64543310512789276, 5.88303859985517441 51.64667304195167929, 5.89019411127266324 51.6453857793981328, 5.89256021119987139 51.6431771212499342, 5.88228066684556516 51.63291324815089212, 5.88179795826908691 51.633494078101144, 5.8772516980769236 51.63028978743378161, 5.86622751431796985 51.62826890452358697, 5.86127646879524633 51.62952502158370294, 5.83158966857375649 51.63125589625248324, 5.83479819364941665 51.63390851757306166, 5.83736416333746799 51.6344146746613859, 5.84123315894216599 51.63406629712082463, 5.84894948612958121 51.63633156953429904, 5.85813661437119748 51.63648482682535956, 5.86321499633305621 51.63725695870097354, 5.86787593983199685 51.6401943292596215, 5.87159154271938011 51.64113882356182472, 5.87214369405350656 51.64291095561349465, 5.87359512469199441 51.64375919160912076, 5.87359512469199441 51.64375919160912076),(5.8747434577819222 51.63890018990853292, 5.87389581683104911 51.63922983972221203, 5.86889985669236935 51.63741682926742982, 5.86860992582633045 51.63635454396332136, 5.86933207440659555 51.63544073174740845, 5.8751024539532537 51.63310278087030269, 5.87758445256525697 51.63399093148341024, 5.87452780299775768 51.63710840918021461, 5.87695398490313892 51.63742411565119284, 5.87663618137038846 51.63832206655344947, 5.8747434577819222 51.63890018990853292, 5.8747434577819222 51.63890018990853292)))</t>
  </si>
  <si>
    <t>MultiPolygon (((5.8747434577819222 51.63890018990853292, 5.87663618137038846 51.63832206655344947, 5.87695398490313892 51.63742411565119284, 5.87452780299775768 51.63710840918021461, 5.87758445256525697 51.63399093148341024, 5.8751024539532537 51.63310278087030269, 5.86933207440659555 51.63544073174740845, 5.86860992582633045 51.63635454396332136, 5.86889985669236935 51.63741682926742982, 5.87389581683104911 51.63922983972221203, 5.8747434577819222 51.63890018990853292, 5.8747434577819222 51.63890018990853292)))</t>
  </si>
  <si>
    <t>MultiPolygon (((5.8772516980769236 51.63028978743378161, 5.88179795826908691 51.633494078101144, 5.88228066684556516 51.63291324815089212, 5.88456746174060719 51.63082715935771461, 5.89179012992761653 51.62840073541413233, 5.89266106677493262 51.62596131914259701, 5.88743651932682077 51.62338857715509732, 5.87888310608129316 51.62134874452616629, 5.87351208991145057 51.62342146691982236, 5.86920168845455326 51.62174831518204599, 5.86782302640752107 51.62482840040777177, 5.87008302072838628 51.62621655079589544, 5.8739348575699708 51.62648007587333154, 5.8772516980769236 51.63028978743378161, 5.8772516980769236 51.63028978743378161)))</t>
  </si>
  <si>
    <t>MultiPolygon (((6.23472030118439058 52.88544834217615431, 6.2302266859092903 52.88201853610071623, 6.23338106601499842 52.8799735956028627, 6.22769200796036504 52.87598205888950531, 6.21412406320269106 52.88254292980775517, 6.21193697454848603 52.88167005144889288, 6.20964161698334394 52.88272578343348584, 6.21091702614268026 52.88354911669111402, 6.20081195056722301 52.88837858263975988, 6.20690000703613176 52.89074386118998206, 6.22878529260333114 52.9103022961643461, 6.24145581481628575 52.90485463784037989, 6.24151417095797445 52.90046863720439063, 6.23502727243143084 52.89574511830907255, 6.24285172962104884 52.88916705275082819, 6.23472030118439058 52.88544834217615431, 6.23472030118439058 52.88544834217615431)))</t>
  </si>
  <si>
    <t>MultiPolygon (((6.22878529260333114 52.9103022961643461, 6.23229105330061639 52.91343817988594367, 6.24234301581249618 52.9183452175366611, 6.27876085650354021 52.90595682372296693, 6.28122812554669974 52.90449766094796757, 6.27562688170932592 52.90197709627076961, 6.2690376691177212 52.89547620202194622, 6.26644900259995907 52.89157251937506743, 6.25918987470878108 52.88551861761279582, 6.244990671761947 52.87204736167599606, 6.23988989323820586 52.86974732638442021, 6.22769200796036504 52.87598205888950531, 6.23338106601499842 52.8799735956028627, 6.2302266859092903 52.88201853610071623, 6.23472030118439058 52.88544834217615431, 6.24285172962104884 52.88916705275082819, 6.23502727243143084 52.89574511830907255, 6.24151417095797445 52.90046863720439063, 6.24145581481628575 52.90485463784037989, 6.22878529260333114 52.9103022961643461, 6.22878529260333114 52.9103022961643461),(6.24946299416815521 52.88846229833089296, 6.24501980521012801 52.88858419026535529, 6.24076611892665678 52.88708240671977023, 6.24136004698563607 52.88638176548448655, 6.24291326917941358 52.88665722224942556, 6.24412612367314068 52.88529073639653433, 6.24294122632929049 52.88434044915909027, 6.2406033249793591 52.88390953269323091, 6.24102106694878955 52.88255120763398764, 6.25068151211827328 52.88591131940867029, 6.24946299416815521 52.88846229833089296, 6.24946299416815521 52.88846229833089296)))</t>
  </si>
  <si>
    <t>MultiPolygon (((6.24946299416815521 52.88846229833089296, 6.25068151211827328 52.88591131940867029, 6.24102106694878955 52.88255120763398764, 6.2406033249793591 52.88390953269323091, 6.24294122632929049 52.88434044915909027, 6.24412612367314068 52.88529073639653433, 6.24291326917941358 52.88665722224942556, 6.24136004698563607 52.88638176548448655, 6.24076611892665678 52.88708240671977023, 6.24501980521012801 52.88858419026535529, 6.24946299416815521 52.88846229833089296, 6.24946299416815521 52.88846229833089296)))</t>
  </si>
  <si>
    <t>MultiPolygon (((6.14121909322294801 52.86379965260586289, 6.16045954795602402 52.87252077612225065, 6.17170739359544118 52.85999149089002458, 6.17234421833818203 52.85782089832024866, 6.16927773758872444 52.85710120526949396, 6.16625683051783113 52.8592447952195954, 6.16140855257663578 52.85711389506904823, 6.15868676211090982 52.85842227232242863, 6.15676534630247563 52.85755116158602362, 6.16112369186503095 52.85361759731767251, 6.16358769148713836 52.8528348871113991, 6.16116360584444855 52.85042249637009348, 6.15962008606749123 52.85153227521892916, 6.16028671324755894 52.85212109095999722, 6.1560459638578271 52.85519225204289029, 6.15477191510538191 52.85519090971260425, 6.14843911882005845 52.85983726947220163, 6.14729421445007329 52.85931883929326602, 6.14121909322294801 52.86379965260586289, 6.14121909322294801 52.86379965260586289)))</t>
  </si>
  <si>
    <t>MultiPolygon (((6.16358769148713836 52.8528348871113991, 6.16112369186503095 52.85361759731767251, 6.15676534630247563 52.85755116158602362, 6.15868676211090982 52.85842227232242863, 6.16140855257663578 52.85711389506904823, 6.16625683051783113 52.8592447952195954, 6.16927773758872444 52.85710120526949396, 6.1645475650417616 52.85278749076340432, 6.16358769148713836 52.8528348871113991, 6.16358769148713836 52.8528348871113991)))</t>
  </si>
  <si>
    <t>MultiPolygon (((6.21193697454848603 52.88167005144889288, 6.19761384893152734 52.87585876682955188, 6.19322343799457009 52.8728290398630989, 6.17682897700070477 52.86649228361372366, 6.17312985952734561 52.86047135031122224, 6.17170739359544118 52.85999149089002458, 6.16045954795602402 52.87252077612225065, 6.19067975156603811 52.88447885552955796, 6.20081195056722301 52.88837858263975988, 6.21091702614268026 52.88354911669111402, 6.20964161698334394 52.88272578343348584, 6.21193697454848603 52.88167005144889288, 6.21193697454848603 52.88167005144889288),(6.18310097625964872 52.875696348504583, 6.18531975480935614 52.87375446331117246, 6.19224698948995389 52.87509750470717051, 6.19139450218423448 52.87799529286824196, 6.19007456696383596 52.87761774811355764, 6.18915820533535133 52.87843722176944539, 6.18310097625964872 52.875696348504583, 6.18310097625964872 52.875696348504583)))</t>
  </si>
  <si>
    <t>MultiPolygon (((6.19007456696383596 52.87761774811355764, 6.19139450218423448 52.87799529286824196, 6.19224698948995389 52.87509750470717051, 6.18531975480935614 52.87375446331117246, 6.18310097625964872 52.875696348504583, 6.18915820533535133 52.87843722176944539, 6.19007456696383596 52.87761774811355764, 6.19007456696383596 52.87761774811355764)))</t>
  </si>
  <si>
    <t>MultiPolygon (((6.18272117179655734 52.8372726114366813, 6.18570237560003999 52.83498010707530312, 6.18944349915207681 52.83684337798413111, 6.19310691398631263 52.83381927279562973, 6.18741341191174588 52.82897713412206997, 6.18110296723460628 52.82676808720685813, 6.17900168602166744 52.82543682414885922, 6.17655148985313129 52.82228516278372155, 6.17513471009595349 52.81807739197456897, 6.17241893120049312 52.81563908378527827, 6.17140817777193273 52.81525550494527721, 6.15764390429564923 52.82503554887961883, 6.1517148331027629 52.82739915847863443, 6.17425024550492818 52.83909026947051757, 6.17993932940286861 52.8409982558065181, 6.18050046972092826 52.84058561796461362, 6.18365167937935034 52.83825047087309912, 6.18272117179655734 52.8372726114366813, 6.18272117179655734 52.8372726114366813)),((6.14121909322294801 52.86379965260586289, 6.14729421445007329 52.85931883929326602, 6.14843911882005845 52.85983726947220163, 6.15477191510538191 52.85519090971260425, 6.1560459638578271 52.85519225204289029, 6.16028671324755894 52.85212109095999722, 6.15962008606749123 52.85153227521892916, 6.16116360584444855 52.85042249637009348, 6.1687283413017493 52.84509335022866594, 6.16918208474968477 52.84556555907064279, 6.17176654342404163 52.84557048892117592, 6.17467810075580381 52.84487166031430405, 6.17714335937170134 52.84305684603985043, 6.16471357023873701 52.83767841863829062, 6.15028873626027472 52.82994031850090977, 6.1368207387740199 52.83882543262710385, 6.13045167312941075 52.84387255058585708, 6.12869439323800869 52.84780737031687181, 6.11981988981395286 52.85421494321398228, 6.12099474439952473 52.85464975513311003, 6.14051252120452062 52.86347811625286397, 6.14121909322294801 52.86379965260586289, 6.14121909322294801 52.86379965260586289)))</t>
  </si>
  <si>
    <t>MultiPolygon (((6.17425024550492818 52.83909026947051757, 6.1517148331027629 52.82739915847863443, 6.14989573580883864 52.82812387883140559, 6.14919895690909968 52.82840241838783868, 6.14956467841668886 52.82845896985028133, 6.15196215526883439 52.82882968618027775, 6.15028873626027472 52.82994031850090977, 6.16471357023873701 52.83767841863829062, 6.17714335937170134 52.84305684603985043, 6.17922028809949531 52.84152820836436604, 6.17993932940286861 52.8409982558065181, 6.17425024550492818 52.83909026947051757, 6.17425024550492818 52.83909026947051757)))</t>
  </si>
  <si>
    <t>MultiPolygon (((6.19975665299021284 52.8422196415354577, 6.19804156239448645 52.8416134630351948, 6.20349698709671404 52.83769050180868732, 6.19858170127169661 52.83649171321105342, 6.19310691398631263 52.83381927279562973, 6.18944349915207681 52.83684337798413111, 6.18570237560003999 52.83498010707530312, 6.18272117179655734 52.8372726114366813, 6.18365167937935034 52.83825047087309912, 6.18050046972092826 52.84058561796461362, 6.18335771948289459 52.84166747427387634, 6.18575765362481356 52.84073611541656135, 6.18745444634819908 52.83859347498245995, 6.19389017552647303 52.84192695685847241, 6.19142545469494721 52.84374268037906575, 6.18947087459978373 52.84261955961934376, 6.18814999896544826 52.84343501749061289, 6.19358811307054768 52.84647190192335842, 6.19975665299021284 52.8422196415354577, 6.19975665299021284 52.8422196415354577)),((6.18973263716995969 52.84936193356794831, 6.19171927697464497 52.8476859650107329, 6.19047198791142161 52.84685746548458951, 6.18753098219782682 52.84667615608569236, 6.18236290552717094 52.84409384679014465, 6.17922028809949531 52.84152820836436604, 6.17714335937170134 52.84305684603985043, 6.17467810075580381 52.84487166031430405, 6.17176654342404163 52.84557048892117592, 6.16918208474968477 52.84556555907064279, 6.1687283413017493 52.84509335022866594, 6.16116360584444855 52.85042249637009348, 6.16358769148713836 52.8528348871113991, 6.1645475650417616 52.85278749076340432, 6.16927773758872444 52.85710120526949396, 6.17234421833818203 52.85782089832024866, 6.18973263716995969 52.84936193356794831, 6.18973263716995969 52.84936193356794831)))</t>
  </si>
  <si>
    <t>MultiPolygon (((6.19171927697464497 52.8476859650107329, 6.19358811307054768 52.84647190192335842, 6.18814999896544826 52.84343501749061289, 6.18947087459978373 52.84261955961934376, 6.19142545469494721 52.84374268037906575, 6.19389017552647303 52.84192695685847241, 6.18745444634819908 52.83859347498245995, 6.18575765362481356 52.84073611541656135, 6.18335771948289459 52.84166747427387634, 6.18050046972092826 52.84058561796461362, 6.17993932940286861 52.8409982558065181, 6.17922028809949531 52.84152820836436604, 6.18236290552717094 52.84409384679014465, 6.18753098219782682 52.84667615608569236, 6.19047198791142161 52.84685746548458951, 6.19171927697464497 52.8476859650107329, 6.19171927697464497 52.8476859650107329)))</t>
  </si>
  <si>
    <t>MultiPolygon (((6.21193697454848603 52.88167005144889288, 6.21412406320269106 52.88254292980775517, 6.22769200796036504 52.87598205888950531, 6.23988989323820586 52.86974732638442021, 6.23542160917873556 52.86740438418852506, 6.22948346267722464 52.86174200245977062, 6.22584961959799443 52.85051088979879808, 6.22048910128267263 52.84132334058923419, 6.21895967143279282 52.84011628377943737, 6.20349698709671404 52.83769050180868732, 6.19804156239448645 52.8416134630351948, 6.19975665299021284 52.8422196415354577, 6.19358811307054768 52.84647190192335842, 6.19171927697464497 52.8476859650107329, 6.18973263716995969 52.84936193356794831, 6.17234421833818203 52.85782089832024866, 6.17170739359544118 52.85999149089002458, 6.17312985952734561 52.86047135031122224, 6.17682897700070477 52.86649228361372366, 6.19322343799457009 52.8728290398630989, 6.19761384893152734 52.87585876682955188, 6.21193697454848603 52.88167005144889288, 6.21193697454848603 52.88167005144889288),(6.21030751173646056 52.86094516141973543, 6.20902157410554523 52.86165332307334097, 6.20560028011635811 52.86149149089438737, 6.19988074920912702 52.85991014352383388, 6.19868079045310783 52.85902130680806721, 6.20262338485384923 52.8588096241073444, 6.20146263702909373 52.85563169051668098, 6.19786942575822764 52.85330327797201022, 6.19771417302052097 52.85173611368467306, 6.20419697384015301 52.84981023773750053, 6.20789531484150459 52.84984101352678465, 6.21345561104604727 52.85129894708414611, 6.21434619865378135 52.85458873630859955, 6.21885410375386449 52.85563188941939217, 6.22073746109430825 52.85925058999304582, 6.2142518711356276 52.85964341872216465, 6.21030751173646056 52.86094516141973543, 6.21030751173646056 52.86094516141973543)))</t>
  </si>
  <si>
    <t>MultiPolygon (((6.21030751173646056 52.86094516141973543, 6.2142518711356276 52.85964341872216465, 6.22073746109430825 52.85925058999304582, 6.21885410375386449 52.85563188941939217, 6.21434619865378135 52.85458873630859955, 6.21345561104604727 52.85129894708414611, 6.20789531484150459 52.84984101352678465, 6.20419697384015301 52.84981023773750053, 6.19771417302052097 52.85173611368467306, 6.19786942575822764 52.85330327797201022, 6.20146263702909373 52.85563169051668098, 6.20262338485384923 52.8588096241073444, 6.19868079045310783 52.85902130680806721, 6.19988074920912702 52.85991014352383388, 6.20560028011635811 52.86149149089438737, 6.20902157410554523 52.86165332307334097, 6.21030751173646056 52.86094516141973543, 6.21030751173646056 52.86094516141973543)))</t>
  </si>
  <si>
    <t>MultiPolygon (((6.27112380981311901 52.82962888173756966, 6.27210055111318887 52.82159505593991611, 6.27159614690627265 52.82216835561209933, 6.24873102790772084 52.81634143097946321, 6.24760580011449562 52.81976127369573248, 6.23724211569807174 52.81823424899987884, 6.23801075800347338 52.81596009451722296, 6.21976016490353345 52.81418596625901074, 6.21996511240076977 52.80890464083226732, 6.22405036417742785 52.80118533726699326, 6.21470889124154446 52.7994059776914284, 6.21327015170331443 52.79811788949682949, 6.20949792630685504 52.79677064364319961, 6.20829427170590886 52.79790008178424188, 6.20339790203675445 52.79739618247122479, 6.1991035240289758 52.79582829616241213, 6.1851212380651015 52.80722411249502812, 6.18997208877031735 52.80960529447777674, 6.18813541915313881 52.81176218035505343, 6.19443525473587009 52.81606939624027319, 6.19875478790430101 52.81734374305989377, 6.21071832765971887 52.82081830212920437, 6.23754533627891306 52.82673888649244276, 6.25996082795240927 52.82902080590183402, 6.2605830647797216 52.82644201919693216, 6.26830294813260913 52.82718955467978361, 6.26823084405963105 52.82957165915146902, 6.27112380981311901 52.82962888173756966, 6.27112380981311901 52.82962888173756966)),((6.25007093040781125 52.84019683278498292, 6.26685583517964151 52.8370318848748326, 6.27032750297529251 52.83685475681868837, 6.27078300635776209 52.83265892342518555, 6.25578867900773883 52.83194342015156764, 6.23616720654596701 52.83002841255957804, 6.22697688915497594 52.82858424586015644, 6.21884192482859355 52.8263933334013629, 6.21861124016592726 52.82727369905948223, 6.21304941687677559 52.82671763475986637, 6.21140183344693497 52.82592044893200978, 6.21149363423939072 52.82503459363586984, 6.19767054505933324 52.82063531188772743, 6.19121455211932581 52.81870526184952297, 6.18045807899877264 52.81103425793948247, 6.17722978260432676 52.81385109156843072, 6.17241893120049312 52.81563908378527827, 6.17513471009595349 52.81807739197456897, 6.17655148985313129 52.82228516278372155, 6.17900168602166744 52.82543682414885922, 6.18110296723460628 52.82676808720685813, 6.18741341191174588 52.82897713412206997, 6.19310691398631263 52.83381927279562973, 6.19858170127169661 52.83649171321105342, 6.20349698709671404 52.83769050180868732, 6.21895967143279282 52.84011628377943737, 6.23384567398810319 52.8384927131391251, 6.2431400321569912 52.84035912409704849, 6.25007093040781125 52.84019683278498292, 6.25007093040781125 52.84019683278498292)))</t>
  </si>
  <si>
    <t>MultiPolygon (((6.23616720654596701 52.83002841255957804, 6.25578867900773883 52.83194342015156764, 6.27078300635776209 52.83265892342518555, 6.27112380981311901 52.82962888173756966, 6.26823084405963105 52.82957165915146902, 6.26830294813260913 52.82718955467978361, 6.2605830647797216 52.82644201919693216, 6.25996082795240927 52.82902080590183402, 6.23754533627891306 52.82673888649244276, 6.23616720654596701 52.83002841255957804, 6.23616720654596701 52.83002841255957804)))</t>
  </si>
  <si>
    <t>MultiPolygon (((6.19767054505933324 52.82063531188772743, 6.19875478790430101 52.81734374305989377, 6.19443525473587009 52.81606939624027319, 6.18813541915313881 52.81176218035505343, 6.18997208877031735 52.80960529447777674, 6.1851212380651015 52.80722411249502812, 6.18045807899877264 52.81103425793948247, 6.19121455211932581 52.81870526184952297, 6.19767054505933324 52.82063531188772743, 6.19767054505933324 52.82063531188772743)))</t>
  </si>
  <si>
    <t>MultiPolygon (((6.23616720654596701 52.83002841255957804, 6.23754533627891306 52.82673888649244276, 6.21071832765971887 52.82081830212920437, 6.19875478790430101 52.81734374305989377, 6.19767054505933324 52.82063531188772743, 6.21149363423939072 52.82503459363586984, 6.21140183344693497 52.82592044893200978, 6.21304941687677559 52.82671763475986637, 6.21861124016592726 52.82727369905948223, 6.21884192482859355 52.8263933334013629, 6.22697688915497594 52.82858424586015644, 6.23616720654596701 52.83002841255957804, 6.23616720654596701 52.83002841255957804)))</t>
  </si>
  <si>
    <t>MultiPolygon (((6.27498871805163105 52.81783214161549722, 6.30152366142619069 52.81384460014452031, 6.30736425832419378 52.81205614667940296, 6.30619776386779041 52.80820123577966285, 6.3104180514527517 52.80656272462000089, 6.31390812948758384 52.80280146753835169, 6.31387906878794425 52.80212934049274054, 6.30925725707537755 52.80003635526622219, 6.30849688294617916 52.79878290754348313, 6.30940089671217663 52.79532161532608825, 6.30692459745899825 52.79387102151581956, 6.30529919996047816 52.79155059965589203, 6.30120728231402527 52.79097364599140008, 6.30260917638507756 52.78952373721435976, 6.30218424875536343 52.78849598146481981, 6.30054178626968397 52.7877279205655654, 6.30078409694163444 52.78730433852300763, 6.29953055972381737 52.78706509806482927, 6.3005678669343439 52.78585902163361254, 6.29749084653828106 52.78255992381583184, 6.29838043816272108 52.78201590362591844, 6.2970546497395059 52.78092852838505422, 6.29562481333431379 52.78078683794382897, 6.29303711676798283 52.77847187386551298, 6.29918105357870495 52.76859402708711855, 6.29850986873596419 52.76794186584111657, 6.29904903813297512 52.76683676601885509, 6.2974922087530345 52.76609011004213556, 6.281479572073005 52.76292186312323906, 6.27235931119443091 52.77504593152765011, 6.26938925262691349 52.77679968486713591, 6.26376425127675684 52.77277114070211184, 6.25856706452246137 52.7705158566414454, 6.2567422957643597 52.77503907360386393, 6.26277710962501288 52.77986928737107064, 6.25812687009665591 52.78191537876532635, 6.25515721983533979 52.77978013382698919, 6.25031815627655263 52.77933672817496813, 6.24713204322188531 52.78350958908725232, 6.25027298773199647 52.78802088977992213, 6.24122655163893114 52.79634075149358097, 6.23762443822493218 52.80111619822409352, 6.23297940807877815 52.80383639695195086, 6.22405036417742785 52.80118533726699326, 6.21996511240076977 52.80890464083226732, 6.21976016490353345 52.81418596625901074, 6.23801075800347338 52.81596009451722296, 6.23724211569807174 52.81823424899987884, 6.24760580011449562 52.81976127369573248, 6.24873102790772084 52.81634143097946321, 6.27159614690627265 52.82216835561209933, 6.27210055111318887 52.82159505593991611, 6.27240090285020102 52.81868213221696351, 6.27498871805163105 52.81783214161549722, 6.27498871805163105 52.81783214161549722),(6.27641538144794797 52.79402079035185125, 6.27583615608241807 52.79244168821233529, 6.26506031432599642 52.79173688071503534, 6.26023456268648193 52.79351977613858793, 6.25787575315077227 52.7913593397212324, 6.26200310176367481 52.78965188031169475, 6.27085989887712092 52.7890225749983486, 6.27621308063687788 52.7858147729361562, 6.27706428832191587 52.78481308914226844, 6.26928409152248722 52.77923599056782678, 6.27157109258931111 52.77814281894461601, 6.27771739596713196 52.78259062138716473, 6.27974561280152521 52.78152843624255297, 6.28674554684612907 52.78692201976391374, 6.28789893274863321 52.78656898306233103, 6.29026789892520544 52.78815132997462456, 6.29140211232257407 52.79110962115192507, 6.29071050759810291 52.79149513772129154, 6.29460893240581676 52.79676344979734637, 6.29119547376504062 52.79717865212995775, 6.29265864441718037 52.79888858678701524, 6.28508248404785164 52.80152578487766135, 6.28490893496310932 52.79841866227468472, 6.28206689636697835 52.79445142821388259, 6.27641538144794797 52.79402079035185125, 6.27641538144794797 52.79402079035185125)))</t>
  </si>
  <si>
    <t>MultiPolygon (((6.29265864441718037 52.79888858678701524, 6.29119547376504062 52.79717865212995775, 6.29460893240581676 52.79676344979734637, 6.29071050759810291 52.79149513772129154, 6.29140211232257407 52.79110962115192507, 6.29026789892520544 52.78815132997462456, 6.28789893274863321 52.78656898306233103, 6.28674554684612907 52.78692201976391374, 6.27974561280152521 52.78152843624255297, 6.27771739596713196 52.78259062138716473, 6.27157109258931111 52.77814281894461601, 6.26928409152248722 52.77923599056782678, 6.27706428832191587 52.78481308914226844, 6.27621308063687788 52.7858147729361562, 6.27085989887712092 52.7890225749983486, 6.26200310176367481 52.78965188031169475, 6.25787575315077227 52.7913593397212324, 6.26023456268648193 52.79351977613858793, 6.26506031432599642 52.79173688071503534, 6.27583615608241807 52.79244168821233529, 6.27641538144794797 52.79402079035185125, 6.28206689636697835 52.79445142821388259, 6.28490893496310932 52.79841866227468472, 6.28508248404785164 52.80152578487766135, 6.29265864441718037 52.79888858678701524, 6.29265864441718037 52.79888858678701524)))</t>
  </si>
  <si>
    <t>MultiPolygon (((6.23762443822493218 52.80111619822409352, 6.24122655163893114 52.79634075149358097, 6.25027298773199647 52.78802088977992213, 6.24713204322188531 52.78350958908725232, 6.25031815627655263 52.77933672817496813, 6.25515721983533979 52.77978013382698919, 6.25812687009665591 52.78191537876532635, 6.26277710962501288 52.77986928737107064, 6.2567422957643597 52.77503907360386393, 6.25856706452246137 52.7705158566414454, 6.26376425127675684 52.77277114070211184, 6.26938925262691349 52.77679968486713591, 6.27235931119443091 52.77504593152765011, 6.281479572073005 52.76292186312323906, 6.2685557213322225 52.75840594912768466, 6.26174709303786869 52.75760449140397412, 6.25961424211201933 52.75795797521132613, 6.25467089141266719 52.75759710594159202, 6.25202752379322391 52.75831059538638357, 6.24741182109969717 52.75413576580290709, 6.24155504011308437 52.75065296759078848, 6.23663796880825494 52.74390321872149912, 6.23143877126356838 52.7417085833854884, 6.22065896703864585 52.74791142002023747, 6.21855584895159197 52.7483003870702376, 6.20184296087528697 52.72930708498182639, 6.19533922072827892 52.73956259787712497, 6.19407384022996599 52.74159405867315087, 6.18725768582410041 52.75275256797871748, 6.18596205777808983 52.75485926881192, 6.17759235807295859 52.76830249172638787, 6.17692568602412351 52.76821361898726792, 6.1756711131026929 52.76989311235590918, 6.17857774248537339 52.77027041772743132, 6.18075120758190177 52.77188655510861537, 6.18041526209485337 52.77329415171278271, 6.18871627819163894 52.77432545959571542, 6.18874651643375984 52.77524418716680543, 6.18680888747612734 52.77577846344696866, 6.18766643841801489 52.77915410079480552, 6.18481014904945692 52.78030455941114951, 6.19380786471907552 52.78640280634567006, 6.20173074225066312 52.79369609481708636, 6.1991035240289758 52.79582829616241213, 6.20339790203675445 52.79739618247122479, 6.20829427170590886 52.79790008178424188, 6.20949792630685504 52.79677064364319961, 6.21327015170331443 52.79811788949682949, 6.21470889124154446 52.7994059776914284, 6.22405036417742785 52.80118533726699326, 6.23297940807877815 52.80383639695195086, 6.23762443822493218 52.80111619822409352, 6.23762443822493218 52.80111619822409352),(6.2318606252312847 52.78334698544355064, 6.23190130211889937 52.77931989876446295, 6.22703090384707902 52.77931614060526755, 6.2242754667069855 52.77744374221036594, 6.22839596211938762 52.77553696312804021, 6.23051573301119266 52.77232984959958628, 6.23178931055406959 52.76168170119222367, 6.2300892888496584 52.76024961804748159, 6.23078431265887289 52.75850061953929071, 6.23523676448528796 52.7559368523758323, 6.23951847678961791 52.75871141183902324, 6.23673265067093663 52.76066525039566812, 6.24431880087660396 52.76343904721301925, 6.2455552955648761 52.76249772089804679, 6.24823321846903301 52.76330127926334512, 6.25181855359919769 52.76569229724474752, 6.2533791847545217 52.76827095366255804, 6.25074949568744653 52.77054583309499236, 6.24789724862886775 52.77071083545683194, 6.24970739084341176 52.7748161141450538, 6.24875619184940767 52.77935028232079873, 6.24511515360786884 52.77929511396930451, 6.2448096201565404 52.7833713017205497, 6.2318606252312847 52.78334698544355064, 6.2318606252312847 52.78334698544355064),(6.22401917161078266 52.78241598896144637, 6.21959440609680225 52.78260261284236066, 6.2194777959660037 52.7815608872012163, 6.20054108769894352 52.776667890602738, 6.19856317565245885 52.77541082622484225, 6.20042313818435886 52.77191113813381662, 6.21086841666094625 52.77260664014227132, 6.21077798362473654 52.7735481062109244, 6.20931911118735513 52.77359076299662632, 6.2105986164407696 52.77599159919338945, 6.21732072511612976 52.77746545213096141, 6.22174020445022347 52.77762330076433983, 6.22144200794841584 52.78110397103905171, 6.22378094720795971 52.7813414545287074, 6.22401917161078266 52.78241598896144637, 6.22401917161078266 52.78241598896144637)))</t>
  </si>
  <si>
    <t>MultiPolygon (((6.17857774248537339 52.77027041772743132, 6.1756711131026929 52.76989311235590918, 6.17444563861122564 52.77206007334521587, 6.17290597400690633 52.77305425554322937, 6.17658398514392815 52.77519975464204549, 6.18481014904945692 52.78030455941114951, 6.18766643841801489 52.77915410079480552, 6.18680888747612734 52.77577846344696866, 6.18874651643375984 52.77524418716680543, 6.18871627819163894 52.77432545959571542, 6.18041526209485337 52.77329415171278271, 6.18075120758190177 52.77188655510861537, 6.17857774248537339 52.77027041772743132, 6.17857774248537339 52.77027041772743132)))</t>
  </si>
  <si>
    <t>MultiPolygon (((6.21959440609680225 52.78260261284236066, 6.22401917161078266 52.78241598896144637, 6.22378094720795971 52.7813414545287074, 6.22144200794841584 52.78110397103905171, 6.22174020445022347 52.77762330076433983, 6.21732072511612976 52.77746545213096141, 6.2105986164407696 52.77599159919338945, 6.20931911118735513 52.77359076299662632, 6.21077798362473654 52.7735481062109244, 6.21086841666094625 52.77260664014227132, 6.20042313818435886 52.77191113813381662, 6.19856317565245885 52.77541082622484225, 6.20054108769894352 52.776667890602738, 6.2194777959660037 52.7815608872012163, 6.21959440609680225 52.78260261284236066, 6.21959440609680225 52.78260261284236066)))</t>
  </si>
  <si>
    <t>MultiPolygon (((6.24511515360786884 52.77929511396930451, 6.24875619184940767 52.77935028232079873, 6.24970739084341176 52.7748161141450538, 6.24789724862886775 52.77071083545683194, 6.25074949568744653 52.77054583309499236, 6.2533791847545217 52.76827095366255804, 6.25181855359919769 52.76569229724474752, 6.24823321846903301 52.76330127926334512, 6.2455552955648761 52.76249772089804679, 6.24431880087660396 52.76343904721301925, 6.23673265067093663 52.76066525039566812, 6.23951847678961791 52.75871141183902324, 6.23523676448528796 52.7559368523758323, 6.23078431265887289 52.75850061953929071, 6.2300892888496584 52.76024961804748159, 6.23178931055406959 52.76168170119222367, 6.23051573301119266 52.77232984959958628, 6.22839596211938762 52.77553696312804021, 6.2242754667069855 52.77744374221036594, 6.22703090384707902 52.77931614060526755, 6.23190130211889937 52.77931989876446295, 6.2318606252312847 52.78334698544355064, 6.2448096201565404 52.7833713017205497, 6.24511515360786884 52.77929511396930451, 6.24511515360786884 52.77929511396930451)))</t>
  </si>
  <si>
    <t>MultiPolygon (((6.3432042662854915 52.84867582097496097, 6.34738053680771497 52.85478695141553374, 6.35482947346246529 52.85210894084446664, 6.35355260244342812 52.85156827121890188, 6.36115636031007181 52.84095890524520911, 6.35494582561177701 52.83805551245097121, 6.34542501990154673 52.83702979725238436, 6.33818419269830891 52.8371613504357569, 6.33190254275169462 52.83546329232911631, 6.33781648109865436 52.8425717156197905, 6.34026752658820758 52.84225950800988159, 6.34089620487168659 52.84365029181307705, 6.34346288961529137 52.84516653208099513, 6.35056041544930494 52.84600811714368973, 6.35372597470459155 52.84490123907818315, 6.35309108505906917 52.84404642921581541, 6.35661465727112773 52.84284108493775278, 6.35793957774609986 52.84461537444494894, 6.35275826065012428 52.8463874599236263, 6.35224586209521291 52.84839180046488138, 6.35328978983650927 52.85076043782948574, 6.35074849683456222 52.85137358466061386, 6.34871190597262647 52.84699982215612835, 6.3432042662854915 52.84867582097496097, 6.3432042662854915 52.84867582097496097)))</t>
  </si>
  <si>
    <t>MultiPolygon (((6.33781648109865436 52.8425717156197905, 6.33829321510265942 52.84339922136143031, 6.33720781650959353 52.84522777294673546, 6.33283059238376023 52.84630271462702211, 6.3339237685524914 52.84965432485270043, 6.3432042662854915 52.84867582097496097, 6.34871190597262647 52.84699982215612835, 6.35074849683456222 52.85137358466061386, 6.35328978983650927 52.85076043782948574, 6.35224586209521291 52.84839180046488138, 6.35275826065012428 52.8463874599236263, 6.35793957774609986 52.84461537444494894, 6.35661465727112773 52.84284108493775278, 6.35309108505906917 52.84404642921581541, 6.35372597470459155 52.84490123907818315, 6.35056041544930494 52.84600811714368973, 6.34346288961529137 52.84516653208099513, 6.34089620487168659 52.84365029181307705, 6.34026752658820758 52.84225950800988159, 6.33781648109865436 52.8425717156197905, 6.33781648109865436 52.8425717156197905)))</t>
  </si>
  <si>
    <t>MultiPolygon (((6.35514688141399375 52.85364147425554648, 6.35915031123284802 52.85207661353198461, 6.36110274163470013 52.85214774861540121, 6.36234252530536537 52.85062609903463482, 6.35773284022435448 52.84774513570690146, 6.36014203892744412 52.84633811872339493, 6.36656957292781733 52.85137334066001102, 6.37117233026901086 52.84402217469551744, 6.36631336861508679 52.84172776122444048, 6.36115636031007181 52.84095890524520911, 6.35355260244342812 52.85156827121890188, 6.35482947346246529 52.85210894084446664, 6.34738053680771497 52.85478695141553374, 6.35107864735259042 52.85907566128512514, 6.360631355273207 52.8667786487042477, 6.36196836712477598 52.86872185842504024, 6.36671439344450985 52.87102018463712483, 6.36822357544010131 52.87169360887762082, 6.37180758025365002 52.86866183893664584, 6.36225031335708557 52.86213034117307785, 6.35872758873617805 52.85903326410056735, 6.36003700221115498 52.8584906680668567, 6.35967629243106725 52.85756512958975151, 6.35639877195326264 52.85606456315965573, 6.35514688141399375 52.85364147425554648, 6.35514688141399375 52.85364147425554648)),((6.3855066774917999 52.86645399243139565, 6.38031513823900109 52.8629900005491109, 6.37863751380005084 52.86374594461451437, 6.3760137862174151 52.86142353254543025, 6.36652675014416314 52.85575134879574222, 6.36527296508437423 52.85625389396859219, 6.36392515777941981 52.85866896553584127, 6.3672196561920531 52.86083366973802811, 6.37151578999715973 52.86619616894836327, 6.37742316694539468 52.86925849697257718, 6.37676663186191117 52.8703732879436501, 6.37279145997665886 52.87211598628051945, 6.37519817768435448 52.87536287948227454, 6.3726361334435202 52.87590741471409217, 6.37205054796814352 52.88125499857898149, 6.37687899381082612 52.88620809087331764, 6.37862663087433379 52.88697661337696587, 6.38143771980532382 52.88956276091609965, 6.38387515906633585 52.88912388601723791, 6.41999284636290746 52.88232187275992402, 6.42009597268899856 52.88202290833029195, 6.41529180083170303 52.8808517074158928, 6.40843901228215174 52.87755275099244301, 6.40616455862355227 52.87519229959714551, 6.40544580574151023 52.87226695317892933, 6.40093132325953729 52.87185098801717942, 6.3855066774917999 52.86645399243139565, 6.3855066774917999 52.86645399243139565)))</t>
  </si>
  <si>
    <t>MultiPolygon (((6.36225031335708557 52.86213034117307785, 6.3672196561920531 52.86083366973802811, 6.36392515777941981 52.85866896553584127, 6.36527296508437423 52.85625389396859219, 6.36652675014416314 52.85575134879574222, 6.3760137862174151 52.86142353254543025, 6.37863751380005084 52.86374594461451437, 6.38031513823900109 52.8629900005491109, 6.37702086446041605 52.85969675505311471, 6.36730908783748006 52.85284283775152403, 6.36583515303368319 52.85152765681610276, 6.36656957292781733 52.85137334066001102, 6.36014203892744412 52.84633811872339493, 6.35773284022435448 52.84774513570690146, 6.36234252530536537 52.85062609903463482, 6.36110274163470013 52.85214774861540121, 6.35915031123284802 52.85207661353198461, 6.35514688141399375 52.85364147425554648, 6.35639877195326264 52.85606456315965573, 6.35967629243106725 52.85756512958975151, 6.36003700221115498 52.8584906680668567, 6.35872758873617805 52.85903326410056735, 6.36225031335708557 52.86213034117307785, 6.36225031335708557 52.86213034117307785)))</t>
  </si>
  <si>
    <t>MultiPolygon (((6.37279145997665886 52.87211598628051945, 6.37676663186191117 52.8703732879436501, 6.37742316694539468 52.86925849697257718, 6.37151578999715973 52.86619616894836327, 6.3672196561920531 52.86083366973802811, 6.36225031335708557 52.86213034117307785, 6.37180758025365002 52.86866183893664584, 6.36822357544010131 52.87169360887762082, 6.36671439344450985 52.87102018463712483, 6.36377271153306889 52.87543223317815233, 6.36867975655327889 52.87704896758246065, 6.3726361334435202 52.87590741471409217, 6.37519817768435448 52.87536287948227454, 6.37279145997665886 52.87211598628051945, 6.37279145997665886 52.87211598628051945)))</t>
  </si>
  <si>
    <t>MultiPolygon (((6.42020565404273658 52.87791548291176724, 6.42769802491547804 52.87253152422194091, 6.42929673439094618 52.87311449641723726, 6.42972383924972402 52.87181331809622264, 6.43077879792002438 52.87186228642188723, 6.43144847271007425 52.86994596543272706, 6.4321436073357301 52.86776838430997572, 6.43102147197057405 52.86765862514407388, 6.43434500459446834 52.85699324023987344, 6.42924497156284236 52.85647390682669311, 6.4308592862110725 52.85044222299267602, 6.4210094540325251 52.85026846587434335, 6.41225036296146644 52.84886118841695435, 6.4086839222822567 52.8474341819746769, 6.40568248817672803 52.84483278881781843, 6.40200139943505242 52.84387839033453105, 6.39523077218852443 52.84462108815749559, 6.38795994536855805 52.84323932689089531, 6.38177077897634604 52.84344838336609484, 6.37346777431539735 52.8412194437621352, 6.36631336861508679 52.84172776122444048, 6.37117233026901086 52.84402217469551744, 6.36656957292781733 52.85137334066001102, 6.36583515303368319 52.85152765681610276, 6.36730908783748006 52.85284283775152403, 6.37702086446041605 52.85969675505311471, 6.38031513823900109 52.8629900005491109, 6.3855066774917999 52.86645399243139565, 6.40093132325953729 52.87185098801717942, 6.40544580574151023 52.87226695317892933, 6.40616455862355227 52.87519229959714551, 6.40843901228215174 52.87755275099244301, 6.41529180083170303 52.8808517074158928, 6.42009597268899856 52.88202290833029195, 6.41963960415713686 52.8814747314165885, 6.42226347257634522 52.8803138532790129, 6.42020565404273658 52.87791548291176724, 6.42020565404273658 52.87791548291176724),(6.37578236747571125 52.85070137015681979, 6.37930346492518474 52.84964591322412275, 6.39204302894413345 52.85123501625717779, 6.39343978461227991 52.85167259716945409, 6.39360372406994681 52.85486333563682138, 6.39304902812828146 52.85553755687123356, 6.39109402148479955 52.85483842728573478, 6.39004228693430143 52.85578193733451968, 6.37743994004949144 52.85290182354125221, 6.3754359837951764 52.85152937168143694, 6.37578236747571125 52.85070137015681979, 6.37578236747571125 52.85070137015681979)))</t>
  </si>
  <si>
    <t>MultiPolygon (((6.39109402148479955 52.85483842728573478, 6.39304902812828146 52.85553755687123356, 6.39360372406994681 52.85486333563682138, 6.39343978461227991 52.85167259716945409, 6.39204302894413345 52.85123501625717779, 6.37930346492518474 52.84964591322412275, 6.37578236747571125 52.85070137015681979, 6.3754359837951764 52.85152937168143694, 6.37743994004949144 52.85290182354125221, 6.39004228693430143 52.85578193733451968, 6.39109402148479955 52.85483842728573478, 6.39109402148479955 52.85483842728573478)))</t>
  </si>
  <si>
    <t>MultiPolygon (((6.46071591758519581 52.85306614129712699, 6.4631501225457697 52.8488921553999873, 6.46189272875543708 52.84847600589614558, 6.46208931408639309 52.8465579285935263, 6.46115286802886057 52.84510436486184659, 6.46266724641530654 52.83867685936386493, 6.47612507444351415 52.83816109982596032, 6.48002612970192615 52.83694436227975899, 6.47631411635438337 52.83280560518042535, 6.46766204631506447 52.8218151722980096, 6.46402471987242233 52.81813768829098876, 6.4622669433690012 52.81649232809163408, 6.46133876275165431 52.81534608775233863, 6.46044594314447806 52.81616139852236103, 6.4592819574884528 52.81520019160639379, 6.45990786523458738 52.81386382515709954, 6.45870726347845636 52.80875185577450992, 6.45545074285587628 52.80055649532546624, 6.43863745143897503 52.80406248171566119, 6.41363229978763272 52.7973299281033448, 6.39585675575106993 52.79049241896960609, 6.39357580420017513 52.7953513629217781, 6.38082127122028542 52.79807370178755832, 6.38663701707345499 52.81023312728385832, 6.38455293175048144 52.81106730198939658, 6.38289898579588222 52.8151641420621516, 6.3832439628748352 52.81638015106801731, 6.37687732352843994 52.82076951258714814, 6.3759431424091586 52.82545566392234804, 6.3830716425135714 52.82562100675255579, 6.38360043164013824 52.83814753339879644, 6.38177077897634604 52.84344838336609484, 6.38795994536855805 52.84323932689089531, 6.39523077218852443 52.84462108815749559, 6.40200139943505242 52.84387839033453105, 6.40568248817672803 52.84483278881781843, 6.4086839222822567 52.8474341819746769, 6.41225036296146644 52.84886118841695435, 6.4210094540325251 52.85026846587434335, 6.4308592862110725 52.85044222299267602, 6.43552131674757799 52.85114556159020083, 6.44119973239619892 52.84991812487681528, 6.45127311817817173 52.85001545342266382, 6.46071591758519581 52.85306614129712699, 6.46071591758519581 52.85306614129712699),(6.42382800172732971 52.84623908000929049, 6.41144263663822844 52.8406223820226657, 6.40822776421457352 52.83407132120294847, 6.40291030628312896 52.83080102232649011, 6.39839076647677096 52.82812474190298957, 6.39668823830877642 52.82899351713525249, 6.39582055675252903 52.83158243557225831, 6.39671549768173353 52.83357956835870795, 6.39239461392387032 52.83515400856206412, 6.39090481736162097 52.83283157514298267, 6.39197921111801381 52.83263660202668888, 6.39160524130810614 52.8261060576605388, 6.38832431550509483 52.82569833758643085, 6.38931490795770696 52.82360329677711519, 6.39227964087508038 52.82259536099870445, 6.40073145156885381 52.82437348383623998, 6.40173532259967537 52.82556642415566017, 6.40124493569476538 52.82790334171522062, 6.40600626857844713 52.82815314666574835, 6.40754583016297197 52.82901342561203251, 6.40631384481796839 52.82970193672520054, 6.41298679194863652 52.83362885534960185, 6.41463055452002617 52.83890985623432357, 6.42046217578854339 52.84206171984693157, 6.42624244139998169 52.84420774183075764, 6.42989660226141879 52.84314400154295299, 6.43302240892590493 52.84046652182892245, 6.43619200927997959 52.84062572686480763, 6.43652480966447715 52.84310945206965471, 6.43414988357473749 52.84335950021689143, 6.43372678907755802 52.84193256167529995, 6.43300199083260704 52.84203665661762273, 6.43017466115532699 52.84415431750002057, 6.43172343473601948 52.84487097263029654, 6.43019510513813763 52.84650822616070087, 6.42752345162589478 52.84583842459331038, 6.42674211923972294 52.84630920264403642, 6.42777588629024788 52.8474595359137993, 6.42359780811534531 52.84735942533485797, 6.42382800172732971 52.84623908000929049, 6.42382800172732971 52.84623908000929049)))</t>
  </si>
  <si>
    <t>MultiPolygon (((6.40291030628312896 52.83080102232649011, 6.40822776421457352 52.83407132120294847, 6.41144263663822844 52.8406223820226657, 6.42382800172732971 52.84623908000929049, 6.42359780811534531 52.84735942533485797, 6.42777588629024788 52.8474595359137993, 6.42674211923972294 52.84630920264403642, 6.42752345162589478 52.84583842459331038, 6.43019510513813763 52.84650822616070087, 6.43172343473601948 52.84487097263029654, 6.43017466115532699 52.84415431750002057, 6.43300199083260704 52.84203665661762273, 6.43372678907755802 52.84193256167529995, 6.43414988357473749 52.84335950021689143, 6.43652480966447715 52.84310945206965471, 6.43619200927997959 52.84062572686480763, 6.43302240892590493 52.84046652182892245, 6.42989660226141879 52.84314400154295299, 6.42624244139998169 52.84420774183075764, 6.42046217578854339 52.84206171984693157, 6.41463055452002617 52.83890985623432357, 6.41298679194863652 52.83362885534960185, 6.40631384481796839 52.82970193672520054, 6.4034690155907299 52.82994022900179232, 6.40291030628312896 52.83080102232649011, 6.40291030628312896 52.83080102232649011)))</t>
  </si>
  <si>
    <t>MultiPolygon (((6.40291030628312896 52.83080102232649011, 6.4034690155907299 52.82994022900179232, 6.40631384481796839 52.82970193672520054, 6.40754583016297197 52.82901342561203251, 6.40600626857844713 52.82815314666574835, 6.40124493569476538 52.82790334171522062, 6.40173532259967537 52.82556642415566017, 6.40073145156885381 52.82437348383623998, 6.39227964087508038 52.82259536099870445, 6.38931490795770696 52.82360329677711519, 6.38832431550509483 52.82569833758643085, 6.39160524130810614 52.8261060576605388, 6.39197921111801381 52.83263660202668888, 6.39090481736162097 52.83283157514298267, 6.39239461392387032 52.83515400856206412, 6.39671549768173353 52.83357956835870795, 6.39582055675252903 52.83158243557225831, 6.39668823830877642 52.82899351713525249, 6.39839076647677096 52.82812474190298957, 6.40291030628312896 52.83080102232649011, 6.40291030628312896 52.83080102232649011)))</t>
  </si>
  <si>
    <t>MultiPolygon (((6.36631336861508679 52.84172776122444048, 6.37346777431539735 52.8412194437621352, 6.38177077897634604 52.84344838336609484, 6.38360043164013824 52.83814753339879644, 6.3830716425135714 52.82562100675255579, 6.3759431424091586 52.82545566392234804, 6.37687732352843994 52.82076951258714814, 6.3832439628748352 52.81638015106801731, 6.38289898579588222 52.8151641420621516, 6.38455293175048144 52.81106730198939658, 6.38663701707345499 52.81023312728385832, 6.38082127122028542 52.79807370178755832, 6.36577370505980955 52.79911717425469675, 6.35365815772850073 52.79891161832077984, 6.34624459473962332 52.79894517925714581, 6.34885679469301589 52.80243581335547987, 6.34715763769821439 52.80291853337127606, 6.34545843098722884 52.80252216691184941, 6.34102026132190044 52.80790796523621111, 6.3377331946090294 52.81020461555397105, 6.33838029190761443 52.8111779333447231, 6.33598715425947212 52.81278773800219994, 6.33227132071283716 52.81037106451211116, 6.33951883489324253 52.80460538324468445, 6.34168482202365613 52.80165822576221757, 6.33890986889328545 52.80081090800212706, 6.34068077071784675 52.79897782774493464, 6.32084737321347312 52.79538852174584207, 6.30940089671217663 52.79532161532608825, 6.30849688294617916 52.79878290754348313, 6.30925725707537755 52.80003635526622219, 6.31387906878794425 52.80212934049274054, 6.31390812948758384 52.80280146753835169, 6.3104180514527517 52.80656272462000089, 6.30619776386779041 52.80820123577966285, 6.30736425832419378 52.81205614667940296, 6.30954530860387841 52.81532240466435724, 6.31777577322602646 52.8227559514964824, 6.31897458871847562 52.82421991463372279, 6.32007390947251668 52.82491736822748862, 6.3252683031728818 52.82741210085737293, 6.33190254275169462 52.83546329232911631, 6.33818419269830891 52.8371613504357569, 6.34542501990154673 52.83702979725238436, 6.35494582561177701 52.83805551245097121, 6.36115636031007181 52.84095890524520911, 6.36631336861508679 52.84172776122444048, 6.36631336861508679 52.84172776122444048),(6.35486028960146498 52.83318461386174647, 6.35377287911628663 52.82997659621955222, 6.34810136426061433 52.82584004658163934, 6.33984083127935527 52.81769488975684368, 6.34237361984276138 52.8169129565262665, 6.35392229545904552 52.8259221756856121, 6.35277459615873585 52.82669257746125169, 6.3548971781535295 52.82794648844441809, 6.36068397844365574 52.82948167847987264, 6.37486120696910152 52.83003461624322483, 6.38101421090053567 52.83346882573962944, 6.38057461641461732 52.83924730826781513, 6.36341025529877413 52.83920258581468943, 6.35582633089944427 52.83518764261781087, 6.35674731305142959 52.8341612401413343, 6.35486028960146498 52.83318461386174647, 6.35486028960146498 52.83318461386174647)))</t>
  </si>
  <si>
    <t>MultiPolygon (((6.44973408944508719 52.79276345332110765, 6.44692032410351867 52.78588928878105691, 6.43698239041949805 52.79199670753169471, 6.43665562580247919 52.7914645064396808, 6.43314386929148352 52.79076786141974509, 6.42957330168081942 52.78870511129177601, 6.43001164186305463 52.78716537348351068, 6.43256641542877095 52.78646850102289534, 6.43199766120695315 52.78456378482792388, 6.42805077092615118 52.78370997900053396, 6.42753040081484261 52.78250136605024778, 6.42376261736423615 52.78285382737772125, 6.42260164163297897 52.78248589765316012, 6.42160171687305859 52.7810781326718228, 6.4204404374826165 52.78091382019990618, 6.41892305659098028 52.7816568074504886, 6.41665347202152248 52.7817292877731532, 6.41637641379488244 52.7863873307496192, 6.41294784284939823 52.78831815121765203, 6.41029377561086466 52.78710963699329994, 6.4102386837923504 52.78634541442544759, 6.40730529859625708 52.78553249089254251, 6.40057599246963793 52.78086870414456655, 6.394041748838589 52.77744853008682213, 6.39152812972328732 52.77957377204115375, 6.38982472454565453 52.77895945846356085, 6.38799659833961897 52.77934510900898601, 6.38736723894522918 52.7790315249164621, 6.38682389011688656 52.77995615312965327, 6.37791649413984096 52.78520361894693025, 6.37321292523988348 52.78232278811885436, 6.37456190398755496 52.78153192230372071, 6.37206784397087489 52.78000195417472185, 6.37067697930682009 52.7807689710647594, 6.36985731123989574 52.78026579638837035, 6.36805446359090155 52.78135346728645771, 6.36702737917058581 52.7810826217486877, 6.36333034528289776 52.78196898490562461, 6.36090034513658065 52.78323316011405097, 6.35916761027596422 52.78281282027856491, 6.35887372059289735 52.78176635785759174, 6.35599482277751715 52.78033880987497639, 6.3554995235463565 52.77951591766417039, 6.35375576555723587 52.78204601227270132, 6.35373410785816262 52.78248904465273483, 6.35228417453169758 52.78238747034229306, 6.35124546013916635 52.78327097068346774, 6.3500795205759184 52.7828261840249553, 6.34947776194037061 52.78340508073834769, 6.35334543690697728 52.78541045209578897, 6.35208179675514462 52.78784123106151327, 6.3510299682045348 52.78765004827751284, 6.35046406556442466 52.78859037770801876, 6.34822059545525352 52.7881143513963309, 6.34580322190724999 52.7884182080204809, 6.34295675707607298 52.78969272985703753, 6.35043935861800257 52.79183947593708126, 6.35247958440758254 52.79453485530025603, 6.35459649655083858 52.79519847015237133, 6.35365815772850073 52.79891161832077984, 6.36577370505980955 52.79911717425469675, 6.38082127122028542 52.79807370178755832, 6.39357580420017513 52.7953513629217781, 6.39585675575106993 52.79049241896960609, 6.41363229978763272 52.7973299281033448, 6.43863745143897503 52.80406248171566119, 6.45545074285587628 52.80055649532546624, 6.44973408944508719 52.79276345332110765, 6.44973408944508719 52.79276345332110765)))</t>
  </si>
  <si>
    <t>MultiPolygon (((6.34068077071784675 52.79897782774493464, 6.33890986889328545 52.80081090800212706, 6.34168482202365613 52.80165822576221757, 6.33951883489324253 52.80460538324468445, 6.33227132071283716 52.81037106451211116, 6.33598715425947212 52.81278773800219994, 6.33838029190761443 52.8111779333447231, 6.3377331946090294 52.81020461555397105, 6.34102026132190044 52.80790796523621111, 6.34545843098722884 52.80252216691184941, 6.34715763769821439 52.80291853337127606, 6.34885679469301589 52.80243581335547987, 6.34624459473962332 52.79894517925714581, 6.34591914404099811 52.79894695067741139, 6.34068077071784675 52.79897782774493464, 6.34068077071784675 52.79897782774493464)))</t>
  </si>
  <si>
    <t>MultiPolygon (((6.35486028960146498 52.83318461386174647, 6.36068397844365574 52.82948167847987264, 6.3548971781535295 52.82794648844441809, 6.35277459615873585 52.82669257746125169, 6.35392229545904552 52.8259221756856121, 6.34237361984276138 52.8169129565262665, 6.33984083127935527 52.81769488975684368, 6.34810136426061433 52.82584004658163934, 6.35377287911628663 52.82997659621955222, 6.35486028960146498 52.83318461386174647, 6.35486028960146498 52.83318461386174647)))</t>
  </si>
  <si>
    <t>MultiPolygon (((6.35486028960146498 52.83318461386174647, 6.35674731305142959 52.8341612401413343, 6.35582633089944427 52.83518764261781087, 6.36341025529877413 52.83920258581468943, 6.38057461641461732 52.83924730826781513, 6.38101421090053567 52.83346882573962944, 6.37486120696910152 52.83003461624322483, 6.36068397844365574 52.82948167847987264, 6.35486028960146498 52.83318461386174647, 6.35486028960146498 52.83318461386174647)))</t>
  </si>
  <si>
    <t>MultiPolygon (((6.30298525513556029 52.92497236674813621, 6.33328054450782751 52.90635606520578449, 6.36902618702309464 52.92197562617857898, 6.38555007984957879 52.91554733126842791, 6.38417261454539542 52.91425013101137864, 6.38559017189478695 52.91367621178331149, 6.38343905474363194 52.91165055045853904, 6.38128851347871873 52.91241027219570014, 6.37791700532384542 52.90865768624196619, 6.3793985304481966 52.9082172367691399, 6.37772307160124452 52.9067948140940203, 6.37656660251234619 52.90715443904414883, 6.37049601043033498 52.90322738001008673, 6.36901807973032863 52.90368406931433753, 6.368513126310825 52.90317595424286168, 6.36722103850118515 52.90339543639473874, 6.35956025976344375 52.89453434158461675, 6.34994479847349957 52.88982836205882165, 6.3413556864158922 52.88741356319891196, 6.3392720774592064 52.88432519656105057, 6.33103851365824788 52.88081995973960403, 6.32357342583373505 52.88233972435937602, 6.31734157073897151 52.88723525404736847, 6.30852147133630581 52.88742612517665975, 6.29666410484635275 52.88567026421248585, 6.28261870941100309 52.90496859785264405, 6.28122812554669974 52.90449766094796757, 6.27876085650354021 52.90595682372296693, 6.24234301581249618 52.9183452175366611, 6.24482959280562966 52.9195869993494199, 6.24725868954985053 52.92334744566652915, 6.24755294660246818 52.92369168616267672, 6.25659306340923482 52.9276412329360042, 6.28315524257485958 52.92614773714616661, 6.30298525513556029 52.92497236674813621, 6.30298525513556029 52.92497236674813621),(6.25763283644286972 52.91897742328322352, 6.25962430773962364 52.91774742018501598, 6.26237603259892595 52.91928593550836979, 6.25509710702222943 52.92380158332725415, 6.24993990772382091 52.92123840079015196, 6.25815643667671218 52.91935891502723166, 6.25763283644286972 52.91897742328322352, 6.25763283644286972 52.91897742328322352)))</t>
  </si>
  <si>
    <t>MultiPolygon (((6.26237603259892595 52.91928593550836979, 6.25962430773962364 52.91774742018501598, 6.25763283644286972 52.91897742328322352, 6.25815643667671218 52.91935891502723166, 6.24993990772382091 52.92123840079015196, 6.25509710702222943 52.92380158332725415, 6.26237603259892595 52.91928593550836979, 6.26237603259892595 52.91928593550836979)))</t>
  </si>
  <si>
    <t>MultiPolygon (((6.23988989323820586 52.86974732638442021, 6.244990671761947 52.87204736167599606, 6.25918987470878108 52.88551861761279582, 6.27533973284109514 52.87626035145969183, 6.28780050776562671 52.87149484117426823, 6.28770973293140312 52.87082880581923661, 6.30264225812892587 52.86417711039604939, 6.30158227155239281 52.86206711351626808, 6.29623371608740623 52.86006794196840275, 6.28426028042968543 52.8468578042920214, 6.27324859993412609 52.83804745982528317, 6.27032750297529251 52.83685475681868837, 6.26685583517964151 52.8370318848748326, 6.25007093040781125 52.84019683278498292, 6.2431400321569912 52.84035912409704849, 6.23384567398810319 52.8384927131391251, 6.21895967143279282 52.84011628377943737, 6.22048910128267263 52.84132334058923419, 6.22584961959799443 52.85051088979879808, 6.22948346267722464 52.86174200245977062, 6.23542160917873556 52.86740438418852506, 6.23988989323820586 52.86974732638442021, 6.23988989323820586 52.86974732638442021),(6.26758971377965146 52.86487514685754263, 6.26625607255132699 52.86553653751995085, 6.26324982214922255 52.86395166993349903, 6.26527125155782816 52.86130811685904263, 6.26416545472761932 52.85852130172253283, 6.26198301614891228 52.85748865938707297, 6.25657091091528361 52.8564998413231848, 6.25653121803936152 52.85717555524778533, 6.25488748961224239 52.85746293932216133, 6.25077696248437586 52.85400923064560175, 6.25743600850984194 52.84918536505643516, 6.26528228040050106 52.84936488389039511, 6.28149866838505222 52.85523872286345437, 6.27817294772320267 52.85997055544340384, 6.27803313115212447 52.86411684919605847, 6.26758971377965146 52.86487514685754263, 6.26758971377965146 52.86487514685754263)))</t>
  </si>
  <si>
    <t>MultiPolygon (((6.26758971377965146 52.86487514685754263, 6.27803313115212447 52.86411684919605847, 6.27817294772320267 52.85997055544340384, 6.28149866838505222 52.85523872286345437, 6.26528228040050106 52.84936488389039511, 6.25743600850984194 52.84918536505643516, 6.25077696248437586 52.85400923064560175, 6.25488748961224239 52.85746293932216133, 6.25653121803936152 52.85717555524778533, 6.25657091091528361 52.8564998413231848, 6.26198301614891228 52.85748865938707297, 6.26416545472761932 52.85852130172253283, 6.26527125155782816 52.86130811685904263, 6.26324982214922255 52.86395166993349903, 6.26625607255132699 52.86553653751995085, 6.26758971377965146 52.86487514685754263, 6.26758971377965146 52.86487514685754263)))</t>
  </si>
  <si>
    <t>MultiPolygon (((6.25918987470878108 52.88551861761279582, 6.26644900259995907 52.89157251937506743, 6.2690376691177212 52.89547620202194622, 6.27562688170932592 52.90197709627076961, 6.28122812554669974 52.90449766094796757, 6.28261870941100309 52.90496859785264405, 6.29666410484635275 52.88567026421248585, 6.30852147133630581 52.88742612517665975, 6.31734157073897151 52.88723525404736847, 6.32357342583373505 52.88233972435937602, 6.33103851365824788 52.88081995973960403, 6.3392720774592064 52.88432519656105057, 6.3413556864158922 52.88741356319891196, 6.34994479847349957 52.88982836205882165, 6.35956025976344375 52.89453434158461675, 6.37326558264145238 52.89027440497116572, 6.36655425994350477 52.88166392502690627, 6.36867975655327889 52.87704896758246065, 6.36377271153306889 52.87543223317815233, 6.36671439344450985 52.87102018463712483, 6.36196836712477598 52.86872185842504024, 6.360631355273207 52.8667786487042477, 6.35107864735259042 52.85907566128512514, 6.34738053680771497 52.85478695141553374, 6.3432042662854915 52.84867582097496097, 6.3339237685524914 52.84965432485270043, 6.33283059238376023 52.84630271462702211, 6.33720781650959353 52.84522777294673546, 6.33829321510265942 52.84339922136143031, 6.33781648109865436 52.8425717156197905, 6.33190254275169462 52.83546329232911631, 6.3252683031728818 52.82741210085737293, 6.32007390947251668 52.82491736822748862, 6.31802562376858923 52.82598936652764365, 6.31396872447241719 52.82492117555012356, 6.30846971127937017 52.82658484989830328, 6.30793199974647756 52.8278247315389109, 6.30952646149981522 52.83011703754688426, 6.30764190750925735 52.8303995301299878, 6.30478565859206697 52.82962225746823037, 6.29973009820245178 52.82933752564272822, 6.29818145913465788 52.82978692832386969, 6.29723447273987968 52.82763051797597598, 6.3051261270467327 52.8273964511295091, 6.30940410807220697 52.82410560607910099, 6.3090771301910884 52.82295609883245646, 6.30652477302709613 52.82123006208659888, 6.30765485465992271 52.82064841299264657, 6.31204632392778908 52.82220682857795424, 6.31777577322602646 52.8227559514964824, 6.30954530860387841 52.81532240466435724, 6.30736425832419378 52.81205614667940296, 6.30152366142619069 52.81384460014452031, 6.27498871805163105 52.81783214161549722, 6.27240090285020102 52.81868213221696351, 6.27210055111318887 52.82159505593991611, 6.27112380981311901 52.82962888173756966, 6.27078300635776209 52.83265892342518555, 6.27032750297529251 52.83685475681868837, 6.27324859993412609 52.83804745982528317, 6.28426028042968543 52.8468578042920214, 6.29623371608740623 52.86006794196840275, 6.30158227155239281 52.86206711351626808, 6.30264225812892587 52.86417711039604939, 6.28770973293140312 52.87082880581923661, 6.28780050776562671 52.87149484117426823, 6.27533973284109514 52.87626035145969183, 6.25918987470878108 52.88551861761279582, 6.25918987470878108 52.88551861761279582),(6.30841280488825706 52.86079681437207256, 6.30446291739477704 52.86172146929099114, 6.30245222095189472 52.85821934247537968, 6.30320349919222433 52.85746599282101243, 6.30645924964998539 52.85778550395365016, 6.30525579501043865 52.85365118855555266, 6.30810674041244823 52.85345227677602509, 6.31385118247913724 52.85180662340084723, 6.31307251557148508 52.84853177268075086, 6.31613092563479217 52.84639081065792965, 6.32121741934113501 52.84622357693446304, 6.32336264198094611 52.84755818747457567, 6.32218099844022863 52.84873409220488583, 6.32542023105822171 52.85109303525813829, 6.3298983183346369 52.85594668819938846, 6.3293990259184767 52.8581929049987238, 6.32295937602768632 52.85680342529472142, 6.32322783783232101 52.85838697171782741, 6.32165769866033322 52.85952771926973526, 6.31963617288501212 52.85970979966641892, 6.31746358164984656 52.85815852491278832, 6.30841280488825706 52.86079681437207256, 6.30841280488825706 52.86079681437207256)))</t>
  </si>
  <si>
    <t>MultiPolygon (((6.32007390947251668 52.82491736822748862, 6.31897458871847562 52.82421991463372279, 6.31777577322602646 52.8227559514964824, 6.31204632392778908 52.82220682857795424, 6.30765485465992271 52.82064841299264657, 6.30652477302709613 52.82123006208659888, 6.3090771301910884 52.82295609883245646, 6.30940410807220697 52.82410560607910099, 6.3051261270467327 52.8273964511295091, 6.29723447273987968 52.82763051797597598, 6.29818145913465788 52.82978692832386969, 6.29973009820245178 52.82933752564272822, 6.30478565859206697 52.82962225746823037, 6.30764190750925735 52.8303995301299878, 6.30952646149981522 52.83011703754688426, 6.30793199974647756 52.8278247315389109, 6.30846971127937017 52.82658484989830328, 6.31396872447241719 52.82492117555012356, 6.31802562376858923 52.82598936652764365, 6.32007390947251668 52.82491736822748862, 6.32007390947251668 52.82491736822748862)))</t>
  </si>
  <si>
    <t>MultiPolygon (((6.30841280488825706 52.86079681437207256, 6.31746358164984656 52.85815852491278832, 6.31963617288501212 52.85970979966641892, 6.32165769866033322 52.85952771926973526, 6.32322783783232101 52.85838697171782741, 6.32295937602768632 52.85680342529472142, 6.3293990259184767 52.8581929049987238, 6.3298983183346369 52.85594668819938846, 6.32542023105822171 52.85109303525813829, 6.32218099844022863 52.84873409220488583, 6.32336264198094611 52.84755818747457567, 6.32121741934113501 52.84622357693446304, 6.31613092563479217 52.84639081065792965, 6.31307251557148508 52.84853177268075086, 6.31385118247913724 52.85180662340084723, 6.30810674041244823 52.85345227677602509, 6.30525579501043865 52.85365118855555266, 6.30645924964998539 52.85778550395365016, 6.30320349919222433 52.85746599282101243, 6.30245222095189472 52.85821934247537968, 6.30446291739477704 52.86172146929099114, 6.30841280488825706 52.86079681437207256, 6.30841280488825706 52.86079681437207256)))</t>
  </si>
  <si>
    <t>MultiPolygon (((6.49642774892766006 53.19813743330674072, 6.5068447068421742 53.20014503853779075, 6.51333605488891365 53.19697354357589347, 6.50913749073838321 53.19664193338773828, 6.50795375315075386 53.18601423955781371, 6.50556057546433397 53.18221792154820804, 6.50886326673618409 53.18098963458287187, 6.51277530314694353 53.18612241422680853, 6.51397510527486467 53.19402806987850596, 6.517114294056916 53.18885036857298587, 6.51839364852807268 53.18734527902167031, 6.52138358111136363 53.18576233502130179, 6.53572711182489385 53.16737728715860101, 6.536216917982828 53.16284059266693873, 6.53412606643551541 53.16093317066545154, 6.53779008151736996 53.15831391768754344, 6.5339247767864217 53.15184137179173973, 6.53712648384285178 53.14904993978056069, 6.53832441698202693 53.14552262047399722, 6.53681536047820977 53.1422094081334393, 6.54008397195058588 53.13877028399019764, 6.53912060204421763 53.13255646771825269, 6.53376785012076322 53.13269629678519834, 6.51774654715961255 53.13142927616348032, 6.51507844046709472 53.13118482859389502, 6.51092997484126546 53.1306930529899617, 6.51250176463350172 53.1256044627906121, 6.50497867002092711 53.12234337593899625, 6.50089404851224373 53.12057681645152485, 6.49842533301501479 53.12335938385350431, 6.48029955458853646 53.12078670118247459, 6.48132677060939422 53.11846307414562318, 6.47462803869270509 53.11738145916319809, 6.47222912726464461 53.11965153426810815, 6.45553364894952963 53.12694137563364905, 6.45448802143115774 53.12991623790865958, 6.45502036482575203 53.13806784944279116, 6.46002055702591438 53.14288823787287441, 6.45959892919742096 53.14614791739570876, 6.46106661693315942 53.14818705604695026, 6.47373965202101953 53.15274523017205865, 6.48181632501983085 53.15769741662197845, 6.48678541540005593 53.16650358297586365, 6.488096918791598 53.17115325495329614, 6.49825784316584976 53.17984150366907414, 6.49889689513442548 53.18323693447120348, 6.49707050642896977 53.18737804334206487, 6.50006512159160899 53.19096113312696161, 6.50073877635855002 53.19307285680938691, 6.50009289055365702 53.19472167226557957, 6.49642774892766006 53.19813743330674072, 6.49642774892766006 53.19813743330674072),(6.49340252880470103 53.15574674205930705, 6.49083144106498899 53.15590518391255159, 6.4840663881752052 53.15406204576490978, 6.48329237543482684 53.14932146205648422, 6.4817483043511599 53.14794435473011447, 6.48080627399321152 53.14250939216807978, 6.48153999293396144 53.14168604661326611, 6.48442505351901755 53.14041952847833272, 6.49591024560923991 53.13806084349296555, 6.49767112700337535 53.13881642123733684, 6.50803924576391779 53.13987297470077209, 6.51126139669642523 53.13480246361010018, 6.51842921571503453 53.13576284609730749, 6.51942334910841748 53.13698461544365159, 6.51731923735241203 53.14168197761806312, 6.51103520434876337 53.14060259318871005, 6.5094071684208652 53.14109975327687607, 6.50792844449053831 53.14303727075706263, 6.51011353173248253 53.14609919393852522, 6.50990811229755639 53.14699527713775495, 6.50868825374822624 53.14820302817830111, 6.50660612956229834 53.14767993308912253, 6.50379520843836634 53.15275881453500517, 6.49663233808767604 53.15179637735982965, 6.49551622738435075 53.15493565992357361, 6.49340252880470103 53.15574674205930705, 6.49340252880470103 53.15574674205930705),(6.48103164810832766 53.13148426116702439, 6.47909747749959664 53.1345365372027274, 6.4738207779097392 53.13363249809805922, 6.47192137341822171 53.13111101990136831, 6.47318285455994236 53.13005210293378866, 6.475351317999956 53.1299543579185567, 6.48103164810832766 53.13148426116702439, 6.48103164810832766 53.13148426116702439)))</t>
  </si>
  <si>
    <t>MultiPolygon (((6.51333605488891365 53.19697354357589347, 6.51338598903973143 53.19693701780399664, 6.51397510527486467 53.19402806987850596, 6.51277530314694353 53.18612241422680853, 6.50886326673618409 53.18098963458287187, 6.50556057546433397 53.18221792154820804, 6.50795375315075386 53.18601423955781371, 6.50913749073838321 53.19664193338773828, 6.51333605488891365 53.19697354357589347, 6.51333605488891365 53.19697354357589347)))</t>
  </si>
  <si>
    <t>MultiPolygon (((6.48103164810832766 53.13148426116702439, 6.475351317999956 53.1299543579185567, 6.47318285455994236 53.13005210293378866, 6.47192137341822171 53.13111101990136831, 6.4738207779097392 53.13363249809805922, 6.47909747749959664 53.1345365372027274, 6.48103164810832766 53.13148426116702439, 6.48103164810832766 53.13148426116702439)))</t>
  </si>
  <si>
    <t>MultiPolygon (((6.49340252880470103 53.15574674205930705, 6.49551622738435075 53.15493565992357361, 6.49663233808767604 53.15179637735982965, 6.50379520843836634 53.15275881453500517, 6.50660612956229834 53.14767993308912253, 6.50868825374822624 53.14820302817830111, 6.50990811229755639 53.14699527713775495, 6.51011353173248253 53.14609919393852522, 6.50792844449053831 53.14303727075706263, 6.5094071684208652 53.14109975327687607, 6.51103520434876337 53.14060259318871005, 6.51731923735241203 53.14168197761806312, 6.51942334910841748 53.13698461544365159, 6.51842921571503453 53.13576284609730749, 6.51126139669642523 53.13480246361010018, 6.50803924576391779 53.13987297470077209, 6.49767112700337535 53.13881642123733684, 6.49591024560923991 53.13806084349296555, 6.48442505351901755 53.14041952847833272, 6.48153999293396144 53.14168604661326611, 6.48080627399321152 53.14250939216807978, 6.4817483043511599 53.14794435473011447, 6.48329237543482684 53.14932146205648422, 6.4840663881752052 53.15406204576490978, 6.49083144106498899 53.15590518391255159, 6.49340252880470103 53.15574674205930705, 6.49340252880470103 53.15574674205930705)))</t>
  </si>
  <si>
    <t>MultiPolygon (((6.4070440796484629 53.07187109102150657, 6.40728292462090909 53.06908714135943939, 6.40963124778694038 53.06686089240706394, 6.41014823199951955 53.06449299633606387, 6.41592118756666174 53.05917622391547184, 6.41708476880624623 53.05640731607142868, 6.41560857415571117 53.05334601638334391, 6.41261043686639187 53.05231749945487252, 6.40882158810440217 53.04937869507778458, 6.40890117176613128 53.04781826852806148, 6.41807576486383624 53.04034128760870459, 6.42010082222863421 53.04053950143455864, 6.43789241892901032 53.03427640363564421, 6.4404718970320971 53.0333679636803339, 6.4282140660225453 53.02045965663951677, 6.42989389445314252 53.02046636631349941, 6.42692713702879015 53.01749454776316384, 6.4274428661272216 53.01431941781154222, 6.44972579186670014 53.0150895846920136, 6.45919371216141158 53.01663787705998487, 6.4660554290155039 52.99951774021710804, 6.41366392953038034 52.98562636157328143, 6.41327983763448906 52.98552292733334212, 6.40268646302722733 52.9956533412612032, 6.37407193790400495 53.02295634085178477, 6.36252137221140757 53.03396902909501875, 6.36321882835212627 53.03926245401919459, 6.3649239667361277 53.05197788689469718, 6.38055823139420664 53.06152673774143125, 6.4070440796484629 53.07187109102150657, 6.4070440796484629 53.07187109102150657),(6.39547853272429823 53.04442734130332582, 6.39228516291537119 53.04567864143325551, 6.3899877869081978 53.0443465518641375, 6.38199379394504529 53.0339966346230014, 6.39895175664445937 53.02798384884498262, 6.40738702861256204 53.0362355702569559, 6.39650357777440259 53.0407903344392011, 6.39422841582592127 53.04305561033474703, 6.39547853272429823 53.04442734130332582, 6.39547853272429823 53.04442734130332582)))</t>
  </si>
  <si>
    <t>MultiPolygon (((6.44119458145390578 53.06114286918934653, 6.44509990351787998 53.06260581456432845, 6.44941018549952094 53.05549230880274791, 6.45387257176215545 53.05408101886104077, 6.45404062903399911 53.05351279673522669, 6.44753509164199201 53.05297469026348267, 6.44757853721843599 53.05218628423799743, 6.4522251832569788 53.04942429052169928, 6.45190384856249022 53.04726584543448098, 6.44889377192511137 53.04283967451237913, 6.44170499416487896 53.04295717300279733, 6.43868208131654374 53.04158465983310577, 6.43924077707982345 53.03529072472761641, 6.43789241892901032 53.03427640363564421, 6.42010082222863421 53.04053950143455864, 6.41807576486383624 53.04034128760870459, 6.40890117176613128 53.04781826852806148, 6.40882158810440217 53.04937869507778458, 6.41261043686639187 53.05231749945487252, 6.41560857415571117 53.05334601638334391, 6.41708476880624623 53.05640731607142868, 6.41592118756666174 53.05917622391547184, 6.41014823199951955 53.06449299633606387, 6.41443530866545331 53.06560038618890474, 6.41836252568153043 53.06770262257384729, 6.42180876909485931 53.06837889283474397, 6.42482107085294718 53.06238344603368517, 6.4344638308612998 53.06417092292932125, 6.43677660929053896 53.05986683533833315, 6.44119458145390578 53.06114286918934653, 6.44119458145390578 53.06114286918934653),(6.43353530129205797 53.05819786410142314, 6.43253046325821476 53.05927942841140066, 6.42659478727687983 53.05751863241976451, 6.43122342474898634 53.05292996313783505, 6.43690195752682648 53.05301732930317371, 6.44036025930988831 53.05017017661308643, 6.44607414223674535 53.04871950721103246, 6.44641477509863048 53.05290429478343839, 6.44510715490360386 53.05598481696383573, 6.43507757633547506 53.05454813655772739, 6.43335057703273616 53.05573432396069222, 6.43353530129205797 53.05819786410142314, 6.43353530129205797 53.05819786410142314)))</t>
  </si>
  <si>
    <t>MultiPolygon (((6.45404062903399911 53.05351279673522669, 6.46497118948194949 53.05565590712958368, 6.46548553027038864 53.05480090577712105, 6.46830472530601863 53.05420930537312074, 6.47496559690229478 53.05818678924469367, 6.47836041574815091 53.05254198488128026, 6.48387415152168156 53.05383397215952357, 6.49031881956264911 53.04314002087035362, 6.49092461674354215 53.0418015815321553, 6.48943797256833932 53.04156365760105984, 6.4913476705867863 53.03815016463659049, 6.48111596442149906 53.03569079273187015, 6.48897256617978968 53.02803045414590599, 6.48035756566800636 53.02664465024577112, 6.47946326611966761 53.02729537724751196, 6.469238781691109 53.02319877660089276, 6.46832083862629315 53.02620866902031338, 6.46329046413424546 53.02404496698641623, 6.46294122844709218 53.02300395528062893, 6.45524283456976988 53.02306003224499875, 6.45486604901826144 53.02233995998758331, 6.44459315036367286 53.02352929629238076, 6.44341706236560885 53.02051788625006168, 6.42989389445314252 53.02046636631349941, 6.4282140660225453 53.02045965663951677, 6.4404718970320971 53.0333679636803339, 6.43789241892901032 53.03427640363564421, 6.43924077707982345 53.03529072472761641, 6.43868208131654374 53.04158465983310577, 6.44170499416487896 53.04295717300279733, 6.44889377192511137 53.04283967451237913, 6.45190384856249022 53.04726584543448098, 6.4522251832569788 53.04942429052169928, 6.44757853721843599 53.05218628423799743, 6.44753509164199201 53.05297469026348267, 6.45404062903399911 53.05351279673522669, 6.45404062903399911 53.05351279673522669),(6.45641114265291716 53.05032101574125392, 6.45470920106656987 53.05055245382711604, 6.45602610855505787 53.04588501574578174, 6.45270899681847343 53.04513163335482062, 6.45612172829492437 53.04274385978152395, 6.4592380128031488 53.04352141295782275, 6.46136949381459669 53.04107420347712321, 6.46268006821728314 53.04143424228404058, 6.45844794377143394 53.04618687850036451, 6.45981502437181287 53.04950140427618521, 6.45641114265291716 53.05032101574125392, 6.45641114265291716 53.05032101574125392)))</t>
  </si>
  <si>
    <t>MultiPolygon (((6.47496559690229478 53.05818678924469367, 6.48471089867588901 53.06168800723512646, 6.49100740670568399 53.06249675523982745, 6.49816787197480927 53.0645845069608697, 6.49959355744974943 53.06677806839653044, 6.51115024865391412 53.06885331701498387, 6.51012724109283436 53.07112364427377571, 6.51208902580410776 53.07383719285686396, 6.51335640705019792 53.07228029084608067, 6.51446536785269981 53.06507311567193597, 6.51164889750473108 53.05625137117193191, 6.50513006046965536 53.0463547575571539, 6.50038073199190869 53.03907185522498224, 6.49161017939920892 53.03768099067549713, 6.4913476705867863 53.03815016463659049, 6.48943797256833932 53.04156365760105984, 6.49092461674354215 53.0418015815321553, 6.49031881956264911 53.04314002087035362, 6.48387415152168156 53.05383397215952357, 6.47836041574815091 53.05254198488128026, 6.47496559690229478 53.05818678924469367, 6.47496559690229478 53.05818678924469367),(6.50417855281331736 53.06116021751761025, 6.50330703057510462 53.06219396109587905, 6.49284001197404415 53.06082178664656368, 6.49436196291590218 53.05486523088595874, 6.50636656229108468 53.0597586241119501, 6.50417855281331736 53.06116021751761025, 6.50417855281331736 53.06116021751761025)))</t>
  </si>
  <si>
    <t>MultiPolygon (((6.41596218159207865 53.09132036084627515, 6.41885493525220596 53.09419588055047257, 6.4225177219850007 53.09623341969376753, 6.42378703370545789 53.09868699800778558, 6.42885654163878595 53.10262966196239631, 6.44216666015043327 53.10858187533092689, 6.44709021005829452 53.10711403967302857, 6.45350085771935333 53.10782829494687007, 6.46525888845331398 53.10678393895695848, 6.47122875658034946 53.10508775451040009, 6.47403338562595732 53.10348968245298806, 6.47979444672572136 53.09811045010211217, 6.48104894994442216 53.09285081012428265, 6.46790149666830949 53.0824861701355033, 6.46580142312120199 53.08361776641977769, 6.46177747502817468 53.08458013740349912, 6.45234681157104983 53.08333383082597834, 6.44620371373843959 53.08437517055602939, 6.44294853730226702 53.08284979891746502, 6.43222250609170043 53.0867087260170365, 6.43063508273426709 53.08519092030000053, 6.42361339140825827 53.08829330442340932, 6.41591375664086971 53.09022217091846585, 6.41596218159207865 53.09132036084627515, 6.41596218159207865 53.09132036084627515),(6.45020999338815226 53.09493261847018886, 6.44112092489383503 53.09750448844897619, 6.43839479290878991 53.09578056294281367, 6.43980570777927408 53.09123612664733827, 6.44201577477813458 53.08856114152195005, 6.44888267248111546 53.08883014334637807, 6.44748887199121246 53.09006186229716917, 6.44778652562380294 53.0937566469268134, 6.45001219566618111 53.09422836655795663, 6.45020999338815226 53.09493261847018886, 6.45020999338815226 53.09493261847018886)))</t>
  </si>
  <si>
    <t>MultiPolygon (((6.36355988538131712 53.10756024735014336, 6.41093448357446949 53.09157463595681747, 6.41180296854486276 53.09231983123854803, 6.41596218159207865 53.09132036084627515, 6.41591375664086971 53.09022217091846585, 6.41624729348271927 53.08754692631399763, 6.41296625727666569 53.07983034493646812, 6.40913947497619318 53.07309561605094927, 6.4070440796484629 53.07187109102150657, 6.38055823139420664 53.06152673774143125, 6.3649239667361277 53.05197788689469718, 6.36781052018461136 53.06735999538987159, 6.35172458193503253 53.07093151193833336, 6.35587443965447729 53.07725163530436419, 6.35409514906691264 53.07749349126642358, 6.35600520062163277 53.0834450891811116, 6.34444285955064924 53.08715056901973384, 6.35662047728214041 53.10708451786673123, 6.36355988538131712 53.10756024735014336, 6.36355988538131712 53.10756024735014336),(6.39090581973732963 53.09131622236754566, 6.38881600222546986 53.0934511688705868, 6.38637641806570677 53.09246734365584075, 6.38584593449568683 53.08784648650011206, 6.38735064748955139 53.08448363587472585, 6.39075982525330666 53.08035387322127008, 6.38817909215601354 53.07457746806348098, 6.39172291935481152 53.07437984384974783, 6.39156729635994303 53.07281299429025978, 6.38984674232410299 53.07215960336198179, 6.39134231254641971 53.0706356376579933, 6.39959249027508736 53.0739248760071689, 6.4001408095429877 53.07593098364461781, 6.3999736839420418 53.07689283760699084, 6.39691045961639837 53.07722987454938846, 6.39439344548466515 53.07950389679056258, 6.38973709492385655 53.08608967782900834, 6.38926984646622298 53.08750896796263419, 6.39090581973732963 53.09131622236754566, 6.39090581973732963 53.09131622236754566)))</t>
  </si>
  <si>
    <t>MultiPolygon (((6.48104894994442216 53.09285081012428265, 6.49083395418194087 53.09679937555911522, 6.50400984689785666 53.0833815222569072, 6.51208902580410776 53.07383719285686396, 6.51012724109283436 53.07112364427377571, 6.51115024865391412 53.06885331701498387, 6.49959355744974943 53.06677806839653044, 6.49816787197480927 53.0645845069608697, 6.49100740670568399 53.06249675523982745, 6.48471089867588901 53.06168800723512646, 6.47496559690229478 53.05818678924469367, 6.46830472530601863 53.05420930537312074, 6.46548553027038864 53.05480090577712105, 6.46497118948194949 53.05565590712958368, 6.45404062903399911 53.05351279673522669, 6.45387257176215545 53.05408101886104077, 6.44941018549952094 53.05549230880274791, 6.44509990351787998 53.06260581456432845, 6.4491052927625061 53.06479454148096409, 6.45492603640808049 53.06307291758863443, 6.45895240696946971 53.0634357123821303, 6.45630681604292889 53.06105262893107977, 6.45919265858595004 53.05957040893574828, 6.46267129025027476 53.06227901526726498, 6.47434559448543734 53.06448031105404795, 6.47714813614372797 53.06411501124878782, 6.47755555214042822 53.07012003056792082, 6.47217835041161127 53.06875068196310963, 6.46944094117800095 53.07042395984480265, 6.46441618290617726 53.06876181910322998, 6.45854049660435958 53.07105055053121845, 6.45743989662043116 53.07283076797541099, 6.4506031766142824 53.07326464643750086, 6.44720421856407455 53.07242084253691417, 6.44752608718934983 53.07029714417804911, 6.4460246492238813 53.06823002517494814, 6.43717937240376781 53.06863090480771206, 6.44119458145390578 53.06114286918934653, 6.43677660929053896 53.05986683533833315, 6.4344638308612998 53.06417092292932125, 6.42482107085294718 53.06238344603368517, 6.42180876909485931 53.06837889283474397, 6.41836252568153043 53.06770262257384729, 6.41443530866545331 53.06560038618890474, 6.41014823199951955 53.06449299633606387, 6.40963124778694038 53.06686089240706394, 6.40728292462090909 53.06908714135943939, 6.4070440796484629 53.07187109102150657, 6.40913947497619318 53.07309561605094927, 6.41296625727666569 53.07983034493646812, 6.41624729348271927 53.08754692631399763, 6.41591375664086971 53.09022217091846585, 6.42361339140825827 53.08829330442340932, 6.43063508273426709 53.08519092030000053, 6.43222250609170043 53.0867087260170365, 6.44294853730226702 53.08284979891746502, 6.44620371373843959 53.08437517055602939, 6.45234681157104983 53.08333383082597834, 6.46177747502817468 53.08458013740349912, 6.46580142312120199 53.08361776641977769, 6.46790149666830949 53.0824861701355033, 6.48104894994442216 53.09285081012428265, 6.48104894994442216 53.09285081012428265)))</t>
  </si>
  <si>
    <t>MultiPolygon (((6.31515744850533345 53.09405278464002009, 6.33779588219480505 53.08868884563361235, 6.34099924297623918 53.08794458616267065, 6.34444285955064924 53.08715056901973384, 6.35600520062163277 53.0834450891811116, 6.35409514906691264 53.07749349126642358, 6.35587443965447729 53.07725163530436419, 6.35172458193503253 53.07093151193833336, 6.33238154265236641 53.07520718688915906, 6.33205534860200192 53.07527937865717149, 6.30527376123333649 53.08118954853579652, 6.31515744850533345 53.09405278464002009, 6.31515744850533345 53.09405278464002009)))</t>
  </si>
  <si>
    <t>MultiPolygon (((6.4913476705867863 53.03815016463659049, 6.49161017939920892 53.03768099067549713, 6.50038073199190869 53.03907185522498224, 6.49995096237246095 53.03843029448061941, 6.50289348009560264 53.03221279503760144, 6.49552775609918776 53.03089769487853289, 6.50387304751522244 53.01604157897981651, 6.50997860490110369 53.01703943391364504, 6.51303628508463195 53.01055666252381116, 6.50512050994499624 53.0099170970001623, 6.48821201982160378 53.00540528001636176, 6.4660554290155039 52.99951774021710804, 6.45919371216141158 53.01663787705998487, 6.44972579186670014 53.0150895846920136, 6.4274428661272216 53.01431941781154222, 6.42692713702879015 53.01749454776316384, 6.42989389445314252 53.02046636631349941, 6.44341706236560885 53.02051788625006168, 6.44459315036367286 53.02352929629238076, 6.45486604901826144 53.02233995998758331, 6.45524283456976988 53.02306003224499875, 6.46294122844709218 53.02300395528062893, 6.46329046413424546 53.02404496698641623, 6.46832083862629315 53.02620866902031338, 6.469238781691109 53.02319877660089276, 6.47946326611966761 53.02729537724751196, 6.48035756566800636 53.02664465024577112, 6.48897256617978968 53.02803045414590599, 6.48111596442149906 53.03569079273187015, 6.4913476705867863 53.03815016463659049, 6.4913476705867863 53.03815016463659049)))</t>
  </si>
  <si>
    <t>MultiPolygon (((6.39547853272429823 53.04442734130332582, 6.39422841582592127 53.04305561033474703, 6.39650357777440259 53.0407903344392011, 6.40738702861256204 53.0362355702569559, 6.39895175664445937 53.02798384884498262, 6.38199379394504529 53.0339966346230014, 6.3899877869081978 53.0443465518641375, 6.39228516291537119 53.04567864143325551, 6.39547853272429823 53.04442734130332582, 6.39547853272429823 53.04442734130332582)))</t>
  </si>
  <si>
    <t>MultiPolygon (((6.43353530129205797 53.05819786410142314, 6.43335057703273616 53.05573432396069222, 6.43507757633547506 53.05454813655772739, 6.44510715490360386 53.05598481696383573, 6.44641477509863048 53.05290429478343839, 6.44607414223674535 53.04871950721103246, 6.44036025930988831 53.05017017661308643, 6.43690195752682648 53.05301732930317371, 6.43122342474898634 53.05292996313783505, 6.42659478727687983 53.05751863241976451, 6.43253046325821476 53.05927942841140066, 6.43353530129205797 53.05819786410142314, 6.43353530129205797 53.05819786410142314)))</t>
  </si>
  <si>
    <t>MultiPolygon (((6.45641114265291716 53.05032101574125392, 6.45981502437181287 53.04950140427618521, 6.45844794377143394 53.04618687850036451, 6.46268006821728314 53.04143424228404058, 6.46136949381459669 53.04107420347712321, 6.4592380128031488 53.04352141295782275, 6.45612172829492437 53.04274385978152395, 6.45270899681847343 53.04513163335482062, 6.45602610855505787 53.04588501574578174, 6.45470920106656987 53.05055245382711604, 6.45641114265291716 53.05032101574125392, 6.45641114265291716 53.05032101574125392)))</t>
  </si>
  <si>
    <t>MultiPolygon (((6.50417855281331736 53.06116021751761025, 6.50636656229108468 53.0597586241119501, 6.49436196291590218 53.05486523088595874, 6.49284001197404415 53.06082178664656368, 6.50330703057510462 53.06219396109587905, 6.50417855281331736 53.06116021751761025, 6.50417855281331736 53.06116021751761025)))</t>
  </si>
  <si>
    <t>MultiPolygon (((6.45020999338815226 53.09493261847018886, 6.45001219566618111 53.09422836655795663, 6.44778652562380294 53.0937566469268134, 6.44748887199121246 53.09006186229716917, 6.44888267248111546 53.08883014334637807, 6.44201577477813458 53.08856114152195005, 6.43980570777927408 53.09123612664733827, 6.43839479290878991 53.09578056294281367, 6.44112092489383503 53.09750448844897619, 6.45020999338815226 53.09493261847018886, 6.45020999338815226 53.09493261847018886)))</t>
  </si>
  <si>
    <t>MultiPolygon (((6.39090581973732963 53.09131622236754566, 6.38926984646622298 53.08750896796263419, 6.38973709492385655 53.08608967782900834, 6.39439344548466515 53.07950389679056258, 6.39691045961639837 53.07722987454938846, 6.3999736839420418 53.07689283760699084, 6.4001408095429877 53.07593098364461781, 6.39959249027508736 53.0739248760071689, 6.39134231254641971 53.0706356376579933, 6.38984674232410299 53.07215960336198179, 6.39156729635994303 53.07281299429025978, 6.39172291935481152 53.07437984384974783, 6.38817909215601354 53.07457746806348098, 6.39075982525330666 53.08035387322127008, 6.38735064748955139 53.08448363587472585, 6.38584593449568683 53.08784648650011206, 6.38637641806570677 53.09246734365584075, 6.38881600222546986 53.0934511688705868, 6.39090581973732963 53.09131622236754566, 6.39090581973732963 53.09131622236754566)))</t>
  </si>
  <si>
    <t>MultiPolygon (((6.44119458145390578 53.06114286918934653, 6.43717937240376781 53.06863090480771206, 6.4460246492238813 53.06823002517494814, 6.44752608718934983 53.07029714417804911, 6.44720421856407455 53.07242084253691417, 6.4506031766142824 53.07326464643750086, 6.45743989662043116 53.07283076797541099, 6.45854049660435958 53.07105055053121845, 6.46441618290617726 53.06876181910322998, 6.46944094117800095 53.07042395984480265, 6.47217835041161127 53.06875068196310963, 6.47755555214042822 53.07012003056792082, 6.47714813614372797 53.06411501124878782, 6.47434559448543734 53.06448031105404795, 6.46267129025027476 53.06227901526726498, 6.45919265858595004 53.05957040893574828, 6.45630681604292889 53.06105262893107977, 6.45895240696946971 53.0634357123821303, 6.45492603640808049 53.06307291758863443, 6.4491052927625061 53.06479454148096409, 6.44509990351787998 53.06260581456432845, 6.44119458145390578 53.06114286918934653, 6.44119458145390578 53.06114286918934653)))</t>
  </si>
  <si>
    <t>MultiPolygon (((6.38872855086607405 53.15801477184856338, 6.39361645387635313 53.15636141055679076, 6.39511750069000584 53.15713229451871769, 6.40322804940833823 53.15662180515956692, 6.40712937903138258 53.15424154877526064, 6.4091508702476947 53.15577784770039216, 6.41361966294365793 53.15269890073323467, 6.41529778672595175 53.15154212476207363, 6.41877115327524361 53.14803791679005229, 6.4195773679298993 53.14707729428045013, 6.41245869488420617 53.14353766840959992, 6.40272575852948478 53.14234335050091573, 6.39380565014237678 53.14051068731213689, 6.39348465825741563 53.13923731639739856, 6.39564797748631086 53.13542069301933424, 6.39238076183180937 53.13513530680894803, 6.39364494153859031 53.13094770134237876, 6.38943943952522631 53.13047466025637533, 6.39157387899647844 53.12849774945220105, 6.38020264034619 53.12412235952510997, 6.37303779456155972 53.12221519465786201, 6.36973084373180143 53.12171160210581178, 6.3660518914372437 53.12255834879193372, 6.38147257741310181 53.14773785673551743, 6.38261227128184672 53.14957048973383991, 6.38154632997263338 53.14959267377723506, 6.38156401642322013 53.15318586104405085, 6.38147095938597353 53.15343602083885344, 6.38872855086607405 53.15801477184856338, 6.38872855086607405 53.15801477184856338)))</t>
  </si>
  <si>
    <t>MultiPolygon (((6.45713517987673136 53.1460115521275327, 6.45959892919742096 53.14614791739570876, 6.46002055702591438 53.14288823787287441, 6.45502036482575203 53.13806784944279116, 6.45448802143115774 53.12991623790865958, 6.45553364894952963 53.12694137563364905, 6.47222912726464461 53.11965153426810815, 6.47462803869270509 53.11738145916319809, 6.48132677060939422 53.11846307414562318, 6.48430013110913706 53.11164457758602708, 6.48487030616690241 53.10610117802514196, 6.49083395418194087 53.09679937555911522, 6.48104894994442216 53.09285081012428265, 6.47979444672572136 53.09811045010211217, 6.47403338562595732 53.10348968245298806, 6.47122875658034946 53.10508775451040009, 6.46525888845331398 53.10678393895695848, 6.45350085771935333 53.10782829494687007, 6.44709021005829452 53.10711403967302857, 6.44216666015043327 53.10858187533092689, 6.42885654163878595 53.10262966196239631, 6.42378703370545789 53.09868699800778558, 6.4225177219850007 53.09623341969376753, 6.41885493525220596 53.09419588055047257, 6.41596218159207865 53.09132036084627515, 6.41180296854486276 53.09231983123854803, 6.41093448357446949 53.09157463595681747, 6.36355988538131712 53.10756024735014336, 6.36535400003462382 53.11952728041923422, 6.37061839153750498 53.1192167688019623, 6.37531075245140322 53.12028966307868671, 6.39677193918943132 53.12869444673560082, 6.39892268901985339 53.12674422325711987, 6.40106351359596903 53.12632398265884603, 6.40386017576555133 53.12739381987787368, 6.40847848410364129 53.12313989755357113, 6.41247164500562761 53.12604492130605394, 6.41937084456786788 53.12724378402077008, 6.42094543196898737 53.12569857864345835, 6.43362465631483715 53.1278019838845097, 6.43981616579866412 53.1335069506014932, 6.44198074371575302 53.13660677882749184, 6.44660502586247119 53.13792406261768519, 6.44462234034351145 53.14314641406151196, 6.45713517987673136 53.1460115521275327, 6.45713517987673136 53.1460115521275327),(6.44934048007974958 53.11783301205584706, 6.44858630577988023 53.1191831810014321, 6.44736315099061663 53.11882388029243174, 6.44838109178535035 53.11634862930121415, 6.44620654001984583 53.11323775726886964, 6.4503268812176211 53.11243964735803047, 6.45492024525241703 53.11392256935210554, 6.45774092437590674 53.11595250072980434, 6.45131350971314177 53.11801152069659082, 6.44934048007974958 53.11783301205584706, 6.44934048007974958 53.11783301205584706),(6.4270196169965752 53.11687408402969623, 6.42618598243337846 53.11780973442643017, 6.41936933274618315 53.11494524903313419, 6.41850662996985299 53.11622426763295834, 6.41689165636690539 53.11583208441463455, 6.41306699630416954 53.11376824166046617, 6.41526989467774111 53.11118539726489729, 6.42100131252160722 53.11022674360093276, 6.42398625105401866 53.11108330502685959, 6.42424266716754921 53.11418479815073823, 6.4270196169965752 53.11687408402969623, 6.4270196169965752 53.11687408402969623),(6.41111367653220654 53.10207442560611923, 6.40826588005057474 53.1020015735872164, 6.40536096927792187 53.09935562642873208, 6.4063218283271004 53.09850889957314024, 6.40974979418552593 53.09805674876586323, 6.41241249982555761 53.10005145675845029, 6.41111367653220654 53.10207442560611923, 6.41111367653220654 53.10207442560611923)))</t>
  </si>
  <si>
    <t>MultiPolygon (((6.43152009880963238 53.14955966200387394, 6.42702464013787278 53.1482901038049107, 6.41877115327524361 53.14803791679005229, 6.41529778672595175 53.15154212476207363, 6.42859449933852378 53.15445518311201312, 6.43070818758640605 53.15383302591806824, 6.43152009880963238 53.14955966200387394, 6.43152009880963238 53.14955966200387394)),((6.49269520123333344 53.20057685139208559, 6.49350490587698026 53.19849701868052705, 6.49642774892766006 53.19813743330674072, 6.50009289055365702 53.19472167226557957, 6.50073877635855002 53.19307285680938691, 6.50006512159160899 53.19096113312696161, 6.49707050642896977 53.18737804334206487, 6.49889689513442548 53.18323693447120348, 6.49825784316584976 53.17984150366907414, 6.488096918791598 53.17115325495329614, 6.48678541540005593 53.16650358297586365, 6.48181632501983085 53.15769741662197845, 6.47373965202101953 53.15274523017205865, 6.46106661693315942 53.14818705604695026, 6.45959892919742096 53.14614791739570876, 6.45713517987673136 53.1460115521275327, 6.45642641613052604 53.14609819315185035, 6.46491460247151739 53.1562015596218771, 6.46156989047104346 53.15745149269903891, 6.46060186222731581 53.16074189231276392, 6.46694631765505701 53.1654347947257051, 6.4685523455528795 53.16502042289096153, 6.47524851878778307 53.16828874143951822, 6.48233155666100913 53.1687319828593985, 6.48155033425415006 53.17024490251301216, 6.47748693769947792 53.16988146650674452, 6.47676040274759579 53.17191282057067525, 6.48270190828895387 53.17266520979801925, 6.48126995669772477 53.1757196199992066, 6.47258463952045737 53.17274823687964869, 6.46741282278018392 53.1719676343208647, 6.46830366412293767 53.16931198863603214, 6.46479141939040769 53.1665157025879509, 6.4584471668544694 53.16133685881082016, 6.45697449155591041 53.1577756652779243, 6.45033787651242996 53.16015039465834491, 6.44894174445963397 53.15875808195019658, 6.45429345503146656 53.15642239363313593, 6.44617415634904756 53.15190852278851708, 6.44017220270107416 53.15298304439475885, 6.43382272381533138 53.1507078090653664, 6.43322283751695423 53.15327697876583102, 6.43708584059085798 53.15291239164027104, 6.43787796395188128 53.15710322210020422, 6.43727483624839003 53.1589832927373962, 6.43410877112579804 53.15987536260213631, 6.42694336358648233 53.15754342077046601, 6.42810444822465676 53.15577762944751328, 6.41816953267906243 53.15368092819459633, 6.41755066627732695 53.15456017477720962, 6.41502473376203586 53.15382532042553976, 6.41551331286508653 53.15318253550593397, 6.41361966294365793 53.15269890073323467, 6.4091508702476947 53.15577784770039216, 6.40683820041236718 53.15737127846522014, 6.40904309963615759 53.16002144798678586, 6.40642380405262468 53.1607267103674701, 6.40444269152307832 53.15805100504044844, 6.40023145141176286 53.16059610414801995, 6.39859445954794115 53.16486210593760831, 6.40268725094091362 53.16700566310762355, 6.40413789449149817 53.1685723799311134, 6.4041206997332516 53.1729550058144369, 6.40546953133430197 53.17628299978583328, 6.40559327608735973 53.1764748657579247, 6.4079702776151084 53.17814843033423955, 6.42448753052668486 53.18167802192382254, 6.43801790643877947 53.18565153606915885, 6.44286678373670885 53.1877404230892239, 6.44566194195633102 53.1910154871826677, 6.44771207469905061 53.19644058506132467, 6.44994791330788431 53.19669670644349679, 6.46346142082945097 53.20005823095439723, 6.48151183153256039 53.2035534371686083, 6.48571682935419425 53.20382125781567595, 6.49269520123333344 53.20057685139208559, 6.49269520123333344 53.20057685139208559),(6.45052465534428254 53.17196133836414873, 6.45138868252572006 53.17048271602349985, 6.46020262321025829 53.17214077735140165, 6.46110071167975786 53.17367783195795283, 6.46050102937266235 53.17416678086325277, 6.45630847888379034 53.17276361013145447, 6.45052465534428254 53.17196133836414873, 6.45052465534428254 53.17196133836414873)))</t>
  </si>
  <si>
    <t>MultiPolygon (((6.41111367653220654 53.10207442560611923, 6.41241249982555761 53.10005145675845029, 6.40974979418552593 53.09805674876586323, 6.4063218283271004 53.09850889957314024, 6.40536096927792187 53.09935562642873208, 6.40826588005057474 53.1020015735872164, 6.41111367653220654 53.10207442560611923, 6.41111367653220654 53.10207442560611923)))</t>
  </si>
  <si>
    <t>MultiPolygon (((6.4270196169965752 53.11687408402969623, 6.42424266716754921 53.11418479815073823, 6.42398625105401866 53.11108330502685959, 6.42100131252160722 53.11022674360093276, 6.41526989467774111 53.11118539726489729, 6.41306699630416954 53.11376824166046617, 6.41689165636690539 53.11583208441463455, 6.41850662996985299 53.11622426763295834, 6.41936933274618315 53.11494524903313419, 6.42618598243337846 53.11780973442643017, 6.4270196169965752 53.11687408402969623, 6.4270196169965752 53.11687408402969623)))</t>
  </si>
  <si>
    <t>MultiPolygon (((6.44934048007974958 53.11783301205584706, 6.45131350971314177 53.11801152069659082, 6.45774092437590674 53.11595250072980434, 6.45492024525241703 53.11392256935210554, 6.4503268812176211 53.11243964735803047, 6.44620654001984583 53.11323775726886964, 6.44838109178535035 53.11634862930121415, 6.44736315099061663 53.11882388029243174, 6.44858630577988023 53.1191831810014321, 6.44934048007974958 53.11783301205584706, 6.44934048007974958 53.11783301205584706)))</t>
  </si>
  <si>
    <t>MultiPolygon (((6.46110071167975786 53.17367783195795283, 6.46020262321025829 53.17214077735140165, 6.45138868252572006 53.17048271602349985, 6.45052465534428254 53.17196133836414873, 6.45630847888379034 53.17276361013145447, 6.46050102937266235 53.17416678086325277, 6.46110071167975786 53.17367783195795283, 6.46110071167975786 53.17367783195795283)))</t>
  </si>
  <si>
    <t>MultiPolygon (((6.46479141939040769 53.1665157025879509, 6.46830366412293767 53.16931198863603214, 6.46741282278018392 53.1719676343208647, 6.47258463952045737 53.17274823687964869, 6.48126995669772477 53.1757196199992066, 6.48270190828895387 53.17266520979801925, 6.47676040274759579 53.17191282057067525, 6.47748693769947792 53.16988146650674452, 6.48155033425415006 53.17024490251301216, 6.48233155666100913 53.1687319828593985, 6.47524851878778307 53.16828874143951822, 6.4685523455528795 53.16502042289096153, 6.46694631765505701 53.1654347947257051, 6.46479141939040769 53.1665157025879509, 6.46479141939040769 53.1665157025879509)))</t>
  </si>
  <si>
    <t>MultiPolygon (((6.46479141939040769 53.1665157025879509, 6.46694631765505701 53.1654347947257051, 6.46060186222731581 53.16074189231276392, 6.46156989047104346 53.15745149269903891, 6.46491460247151739 53.1562015596218771, 6.45642641613052604 53.14609819315185035, 6.44617415634904756 53.15190852278851708, 6.45429345503146656 53.15642239363313593, 6.44894174445963397 53.15875808195019658, 6.45033787651242996 53.16015039465834491, 6.45697449155591041 53.1577756652779243, 6.4584471668544694 53.16133685881082016, 6.46479141939040769 53.1665157025879509, 6.46479141939040769 53.1665157025879509)))</t>
  </si>
  <si>
    <t>MultiPolygon (((6.41361966294365793 53.15269890073323467, 6.41551331286508653 53.15318253550593397, 6.41502473376203586 53.15382532042553976, 6.41755066627732695 53.15456017477720962, 6.41816953267906243 53.15368092819459633, 6.42810444822465676 53.15577762944751328, 6.42694336358648233 53.15754342077046601, 6.43410877112579804 53.15987536260213631, 6.43727483624839003 53.1589832927373962, 6.43787796395188128 53.15710322210020422, 6.43708584059085798 53.15291239164027104, 6.43322283751695423 53.15327697876583102, 6.43382272381533138 53.1507078090653664, 6.43152009880963238 53.14955966200387394, 6.43070818758640605 53.15383302591806824, 6.42859449933852378 53.15445518311201312, 6.41529778672595175 53.15154212476207363, 6.41361966294365793 53.15269890073323467, 6.41361966294365793 53.15269890073323467)))</t>
  </si>
  <si>
    <t>MultiPolygon (((6.39761430163904432 53.16451272095508784, 6.39859445954794115 53.16486210593760831, 6.40023145141176286 53.16059610414801995, 6.40444269152307832 53.15805100504044844, 6.40642380405262468 53.1607267103674701, 6.40904309963615759 53.16002144798678586, 6.40683820041236718 53.15737127846522014, 6.4091508702476947 53.15577784770039216, 6.40712937903138258 53.15424154877526064, 6.40322804940833823 53.15662180515956692, 6.39511750069000584 53.15713229451871769, 6.39361645387635313 53.15636141055679076, 6.38872855086607405 53.15801477184856338, 6.39112812913670503 53.15941875432227448, 6.39509371811201355 53.16352872133477092, 6.39761430163904432 53.16451272095508784, 6.39761430163904432 53.16451272095508784)))</t>
  </si>
  <si>
    <t>MultiPolygon (((6.39564797748631086 53.13542069301933424, 6.39644850256192221 53.13362228852540881, 6.39794134207730547 53.13305705329654671, 6.401041727683765 53.13338956217716458, 6.40272152681236761 53.13254820459357575, 6.40335219868736161 53.13166218753242731, 6.40220596296144961 53.13125950379387774, 6.40218107571158423 53.13051567479410409, 6.40386017576555133 53.12739381987787368, 6.40106351359596903 53.12632398265884603, 6.39892268901985339 53.12674422325711987, 6.39677193918943132 53.12869444673560082, 6.37531075245140322 53.12028966307868671, 6.37061839153750498 53.1192167688019623, 6.36535400003462382 53.11952728041923422, 6.36562689631621748 53.12128980155934244, 6.3660518914372437 53.12255834879193372, 6.36973084373180143 53.12171160210581178, 6.37303779456155972 53.12221519465786201, 6.38020264034619 53.12412235952510997, 6.39157387899647844 53.12849774945220105, 6.38943943952522631 53.13047466025637533, 6.39364494153859031 53.13094770134237876, 6.39238076183180937 53.13513530680894803, 6.39564797748631086 53.13542069301933424, 6.39564797748631086 53.13542069301933424)))</t>
  </si>
  <si>
    <t>MultiPolygon (((6.43382272381533138 53.1507078090653664, 6.44017220270107416 53.15298304439475885, 6.44617415634904756 53.15190852278851708, 6.45642641613052604 53.14609819315185035, 6.45713517987673136 53.1460115521275327, 6.44462234034351145 53.14314641406151196, 6.43781518111552842 53.14039802373250865, 6.43019880174247582 53.14192372817486643, 6.4305523552677295 53.14543434143694611, 6.4291896396687509 53.1474046736880581, 6.42702464013787278 53.1482901038049107, 6.43152009880963238 53.14955966200387394, 6.43382272381533138 53.1507078090653664, 6.43382272381533138 53.1507078090653664)))</t>
  </si>
  <si>
    <t>MultiPolygon (((6.39564797748631086 53.13542069301933424, 6.39348465825741563 53.13923731639739856, 6.39380565014237678 53.14051068731213689, 6.40272575852948478 53.14234335050091573, 6.41245869488420617 53.14353766840959992, 6.41779232426119339 53.1320449009350142, 6.4153005643413108 53.13137659870062635, 6.41937084456786788 53.12724378402077008, 6.41247164500562761 53.12604492130605394, 6.40847848410364129 53.12313989755357113, 6.40386017576555133 53.12739381987787368, 6.40218107571158423 53.13051567479410409, 6.40220596296144961 53.13125950379387774, 6.40335219868736161 53.13166218753242731, 6.40272152681236761 53.13254820459357575, 6.401041727683765 53.13338956217716458, 6.39794134207730547 53.13305705329654671, 6.39644850256192221 53.13362228852540881, 6.39564797748631086 53.13542069301933424, 6.39564797748631086 53.13542069301933424)))</t>
  </si>
  <si>
    <t>MultiPolygon (((6.41877115327524361 53.14803791679005229, 6.42702464013787278 53.1482901038049107, 6.4291896396687509 53.1474046736880581, 6.4305523552677295 53.14543434143694611, 6.43019880174247582 53.14192372817486643, 6.43781518111552842 53.14039802373250865, 6.44462234034351145 53.14314641406151196, 6.44660502586247119 53.13792406261768519, 6.44198074371575302 53.13660677882749184, 6.43981616579866412 53.1335069506014932, 6.43362465631483715 53.1278019838845097, 6.42094543196898737 53.12569857864345835, 6.41937084456786788 53.12724378402077008, 6.4153005643413108 53.13137659870062635, 6.41779232426119339 53.1320449009350142, 6.41245869488420617 53.14353766840959992, 6.4195773679298993 53.14707729428045013, 6.41877115327524361 53.14803791679005229, 6.41877115327524361 53.14803791679005229)))</t>
  </si>
  <si>
    <t>MultiPolygon (((5.04845307346719974 52.25283070678161579, 5.0507717940213892 52.25205591393228843, 5.05395146290816299 52.25306863386314404, 5.05480499035778674 52.25249891279739956, 5.0549121162905184 52.24621437121511747, 5.06539418814005593 52.23788575038097548, 5.05690199933982143 52.23652234418674567, 5.04599631864214349 52.24322054981524133, 5.04665191110295019 52.24845789170550603, 5.04409534047009256 52.25212474702647825, 5.04342785126012672 52.25544854127034, 5.04428357633983193 52.25672378541113261, 5.04657711947914134 52.25614411247477165, 5.04844812625809247 52.25416376077447467, 5.04845307346719974 52.25283070678161579, 5.04845307346719974 52.25283070678161579)),((5.06829115020256804 52.26508978212618217, 5.04547949265640039 52.26404587938787216, 5.04823753684831544 52.27696043762960443, 5.04967980192264676 52.2779888586070598, 5.04966611663810028 52.28020587498601657, 5.05075345570814349 52.28181780638939102, 5.06039807386889073 52.28514310912390073, 5.06285883771775769 52.2847782927811906, 5.06287299434856042 52.28219964686549304, 5.06441242514319967 52.28073760050876473, 5.06388558561202373 52.27997565960919957, 5.06532548811819705 52.27965934381913371, 5.06381253432831002 52.27857706766092605, 5.06487595987536832 52.27826534093266275, 5.07376810253208532 52.27518674045766289, 5.07078065894153074 52.27242387607202545, 5.06904366756990044 52.2694065209144938, 5.06829115020256804 52.26508978212618217, 5.06829115020256804 52.26508978212618217)))</t>
  </si>
  <si>
    <t>MultiPolygon (((5.06986606813253715 52.26126668503145112, 5.07138333987805634 52.26162480338219751, 5.0834857859361513 52.26047756531483657, 5.08843154912851148 52.25895172293663649, 5.09331964223542233 52.2564816280969282, 5.09362068599323603 52.25526459329764606, 5.09438158667312102 52.25372259688497678, 5.09783975555430047 52.2514830606119105, 5.09869063712887538 52.24912499144182476, 5.09030181603862353 52.24059857897901082, 5.0846914096027529 52.23825573472008443, 5.0797639466618314 52.23862026584674823, 5.07198757816448786 52.23671836993059259, 5.06842790646119568 52.23670272747043697, 5.06539418814005593 52.23788575038097548, 5.0549121162905184 52.24621437121511747, 5.05480499035778674 52.25249891279739956, 5.05395146290816299 52.25306863386314404, 5.05942620232902662 52.25681644517860036, 5.06986606813253715 52.26126668503145112, 5.06986606813253715 52.26126668503145112)))</t>
  </si>
  <si>
    <t>MultiPolygon (((5.04547949265640039 52.26404587938787216, 5.06829115020256804 52.26508978212618217, 5.06986606813253715 52.26126668503145112, 5.05942620232902662 52.25681644517860036, 5.05395146290816299 52.25306863386314404, 5.0507717940213892 52.25205591393228843, 5.04845307346719974 52.25283070678161579, 5.04844812625809247 52.25416376077447467, 5.04657711947914134 52.25614411247477165, 5.04428357633983193 52.25672378541113261, 5.04342785126012672 52.25544854127034, 5.04547949265640039 52.26404587938787216, 5.04547949265640039 52.26404587938787216)))</t>
  </si>
  <si>
    <t>MultiPolygon (((5.04823753684831544 52.27696043762960443, 5.04547949265640039 52.26404587938787216, 5.04342785126012672 52.25544854127034, 5.04187884641246331 52.25655996586453256, 5.04025317558856845 52.25657638079641032, 5.0371963980512211 52.2534411913232546, 5.03525536937390239 52.25264486668762487, 5.0311905314499068 52.25598826807975428, 5.03257253068442978 52.25997491545239626, 5.03145378168341129 52.26130569899901701, 5.02655100593524917 52.26419861339186212, 5.02785468212352527 52.26624643343783561, 5.02762683503074115 52.26777764351081856, 5.02633920976743198 52.26866138641410231, 5.02331011143955397 52.27147199307180614, 5.02288688692466856 52.27248343710640199, 5.02371026136212517 52.273208170300272, 5.02981373018239086 52.27204350331009408, 5.03093310184250875 52.27250286940460455, 5.03306998446618348 52.27528988416131739, 5.04252196905762595 52.27793030002007413, 5.04823753684831544 52.27696043762960443, 5.04823753684831544 52.27696043762960443)))</t>
  </si>
  <si>
    <t>MultiPolygon (((5.07865597393657353 52.17298568960246286, 5.046463540806295 52.16592911111718678, 5.04159176811458387 52.18375152125592109, 5.06834808771850742 52.18322472026062542, 5.0851153175448891 52.18286621218930321, 5.11365488811172408 52.18137042976876927, 5.12141257834993624 52.18095275420024137, 5.11531114079466676 52.17981628694540319, 5.07865597393657353 52.17298568960246286)))</t>
  </si>
  <si>
    <t>MultiPolygon (((5.08533406880733896 52.1889583052519157, 5.0963907220383815 52.18987051297309421, 5.11360617190401001 52.19320230700090235, 5.11365488811172408 52.18137042976876927, 5.0851153175448891 52.18286621218930321, 5.08533406880733896 52.1889583052519157, 5.08533406880733896 52.1889583052519157)))</t>
  </si>
  <si>
    <t>MultiPolygon (((5.06834808771850742 52.18322472026062542, 5.07072805609538779 52.18887836595296648, 5.08533406880733896 52.1889583052519157, 5.0851153175448891 52.18286621218930321, 5.06834808771850742 52.18322472026062542, 5.06834808771850742 52.18322472026062542)))</t>
  </si>
  <si>
    <t>MultiPolygon (((5.14243602297123115 52.20870695847676046, 5.14243744634516009 52.20781551742700799, 5.1405808667323134 52.2072873113099547, 5.14561163417532086 52.20050443748605318, 5.1453012372013367 52.19685590352259652, 5.14125387791286936 52.19326415888940573, 5.13589181568920505 52.19030637434002529, 5.12920423883781584 52.18737708370529305, 5.12193900296123861 52.18558027412205291, 5.12411058786028928 52.18082739193828701, 5.12141257834993624 52.18095275420024137, 5.11365488811172408 52.18137042976876927, 5.11360617190401001 52.19320230700090235, 5.0963907220383815 52.18987051297309421, 5.08533406880733896 52.1889583052519157, 5.07072805609538779 52.18887836595296648, 5.06834808771850742 52.18322472026062542, 5.04159176811458387 52.18375152125592109, 5.03250322723521393 52.18411340790921571, 5.03376472781860684 52.18616371243842877, 5.03497723777794981 52.18680295477807363, 5.03558447815198562 52.19097460661609489, 5.03664630466357988 52.19373330517519349, 5.03813407836939575 52.19516317259550675, 5.03720421242920047 52.19684758543395731, 5.06098842290819739 52.19526117337457549, 5.08228683183454155 52.19527352118414143, 5.11503345643734697 52.19845742924606924, 5.12396742643831882 52.20164908772153467, 5.12917397574420253 52.20500607863961307, 5.13973967223454409 52.20809706536181238, 5.14110652930323564 52.20847711769108912, 5.14201555429413748 52.20816632844514515, 5.14243602297123115 52.20870695847676046, 5.14243602297123115 52.20870695847676046)))</t>
  </si>
  <si>
    <t>MultiPolygon (((5.06748625530389774 52.21677047778482006, 5.07375564018157643 52.21504980967517895, 5.11842704313920382 52.21587427950301219, 5.11951736078634401 52.21591782049732444, 5.12252675737763408 52.21882509544609263, 5.13394314329860002 52.21429483201143995, 5.1395111245688474 52.20838058905312806, 5.13973967223454409 52.20809706536181238, 5.12917397574420253 52.20500607863961307, 5.12396742643831882 52.20164908772153467, 5.11503345643734697 52.19845742924606924, 5.08228683183454155 52.19527352118414143, 5.06098842290819739 52.19526117337457549, 5.03720421242920047 52.19684758543395731, 5.03712470889962649 52.19805270908921102, 5.03097211656893073 52.19876407653524097, 5.02794233631132581 52.19995886379602013, 5.02606126206139869 52.2013739615111092, 5.02276909487253498 52.20153418764517994, 5.02129295994858271 52.20188574324997433, 5.02138434675937173 52.20203661020717334, 5.02293540240103908 52.20170948278440193, 5.022452018517372 52.20222550257093985, 5.02203166732803385 52.20238321089819067, 5.02158674247883141 52.20247522794894479, 5.0216038951743478 52.20254198948836688, 5.022686429252051 52.20223597013048789, 5.0230259336543126 52.20203897830423756, 5.02262103591967612 52.20394146290278314, 5.02343285648912641 52.2038283903835989, 5.0233150786210663 52.20305084117696026, 5.02499626162563118 52.20284389398545244, 5.0255998617094626 52.20398182425575584, 5.03664989908837146 52.20213798678064165, 5.03742102094881705 52.20496451273437799, 5.03531623729399147 52.20523259533161564, 5.03644474334016135 52.20956397308376751, 5.0364436979947671 52.20956406525141347, 5.03340058687171155 52.20983623186674549, 5.03435382664434883 52.21311746065017445, 5.03372968176671254 52.2131230365791339, 5.03378795620160702 52.21371399528585755, 5.03674206634112931 52.21366335971951855, 5.03724293227356146 52.21418861501896203, 5.03532956233178108 52.21446226611995201, 5.03568342554251025 52.21512465889784238, 5.03690931469144054 52.21515572262357097, 5.03711890267145446 52.21659647597782339, 5.0358489988154016 52.21752913741793378, 5.03666560376063366 52.22436015414479016, 5.04190718010135619 52.22399305798581537, 5.04438582125260293 52.22343301366168333, 5.05623507404286876 52.21938354065088816, 5.06748625530389774 52.21677047778482006)),((5.04332142555693963 52.22843939059583818, 5.04198394066896061 52.22432665032395249, 5.04192883843063377 52.22408867873139116, 5.03987320679139028 52.2243873248099959, 5.03739882653511639 52.22473992664025388, 5.03710178331955127 52.22534164886803154, 5.03873055843728324 52.22517941526974994, 5.04168579505857295 52.22823451256517302, 5.04248445490768038 52.22877988338748878, 5.04332142555693963 52.22843939059583818)))</t>
  </si>
  <si>
    <t>MultiPolygon (((5.10844430796101179 52.27564244227665569, 5.11915149150252535 52.27353799959112024, 5.12053417925288556 52.27136251993023564, 5.11930040402163922 52.27126076129365373, 5.11790824629582897 52.26962963881140212, 5.11771869480321406 52.26644963805442501, 5.12234033269289846 52.26454034339713672, 5.12384119225589263 52.25943337080828854, 5.1202809394545028 52.26054227547225395, 5.09936234896762564 52.26709420025262176, 5.10844430796101179 52.27564244227665569, 5.10844430796101179 52.27564244227665569)))</t>
  </si>
  <si>
    <t>MultiPolygon (((5.09936234896762564 52.26709420025262176, 5.1202809394545028 52.26054227547225395, 5.1206491596355308 52.2487084978764571, 5.11573669109505857 52.24984762460658061, 5.09362068599323603 52.25526459329764606, 5.09331964223542233 52.2564816280969282, 5.09936234896762564 52.26709420025262176, 5.09936234896762564 52.26709420025262176)))</t>
  </si>
  <si>
    <t>MultiPolygon (((5.10292875029245518 52.27764927766700254, 5.10844430796101179 52.27564244227665569, 5.09936234896762564 52.26709420025262176, 5.09331964223542233 52.2564816280969282, 5.08843154912851148 52.25895172293663649, 5.0834857859361513 52.26047756531483657, 5.07138333987805634 52.26162480338219751, 5.06986606813253715 52.26126668503145112, 5.06829115020256804 52.26508978212618217, 5.06904366756990044 52.2694065209144938, 5.07078065894153074 52.27242387607202545, 5.07376810253208532 52.27518674045766289, 5.06487595987536832 52.27826534093266275, 5.07708195259331507 52.27797660913283551, 5.08461551714714854 52.2794075046108091, 5.08770417316408619 52.28168492519762367, 5.10206580657740183 52.27989083673558213, 5.10292875029245518 52.27764927766700254)))</t>
  </si>
  <si>
    <t>MultiPolygon (((5.08388214565504981 52.22596972047098518, 5.08573781510135259 52.22529965132950025, 5.09013423562328438 52.22413069549126163, 5.12265539490924926 52.21965027840984419, 5.12252675737763408 52.21882509544609263, 5.11951736078634401 52.21591782049732444, 5.11842704313920382 52.21587427950301219, 5.07375564018157643 52.21504980967517895, 5.06748625530389774 52.21677047778482006, 5.08388214565504981 52.22596972047098518, 5.08388214565504981 52.22596972047098518)))</t>
  </si>
  <si>
    <t>MultiPolygon (((5.06261807294819466 52.23452482623976323, 5.08388214565504981 52.22596972047098518, 5.06748625530389774 52.21677047778482006, 5.05623507404286876 52.21938354065088816, 5.04438582125260293 52.22343301366168333, 5.04190718010135619 52.22399305798581537, 5.0419225746716112 52.22406221805368887, 5.04279565759693416 52.22403951046942439, 5.04198394066896061 52.22432665032395249, 5.04332142555693963 52.22843939059583818, 5.04248445490768038 52.22877988338748878, 5.04069651324502477 52.22956745743135798, 5.04054548864711638 52.22984196270604684, 5.04158557051999878 52.230888222961525, 5.04231343339887772 52.23053167767629645, 5.057712792855515 52.23534258849630163, 5.06261807294819466 52.23452482623976323)))</t>
  </si>
  <si>
    <t>MultiPolygon (((5.11573669109505857 52.24984762460658061, 5.1206491596355308 52.2487084978764571, 5.12233693267096601 52.22081456324502824, 5.12252285973087762 52.21993240195342167, 5.12265539490924926 52.21965027840984419, 5.09013423562328438 52.22413069549126163, 5.08573781510135259 52.22529965132950025, 5.08804402000147604 52.22782504155581051, 5.10486425801199051 52.23653004912488029, 5.11573669109505857 52.24984762460658061, 5.11573669109505857 52.24984762460658061)))</t>
  </si>
  <si>
    <t>MultiPolygon (((5.09362068599323603 52.25526459329764606, 5.11573669109505857 52.24984762460658061, 5.10486425801199051 52.23653004912488029, 5.08804402000147604 52.22782504155581051, 5.08573781510135259 52.22529965132950025, 5.08388214565504981 52.22596972047098518, 5.06261807294819466 52.23452482623976323, 5.057712792855515 52.23534258849630163, 5.05690199933982143 52.23652234418674567, 5.06539418814005593 52.23788575038097548, 5.06842790646119568 52.23670272747043697, 5.07198757816448786 52.23671836993059259, 5.0797639466618314 52.23862026584674823, 5.0846914096027529 52.23825573472008443, 5.09030181603862353 52.24059857897901082, 5.09869063712887538 52.24912499144182476, 5.09783975555430047 52.2514830606119105, 5.09438158667312102 52.25372259688497678, 5.09362068599323603 52.25526459329764606, 5.09362068599323603 52.25526459329764606)))</t>
  </si>
  <si>
    <t>MultiPolygon (((5.1255740588862615 52.26021764149230364, 5.12733143243355549 52.2595785660032135, 5.13274327415870424 52.25973620038897849, 5.13649953116027014 52.25958304676780131, 5.13691575036248338 52.253953286143485, 5.13960452105846421 52.25401478916370479, 5.14004796209010539 52.24577423422218203, 5.14227724773231909 52.2433168404830397, 5.14202019313560665 52.23931258142649625, 5.14136192335948561 52.23684732670288611, 5.14179130359663361 52.22549347150057741, 5.14025516196809384 52.22464350046463721, 5.14023256518081961 52.22453595670497606, 5.12794469491809757 52.22440382176035456, 5.12806262296373472 52.22238339383046934, 5.12995507061594758 52.22239240046299358, 5.13000831803719048 52.22149102486531547, 5.12330983688347796 52.22138884743964837, 5.12233693267096601 52.22081456324502824, 5.1206491596355308 52.2487084978764571, 5.1202809394545028 52.26054227547225395, 5.12384119225589263 52.25943337080828854, 5.12234033269289846 52.26454034339713672, 5.11771869480321406 52.26644963805442501, 5.11790824629582897 52.26962963881140212, 5.11930040402163922 52.27126076129365373, 5.12053417925288556 52.27136251993023564, 5.1255740588862615 52.26021764149230364, 5.1255740588862615 52.26021764149230364)))</t>
  </si>
  <si>
    <t>MultiPolygon (((3.73592484155866922 51.56856738445168986, 3.74833635512857422 51.57192824722995539, 3.74906517070975021 51.57088127667925193, 3.7532316210932315 51.56913341854949806, 3.76216338325165056 51.56843899780275109, 3.76753473561976149 51.57035484613668075, 3.7745265739465701 51.56990930843402765, 3.7796596392332944 51.5714392244413844, 3.77509261251385908 51.55440848945399779, 3.76185834445013478 51.55501585720310231, 3.7618718589417468 51.55447823025410514, 3.76036423103683015 51.55508433173680061, 3.7549717228492554 51.55824733666491966, 3.74955179547303308 51.55590148979658949, 3.74211387910570803 51.55807069082754168, 3.73448689276195811 51.56301191047491272, 3.73734611063398603 51.56468121962934248, 3.73592484155866922 51.56856738445168986, 3.73592484155866922 51.56856738445168986),(3.77067326884440801 51.56657299862208532, 3.77082502973657263 51.56818517183279482, 3.76895433659995982 51.56797414512830358, 3.76748454738050542 51.56486005836898556, 3.7678396721001306 51.56339958822818659, 3.77657121178982269 51.56445718606643425, 3.77539835103538435 51.56657335968559153, 3.77067326884440801 51.56657299862208532, 3.77067326884440801 51.56657299862208532)))</t>
  </si>
  <si>
    <t>MultiPolygon (((3.77067326884440801 51.56657299862208532, 3.77539835103538435 51.56657335968559153, 3.77657121178982269 51.56445718606643425, 3.7678396721001306 51.56339958822818659, 3.76748454738050542 51.56486005836898556, 3.76895433659995982 51.56797414512830358, 3.77082502973657263 51.56818517183279482, 3.77067326884440801 51.56657299862208532, 3.77067326884440801 51.56657299862208532)))</t>
  </si>
  <si>
    <t>MultiPolygon (((3.77645190036065959 51.59814294592658968, 3.77888982574340382 51.60119136017490149, 3.78056757707496471 51.6019359580087098, 3.78800133244961623 51.60194897232900502, 3.79479309742406024 51.60273543849844202, 3.79542514337616943 51.59922835504120542, 3.80119259276921007 51.5949016005366019, 3.79896626391813985 51.59466264396085222, 3.79842081137001619 51.59530982179582281, 3.79108556170855771 51.59446206041354088, 3.79212234014166194 51.59317264929478597, 3.78530855772326902 51.59245721523500094, 3.78198359847120669 51.5800718761628687, 3.7796596392332944 51.5714392244413844, 3.7745265739465701 51.56990930843402765, 3.76753473561976149 51.57035484613668075, 3.76216338325165056 51.56843899780275109, 3.7532316210932315 51.56913341854949806, 3.74906517070975021 51.57088127667925193, 3.74833635512857422 51.57192824722995539, 3.73592484155866922 51.56856738445168986, 3.7348141423377883 51.57381544239196813, 3.72430626103985318 51.58437937518493044, 3.72970192403587708 51.58780203542271892, 3.73682388994777659 51.59499472065168391, 3.74172208326128342 51.594407070778594, 3.74545141669016335 51.59621967866571168, 3.74530880308311698 51.59715063711131222, 3.74680151589599975 51.59687581744285723, 3.74814192833672877 51.59752721406449893, 3.74911891867850189 51.59694080207890465, 3.75926962522691088 51.59708965314139562, 3.76153931690790966 51.59898204647970488, 3.76120158788555115 51.59961308870104801, 3.77445972254632123 51.59718924164825182, 3.77645190036065959 51.59814294592658968, 3.77645190036065959 51.59814294592658968),(3.74912574409679866 51.58725769389885585, 3.74798230595562654 51.58914392759974987, 3.74240779671203949 51.58674701714314637, 3.74121041301107571 51.58511558806794284, 3.7429082015365136 51.58022719685286006, 3.75217441532881102 51.58148543187203927, 3.75331699594267709 51.5847549968196617, 3.75278625737833904 51.58639193112902177, 3.75047850827926466 51.58756067375305321, 3.74912574409679866 51.58725769389885585, 3.74912574409679866 51.58725769389885585)))</t>
  </si>
  <si>
    <t>MultiPolygon (((3.74912574409679866 51.58725769389885585, 3.75047850827926466 51.58756067375305321, 3.75278625737833904 51.58639193112902177, 3.75331699594267709 51.5847549968196617, 3.75217441532881102 51.58148543187203927, 3.7429082015365136 51.58022719685286006, 3.74121041301107571 51.58511558806794284, 3.74240779671203949 51.58674701714314637, 3.74798230595562654 51.58914392759974987, 3.74912574409679866 51.58725769389885585, 3.74912574409679866 51.58725769389885585)))</t>
  </si>
  <si>
    <t>MultiPolygon (((3.68312677643846875 51.60076315175523121, 3.68463944804411492 51.59777713892007256, 3.68802483031417028 51.59850095881067489, 3.68836341817442204 51.60016597856763099, 3.68982157855524529 51.60001564880138147, 3.68959897456179897 51.59796959252420834, 3.69292396968617931 51.59775822303572568, 3.69928427098994694 51.59942166121633988, 3.70024105923589008 51.59815287019861074, 3.70844177435230327 51.5949338787141869, 3.71071833664926354 51.59476128164873643, 3.71930817057325225 51.59565651867706038, 3.71975776936811453 51.59482094758715931, 3.7133981756255503 51.59409247793760045, 3.71474438971779675 51.59189799559705136, 3.71675126407014966 51.59140549255975827, 3.72056840905261366 51.59177108657308253, 3.72045203923611201 51.59298473663954354, 3.72634428476300306 51.59232403365142261, 3.73005310994704242 51.59267893674358874, 3.73682388994777659 51.59499472065168391, 3.72970192403587708 51.58780203542271892, 3.72430626103985318 51.58437937518493044, 3.7348141423377883 51.57381544239196813, 3.73592484155866922 51.56856738445168986, 3.73734611063398603 51.56468121962934248, 3.73448689276195811 51.56301191047491272, 3.74211387910570803 51.55807069082754168, 3.74955179547303308 51.55590148979658949, 3.7549717228492554 51.55824733666491966, 3.76036423103683015 51.55508433173680061, 3.7364262671685462 51.54680874232808208, 3.72997454799272798 51.54214726604035945, 3.71477708839435472 51.53549388061099989, 3.71191133907182325 51.53342870274303067, 3.70585810182179243 51.52668012566751088, 3.70449833546883456 51.52602495310289044, 3.7029750153533243 51.5261330102128241, 3.7004049755481252 51.52773590730581788, 3.69837396598124357 51.53449979412853565, 3.70169826083088793 51.54178470973614878, 3.69891586056621247 51.54730838038896934, 3.6884593951713831 51.55609096913310907, 3.69180331213315682 51.55773007659042406, 3.6959968923676656 51.5621000892329775, 3.69749005061747749 51.56161247908561052, 3.70170816681172177 51.56624774753372265, 3.70643280716293155 51.56511193914791846, 3.71263364533941598 51.57331660317574062, 3.70806650036873542 51.57556157275319464, 3.70599308812123862 51.57569162851022071, 3.70514405381500511 51.57681134119529531, 3.70845689506630904 51.57886210252375037, 3.70550170023221748 51.57912079832830443, 3.70151166602585757 51.57675901497021442, 3.69977376344349507 51.57481536378635667, 3.701582088979396 51.57425456005965714, 3.69543132330616153 51.56755785173027817, 3.69509096952240368 51.56259479123194467, 3.69304706450535747 51.56243959694666756, 3.6911339509459844 51.56330834658569273, 3.6857954945218383 51.55913960382189742, 3.67572762461840385 51.56396508792307998, 3.67159025206312606 51.56961099819460514, 3.66816104333699311 51.57133663668962953, 3.66376599118921131 51.56719865219851329, 3.65503544995546825 51.56930966509906256, 3.65328609928145775 51.57002402810851294, 3.65130597365927079 51.57192801303421703, 3.64998080949514803 51.57476206191355317, 3.65007234867732322 51.57637084190214694, 3.64575696022026108 51.58144101164710804, 3.64395566203824117 51.58497168258329424, 3.64433394560411106 51.5865849032141881, 3.64646997093627734 51.58727876855446226, 3.64573405742789625 51.58900846433711251, 3.64087621531821704 51.58843593523001658, 3.63491348493809818 51.58689246651456273, 3.63362339320192707 51.58939743475641393, 3.66678123166152536 51.59522951588253648, 3.68075375368601332 51.6000980198640633, 3.68312677643846875 51.60076315175523121, 3.68312677643846875 51.60076315175523121)))</t>
  </si>
  <si>
    <t>MultiPolygon (((3.66376599118921131 51.56719865219851329, 3.66816104333699311 51.57133663668962953, 3.67159025206312606 51.56961099819460514, 3.67572762461840385 51.56396508792307998, 3.6857954945218383 51.55913960382189742, 3.6911339509459844 51.56330834658569273, 3.69304706450535747 51.56243959694666756, 3.69509096952240368 51.56259479123194467, 3.69533293147955488 51.5621356783528384, 3.69200016296083344 51.55860956665324579, 3.69124301052917492 51.55888372179732926, 3.68882664348687683 51.55782147990692721, 3.6894185655502425 51.55709609536977922, 3.68635553703811913 51.55691024244566023, 3.67783555246914284 51.56059913095908342, 3.67187872144063254 51.56465916164221142, 3.66376599118921131 51.56719865219851329, 3.66376599118921131 51.56719865219851329)))</t>
  </si>
  <si>
    <t>MultiPolygon (((3.69533293147955488 51.5621356783528384, 3.69509096952240368 51.56259479123194467, 3.69543132330616153 51.56755785173027817, 3.701582088979396 51.57425456005965714, 3.69977376344349507 51.57481536378635667, 3.70151166602585757 51.57675901497021442, 3.70550170023221748 51.57912079832830443, 3.70845689506630904 51.57886210252375037, 3.70514405381500511 51.57681134119529531, 3.70599308812123862 51.57569162851022071, 3.70806650036873542 51.57556157275319464, 3.71263364533941598 51.57331660317574062, 3.70643280716293155 51.56511193914791846, 3.70170816681172177 51.56624774753372265, 3.69749005061747749 51.56161247908561052, 3.6959968923676656 51.5621000892329775, 3.70065910909932372 51.56636023399641999, 3.7002001430448006 51.56659147781920183, 3.69791627273724366 51.56519491130529786, 3.69533293147955488 51.5621356783528384, 3.69533293147955488 51.5621356783528384)))</t>
  </si>
  <si>
    <t>MultiPolygon (((3.86889604575724988 51.59559860959059563, 3.87325014165826254 51.59233258446426618, 3.87587853372679225 51.58923908291810534, 3.881043310276453 51.58095160108104693, 3.88815158317206055 51.57502629862889165, 3.88899392894764828 51.57440786849853254, 3.89046298130856094 51.57466572212847922, 3.8914549345167968 51.57630089322939426, 3.89251328577269451 51.57458498774789035, 3.89429300367909104 51.57457664207119308, 3.88876671668809237 51.57358951802266489, 3.88932565562508969 51.57221213155104778, 3.89283854604538515 51.57266430444099115, 3.89370074122708676 51.57321571537953275, 3.89397837247715284 51.57173015008492456, 3.89307842561656114 51.5724175254921704, 3.8923871548091773 51.57221333694931786, 3.89330323992510152 51.56835924791450765, 3.89658904476408408 51.56427272399120909, 3.89764505467916278 51.56356610046947253, 3.89914317505872532 51.5635493443041355, 3.89924567220247331 51.56307588588838797, 3.89693568689822767 51.56264885503097872, 3.89689737033631101 51.55997456243871113, 3.89198693855420697 51.55798716495549172, 3.87266153046713457 51.55524563656329207, 3.87151456906388303 51.55348104799405462, 3.86173969194429567 51.55144880805939067, 3.85332027942996858 51.56692271474135936, 3.84986406990937313 51.57316214088955064, 3.84957469115115014 51.57807584883988739, 3.85275060139831638 51.58273027286976742, 3.86889604575724988 51.59559860959059563, 3.86889604575724988 51.59559860959059563),(3.8884673408535706 51.5694827098385602, 3.88266524187095863 51.57048476838073015, 3.88267701653604513 51.56520702559794955, 3.88440508001198204 51.56471072562165858, 3.88721110465332798 51.56650725631759258, 3.8884673408535706 51.5694827098385602, 3.8884673408535706 51.5694827098385602)))</t>
  </si>
  <si>
    <t>MultiPolygon (((3.8884673408535706 51.5694827098385602, 3.88721110465332798 51.56650725631759258, 3.88440508001198204 51.56471072562165858, 3.88267701653604513 51.56520702559794955, 3.88266524187095863 51.57048476838073015, 3.8884673408535706 51.5694827098385602, 3.8884673408535706 51.5694827098385602)))</t>
  </si>
  <si>
    <t>MultiPolygon (((3.83893119808295191 51.60585795719807578, 3.84011317460689439 51.60442240204382358, 3.83897797101698268 51.60319412390259686, 3.83920311554529947 51.60186592441259279, 3.84061341111535715 51.60185949539264527, 3.84107486299308531 51.59726784750407802, 3.85161569944253923 51.59274119277731074, 3.85607069503237465 51.59622795039598486, 3.85590905338499601 51.60101576442773563, 3.86193796623873498 51.60018492382673827, 3.86871997172815929 51.59572655391116314, 3.87054794063734198 51.59708064108677661, 3.87072985488856514 51.5970375339046754, 3.86889604575724988 51.59559860959059563, 3.85275060139831638 51.58273027286976742, 3.84957469115115014 51.57807584883988739, 3.84986406990937313 51.57316214088955064, 3.85332027942996858 51.56692271474135936, 3.8172952138812124 51.57752712096614545, 3.79472602920567104 51.58050068577857417, 3.78198359847120669 51.5800718761628687, 3.78530855772326902 51.59245721523500094, 3.79212234014166194 51.59317264929478597, 3.79108556170855771 51.59446206041354088, 3.79842081137001619 51.59530982179582281, 3.79896626391813985 51.59466264396085222, 3.80119259276921007 51.5949016005366019, 3.79542514337616943 51.59922835504120542, 3.79479309742406024 51.60273543849844202, 3.79654689040777837 51.60423912204827701, 3.79805451905614078 51.60427228677373535, 3.79944260609752327 51.60492198683335374, 3.79925708323719391 51.60535517562459518, 3.80048917244737705 51.60541181297823954, 3.80779230022673465 51.60552168389763494, 3.80977084027523727 51.60501802086903922, 3.81266200304928393 51.60547247171067653, 3.82019447186324257 51.60248448199957494, 3.83483264095985144 51.60570858180660991, 3.83514548659971588 51.60507451236726695, 3.83892508523621689 51.60505516375803126, 3.83893119808295191 51.60585795719807578, 3.83893119808295191 51.60585795719807578)))</t>
  </si>
  <si>
    <t>MultiPolygon (((3.84011317460689439 51.60442240204382358, 3.84114003267263548 51.60359410763214072, 3.84669630365417481 51.60345876731607717, 3.84879800002228167 51.60422293769899227, 3.8501833436715498 51.60401041297052416, 3.84685116102940805 51.60318860836409982, 3.84268702977890486 51.60323954305100358, 3.8414277380794597 51.60280831319651185, 3.84206434324727297 51.60188808080071965, 3.84630840789170669 51.60250286375905659, 3.85027748168245054 51.60215969352614707, 3.85107359792576176 51.60356947175867504, 3.85102639560763471 51.60200758707986068, 3.85590905338499601 51.60101576442773563, 3.85607069503237465 51.59622795039598486, 3.85161569944253923 51.59274119277731074, 3.84107486299308531 51.59726784750407802, 3.84061341111535715 51.60185949539264527, 3.83920311554529947 51.60186592441259279, 3.83897797101698268 51.60319412390259686, 3.84011317460689439 51.60442240204382358, 3.84011317460689439 51.60442240204382358)))</t>
  </si>
  <si>
    <t>MultiPolygon (((3.77622075880443786 51.5508805732147195, 3.77952205921201001 51.54967152380414319, 3.77839402214830722 51.54863221624683689, 3.77174280778555948 51.55135017706330558, 3.77622075880443786 51.5508805732147195, 3.77622075880443786 51.5508805732147195)),((3.85332027942996858 51.56692271474135936, 3.86173969194429567 51.55144880805939067, 3.87151456906388303 51.55348104799405462, 3.86464236497247704 51.54680429215137138, 3.86549519520855878 51.5448441162347919, 3.86941563579038972 51.54479840562832749, 3.86569717488676812 51.54437985196094019, 3.86592601855285656 51.54385382817937256, 3.86848989446296754 51.54386538648824256, 3.86609312119649351 51.54346971405855982, 3.86685951671941153 51.54170793840088294, 3.86627532922411632 51.54163132535740033, 3.86511582457856795 51.54147703372124312, 3.86457247057228415 51.54300179381063884, 3.86153124857804597 51.54310139953621217, 3.86203903104706825 51.54412054256414422, 3.85909250773236101 51.54384939016154732, 3.85886257304346092 51.54438778237753382, 3.8537388538979882 51.54441739989420057, 3.8467907823095584 51.54918194602267079, 3.84456476676156278 51.54974140941011029, 3.84452317158493528 51.55151089996281399, 3.8368017378982362 51.55591937626415699, 3.83288098314030812 51.55630398435264539, 3.82531001587364949 51.55570700789122185, 3.82433145729213653 51.55922163920355672, 3.81074195009268468 51.55770805044088689, 3.79556195233076554 51.56506431680383429, 3.79388020688383198 51.5594807589517643, 3.80080274198460755 51.55501711622799377, 3.80674976806990761 51.55118591581491216, 3.80782719605518505 51.54927456367177285, 3.80592560836077487 51.54802644451000049, 3.80354663626106548 51.54777404457082213, 3.79668176141577707 51.54928131327908858, 3.78739728638447115 51.55053585023804175, 3.78704123200390752 51.55003350833689524, 3.77509261251385908 51.55440848945399779, 3.7796596392332944 51.5714392244413844, 3.78198359847120669 51.5800718761628687, 3.79472602920567104 51.58050068577857417, 3.8172952138812124 51.57752712096614545, 3.85332027942996858 51.56692271474135936, 3.85332027942996858 51.56692271474135936)))</t>
  </si>
  <si>
    <t>MultiPolygon (((3.80497670708739477 51.55465607163985453, 3.81011482608893637 51.54980540075396789, 3.80886715586712832 51.54985422663880001, 3.80782719605518505 51.54927456367177285, 3.80674976806990761 51.55118591581491216, 3.80080274198460755 51.55501711622799377, 3.80497670708739477 51.55465607163985453, 3.80497670708739477 51.55465607163985453)),((3.82433145729213653 51.55922163920355672, 3.82531001587364949 51.55570700789122185, 3.824795697059447 51.55508256508851161, 3.81500952878031585 51.55347902091645551, 3.81525924160879581 51.5531524213090222, 3.81336560943507408 51.55260553344106, 3.81309227003614648 51.55144914780601084, 3.81076793908078804 51.55444984846539569, 3.80917506770247849 51.5540536172236088, 3.8112786476556364 51.55107977958502374, 3.81015095269168835 51.55061172051480867, 3.80752736968727801 51.55291033880677531, 3.8072424201180306 51.5545722417337231, 3.80552402155005254 51.5546653491490332, 3.80923790333981183 51.55481062144237825, 3.81074195009268468 51.55770805044088689, 3.82433145729213653 51.55922163920355672, 3.82433145729213653 51.55922163920355672)))</t>
  </si>
  <si>
    <t>MultiPolygon (((3.80080274198460755 51.55501711622799377, 3.79388020688383198 51.5594807589517643, 3.79556195233076554 51.56506431680383429, 3.81074195009268468 51.55770805044088689, 3.80923790333981183 51.55481062144237825, 3.80552402155005254 51.5546653491490332, 3.80497670708739477 51.55465607163985453, 3.80080274198460755 51.55501711622799377, 3.80080274198460755 51.55501711622799377)))</t>
  </si>
  <si>
    <t>MultiPolygon (((6.28384234363841365 52.68419794577319948, 6.2863957378087445 52.68319799482834043, 6.29076912597169446 52.68352855912541344, 6.29757148486570717 52.68271331595620666, 6.31440853025032212 52.6784026735301083, 6.32198079337963303 52.67728905303039966, 6.33711754647036773 52.67753282127584669, 6.34214850092535176 52.6787636982287637, 6.34865309375640496 52.67313791178222004, 6.35658191607295642 52.67224388074453145, 6.35841158821571018 52.66584780278553524, 6.36351438482736231 52.6615801794185856, 6.34171961645923776 52.65368559352074129, 6.33400289704636776 52.65469886288426693, 6.33120077225264932 52.65716113568181811, 6.3277977120824378 52.65869274594000871, 6.32634017165461859 52.65895816597221568, 6.32588363516164343 52.6597087689083807, 6.32722459520049263 52.660446807063785, 6.32587133546826497 52.66115453018068848, 6.32585725416034261 52.66280981283296825, 6.3276203506465194 52.66371766644418528, 6.32851681330292504 52.66537810578287804, 6.32929012171675165 52.66539845829516509, 6.32800444600020917 52.66613165602943525, 6.32871146521805272 52.66673853113868375, 6.32693816679115262 52.6692069465636763, 6.32252931668311113 52.67043781742093245, 6.31958716659444342 52.67039797519046118, 6.31896057766908115 52.6697212398554484, 6.31674021328590296 52.66989528755993888, 6.31681629386114185 52.66949348253275076, 6.31495706677823421 52.66942457250510046, 6.31482176213568547 52.66875079397735959, 6.31387525525931714 52.66868842229453662, 6.31410320446629481 52.66805816884362912, 6.31208046600044259 52.66805545919332587, 6.31165969895821899 52.66733871442144022, 6.30967037382155915 52.66675293159789106, 6.30582584018916226 52.66623925016585872, 6.30262176908111549 52.66734623302775731, 6.30188938789846187 52.66699686407891789, 6.30228807662638779 52.66642672274257109, 6.299676185312026 52.66649693663593013, 6.29968887355443385 52.66583072375247809, 6.29756299362644523 52.66636943418599515, 6.29519562492584139 52.66357751374168572, 6.29554777795593079 52.66232221252587209, 6.2919468650095034 52.6624373146645155, 6.28905617588349752 52.66324916190038152, 6.2882696682752206 52.6638873897735138, 6.28748692972557599 52.6634526009249484, 6.28722618304143221 52.66418064527548637, 6.28505251301941747 52.66539435294090765, 6.28549072671817832 52.66699179000144682, 6.28453086250321658 52.66715302335816773, 6.2827049028582671 52.66821929708568462, 6.27905639425339857 52.66905125691683764, 6.27790535193455668 52.66853935894348382, 6.27735039937678163 52.66893050498762108, 6.27625393466022441 52.66731311349204248, 6.27451330319994138 52.66689796281045943, 6.27333890929619287 52.6649101601524805, 6.27006711864071598 52.66479411548928624, 6.26589550073520662 52.6667802888660006, 6.26550119620084356 52.66798774281844686, 6.26632529638053626 52.66825785444020624, 6.26645667166812714 52.67099580198753017, 6.26857595230993869 52.67171477186723649, 6.26904559192814315 52.67357571330051513, 6.27248900317332758 52.67319817145728678, 6.27266844879011209 52.6737423901916415, 6.26981471980935812 52.68222796961511989, 6.2751611623761141 52.68344700315188334, 6.28352419950024199 52.68249190237694535, 6.28384234363841365 52.68419794577319948, 6.28384234363841365 52.68419794577319948),(6.29733869087083242 52.68007948345951519, 6.2970778882641083 52.67794841504493775, 6.28552748985829979 52.67662800663491396, 6.2839391064109158 52.67740926116216116, 6.28391890150073262 52.67816267334927716, 6.28122022660860679 52.6783076909607928, 6.27728225068906731 52.67260521725749811, 6.27838238354599465 52.67071579463932807, 6.28380890965971872 52.66885588538058016, 6.29227887683176768 52.66815922491697677, 6.30532585982915883 52.67228134400666306, 6.30635510190067627 52.67384170540216815, 6.29970209487600297 52.67394321623418563, 6.2996366557478396 52.67975859771721048, 6.29733869087083242 52.68007948345951519, 6.29733869087083242 52.68007948345951519)))</t>
  </si>
  <si>
    <t>MultiPolygon (((6.29733869087083242 52.68007948345951519, 6.2996366557478396 52.67975859771721048, 6.29970209487600297 52.67394321623418563, 6.30635510190067627 52.67384170540216815, 6.30532585982915883 52.67228134400666306, 6.29227887683176768 52.66815922491697677, 6.28380890965971872 52.66885588538058016, 6.27838238354599465 52.67071579463932807, 6.27728225068906731 52.67260521725749811, 6.28122022660860679 52.6783076909607928, 6.28391890150073262 52.67816267334927716, 6.2839391064109158 52.67740926116216116, 6.28552748985829979 52.67662800663491396, 6.2970778882641083 52.67794841504493775, 6.29733869087083242 52.68007948345951519, 6.29733869087083242 52.68007948345951519)))</t>
  </si>
  <si>
    <t>MultiPolygon (((6.36529562664364601 52.72985073742601259, 6.3759567110446822 52.71259664761081609, 6.35542928702524179 52.70560695259893436, 6.37433490388598312 52.68548672718368664, 6.35361892205321066 52.68306396290309124, 6.34214850092535176 52.6787636982287637, 6.33711754647036773 52.67753282127584669, 6.32198079337963303 52.67728905303039966, 6.31440853025032212 52.6784026735301083, 6.29757148486570717 52.68271331595620666, 6.29076912597169446 52.68352855912541344, 6.2863957378087445 52.68319799482834043, 6.28384234363841365 52.68419794577319948, 6.28174065393783554 52.68447351041673699, 6.27542329459918768 52.68774297466922718, 6.27589416070882855 52.69030956508073871, 6.2850119703902152 52.68970515713489533, 6.2867001619101055 52.69906929389239991, 6.27580762673333492 52.69546342650345849, 6.27632568402316515 52.69800419706911754, 6.27963487255664532 52.69961184066814752, 6.27795143896730767 52.70105112168377559, 6.27669938353888845 52.70058611818523531, 6.27721382841100439 52.70335978982818403, 6.27380284495616092 52.70328156155905219, 6.27425517393671583 52.7061830884620548, 6.27932531776627201 52.7068130762014917, 6.2818517000740437 52.7065452687075009, 6.28861778452461717 52.70898370042377934, 6.2943819328934163 52.71101372733397739, 6.2959061934757754 52.71158627530419949, 6.3049079852111527 52.71470714515060507, 6.31168496157903824 52.70945099159442293, 6.31526396432197679 52.70179984855612787, 6.30657159409388868 52.69846195321208882, 6.30807030162950433 52.69670511942155855, 6.30932761806486919 52.69719502357913399, 6.31356473917713323 52.69313939013596837, 6.32130305174000284 52.69594137228543218, 6.32164744662436018 52.69558282184828357, 6.33097780632443907 52.68604172522254458, 6.33299932518137787 52.68588917038042041, 6.3336969606461162 52.68703570156178984, 6.34209966079798448 52.68596643485475539, 6.35061863055269615 52.68745622341848645, 6.35146527275797723 52.68856746132700408, 6.35056922925902523 52.68986077451727112, 6.34423159563557792 52.68858178896049793, 6.3398013531196149 52.68883754505684891, 6.33309541172799406 52.69021137521900044, 6.32563062158879585 52.69708382488639842, 6.32404380656254972 52.69855763128371251, 6.32589213876505774 52.69928283906952515, 6.32458845125169056 52.70085496494117194, 6.32255172866008941 52.70012138781985556, 6.32010884639305015 52.70323504897046973, 6.31827575221470994 52.70554232115421911, 6.31676968044444642 52.70988321516134789, 6.30930885432996291 52.71623299464945234, 6.32887763439304152 52.72314608072117181, 6.34638706848988932 52.72936707572576864, 6.36529562664364601 52.72985073742601259, 6.36529562664364601 52.72985073742601259),(6.32898015418201076 52.71585425188678897, 6.33442767517989047 52.711657148734119, 6.34090563722797285 52.71400785238583353, 6.33839350039927485 52.71663318422820765, 6.34052299843990319 52.71751263716291902, 6.33994408443270085 52.71805202388740952, 6.33768995725271367 52.71736622354990942, 6.33533946152521121 52.71989077149336822, 6.32912171582736605 52.7177629522614879, 6.32898015418201076 52.71585425188678897, 6.32898015418201076 52.71585425188678897)))</t>
  </si>
  <si>
    <t>MultiPolygon (((6.33768995725271367 52.71736622354990942, 6.33994408443270085 52.71805202388740952, 6.34052299843990319 52.71751263716291902, 6.33839350039927485 52.71663318422820765, 6.34090563722797285 52.71400785238583353, 6.33442767517989047 52.711657148734119, 6.32898015418201076 52.71585425188678897, 6.32912171582736605 52.7177629522614879, 6.33533946152521121 52.71989077149336822, 6.33768995725271367 52.71736622354990942, 6.33768995725271367 52.71736622354990942)))</t>
  </si>
  <si>
    <t>MultiPolygon (((6.32164744662436018 52.69558282184828357, 6.32355084193796468 52.69632897914124214, 6.32563062158879585 52.69708382488639842, 6.33309541172799406 52.69021137521900044, 6.3398013531196149 52.68883754505684891, 6.34423159563557792 52.68858178896049793, 6.35056922925902523 52.68986077451727112, 6.35146527275797723 52.68856746132700408, 6.35061863055269615 52.68745622341848645, 6.34209966079798448 52.68596643485475539, 6.3336969606461162 52.68703570156178984, 6.33299932518137787 52.68588917038042041, 6.33097780632443907 52.68604172522254458, 6.32164744662436018 52.69558282184828357, 6.32164744662436018 52.69558282184828357)))</t>
  </si>
  <si>
    <t>MultiPolygon (((6.3049079852111527 52.71470714515060507, 6.30710115067092492 52.71547267399844827, 6.30930885432996291 52.71623299464945234, 6.31676968044444642 52.70988321516134789, 6.31827575221470994 52.70554232115421911, 6.32010884639305015 52.70323504897046973, 6.31526396432197679 52.70179984855612787, 6.31168496157903824 52.70945099159442293, 6.3049079852111527 52.71470714515060507, 6.3049079852111527 52.71470714515060507)))</t>
  </si>
  <si>
    <t>MultiPolygon (((6.31526396432197679 52.70179984855612787, 6.32010884639305015 52.70323504897046973, 6.32255172866008941 52.70012138781985556, 6.32458845125169056 52.70085496494117194, 6.32589213876505774 52.69928283906952515, 6.32404380656254972 52.69855763128371251, 6.32563062158879585 52.69708382488639842, 6.32355084193796468 52.69632897914124214, 6.32164744662436018 52.69558282184828357, 6.32130305174000284 52.69594137228543218, 6.31356473917713323 52.69313939013596837, 6.30932761806486919 52.69719502357913399, 6.30807030162950433 52.69670511942155855, 6.30657159409388868 52.69846195321208882, 6.31526396432197679 52.70179984855612787, 6.31526396432197679 52.70179984855612787)))</t>
  </si>
  <si>
    <t>MultiPolygon (((6.31949490333780606 52.74419528428533965, 6.3155836785205306 52.7397170238115649, 6.31377025451326457 52.73526332713905163, 6.30846395400133897 52.73005984187859241, 6.31186004298485948 52.72717721760844256, 6.3182089245257016 52.72547741956262257, 6.32025347385598923 52.72751670625605414, 6.32306326237708038 52.72869221158897801, 6.32887763439304152 52.72314608072117181, 6.30930885432996291 52.71623299464945234, 6.30519052903120425 52.72078547857353925, 6.30281757818976107 52.72006005564161768, 6.30136113985305091 52.72147384098357747, 6.29819534296467687 52.72013203899228984, 6.3000927679419414 52.71806950566672612, 6.30205142957938502 52.71795447983348737, 6.3049079852111527 52.71470714515060507, 6.2959061934757754 52.71158627530419949, 6.29137160332319922 52.71588082605030934, 6.28956283599720312 52.7162310196151509, 6.28732057577903181 52.71557282701739666, 6.28681515142539915 52.71603893575368005, 6.2840558717337256 52.71492735731987267, 6.28517713884955675 52.71171715738984886, 6.28861778452461717 52.70898370042377934, 6.2818517000740437 52.7065452687075009, 6.27932531776627201 52.7068130762014917, 6.27425517393671583 52.7061830884620548, 6.26862800018946142 52.7055437174550292, 6.25311977043852085 52.70528154907599117, 6.24897551694279318 52.7082209626494631, 6.2425559378990414 52.70681332977144251, 6.23792792720824885 52.70577056372215452, 6.23332810832825146 52.70665906493178454, 6.22496111921358963 52.70323020940699621, 6.21690358512052921 52.70315773387873293, 6.216633925991915 52.70959439522947321, 6.24181270044421055 52.71880394985075213, 6.24263251563062838 52.7188866185666356, 6.24733732629638183 52.71092665318110448, 6.25198708455496632 52.71176977654703677, 6.2499691562613755 52.71420201278955631, 6.25618662554340332 52.71579077694084958, 6.25498381461309805 52.71767958759452455, 6.26055493066611213 52.7192587944275104, 6.25711258115313829 52.72330582560165624, 6.2585208855441774 52.72483235128751033, 6.26210929006272199 52.72625466625982682, 6.2809526052908824 52.73368196955021858, 6.28390570131580972 52.73552911824046419, 6.28661100772178472 52.73770217098218893, 6.29389798722209459 52.74331113487305345, 6.29452600408940199 52.74267499375613255, 6.29856778009372498 52.74411803784366271, 6.29721541640904459 52.74539559092791308, 6.30013379815781605 52.74784924677659603, 6.30989920133371829 52.75310286970094609, 6.31346149819591762 52.75421715803231137, 6.31640442464307839 52.75084646109162634, 6.31392801668354586 52.74854254465393666, 6.31913836076296853 52.7454709045061847, 6.31949490333780606 52.74419528428533965, 6.31949490333780606 52.74419528428533965)),((6.30771512183368266 52.76068706064171465, 6.29735394415198435 52.75727402629324558, 6.29996730198452948 52.75451290658471493, 6.291243057037466 52.75101151782563136, 6.29303687712881299 52.74908528057480339, 6.28056262159490863 52.74397421807527309, 6.27797269836552463 52.74165356267138804, 6.27160865355062302 52.73822742948451747, 6.27081641378304777 52.73895959713212278, 6.26843449094706973 52.73810717211767951, 6.26946242400607012 52.73723284833442904, 6.25722882699906258 52.73193164941470457, 6.24932694720321535 52.72844029524729592, 6.24407722428534839 52.72714247186579684, 6.24346450415904375 52.7278299144155298, 6.24042617476401507 52.72695581463642611, 6.24173104806114054 52.724787821625128, 6.24067331361530631 52.72444097663044005, 6.23795070134307128 52.72426836687652241, 6.23575808586326108 52.72234276864080726, 6.22727530738648749 52.72056842212279548, 6.22702738842120329 52.71898560389017518, 6.22052428867309182 52.71805619992481695, 6.22085259799091617 52.7140719748526152, 6.21652274799858784 52.71270708474467881, 6.21631980689943031 52.71860403463615086, 6.21762349170204764 52.72129967984720622, 6.23457627142033743 52.74060076903183614, 6.23143877126356838 52.7417085833854884, 6.23663796880825494 52.74390321872149912, 6.24155504011308437 52.75065296759078848, 6.24741182109969717 52.75413576580290709, 6.25202752379322391 52.75831059538638357, 6.25467089141266719 52.75759710594159202, 6.25961424211201933 52.75795797521132613, 6.26174709303786869 52.75760449140397412, 6.2685557213322225 52.75840594912768466, 6.281479572073005 52.76292186312323906, 6.2974922087530345 52.76609011004213556, 6.30197613939954504 52.76693754320681506, 6.30771512183368266 52.76068706064171465, 6.30771512183368266 52.76068706064171465)))</t>
  </si>
  <si>
    <t>MultiPolygon (((6.27797269836552463 52.74165356267138804, 6.28390570131580972 52.73552911824046419, 6.2809526052908824 52.73368196955021858, 6.26210929006272199 52.72625466625982682, 6.26112888518953614 52.72726844625744747, 6.26170416023268039 52.72768718528238452, 6.25722882699906258 52.73193164941470457, 6.26946242400607012 52.73723284833442904, 6.26843449094706973 52.73810717211767951, 6.27081641378304777 52.73895959713212278, 6.27160865355062302 52.73822742948451747, 6.27797269836552463 52.74165356267138804, 6.27797269836552463 52.74165356267138804)),((6.29856778009372498 52.74411803784366271, 6.29452600408940199 52.74267499375613255, 6.29389798722209459 52.74331113487305345, 6.28661100772178472 52.73770217098218893, 6.28056262159490863 52.74397421807527309, 6.29303687712881299 52.74908528057480339, 6.291243057037466 52.75101151782563136, 6.29996730198452948 52.75451290658471493, 6.29735394415198435 52.75727402629324558, 6.30771512183368266 52.76068706064171465, 6.31346149819591762 52.75421715803231137, 6.30989920133371829 52.75310286970094609, 6.30013379815781605 52.74784924677659603, 6.29721541640904459 52.74539559092791308, 6.29856778009372498 52.74411803784366271, 6.29856778009372498 52.74411803784366271)))</t>
  </si>
  <si>
    <t>MultiPolygon (((6.3049079852111527 52.71470714515060507, 6.30205142957938502 52.71795447983348737, 6.3000927679419414 52.71806950566672612, 6.29819534296467687 52.72013203899228984, 6.30136113985305091 52.72147384098357747, 6.30281757818976107 52.72006005564161768, 6.30519052903120425 52.72078547857353925, 6.30930885432996291 52.71623299464945234, 6.30710115067092492 52.71547267399844827, 6.3049079852111527 52.71470714515060507, 6.3049079852111527 52.71470714515060507)))</t>
  </si>
  <si>
    <t>MultiPolygon (((6.2959061934757754 52.71158627530419949, 6.2943819328934163 52.71101372733397739, 6.28861778452461717 52.70898370042377934, 6.28517713884955675 52.71171715738984886, 6.2840558717337256 52.71492735731987267, 6.28681515142539915 52.71603893575368005, 6.28732057577903181 52.71557282701739666, 6.28956283599720312 52.7162310196151509, 6.29137160332319922 52.71588082605030934, 6.2959061934757754 52.71158627530419949, 6.2959061934757754 52.71158627530419949)))</t>
  </si>
  <si>
    <t>MultiPolygon (((6.27797269836552463 52.74165356267138804, 6.28056262159490863 52.74397421807527309, 6.28661100772178472 52.73770217098218893, 6.28390570131580972 52.73552911824046419, 6.27797269836552463 52.74165356267138804, 6.27797269836552463 52.74165356267138804)))</t>
  </si>
  <si>
    <t>MultiPolygon (((6.24067331361530631 52.72444097663044005, 6.2413343197072928 52.72303814981549408, 6.23994494012667378 52.7229155507785805, 6.24181270044421055 52.71880394985075213, 6.216633925991915 52.70959439522947321, 6.21652274799858784 52.71270708474467881, 6.22085259799091617 52.7140719748526152, 6.22052428867309182 52.71805619992481695, 6.22702738842120329 52.71898560389017518, 6.22727530738648749 52.72056842212279548, 6.23575808586326108 52.72234276864080726, 6.23795070134307128 52.72426836687652241, 6.24067331361530631 52.72444097663044005, 6.24067331361530631 52.72444097663044005)))</t>
  </si>
  <si>
    <t>MultiPolygon (((6.25722882699906258 52.73193164941470457, 6.26170416023268039 52.72768718528238452, 6.26112888518953614 52.72726844625744747, 6.26210929006272199 52.72625466625982682, 6.2585208855441774 52.72483235128751033, 6.25711258115313829 52.72330582560165624, 6.26055493066611213 52.7192587944275104, 6.25498381461309805 52.71767958759452455, 6.25618662554340332 52.71579077694084958, 6.2499691562613755 52.71420201278955631, 6.25198708455496632 52.71176977654703677, 6.24733732629638183 52.71092665318110448, 6.24263251563062838 52.7188866185666356, 6.24181270044421055 52.71880394985075213, 6.23994494012667378 52.7229155507785805, 6.2413343197072928 52.72303814981549408, 6.24067331361530631 52.72444097663044005, 6.24173104806114054 52.724787821625128, 6.24042617476401507 52.72695581463642611, 6.24346450415904375 52.7278299144155298, 6.24407722428534839 52.72714247186579684, 6.24932694720321535 52.72844029524729592, 6.25722882699906258 52.73193164941470457, 6.25722882699906258 52.73193164941470457)))</t>
  </si>
  <si>
    <t>MultiPolygon (((6.34580322190724999 52.7884182080204809, 6.34822059545525352 52.7881143513963309, 6.35046406556442466 52.78859037770801876, 6.3510299682045348 52.78765004827751284, 6.35208179675514462 52.78784123106151327, 6.35334543690697728 52.78541045209578897, 6.34947776194037061 52.78340508073834769, 6.3500795205759184 52.7828261840249553, 6.35124546013916635 52.78327097068346774, 6.35228417453169758 52.78238747034229306, 6.35373410785816262 52.78248904465273483, 6.35375576555723587 52.78204601227270132, 6.35056421536954652 52.78015781035612974, 6.33942609430936077 52.77669627448410949, 6.33879241880913913 52.77774666952621629, 6.34200843785379842 52.77862527802083292, 6.34030976347223074 52.78113453109654785, 6.33757889099104244 52.78062441626293833, 6.33571878822401935 52.78404709377127801, 6.33943397553354604 52.7863260540972874, 6.33611732353132773 52.78738998182648601, 6.33068880475352636 52.78512393790170165, 6.33115962250045605 52.78441246336267767, 6.32168980035757588 52.78109893792226615, 6.32092433435686996 52.77856492158053925, 6.3211515239391014 52.77768576202260675, 6.32914158805406313 52.77824072096639441, 6.32879493592112841 52.77742281332976404, 6.33148985718253066 52.77704198995725449, 6.3370971067723616 52.77713951709313278, 6.33739680916638459 52.7761277447553141, 6.30936346591215802 52.77135566169127401, 6.29918105357870495 52.76859402708711855, 6.29303711676798283 52.77847187386551298, 6.29562481333431379 52.78078683794382897, 6.2970546497395059 52.78092852838505422, 6.29838043816272108 52.78201590362591844, 6.29749084653828106 52.78255992381583184, 6.3005678669343439 52.78585902163361254, 6.29953055972381737 52.78706509806482927, 6.30078409694163444 52.78730433852300763, 6.30054178626968397 52.7877279205655654, 6.30218424875536343 52.78849598146481981, 6.30260917638507756 52.78952373721435976, 6.30120728231402527 52.79097364599140008, 6.30529919996047816 52.79155059965589203, 6.30692459745899825 52.79387102151581956, 6.30940089671217663 52.79532161532608825, 6.32084737321347312 52.79538852174584207, 6.34068077071784675 52.79897782774493464, 6.34591914404099811 52.79894695067741139, 6.34624459473962332 52.79894517925714581, 6.35365815772850073 52.79891161832077984, 6.35459649655083858 52.79519847015237133, 6.35247958440758254 52.79453485530025603, 6.35043935861800257 52.79183947593708126, 6.34295675707607298 52.78969272985703753, 6.34580322190724999 52.7884182080204809, 6.34580322190724999 52.7884182080204809)))</t>
  </si>
  <si>
    <t>MultiPolygon (((6.33739680916638459 52.7761277447553141, 6.3370971067723616 52.77713951709313278, 6.33148985718253066 52.77704198995725449, 6.32879493592112841 52.77742281332976404, 6.32914158805406313 52.77824072096639441, 6.3211515239391014 52.77768576202260675, 6.32092433435686996 52.77856492158053925, 6.32168980035757588 52.78109893792226615, 6.33115962250045605 52.78441246336267767, 6.33068880475352636 52.78512393790170165, 6.33611732353132773 52.78738998182648601, 6.33943397553354604 52.7863260540972874, 6.33571878822401935 52.78404709377127801, 6.33757889099104244 52.78062441626293833, 6.34030976347223074 52.78113453109654785, 6.34200843785379842 52.77862527802083292, 6.33879241880913913 52.77774666952621629, 6.33942609430936077 52.77669627448410949, 6.33739680916638459 52.7761277447553141, 6.33739680916638459 52.7761277447553141)))</t>
  </si>
  <si>
    <t>MultiPolygon (((6.44692032410351867 52.78588928878105691, 6.4464906961653714 52.78154194899169482, 6.44434494722782691 52.78187557114316775, 6.44270670307561222 52.7814272469528305, 6.44079827697840379 52.77905574488669771, 6.43966303991112632 52.77486249205750113, 6.43688968414450891 52.7737242212454305, 6.44059827199518331 52.77291349842789714, 6.43645880610988907 52.77039860613263045, 6.43152366203539394 52.76862373189571542, 6.41389081205280842 52.7660596333616283, 6.4101400929264738 52.76488723848797946, 6.40881969707075871 52.76684187015289496, 6.41278093475236144 52.76776048642743433, 6.41144807056002275 52.77000924988664821, 6.40711304679360527 52.76934262786286922, 6.40057599246963793 52.78086870414456655, 6.40730529859625708 52.78553249089254251, 6.4102386837923504 52.78634541442544759, 6.41029377561086466 52.78710963699329994, 6.41294784284939823 52.78831815121765203, 6.41637641379488244 52.7863873307496192, 6.41665347202152248 52.7817292877731532, 6.41892305659098028 52.7816568074504886, 6.4204404374826165 52.78091382019990618, 6.42160171687305859 52.7810781326718228, 6.42260164163297897 52.78248589765316012, 6.42376261736423615 52.78285382737772125, 6.42753040081484261 52.78250136605024778, 6.42805077092615118 52.78370997900053396, 6.43199766120695315 52.78456378482792388, 6.43256641542877095 52.78646850102289534, 6.43001164186305463 52.78716537348351068, 6.42957330168081942 52.78870511129177601, 6.43314386929148352 52.79076786141974509, 6.43665562580247919 52.7914645064396808, 6.43698239041949805 52.79199670753169471, 6.44692032410351867 52.78588928878105691, 6.44692032410351867 52.78588928878105691)))</t>
  </si>
  <si>
    <t>MultiPolygon (((6.44621432155656571 52.77772794132557976, 6.44615232738444544 52.77609550886332812, 6.44297671994369825 52.77448556933500612, 6.44059827199518331 52.77291349842789714, 6.43688968414450891 52.7737242212454305, 6.43966303991112632 52.77486249205750113, 6.44079827697840379 52.77905574488669771, 6.44270670307561222 52.7814272469528305, 6.44434494722782691 52.78187557114316775, 6.4464906961653714 52.78154194899169482, 6.44621432155656571 52.77772794132557976, 6.44621432155656571 52.77772794132557976)))</t>
  </si>
  <si>
    <t>MultiPolygon (((6.38682389011688656 52.77995615312965327, 6.38736723894522918 52.7790315249164621, 6.38799659833961897 52.77934510900898601, 6.38982472454565453 52.77895945846356085, 6.39152812972328732 52.77957377204115375, 6.394041748838589 52.77744853008682213, 6.40057599246963793 52.78086870414456655, 6.40711304679360527 52.76934262786286922, 6.38661811803062118 52.76510639172754225, 6.3866045256704167 52.76269340201172753, 6.40881969707075871 52.76684187015289496, 6.4101400929264738 52.76488723848797946, 6.41614454442028226 52.75531732229969606, 6.41940316908203723 52.75599439747539066, 6.42628569523399129 52.75142284201991316, 6.42052292115733003 52.74822720281450472, 6.42246159600391131 52.74513928372864768, 6.42319257297540425 52.74300024913828366, 6.41540677365763301 52.7408335260826675, 6.38763136356511563 52.73517719768809542, 6.38739357702332189 52.73591953445775005, 6.37451977083466037 52.73259381903295662, 6.37494803087422035 52.73188756283825285, 6.36499267325119256 52.73034191663504089, 6.36529562664364601 52.72985073742601259, 6.34638706848988932 52.72936707572576864, 6.32887763439304152 52.72314608072117181, 6.32306326237708038 52.72869221158897801, 6.32025347385598923 52.72751670625605414, 6.3182089245257016 52.72547741956262257, 6.31186004298485948 52.72717721760844256, 6.30846395400133897 52.73005984187859241, 6.31377025451326457 52.73526332713905163, 6.3155836785205306 52.7397170238115649, 6.31949490333780606 52.74419528428533965, 6.31913836076296853 52.7454709045061847, 6.31392801668354586 52.74854254465393666, 6.31640442464307839 52.75084646109162634, 6.31346149819591762 52.75421715803231137, 6.30771512183368266 52.76068706064171465, 6.30197613939954504 52.76693754320681506, 6.2974922087530345 52.76609011004213556, 6.29904903813297512 52.76683676601885509, 6.29850986873596419 52.76794186584111657, 6.29918105357870495 52.76859402708711855, 6.30936346591215802 52.77135566169127401, 6.33739680916638459 52.7761277447553141, 6.33942609430936077 52.77669627448410949, 6.35056421536954652 52.78015781035612974, 6.35375576555723587 52.78204601227270132, 6.3554995235463565 52.77951591766417039, 6.35599482277751715 52.78033880987497639, 6.35887372059289735 52.78176635785759174, 6.35916761027596422 52.78281282027856491, 6.36090034513658065 52.78323316011405097, 6.36333034528289776 52.78196898490562461, 6.36702737917058581 52.7810826217486877, 6.36805446359090155 52.78135346728645771, 6.36985731123989574 52.78026579638837035, 6.37067697930682009 52.7807689710647594, 6.37206784397087489 52.78000195417472185, 6.37456190398755496 52.78153192230372071, 6.37321292523988348 52.78232278811885436, 6.37791649413984096 52.78520361894693025, 6.38682389011688656 52.77995615312965327, 6.38682389011688656 52.77995615312965327),(6.34637971830346981 52.76781777845010168, 6.34670282724238888 52.76531839221823361, 6.3392654888023765 52.76214658578810202, 6.33755541306685988 52.76024085796673546, 6.33756104159978406 52.75862407442144786, 6.33962189070514537 52.75707208707673601, 6.3426616391310251 52.7584918852697129, 6.34712734472410478 52.75853067738138691, 6.34928939321317554 52.75706964074774419, 6.34700615458264039 52.75468788935430808, 6.34210579063063751 52.75405773311585023, 6.33526127303924014 52.75106572593314525, 6.33517499968062925 52.7490667335658614, 6.33718308007089615 52.74795764356613859, 6.3376505168497248 52.74587503055487758, 6.34010042938729157 52.74548247354707797, 6.34152283670696804 52.74898962168625616, 6.34407304957377693 52.75175466577525185, 6.34858888080522288 52.75234796427295692, 6.35168300203423097 52.75409456974798417, 6.3513968534161771 52.75704753953558424, 6.35284892288503489 52.75565453205304323, 6.3560411340145917 52.75658463025291667, 6.35549335161444517 52.75767823791642996, 6.35821045420601383 52.7584469970076313, 6.36001320760056998 52.75622814039141417, 6.367912939552828 52.75876236773250127, 6.3672660862075352 52.76158297643035411, 6.36448697932155305 52.76505638706360202, 6.36401208139175179 52.76688077699873247, 6.36043866000920222 52.76602759001463738, 6.35391151134219356 52.76668233826462995, 6.35347806501208634 52.76779297926388779, 6.34637971830346981 52.76781777845010168, 6.34637971830346981 52.76781777845010168),(6.36130268111303909 52.74737573163377391, 6.36132583962517462 52.74461642276552453, 6.36502568555449511 52.74490739077224788, 6.36546726161741017 52.74664225625745217, 6.36692739999676949 52.74775816510720716, 6.3741330758643695 52.74981798710165748, 6.37327548388838494 52.75185848411243938, 6.36643363319920219 52.75051741515823522, 6.36130268111303909 52.74737573163377391, 6.36130268111303909 52.74737573163377391),(6.33314141227756444 52.73113967673707236, 6.32988114998918494 52.72845135756833912, 6.33457408618410511 52.72563755979613376, 6.33693381530996813 52.72633324969999791, 6.33439912217803869 52.72878228656644239, 6.34062722828921377 52.73082380961245974, 6.33911269777711261 52.73355067858488354, 6.33314141227756444 52.73113967673707236, 6.33314141227756444 52.73113967673707236)))</t>
  </si>
  <si>
    <t>MultiPolygon (((6.3741330758643695 52.74981798710165748, 6.36692739999676949 52.74775816510720716, 6.36546726161741017 52.74664225625745217, 6.36502568555449511 52.74490739077224788, 6.36132583962517462 52.74461642276552453, 6.36130268111303909 52.74737573163377391, 6.36643363319920219 52.75051741515823522, 6.37327548388838494 52.75185848411243938, 6.3741330758643695 52.74981798710165748, 6.3741330758643695 52.74981798710165748)))</t>
  </si>
  <si>
    <t>MultiPolygon (((6.40711304679360527 52.76934262786286922, 6.41144807056002275 52.77000924988664821, 6.41278093475236144 52.76776048642743433, 6.40881969707075871 52.76684187015289496, 6.3866045256704167 52.76269340201172753, 6.38661811803062118 52.76510639172754225, 6.40711304679360527 52.76934262786286922, 6.40711304679360527 52.76934262786286922)))</t>
  </si>
  <si>
    <t>MultiPolygon (((6.34062722828921377 52.73082380961245974, 6.33439912217803869 52.72878228656644239, 6.33693381530996813 52.72633324969999791, 6.33457408618410511 52.72563755979613376, 6.32988114998918494 52.72845135756833912, 6.33314141227756444 52.73113967673707236, 6.33911269777711261 52.73355067858488354, 6.34062722828921377 52.73082380961245974, 6.34062722828921377 52.73082380961245974)))</t>
  </si>
  <si>
    <t>MultiPolygon (((6.34928939321317554 52.75706964074774419, 6.3500521828141645 52.75686406911049176, 6.3513968534161771 52.75704753953558424, 6.35168300203423097 52.75409456974798417, 6.34858888080522288 52.75234796427295692, 6.34407304957377693 52.75175466577525185, 6.34152283670696804 52.74898962168625616, 6.34010042938729157 52.74548247354707797, 6.3376505168497248 52.74587503055487758, 6.33718308007089615 52.74795764356613859, 6.33517499968062925 52.7490667335658614, 6.33526127303924014 52.75106572593314525, 6.34210579063063751 52.75405773311585023, 6.34700615458264039 52.75468788935430808, 6.34928939321317554 52.75706964074774419, 6.34928939321317554 52.75706964074774419)))</t>
  </si>
  <si>
    <t>MultiPolygon (((6.34928939321317554 52.75706964074774419, 6.34712734472410478 52.75853067738138691, 6.3426616391310251 52.7584918852697129, 6.33962189070514537 52.75707208707673601, 6.33756104159978406 52.75862407442144786, 6.33755541306685988 52.76024085796673546, 6.3392654888023765 52.76214658578810202, 6.34670282724238888 52.76531839221823361, 6.34637971830346981 52.76781777845010168, 6.35347806501208634 52.76779297926388779, 6.35391151134219356 52.76668233826462995, 6.36043866000920222 52.76602759001463738, 6.36401208139175179 52.76688077699873247, 6.36448697932155305 52.76505638706360202, 6.3672660862075352 52.76158297643035411, 6.367912939552828 52.75876236773250127, 6.36001320760056998 52.75622814039141417, 6.35821045420601383 52.7584469970076313, 6.35549335161444517 52.75767823791642996, 6.3560411340145917 52.75658463025291667, 6.35284892288503489 52.75565453205304323, 6.3513968534161771 52.75704753953558424, 6.3500521828141645 52.75686406911049176, 6.34928939321317554 52.75706964074774419, 6.34928939321317554 52.75706964074774419)))</t>
  </si>
  <si>
    <t>MultiPolygon (((6.41540677365763301 52.7408335260826675, 6.42132545843833391 52.73141540254826509, 6.40680249661282009 52.72841017368421035, 6.41324668390117658 52.72056066296979537, 6.41463688919461017 52.72022046928635319, 6.41419568747604174 52.71940443722798619, 6.41436505867634121 52.71726127631448833, 6.413202879372224 52.71620889059582282, 6.40993363713510345 52.71429541117861106, 6.40717617331513889 52.71382455931347977, 6.40644328536889773 52.71487388758664139, 6.40692523351493826 52.71797044100541285, 6.39875335834171377 52.71634155229669005, 6.39920815715335856 52.71527547883879805, 6.39490119892144016 52.71371394393458587, 6.39525957593881333 52.71218191363146843, 6.39763307813946014 52.71152647950769676, 6.39896705234567431 52.70956204966339698, 6.39955451932246433 52.7064221030094231, 6.40251590563974649 52.7067603009749277, 6.40313423522171732 52.70967146638781742, 6.40472621949796483 52.70912122303325731, 6.40359884496174026 52.70599884927871415, 6.40474964366428878 52.70467533128569926, 6.38901234927798178 52.69159151905297023, 6.38757005690668045 52.69055211765705593, 6.37433490388598312 52.68548672718368664, 6.35542928702524179 52.70560695259893436, 6.3759567110446822 52.71259664761081609, 6.36529562664364601 52.72985073742601259, 6.36499267325119256 52.73034191663504089, 6.37494803087422035 52.73188756283825285, 6.37451977083466037 52.73259381903295662, 6.38739357702332189 52.73591953445775005, 6.38763136356511563 52.73517719768809542, 6.41540677365763301 52.7408335260826675, 6.41540677365763301 52.7408335260826675)))</t>
  </si>
  <si>
    <t>MultiPolygon (((6.40472621949796483 52.70912122303325731, 6.40313423522171732 52.70967146638781742, 6.40251590563974649 52.7067603009749277, 6.39955451932246433 52.7064221030094231, 6.39896705234567431 52.70956204966339698, 6.39763307813946014 52.71152647950769676, 6.39525957593881333 52.71218191363146843, 6.39490119892144016 52.71371394393458587, 6.39920815715335856 52.71527547883879805, 6.39875335834171377 52.71634155229669005, 6.40692523351493826 52.71797044100541285, 6.40644328536889773 52.71487388758664139, 6.40717617331513889 52.71382455931347977, 6.40558880147992848 52.71258292706352222, 6.40472621949796483 52.70912122303325731)))</t>
  </si>
  <si>
    <t>MultiPolygon (((6.37433490388598312 52.68548672718368664, 6.38757005690668045 52.69055211765705593, 6.38901234927798178 52.69159151905297023, 6.40035238573798093 52.68508454622098469, 6.39858091093793746 52.68310888111041379, 6.40020384365754769 52.67466557965306606, 6.39965495881222335 52.67279269450965273, 6.39593641341221897 52.67311386517453542, 6.39342049435849447 52.66926687290369813, 6.39312430520485719 52.66666129737230762, 6.39228938882199227 52.65930303046248184, 6.37292848798801082 52.65991619508901067, 6.37093941978845635 52.65921001376270993, 6.36351438482736231 52.6615801794185856, 6.35841158821571018 52.66584780278553524, 6.35658191607295642 52.67224388074453145, 6.34865309375640496 52.67313791178222004, 6.34214850092535176 52.6787636982287637, 6.35361892205321066 52.68306396290309124, 6.37433490388598312 52.68548672718368664, 6.37433490388598312 52.68548672718368664),(6.37221953405809316 52.67188450745484829, 6.3692871670065081 52.67212895723924504, 6.36521745405772599 52.67129351546842742, 6.36523959218897506 52.66996317782904669, 6.36849607250445438 52.66986978486674786, 6.3685291087100433 52.66718027037362049, 6.37271122075508956 52.66697491781122409, 6.37221953405809316 52.67188450745484829, 6.37221953405809316 52.67188450745484829)))</t>
  </si>
  <si>
    <t>MultiPolygon (((6.37221953405809316 52.67188450745484829, 6.37271122075508956 52.66697491781122409, 6.3685291087100433 52.66718027037362049, 6.36849607250445438 52.66986978486674786, 6.36523959218897506 52.66996317782904669, 6.36521745405772599 52.67129351546842742, 6.3692871670065081 52.67212895723924504, 6.37221953405809316 52.67188450745484829, 6.37221953405809316 52.67188450745484829)))</t>
  </si>
  <si>
    <t>MultiPolygon (((6.41025414892059775 52.6601968548285555, 6.41152314884537589 52.65750649423787166, 6.41175429798975038 52.65391843938140681, 6.42057640669358864 52.65324720994666308, 6.41969824086022189 52.65020971387838244, 6.4185156329692763 52.64987844844644371, 6.41317562503672622 52.63571966789673695, 6.41012052823932699 52.63552692797748733, 6.41176679138041372 52.62254436084357678, 6.41116415820294083 52.62082396153073205, 6.40950222682153203 52.62173325692099723, 6.40628887326396157 52.62056414076656097, 6.40589377231058155 52.6187088191864305, 6.40685831361519931 52.61778099546640419, 6.40372025480363938 52.61625421810090586, 6.40112350045988254 52.61625960092313647, 6.39603521339009795 52.61778796200853492, 6.39384557965928302 52.61723347061953859, 6.39152221461812697 52.61451941138813027, 6.38677818270629771 52.61361999242651422, 6.38408420403057875 52.61225014869452821, 6.3820482594154706 52.61564549611034636, 6.38025268662867351 52.61502141370954178, 6.37655195197006819 52.6168933419546434, 6.37605776371963451 52.61780972231828457, 6.37723935073849635 52.62001345382104489, 6.37361832511823501 52.62332641122792154, 6.37555033503856983 52.62615574557860754, 6.37520589471204246 52.6274081281615338, 6.37413722587531417 52.62900978963367038, 6.37227619403197654 52.62949897002476973, 6.3709816645613131 52.63166020083883723, 6.369204207769533 52.6321915290108322, 6.36860255819954268 52.63352582273299873, 6.36977788780885223 52.63500196247093754, 6.36640794129469345 52.63745336823753718, 6.36390709011676403 52.63837603324270731, 6.36410233341178078 52.64314167714597659, 6.35944077885283843 52.6455186677086644, 6.35347664510829357 52.64628064613524572, 6.35172615044117439 52.64830455671665277, 6.34359631394864731 52.65115780061452, 6.34171961645923776 52.65368559352074129, 6.36351438482736231 52.6615801794185856, 6.37093941978845635 52.65921001376270993, 6.37292848798801082 52.65991619508901067, 6.39228938882199227 52.65930303046248184, 6.39312430520485719 52.66666129737230762, 6.40524971346088545 52.66679430239270232, 6.40726266515186449 52.66447987579950052, 6.40636866871963573 52.66060040308158108, 6.41025414892059775 52.6601968548285555, 6.41025414892059775 52.6601968548285555),(6.38535903717878206 52.6477991511491652, 6.38850618505451617 52.64652761747707643, 6.39187690362340177 52.64772233441262728, 6.3887146075949266 52.65193808951995891, 6.38697184465047396 52.65173172100422505, 6.38144605775547191 52.65433138552416636, 6.3827094304920422 52.65523839014387164, 6.38031477889486265 52.65659139046090331, 6.37782443364164919 52.65475988138076957, 6.38384355228782496 52.65166419341270654, 6.38250044787244786 52.65125914709582133, 6.38535903717878206 52.6477991511491652, 6.38535903717878206 52.6477991511491652)))</t>
  </si>
  <si>
    <t>MultiPolygon (((6.3827094304920422 52.65523839014387164, 6.38144605775547191 52.65433138552416636, 6.38697184465047396 52.65173172100422505, 6.3887146075949266 52.65193808951995891, 6.39187690362340177 52.64772233441262728, 6.38850618505451617 52.64652761747707643, 6.38535903717878206 52.6477991511491652, 6.38250044787244786 52.65125914709582133, 6.38384355228782496 52.65166419341270654, 6.37782443364164919 52.65475988138076957, 6.38031477889486265 52.65659139046090331, 6.3827094304920422 52.65523839014387164, 6.3827094304920422 52.65523839014387164)))</t>
  </si>
  <si>
    <t>MultiPolygon (((6.43973905206469688 52.65702748084792262, 6.46114663374002784 52.65381700103428386, 6.47256817967360654 52.65214407055341184, 6.47296991847300696 52.65075797999836027, 6.48287087570962939 52.64932431042954875, 6.48066866021046906 52.64527146044823525, 6.47753156606442371 52.6435341878600056, 6.47615536826754123 52.63969359222880939, 6.47035387251764504 52.63334733212386141, 6.4699651694907061 52.62498568091196205, 6.46403531872524972 52.62387578278694633, 6.46070752714536578 52.61699142760377157, 6.4534769753851009 52.6139556714539296, 6.44303286358433436 52.61619549638950843, 6.4423453519370808 52.61580356832003957, 6.4384102638270253 52.61707450501805283, 6.43493437016923053 52.61928554399555225, 6.4344714195111381 52.62045263820122898, 6.43560139949733667 52.62085314249438994, 6.43563930376455051 52.6215701188587559, 6.43380306437849647 52.62640920975026404, 6.43299222560299899 52.62776504533030675, 6.43132615157152898 52.62836956005492084, 6.42817648500895089 52.62818849918330244, 6.4260366604337511 52.62651255391241989, 6.42688644070417059 52.624638413643261, 6.42160958057911113 52.62304466138478176, 6.41880849576455503 52.61902319606992506, 6.41615018110330038 52.61866768539142214, 6.4120491077365438 52.61986852253038194, 6.41116415820294083 52.62082396153073205, 6.41176679138041372 52.62254436084357678, 6.41012052823932699 52.63552692797748733, 6.41317562503672622 52.63571966789673695, 6.4185156329692763 52.64987844844644371, 6.41969824086022189 52.65020971387838244, 6.42057640669358864 52.65324720994666308, 6.42167673984392273 52.65528850656982485, 6.42683135479643131 52.65670515715215316, 6.43172176109083971 52.65699932711689257, 6.43558715031534234 52.65626960266583012, 6.43542853700493467 52.65563203471135267, 6.43932947107985232 52.65510212971892656, 6.43973905206469688 52.65702748084792262, 6.43973905206469688 52.65702748084792262),(6.44702777247260261 52.6373704055411622, 6.44985277174905125 52.63695056328707267, 6.45078102748307547 52.63935911265856049, 6.44887511522038714 52.63966375988590585, 6.44504814384138669 52.64308259413962787, 6.44227783572272017 52.6416719955694532, 6.44702777247260261 52.6373704055411622, 6.44702777247260261 52.6373704055411622)))</t>
  </si>
  <si>
    <t>MultiPolygon (((6.44887511522038714 52.63966375988590585, 6.45078102748307547 52.63935911265856049, 6.44985277174905125 52.63695056328707267, 6.44702777247260261 52.6373704055411622, 6.44227783572272017 52.6416719955694532, 6.44504814384138669 52.64308259413962787, 6.44887511522038714 52.63966375988590585, 6.44887511522038714 52.63966375988590585)))</t>
  </si>
  <si>
    <t>MultiPolygon (((6.48287087570962939 52.64932431042954875, 6.5140137775409741 52.64527201479478435, 6.51786575989909078 52.61891792348843211, 6.48295100779293776 52.62674267625484958, 6.48231618224922101 52.62455663321654242, 6.48301337575827752 52.62432635392718083, 6.51824698397330593 52.61646819743373271, 6.51860419069338448 52.61408784075449319, 6.5120268421640386 52.61364966585015424, 6.50465358825713658 52.61701529376870212, 6.50000991289120833 52.61796970557854536, 6.49153488469899553 52.61917028239175664, 6.48389550660296443 52.61907656697034241, 6.48058122169392714 52.6181547667323315, 6.47801618595870465 52.61863130233390251, 6.47420036437585811 52.62074498738537187, 6.47236873104970911 52.6245792610218075, 6.4699651694907061 52.62498568091196205, 6.47035387251764504 52.63334733212386141, 6.47615536826754123 52.63969359222880939, 6.47753156606442371 52.6435341878600056, 6.48066866021046906 52.64527146044823525, 6.48287087570962939 52.64932431042954875, 6.48287087570962939 52.64932431042954875)))</t>
  </si>
  <si>
    <t>MultiPolygon (((6.51786575989909078 52.61891792348843211, 6.51802188096595181 52.61798858461203565, 6.51824698397330593 52.61646819743373271, 6.48301337575827752 52.62432635392718083, 6.48231618224922101 52.62455663321654242, 6.48295100779293776 52.62674267625484958, 6.51786575989909078 52.61891792348843211, 6.51786575989909078 52.61891792348843211)))</t>
  </si>
  <si>
    <t>MultiPolygon (((6.50205149832540297 52.66986269604815618, 6.50241793173259364 52.67346002191437293, 6.5305558154095058 52.67247238161915845, 6.53006914477236222 52.66461544141527185, 6.52938067357995333 52.65450731166291831, 6.52928378070243198 52.65445275827837435, 6.51386146389878462 52.64629376771880942, 6.5140137775409741 52.64527201479478435, 6.48287087570962939 52.64932431042954875, 6.47296991847300696 52.65075797999836027, 6.47256817967360654 52.65214407055341184, 6.46114663374002784 52.65381700103428386, 6.46256881710723086 52.66385855371021307, 6.47173241258058241 52.66361719378284789, 6.47327386571329022 52.6653430826366602, 6.4808788035610565 52.66565816003992495, 6.48214518264553963 52.66854587672118981, 6.49289287322385444 52.66841131448873625, 6.49157901062947573 52.67037217021007933, 6.49704786143097657 52.66990051546196838, 6.4963974298212781 52.66633481252118543, 6.50393185443017607 52.66659683260221669, 6.50357286615301877 52.66212178941789546, 6.5015920904387885 52.66218615157775673, 6.50132715778269521 52.65931537000430041, 6.5026625433175953 52.65864224969243423, 6.50684985082523859 52.6586306947553453, 6.50757266130299961 52.66965548378834683, 6.50205149832540297 52.66986269604815618, 6.50205149832540297 52.66986269604815618)))</t>
  </si>
  <si>
    <t>MultiPolygon (((6.49704786143097657 52.66990051546196838, 6.50204171415290411 52.66976841680023824, 6.50205149832540297 52.66986269604815618, 6.50757266130299961 52.66965548378834683, 6.50684985082523859 52.6586306947553453, 6.5026625433175953 52.65864224969243423, 6.50132715778269521 52.65931537000430041, 6.5015920904387885 52.66218615157775673, 6.50357286615301877 52.66212178941789546, 6.50393185443017607 52.66659683260221669, 6.4963974298212781 52.66633481252118543, 6.49704786143097657 52.66990051546196838, 6.49704786143097657 52.66990051546196838)))</t>
  </si>
  <si>
    <t>MultiPolygon (((6.46331946328578955 52.69330766406284994, 6.47469912148477533 52.69420756912669646, 6.48598036195444116 52.69363274195335123, 6.48485197405099534 52.68424572065909217, 6.49292594873885864 52.68358693223581923, 6.49257383359827056 52.67597084758156711, 6.49977395272947955 52.67564289026664426, 6.49955179183106679 52.67355404336549896, 6.50241793173259364 52.67346002191437293, 6.50205149832540297 52.66986269604815618, 6.50204171415290411 52.66976841680023824, 6.49704786143097657 52.66990051546196838, 6.49157901062947573 52.67037217021007933, 6.49289287322385444 52.66841131448873625, 6.48214518264553963 52.66854587672118981, 6.4808788035610565 52.66565816003992495, 6.47327386571329022 52.6653430826366602, 6.47173241258058241 52.66361719378284789, 6.46256881710723086 52.66385855371021307, 6.46535036774559924 52.67860823456622654, 6.46652775451185757 52.68102253426618375, 6.46566014210045292 52.68586210123098823, 6.46482877715784454 52.68603590762747046, 6.46376240103438349 52.69152801244727158, 6.46301163023653213 52.69155278012652843, 6.46251056887199837 52.69308239583646269, 6.46331946328578955 52.69330766406284994, 6.46331946328578955 52.69330766406284994),(6.48851204504014767 52.67830612561211723, 6.48779756220543913 52.67859866033938232, 6.48158776184782237 52.67756115555519614, 6.48291053644947723 52.67261474177326619, 6.48587316170136674 52.67283985609210362, 6.48644438693884062 52.67017164560868991, 6.491953751778472 52.67133851739500017, 6.49122661914468591 52.67635394163592366, 6.48851204504014767 52.67830612561211723, 6.48851204504014767 52.67830612561211723)))</t>
  </si>
  <si>
    <t>MultiPolygon (((6.48851204504014767 52.67830612561211723, 6.49122661914468591 52.67635394163592366, 6.491953751778472 52.67133851739500017, 6.48644438693884062 52.67017164560868991, 6.48587316170136674 52.67283985609210362, 6.48291053644947723 52.67261474177326619, 6.48158776184782237 52.67756115555519614, 6.48779756220543913 52.67859866033938232, 6.48851204504014767 52.67830612561211723, 6.48851204504014767 52.67830612561211723)))</t>
  </si>
  <si>
    <t>MultiPolygon (((6.44987574557769872 52.70527485050281058, 6.451311633668392 52.69940576813920785, 6.44867661011543092 52.69378762293221286, 6.46281456168101176 52.69520294339807975, 6.46331946328578955 52.69330766406284994, 6.46251056887199837 52.69308239583646269, 6.46301163023653213 52.69155278012652843, 6.46376240103438349 52.69152801244727158, 6.46482877715784454 52.68603590762747046, 6.46566014210045292 52.68586210123098823, 6.46652775451185757 52.68102253426618375, 6.46535036774559924 52.67860823456622654, 6.46256881710723086 52.66385855371021307, 6.46114663374002784 52.65381700103428386, 6.43973905206469688 52.65702748084792262, 6.43932947107985232 52.65510212971892656, 6.43542853700493467 52.65563203471135267, 6.43558715031534234 52.65626960266583012, 6.43172176109083971 52.65699932711689257, 6.42683135479643131 52.65670515715215316, 6.42167673984392273 52.65528850656982485, 6.42057640669358864 52.65324720994666308, 6.41175429798975038 52.65391843938140681, 6.41152314884537589 52.65750649423787166, 6.41025414892059775 52.6601968548285555, 6.40636866871963573 52.66060040308158108, 6.40726266515186449 52.66447987579950052, 6.40524971346088545 52.66679430239270232, 6.39312430520485719 52.66666129737230762, 6.39342049435849447 52.66926687290369813, 6.39593641341221897 52.67311386517453542, 6.39965495881222335 52.67279269450965273, 6.40020384365754769 52.67466557965306606, 6.39858091093793746 52.68310888111041379, 6.40035238573798093 52.68508454622098469, 6.38901234927798178 52.69159151905297023, 6.40474964366428878 52.70467533128569926, 6.40716760528357554 52.70679557322017672, 6.4162220956839926 52.70346381986614404, 6.41966588845514874 52.70165544143451086, 6.42651866852170617 52.70477853086034514, 6.43564670649553872 52.70609603959001532, 6.45114164994329808 52.70698163582430595, 6.44987574557769872 52.70527485050281058, 6.44987574557769872 52.70527485050281058),(6.41725521631696427 52.67662950382862164, 6.41985617503588735 52.66901607647942285, 6.41975576684510507 52.66476243847241534, 6.42196729390086407 52.66317357285717549, 6.43234784048506647 52.66201145835754716, 6.43174295659524375 52.66491809490769072, 6.43817941608067912 52.66430666949953121, 6.44088487004550991 52.66807382341448118, 6.44075471520847298 52.67220310815091011, 6.43883868050130292 52.67214704398968905, 6.43740318969171277 52.67741748625107334, 6.43867439494123417 52.67751326279483948, 6.43823211153000141 52.68016683190263905, 6.43487002792816121 52.68323233839443276, 6.43267186921997514 52.68358534456359621, 6.42869034171029163 52.68295070209393316, 6.42210974025320169 52.67722919953718019, 6.41725521631696427 52.67662950382862164, 6.41725521631696427 52.67662950382862164)))</t>
  </si>
  <si>
    <t>MultiPolygon (((6.43267186921997514 52.68358534456359621, 6.43487002792816121 52.68323233839443276, 6.43823211153000141 52.68016683190263905, 6.43867439494123417 52.67751326279483948, 6.43740318969171277 52.67741748625107334, 6.43883868050130292 52.67214704398968905, 6.44075471520847298 52.67220310815091011, 6.44088487004550991 52.66807382341448118, 6.43817941608067912 52.66430666949953121, 6.43174295659524375 52.66491809490769072, 6.43234784048506647 52.66201145835754716, 6.42196729390086407 52.66317357285717549, 6.41975576684510507 52.66476243847241534, 6.41985617503588735 52.66901607647942285, 6.41725521631696427 52.67662950382862164, 6.42210974025320169 52.67722919953718019, 6.42869034171029163 52.68295070209393316, 6.43267186921997514 52.68358534456359621, 6.43267186921997514 52.68358534456359621)))</t>
  </si>
  <si>
    <t>MultiPolygon (((5.71381478406446774 51.69782167820299179, 5.73435911822362865 51.67762198297378262, 5.73527551088845922 51.67460275846978845, 5.73906130687062443 51.66184429192619376, 5.74254633233794909 51.65006172638680937, 5.73403228712029112 51.65203979149774227, 5.73284228977477994 51.65800944782780135, 5.7301662095206769 51.65768981506552393, 5.73037531192516791 51.65932104444433293, 5.73669219547485199 51.66141938301718284, 5.7339158610623322 51.67002651035195981, 5.73134827768314015 51.67393544765708668, 5.71626661817858839 51.67136343011028288, 5.71218021642585061 51.67737163630381048, 5.70403570606916777 51.68600585351330778, 5.70925577490374625 51.68878508033554908, 5.70316739595775779 51.69212041665232249, 5.70831135194536188 51.69592823803775872, 5.71381478406446774 51.69782167820299179, 5.71381478406446774 51.69782167820299179)))</t>
  </si>
  <si>
    <t>MultiPolygon (((5.66902226582065971 51.72159811935894425, 5.69280042761257032 51.72270080606241294, 5.70346589252948366 51.72487018070756193, 5.70933708122522265 51.72540436079621173, 5.70764891179826694 51.72337345522708318, 5.70579821297430545 51.72250998881950323, 5.70382514057350321 51.71959909462709248, 5.69996020317578456 51.71145157486125044, 5.70710650361930494 51.70442258212921161, 5.69159612315948138 51.6984169380757379, 5.68977913411832947 51.69945364540747335, 5.69184865678532592 51.70067521333007932, 5.68447776298631702 51.70452327795743486, 5.68036364491584145 51.70523644442906885, 5.68038629721140254 51.708518885852925, 5.67703693003422316 51.71186866897856049, 5.67004784727131028 51.71366693434267603, 5.66839419431237435 51.71950980038129586, 5.66902226582065971 51.72159811935894425, 5.66902226582065971 51.72159811935894425)))</t>
  </si>
  <si>
    <t>MultiPolygon (((5.65453137847367859 51.7111146992600581, 5.66124281627478076 51.70576814521400166, 5.66814594116250525 51.70449788365853294, 5.66547625322181325 51.6938331885429676, 5.66030146593487959 51.68787502350634355, 5.66107680390520329 51.68695385305758094, 5.66406708854107244 51.68857458504410829, 5.66781315841294209 51.68537725922007553, 5.66677499619791458 51.67581340096209885, 5.66930699771620272 51.67264419523823449, 5.66776221312446449 51.66966206130944528, 5.64873387659017112 51.68206000334468797, 5.6225802416114572 51.69909439103109605, 5.62396219661254637 51.70352650499539493, 5.65453137847367859 51.7111146992600581, 5.65453137847367859 51.7111146992600581)))</t>
  </si>
  <si>
    <t>MultiPolygon (((5.69159612315948138 51.6984169380757379, 5.70710650361930494 51.70442258212921161, 5.71381478406446774 51.69782167820299179, 5.70831135194536188 51.69592823803775872, 5.70316739595775779 51.69212041665232249, 5.70925577490374625 51.68878508033554908, 5.70403570606916777 51.68600585351330778, 5.71218021642585061 51.67737163630381048, 5.71626661817858839 51.67136343011028288, 5.68426032009656357 51.66589598753193258, 5.6837107980386179 51.67230662347569137, 5.68661665084234791 51.67341296228274672, 5.68377406900465676 51.67513505036507837, 5.68265889098125854 51.67967709203158932, 5.6840161436913732 51.67983826030233274, 5.68091946274827198 51.68415327490683353, 5.67816131620864084 51.68428235229554701, 5.67922146131753003 51.68697992796173679, 5.68157218327919278 51.69178487613527295, 5.68357041557504417 51.69149220009995815, 5.68810237483338366 51.69202893826517453, 5.69235980893415316 51.69389539833069591, 5.68919636534281459 51.69690240514104573, 5.69159612315948138 51.6984169380757379, 5.69159612315948138 51.6984169380757379)))</t>
  </si>
  <si>
    <t>MultiPolygon (((5.66781315841294209 51.68537725922007553, 5.67922146131753003 51.68697992796173679, 5.67816131620864084 51.68428235229554701, 5.68091946274827198 51.68415327490683353, 5.6840161436913732 51.67983826030233274, 5.68265889098125854 51.67967709203158932, 5.68377406900465676 51.67513505036507837, 5.68661665084234791 51.67341296228274672, 5.6837107980386179 51.67230662347569137, 5.68426032009656357 51.66589598753193258, 5.67866929378995611 51.66494267957055797, 5.67230229894495785 51.66669894404352448, 5.66776221312446449 51.66966206130944528, 5.66930699771620272 51.67264419523823449, 5.66677499619791458 51.67581340096209885, 5.66781315841294209 51.68537725922007553, 5.66781315841294209 51.68537725922007553)))</t>
  </si>
  <si>
    <t>MultiPolygon (((5.65453137847367859 51.7111146992600581, 5.65307529178897195 51.71423899519786715, 5.65511459951117956 51.71579469639396365, 5.65913040050493077 51.71583852544959115, 5.66072290037755188 51.71282619292053795, 5.67004784727131028 51.71366693434267603, 5.67703693003422316 51.71186866897856049, 5.68038629721140254 51.708518885852925, 5.68036364491584145 51.70523644442906885, 5.67664556108082063 51.70589820760395838, 5.67548529229800014 51.70477216714227353, 5.66814594116250525 51.70449788365853294, 5.66124281627478076 51.70576814521400166, 5.65453137847367859 51.7111146992600581, 5.65453137847367859 51.7111146992600581)))</t>
  </si>
  <si>
    <t>MultiPolygon (((5.66814594116250525 51.70449788365853294, 5.67548529229800014 51.70477216714227353, 5.67664556108082063 51.70589820760395838, 5.68036364491584145 51.70523644442906885, 5.68447776298631702 51.70452327795743486, 5.69184865678532592 51.70067521333007932, 5.68977913411832947 51.69945364540747335, 5.69159612315948138 51.6984169380757379, 5.68919636534281459 51.69690240514104573, 5.69235980893415316 51.69389539833069591, 5.68810237483338366 51.69202893826517453, 5.68357041557504417 51.69149220009995815, 5.68157218327919278 51.69178487613527295, 5.67922146131753003 51.68697992796173679, 5.66781315841294209 51.68537725922007553, 5.66406708854107244 51.68857458504410829, 5.66107680390520329 51.68695385305758094, 5.66030146593487959 51.68787502350634355, 5.66547625322181325 51.6938331885429676, 5.66814594116250525 51.70449788365853294, 5.66814594116250525 51.70449788365853294)))</t>
  </si>
  <si>
    <t>MultiPolygon (((5.70105904854913703 51.74213306721971861, 5.69990191375523203 51.74190560679303275, 5.69811625344974626 51.73850731272424497, 5.7079114098293573 51.73658235036180741, 5.70609572769664375 51.73212254320764458, 5.70986286757672179 51.7318078206550922, 5.71881160604539129 51.73292630044298335, 5.71839420772392248 51.73097424938003996, 5.71136440191168759 51.72952289216016908, 5.70941754117153977 51.72857183228938993, 5.71187722070932935 51.72765907741299429, 5.71313906613605482 51.72641507561007757, 5.71008755144660274 51.72605712943907719, 5.70933708122522265 51.72540436079621173, 5.70346589252948366 51.72487018070756193, 5.69280042761257032 51.72270080606241294, 5.66902226582065971 51.72159811935894425, 5.66966803910625927 51.73692111976784958, 5.66758967800062319 51.74169535071096959, 5.67626331398730954 51.73911451342257806, 5.70142600779248454 51.74421966557597585, 5.70105904854913703 51.74213306721971861)),((5.68013961634917575 51.76135335286223693, 5.68610550690549399 51.75927486350762052, 5.69085817009560202 51.7591306918526044, 5.69424144096751395 51.75548826188090601, 5.70186916607629524 51.75539759046014154, 5.69991098810256869 51.75046865484146252, 5.70349331399655668 51.75047279054277993, 5.70174432528794739 51.74549469109572897, 5.66769266166321284 51.7538131658138596, 5.66996487197105825 51.76260442174557141, 5.67226061373381452 51.76561615822175355, 5.67473460132090057 51.76800961939893853, 5.67627567696482505 51.76477314906819771, 5.68013961634917575 51.76135335286223693)))</t>
  </si>
  <si>
    <t>MultiPolygon (((5.66722266325211432 51.75225628099757813, 5.66769266166321284 51.7538131658138596, 5.70174432528794739 51.74549469109572897, 5.70142600779248454 51.74421966557597585, 5.67626331398730954 51.73911451342257806, 5.66758967800062319 51.74169535071096959, 5.66434031319437725 51.74445468589433261, 5.6639055043038109 51.7465264363031352, 5.66571167745047077 51.74916477029785256, 5.66722266325211432 51.75225628099757813, 5.66722266325211432 51.75225628099757813)))</t>
  </si>
  <si>
    <t>MultiPolygon (((5.6267283238079866 51.75694196448117168, 5.63577547854492433 51.75832505703046138, 5.6337737193821722 51.76083301458913866, 5.64541831990753273 51.76289119406435901, 5.64860357095668242 51.76414253372952601, 5.66722266325211432 51.75225628099757813, 5.66571167745047077 51.74916477029785256, 5.662985656529548 51.74954255632996336, 5.6607962158281282 51.74691940231543441, 5.64783938706195343 51.74847530454608346, 5.63703605966836552 51.74857019041586881, 5.63761553011622762 51.75187474454185121, 5.63681410555882145 51.75405419327915268, 5.63227403603593313 51.7533064999068273, 5.63254568113010468 51.75251700795969612, 5.63054049302295212 51.75213578113585555, 5.6267283238079866 51.75694196448117168, 5.6267283238079866 51.75694196448117168)))</t>
  </si>
  <si>
    <t>MultiPolygon (((5.61504927722720382 51.75616011192398958, 5.61645882209387803 51.75501136886592946, 5.61722109359198196 51.75520213416279347, 5.61426698013617909 51.74759606863381833, 5.6129815545420545 51.74740530146641504, 5.61403718338418756 51.74396601473845436, 5.62039114890571856 51.73565375948038536, 5.6147550810143958 51.73441520782198211, 5.58222496649879396 51.73274991906530573, 5.57991781918379814 51.73293894226684841, 5.57747708428511935 51.73576090137575534, 5.57638535561972848 51.74489142046942192, 5.59660589581934165 51.74741329366116105, 5.59732418664964548 51.75059778831759871, 5.61247012424760872 51.75477426970515182, 5.61504927722720382 51.75616011192398958)))</t>
  </si>
  <si>
    <t>MultiPolygon (((5.62039114890571856 51.73565375948038536, 5.62636634397329694 51.73712456883831123, 5.66966803910625927 51.73692111976784958, 5.66902226582065971 51.72159811935894425, 5.66839419431237435 51.71950980038129586, 5.67004784727131028 51.71366693434267603, 5.66072290037755188 51.71282619292053795, 5.65913040050493077 51.71583852544959115, 5.65511459951117956 51.71579469639396365, 5.65307529178897195 51.71423899519786715, 5.65453137847367859 51.7111146992600581, 5.62396219661254637 51.70352650499539493, 5.59704061606191061 51.70198748986318549, 5.59543650941702442 51.70752647409533864, 5.59916797784179376 51.70703532271109282, 5.60006517977249008 51.70848683888696229, 5.58847440839842857 51.72497676068934425, 5.58088116046704474 51.7314480880772436, 5.58222496649879396 51.73274991906530573, 5.6147550810143958 51.73441520782198211, 5.62039114890571856 51.73565375948038536, 5.62039114890571856 51.73565375948038536)))</t>
  </si>
  <si>
    <t>MultiPolygon (((5.62433855010153749 51.75651581429274017, 5.6267283238079866 51.75694196448117168, 5.63054049302295212 51.75213578113585555, 5.63254568113010468 51.75251700795969612, 5.63227403603593313 51.7533064999068273, 5.63681410555882145 51.75405419327915268, 5.63761553011622762 51.75187474454185121, 5.63703605966836552 51.74857019041586881, 5.64783938706195343 51.74847530454608346, 5.6607962158281282 51.74691940231543441, 5.662985656529548 51.74954255632996336, 5.66571167745047077 51.74916477029785256, 5.6639055043038109 51.7465264363031352, 5.66434031319437725 51.74445468589433261, 5.66758967800062319 51.74169535071096959, 5.66966803910625927 51.73692111976784958, 5.62636634397329694 51.73712456883831123, 5.62039114890571856 51.73565375948038536, 5.61403718338418756 51.74396601473845436, 5.6129815545420545 51.74740530146641504, 5.61426698013617909 51.74759606863381833, 5.61722109359198196 51.75520213416279347, 5.62433855010153749 51.75651581429274017)))</t>
  </si>
  <si>
    <t>MultiPolygon (((5.88910478454314124 51.72170313350913773, 5.88979220418393723 51.7224283891711849, 5.8868874825942914 51.72468743035397409, 5.88795894457169489 51.72519217511075595, 5.89378258032331193 51.72206369763903666, 5.89956671824978507 51.72018993841589207, 5.91200182556643661 51.71787657662869009, 5.91946954717351126 51.71767149905556948, 5.9337848291734101 51.71614039907994709, 5.93193571349889215 51.71307541901998661, 5.93100294964601815 51.71338437918515751, 5.92771528279812809 51.70961178401932301, 5.92508137234214161 51.70851408348407574, 5.92209977875057181 51.70814967828599862, 5.917604075119824 51.70579353026820257, 5.91582686642621702 51.70277707672581613, 5.90915710986000153 51.70019008970231056, 5.90805976289670109 51.69869582875009684, 5.90268401636076856 51.69514693445489684, 5.9004229421378831 51.69264988111362413, 5.89848981310543508 51.69270794880860365, 5.89395607653991949 51.69885184545268686, 5.89272923124689019 51.69938630095413856, 5.88992924408459828 51.69775046157545262, 5.88404913780094052 51.70122713303565831, 5.87995041178482403 51.70152562706079635, 5.87594358479635392 51.70577070772797157, 5.88797204300885912 51.70777344913729934, 5.89149498414877382 51.7080777951818007, 5.89676219961648318 51.71019151840420136, 5.89759868033433943 51.71204001813897122, 5.89171843664827932 51.71625303648006167, 5.89034948295132299 51.72053172725433967, 5.88910478454314124 51.72170313350913773, 5.88910478454314124 51.72170313350913773),(5.91744674365395884 51.71402964127080537, 5.9103976916930705 51.71671467637153086, 5.90612258726963546 51.71290650475536665, 5.91670980664908619 51.70856058008985912, 5.92062457782838436 51.711105699663932, 5.91982285015875043 51.71292393044048197, 5.91744674365395884 51.71402964127080537, 5.91744674365395884 51.71402964127080537)))</t>
  </si>
  <si>
    <t>MultiPolygon (((5.91744674365395884 51.71402964127080537, 5.91982285015875043 51.71292393044048197, 5.92062457782838436 51.711105699663932, 5.91670980664908619 51.70856058008985912, 5.90612258726963546 51.71290650475536665, 5.9103976916930705 51.71671467637153086, 5.91744674365395884 51.71402964127080537, 5.91744674365395884 51.71402964127080537)))</t>
  </si>
  <si>
    <t>MultiPolygon (((5.83735751782512757 51.71264092572536697, 5.8455739437705212 51.71129550449767009, 5.84633568357186206 51.71253313549593145, 5.85430998265900371 51.71054433106425563, 5.85923366180902594 51.71086285562672913, 5.86466711566055388 51.7099229559913951, 5.87239501427243304 51.70765412318784371, 5.87594358479635392 51.70577070772797157, 5.87995041178482403 51.70152562706079635, 5.88404913780094052 51.70122713303565831, 5.88992924408459828 51.69775046157545262, 5.89272923124689019 51.69938630095413856, 5.89395607653991949 51.69885184545268686, 5.89848981310543508 51.69270794880860365, 5.9004229421378831 51.69264988111362413, 5.89827844561070158 51.6903069519992826, 5.89480588832421759 51.68845936147184972, 5.89938551671834865 51.68504483246554315, 5.89524623741347309 51.68140882211002918, 5.88251800947177816 51.67660829212055518, 5.87908956314525621 51.67744737833426427, 5.87502333602480942 51.67677244160511663, 5.86103019695205063 51.67089491770253318, 5.85990328542709626 51.66991442759790942, 5.84650567341104654 51.67651316340084833, 5.84280501575530575 51.67997029813231791, 5.83010707801868211 51.6918582530772639, 5.82256388197783181 51.69950161753273932, 5.82481555896663394 51.7010433252626953, 5.83189325651096357 51.70374803157924504, 5.83341239575513804 51.70360214684833977, 5.83555154560842304 51.70808146923566539, 5.83361865585130523 51.709083217305853, 5.83735751782512757 51.71264092572536697, 5.83735751782512757 51.71264092572536697),(5.86155034349849746 51.69497532949523588, 5.85531932104319708 51.69008278649450716, 5.85581776019998834 51.68501823544863072, 5.85353500012001238 51.68368018159497979, 5.8578425230252984 51.68185173341786509, 5.86242126115993045 51.6820658143512901, 5.86353914748570038 51.68455112164384957, 5.86981847695297354 51.68555207072240876, 5.86775949441866906 51.69455731675292043, 5.86155034349849746 51.69497532949523588, 5.86155034349849746 51.69497532949523588)))</t>
  </si>
  <si>
    <t>MultiPolygon (((5.86155034349849746 51.69497532949523588, 5.86775949441866906 51.69455731675292043, 5.86981847695297354 51.68555207072240876, 5.86353914748570038 51.68455112164384957, 5.86242126115993045 51.6820658143512901, 5.8578425230252984 51.68185173341786509, 5.85353500012001238 51.68368018159497979, 5.85581776019998834 51.68501823544863072, 5.85531932104319708 51.69008278649450716, 5.86155034349849746 51.69497532949523588, 5.86155034349849746 51.69497532949523588)))</t>
  </si>
  <si>
    <t>MultiPolygon (((5.86567214182539054 51.74324582549752449, 5.87059134678879513 51.74265197902506941, 5.87144586363277554 51.74330694837841094, 5.87284061309802574 51.74326762913850786, 5.87414094091565886 51.74296936424247662, 5.87514731596242168 51.74127940783764501, 5.88160933886406312 51.7415459736866552, 5.88378177875119768 51.73652966270186937, 5.87062466609934219 51.73349818222416729, 5.86567214182539054 51.74324582549752449, 5.86567214182539054 51.74324582549752449)))</t>
  </si>
  <si>
    <t>MultiPolygon (((5.86903696234593397 51.7168163834670267, 5.87963010540839282 51.71927469327452087, 5.88797204300885912 51.70777344913729934, 5.87594358479635392 51.70577070772797157, 5.87239501427243304 51.70765412318784371, 5.86466711566055388 51.7099229559913951, 5.86633450649161592 51.71267500121427219, 5.8652352256347644 51.71505644954248027, 5.86903696234593397 51.7168163834670267, 5.86903696234593397 51.7168163834670267)))</t>
  </si>
  <si>
    <t>MultiPolygon (((5.84315358834304455 51.74605592800059384, 5.85428839049984084 51.74493191024632921, 5.86110663751274252 51.74888963869556591, 5.86466530208394143 51.74854959845856683, 5.86456955282188286 51.74543261640565106, 5.86567214182539054 51.74324582549752449, 5.87062466609934219 51.73349818222416729, 5.85823954837052252 51.73156370037828822, 5.85139193899551113 51.73084035420517779, 5.84158084320038107 51.72860586287323059, 5.84650654962804772 51.73014364466268233, 5.84591163191074159 51.73338719423105658, 5.84409257053621367 51.73568804454515657, 5.84225728037252523 51.73989077502098866, 5.84561276647000039 51.74040124882731817, 5.84571269654289605 51.74211025885700366, 5.84393661713087464 51.74267759028141, 5.84315358834304455 51.74605592800059384, 5.84315358834304455 51.74605592800059384)))</t>
  </si>
  <si>
    <t>MultiPolygon (((5.84158084320038107 51.72860586287323059, 5.85139193899551113 51.73084035420517779, 5.85823954837052252 51.73156370037828822, 5.85847869031529278 51.73065578123185304, 5.86532888348239378 51.72961672631207364, 5.86546443058454248 51.72394480454087073, 5.86334618128627127 51.72236187180034506, 5.85474109289464995 51.72687175112857716, 5.84838020312942497 51.7266738359067304, 5.84779712446761479 51.72543669429681046, 5.84384634819635895 51.72630866781960179, 5.84158084320038107 51.72860586287323059, 5.84158084320038107 51.72860586287323059)))</t>
  </si>
  <si>
    <t>MultiPolygon (((5.85823954837052252 51.73156370037828822, 5.87062466609934219 51.73349818222416729, 5.87963010540839282 51.71927469327452087, 5.86903696234593397 51.7168163834670267, 5.86657471382875073 51.71990301313507388, 5.86334618128627127 51.72236187180034506, 5.86546443058454248 51.72394480454087073, 5.86532888348239378 51.72961672631207364, 5.85847869031529278 51.73065578123185304, 5.85823954837052252 51.73156370037828822, 5.85823954837052252 51.73156370037828822)))</t>
  </si>
  <si>
    <t>MultiPolygon (((5.88378177875119768 51.73652966270186937, 5.88397907714660384 51.73543732579721421, 5.88540403789122024 51.72831418802163483, 5.88795894457169489 51.72519217511075595, 5.8868874825942914 51.72468743035397409, 5.88979220418393723 51.7224283891711849, 5.88910478454314124 51.72170313350913773, 5.87963010540839282 51.71927469327452087, 5.87062466609934219 51.73349818222416729, 5.88378177875119768 51.73652966270186937, 5.88378177875119768 51.73652966270186937)))</t>
  </si>
  <si>
    <t>MultiPolygon (((5.87963010540839282 51.71927469327452087, 5.88910478454314124 51.72170313350913773, 5.89034948295132299 51.72053172725433967, 5.89171843664827932 51.71625303648006167, 5.89759868033433943 51.71204001813897122, 5.89676219961648318 51.71019151840420136, 5.89149498414877382 51.7080777951818007, 5.88797204300885912 51.70777344913729934, 5.87963010540839282 51.71927469327452087, 5.87963010540839282 51.71927469327452087)))</t>
  </si>
  <si>
    <t>MultiPolygon (((5.79974892415157228 51.73436567848300882, 5.80370984018248404 51.73809867548699515, 5.81282383971606276 51.74079551491307427, 5.81932702984042649 51.73796654211216151, 5.81536874118008384 51.74179030872064544, 5.81403371356404097 51.74426462275851435, 5.81703536903427043 51.7452745323408152, 5.82601419889935634 51.74468301321409314, 5.82690137876644076 51.74368287413451384, 5.83226722498352945 51.74145397110788736, 5.83465820443032435 51.74121623047844309, 5.83524695254145254 51.74008562796972654, 5.83371729886659107 51.73700012792561154, 5.84409257053621367 51.73568804454515657, 5.84591163191074159 51.73338719423105658, 5.84650654962804772 51.73014364466268233, 5.84158084320038107 51.72860586287323059, 5.84384634819635895 51.72630866781960179, 5.84779712446761479 51.72543669429681046, 5.83735751782512757 51.71264092572536697, 5.83361865585130523 51.709083217305853, 5.83555154560842304 51.70808146923566539, 5.83341239575513804 51.70360214684833977, 5.83189325651096357 51.70374803157924504, 5.82481555896663394 51.7010433252626953, 5.82256388197783181 51.69950161753273932, 5.81580084142545495 51.70110718776388836, 5.80533859590957579 51.70051128835464738, 5.79955492340705447 51.70372818610924526, 5.80290803299567148 51.70524036992284778, 5.7884301558321436 51.70886443699878754, 5.79321948946543053 51.71005509321225446, 5.79243996164752062 51.72055883911237828, 5.79808036403921534 51.7213330473502495, 5.79486977252855073 51.72998935419434474, 5.79751616310952489 51.73052230333211554, 5.79974892415157228 51.73436567848300882, 5.79974892415157228 51.73436567848300882),(5.83898321919748486 51.72488593888055419, 5.8381399502383049 51.72753997625648736, 5.82872024418047996 51.72653318766485597, 5.81880415880145474 51.72714092112178008, 5.81568000904987947 51.7247802518581139, 5.82265518172226759 51.72285778402916634, 5.8326092916919583 51.72279217013082331, 5.8346519638035117 51.72202368594997068, 5.83681372808474119 51.72487996099697938, 5.83898321919748486 51.72488593888055419, 5.83898321919748486 51.72488593888055419)))</t>
  </si>
  <si>
    <t>MultiPolygon (((5.83898321919748486 51.72488593888055419, 5.83681372808474119 51.72487996099697938, 5.8346519638035117 51.72202368594997068, 5.8326092916919583 51.72279217013082331, 5.82265518172226759 51.72285778402916634, 5.81568000904987947 51.7247802518581139, 5.81880415880145474 51.72714092112178008, 5.82872024418047996 51.72653318766485597, 5.8381399502383049 51.72753997625648736, 5.83898321919748486 51.72488593888055419, 5.83898321919748486 51.72488593888055419)))</t>
  </si>
  <si>
    <t>MultiPolygon (((5.84779712446761479 51.72543669429681046, 5.84838020312942497 51.7266738359067304, 5.85474109289464995 51.72687175112857716, 5.86334618128627127 51.72236187180034506, 5.86657471382875073 51.71990301313507388, 5.86903696234593397 51.7168163834670267, 5.8652352256347644 51.71505644954248027, 5.86633450649161592 51.71267500121427219, 5.86466711566055388 51.7099229559913951, 5.85923366180902594 51.71086285562672913, 5.85430998265900371 51.71054433106425563, 5.84633568357186206 51.71253313549593145, 5.8455739437705212 51.71129550449767009, 5.83735751782512757 51.71264092572536697, 5.84779712446761479 51.72543669429681046, 5.84779712446761479 51.72543669429681046),(5.86002807461516273 51.72270516122281947, 5.85886455812259133 51.72369747421747377, 5.85486097079331547 51.7193307461160714, 5.85039126562950607 51.7172578185651588, 5.84720420460609169 51.7179192379081698, 5.8468503688676714 51.71543275365873171, 5.85073665939763021 51.71524216351670589, 5.85651222536920724 51.71348688937880667, 5.85857766698148108 51.71672628764680013, 5.86173766507124672 51.7161382556697049, 5.86379009448295552 51.72030512184466033, 5.86002807461516273 51.72270516122281947, 5.86002807461516273 51.72270516122281947)))</t>
  </si>
  <si>
    <t>MultiPolygon (((5.86002807461516273 51.72270516122281947, 5.86379009448295552 51.72030512184466033, 5.86173766507124672 51.7161382556697049, 5.85857766698148108 51.71672628764680013, 5.85651222536920724 51.71348688937880667, 5.85073665939763021 51.71524216351670589, 5.8468503688676714 51.71543275365873171, 5.84720420460609169 51.7179192379081698, 5.85039126562950607 51.7172578185651588, 5.85486097079331547 51.7193307461160714, 5.85886455812259133 51.72369747421747377, 5.86002807461516273 51.72270516122281947, 5.86002807461516273 51.72270516122281947)))</t>
  </si>
  <si>
    <t>MultiPolygon (((5.84241587244571292 51.75881208903727781, 5.85214957073683628 51.75931737653250764, 5.8644688424260627 51.75768172202194251, 5.87079871393896813 51.75533553910419471, 5.86582164974098852 51.75059652045840153, 5.86253936001975529 51.75135593273904533, 5.8486046877226654 51.74919763686060037, 5.84440785447807531 51.74919393320637795, 5.84241096809504068 51.7557612867727812, 5.84241587244571292 51.75881208903727781, 5.84241587244571292 51.75881208903727781)))</t>
  </si>
  <si>
    <t>MultiPolygon (((5.87079871393896813 51.75533553910419471, 5.87116620014888557 51.75513824374706928, 5.87956042595063888 51.74991359729648366, 5.88049085152397399 51.74689208961110864, 5.87158413646701227 51.74655944175654554, 5.86582164974098852 51.75059652045840153, 5.87079871393896813 51.75533553910419471, 5.87079871393896813 51.75533553910419471)))</t>
  </si>
  <si>
    <t>MultiPolygon (((5.84440785447807531 51.74919393320637795, 5.8486046877226654 51.74919763686060037, 5.86253936001975529 51.75135593273904533, 5.86582164974098852 51.75059652045840153, 5.87158413646701227 51.74655944175654554, 5.88049085152397399 51.74689208961110864, 5.88160933886406312 51.7415459736866552, 5.87514731596242168 51.74127940783764501, 5.87414094091565886 51.74296936424247662, 5.87284061309802574 51.74326762913850786, 5.87144586363277554 51.74330694837841094, 5.87059134678879513 51.74265197902506941, 5.86567214182539054 51.74324582549752449, 5.86456955282188286 51.74543261640565106, 5.86466530208394143 51.74854959845856683, 5.86110663751274252 51.74888963869556591, 5.85428839049984084 51.74493191024632921, 5.84315358834304455 51.74605592800059384, 5.84440785447807531 51.74919393320637795, 5.84440785447807531 51.74919393320637795)))</t>
  </si>
  <si>
    <t>MultiPolygon (((5.8376711199465543 51.74917361067934252, 5.83693664446730409 51.747560457615144, 5.82929350937398905 51.7472325321714095, 5.82752686811159393 51.7473939559770173, 5.82672086306652215 51.74833993805434318, 5.81986955504347314 51.74798426734744794, 5.81959603873503362 51.74862744052476415, 5.82182847983934337 51.75065728992238689, 5.83323916902125816 51.75043098000937647, 5.83546496319688046 51.75174492694785755, 5.8376711199465543 51.74917361067934252, 5.8376711199465543 51.74917361067934252)))</t>
  </si>
  <si>
    <t>MultiPolygon (((5.82149512260214408 51.75744528361757801, 5.84241587244571292 51.75881208903727781, 5.84241096809504068 51.7557612867727812, 5.84440785447807531 51.74919393320637795, 5.84315358834304455 51.74605592800059384, 5.84393661713087464 51.74267759028141, 5.84571269654289605 51.74211025885700366, 5.84561276647000039 51.74040124882731817, 5.84225728037252523 51.73989077502098866, 5.84409257053621367 51.73568804454515657, 5.83371729886659107 51.73700012792561154, 5.83524695254145254 51.74008562796972654, 5.83465820443032435 51.74121623047844309, 5.83226722498352945 51.74145397110788736, 5.82690137876644076 51.74368287413451384, 5.82601419889935634 51.74468301321409314, 5.81703536903427043 51.7452745323408152, 5.81403371356404097 51.74426462275851435, 5.81536874118008384 51.74179030872064544, 5.81932702984042649 51.73796654211216151, 5.81282383971606276 51.74079551491307427, 5.80370984018248404 51.73809867548699515, 5.79974892415157228 51.73436567848300882, 5.79367636423921617 51.73645829164805576, 5.79651180480640171 51.74016993757932426, 5.78611136894592715 51.74429005297512418, 5.78834237906656135 51.74767220967436998, 5.79128257124234036 51.74968333983968449, 5.79053431350657721 51.75350905477059626, 5.80946751915955684 51.75653393243782574, 5.82149512260214408 51.75744528361757801, 5.82149512260214408 51.75744528361757801),(5.8376711199465543 51.74917361067934252, 5.83546496319688046 51.75174492694785755, 5.83323916902125816 51.75043098000937647, 5.82182847983934337 51.75065728992238689, 5.81959603873503362 51.74862744052476415, 5.81986955504347314 51.74798426734744794, 5.82672086306652215 51.74833993805434318, 5.82752686811159393 51.7473939559770173, 5.82929350937398905 51.7472325321714095, 5.83693664446730409 51.747560457615144, 5.8376711199465543 51.74917361067934252, 5.8376711199465543 51.74917361067934252)))</t>
  </si>
  <si>
    <t>MultiPolygon (((6.62316143710496608 52.97071886462759238, 6.62755091107130312 52.97100197626546958, 6.6394415182511759 52.97225749361520286, 6.63540168006407516 52.96168308046102169, 6.63017303924393442 52.95678508044701971, 6.62446920901054348 52.95391895261957416, 6.62685459992532788 52.95041223907893624, 6.6249233350772494 52.94428500345603794, 6.62299006031431592 52.9420604607604588, 6.61887884437815011 52.94130306277220654, 6.61670182218095881 52.9362718587931127, 6.61740352886826422 52.93372742101708894, 6.62096032409915747 52.93147649408796696, 6.61868798260334668 52.92917449479775627, 6.61487755304303349 52.91831141833218766, 6.58581438790137863 52.91946797794690838, 6.56507129598116634 52.94498077032640282, 6.56150480165770489 52.94665212076854033, 6.56722699392662523 52.95246365314023507, 6.57008984094967463 52.95753861520081784, 6.58126531704291029 52.96744906199218406, 6.58284567835728129 52.9680099491342844, 6.62316143710496608 52.97071886462759238, 6.62316143710496608 52.97071886462759238),(6.60510598101857838 52.95605522630845741, 6.60390557482077778 52.95687630313079097, 6.59797639796374735 52.95461560493882303, 6.60107624220908118 52.95045454021521181, 6.60625123538705505 52.94949132742630127, 6.60845623162879114 52.95192286961950145, 6.60716406776556209 52.95514899043487844, 6.60510598101857838 52.95605522630845741, 6.60510598101857838 52.95605522630845741),(6.60879909132260845 52.94462119722895466, 6.60698948358282756 52.94689435445946657, 6.60527596332121547 52.9465399950615847, 6.60449899838065413 52.94519084874807646, 6.6057616183146779 52.93879087747850321, 6.60736732696065765 52.9376960171394586, 6.61392246863600164 52.94042557987194186, 6.61468113685859205 52.94623532494470197, 6.61257708934490473 52.94638780364596187, 6.61042486898068926 52.94487417503867022, 6.60879909132260845 52.94462119722895466, 6.60879909132260845 52.94462119722895466)))</t>
  </si>
  <si>
    <t>MultiPolygon (((6.60879909132260845 52.94462119722895466, 6.61042486898068926 52.94487417503867022, 6.61257708934490473 52.94638780364596187, 6.61468113685859205 52.94623532494470197, 6.61392246863600164 52.94042557987194186, 6.60736732696065765 52.9376960171394586, 6.6057616183146779 52.93879087747850321, 6.60449899838065413 52.94519084874807646, 6.60527596332121547 52.9465399950615847, 6.60698948358282756 52.94689435445946657, 6.60879909132260845 52.94462119722895466, 6.60879909132260845 52.94462119722895466)))</t>
  </si>
  <si>
    <t>MultiPolygon (((6.60510598101857838 52.95605522630845741, 6.60716406776556209 52.95514899043487844, 6.60845623162879114 52.95192286961950145, 6.60625123538705505 52.94949132742630127, 6.60107624220908118 52.95045454021521181, 6.59797639796374735 52.95461560493882303, 6.60390557482077778 52.95687630313079097, 6.60510598101857838 52.95605522630845741, 6.60510598101857838 52.95605522630845741)))</t>
  </si>
  <si>
    <t>MultiPolygon (((6.66567983531365282 52.95766915867533697, 6.66617353712221927 52.95684603439472937, 6.68837924395823791 52.95893676279450801, 6.69169587282744427 52.94985879915487459, 6.69460088917370832 52.95121277267683979, 6.69984885470599689 52.94848205004548447, 6.69994823012145968 52.94625490583045035, 6.70450606571649566 52.94656422107312466, 6.71061455969838594 52.94232318991441133, 6.71645811683796801 52.94260431274763334, 6.71624791529576104 52.93981213737829705, 6.71957403908726469 52.93985147102709021, 6.72343730793459127 52.93887305947405508, 6.7246509330983022 52.93730514901682227, 6.72729369903417851 52.91380443713475046, 6.7283134299391314 52.90667588910678631, 6.73469911345652239 52.88410224727650188, 6.73633707082011313 52.8786912885881577, 6.71456392038501448 52.86815881662991501, 6.68649891856261558 52.87529912961523593, 6.67498574899929054 52.90501720587569423, 6.6667338510589218 52.90944937310523954, 6.64170566320064815 52.91200067821971942, 6.62557070597241982 52.9128056094561785, 6.61487755304303349 52.91831141833218766, 6.61868798260334668 52.92917449479775627, 6.62096032409915747 52.93147649408796696, 6.61740352886826422 52.93372742101708894, 6.61670182218095881 52.9362718587931127, 6.61887884437815011 52.94130306277220654, 6.62299006031431592 52.9420604607604588, 6.6249233350772494 52.94428500345603794, 6.62685459992532788 52.95041223907893624, 6.63102031650458468 52.95075482550295476, 6.64032315616020252 52.94660603711054137, 6.64968998214149654 52.94889183552972156, 6.66567983531365282 52.95766915867533697),(6.67316170389833641 52.93912670558193412, 6.67183374725189537 52.94075871261092203, 6.66442165026491473 52.93780105900838606, 6.66203620636775717 52.93492476724134121, 6.66082978619121668 52.93181623329953567, 6.662865975175146 52.93155802050006997, 6.66397356330003277 52.93291394109374437, 6.66936895193034651 52.93303363468265132, 6.66918775888132842 52.93142403904101201, 6.67094478723382611 52.92997449192128556, 6.67534241996668687 52.9296069616806264, 6.67775449206398708 52.93015161460102291, 6.67468536998842144 52.93702579241683992, 6.67773539971581975 52.93819829878960093, 6.67672221026423074 52.94000558446883531, 6.67316170389833641 52.93912670558193412),(6.69835341988013511 52.9093595306388309, 6.69503648578106159 52.91529784457119945, 6.69099807230938382 52.91409838302850943, 6.69655982306480979 52.90532251253080886, 6.69106713794153762 52.90312566684811912, 6.69240390517450301 52.9018500072125164, 6.69537823752237671 52.90200449685120532, 6.69976301717259481 52.90329380389760416, 6.70374133275114215 52.90025548051764304, 6.70547610609750944 52.90085422121193659, 6.70215444417073769 52.9039235678324502, 6.70632002188866583 52.9043870821208273, 6.70632339381517451 52.9051363743306311, 6.70300411710742505 52.91011891453538141, 6.7020320676965266 52.91046833901497592, 6.69913543919305443 52.90837580256499706, 6.69835341988013511 52.9093595306388309)))</t>
  </si>
  <si>
    <t>MultiPolygon (((6.68837924395823791 52.95893676279450801, 6.69105072861886097 52.95923118015304709, 6.69773316053832435 52.96180145486477642, 6.70060239838037663 52.96045499354150365, 6.70330448022946435 52.96033201516228672, 6.70348228593313955 52.96104454772014947, 6.70865080966495153 52.9636702074590886, 6.71212174796390482 52.96464902062912472, 6.71035176910017661 52.96777880528700422, 6.72312267701285293 52.97095527336112752, 6.72929562503723577 52.9549280538161824, 6.72771179169956479 52.95471976218551191, 6.73114648348778122 52.93882909900908373, 6.73142243899893433 52.93755502898782339, 6.7246509330983022 52.93730514901682227, 6.72343730793459127 52.93887305947405508, 6.71957403908726469 52.93985147102709021, 6.71624791529576104 52.93981213737829705, 6.71645811683796801 52.94260431274763334, 6.71061455969838594 52.94232318991441133, 6.70450606571649566 52.94656422107312466, 6.69994823012145968 52.94625490583045035, 6.69984885470599689 52.94848205004548447, 6.69460088917370832 52.95121277267683979, 6.69169587282744427 52.94985879915487459, 6.68837924395823791 52.95893676279450801)))</t>
  </si>
  <si>
    <t>MultiPolygon (((6.69835341988013511 52.9093595306388309, 6.69913543919305443 52.90837580256499706, 6.7020320676965266 52.91046833901497592, 6.70300411710742505 52.91011891453538141, 6.70632339381517451 52.9051363743306311, 6.70632002188866583 52.9043870821208273, 6.70215444417073769 52.9039235678324502, 6.70547610609750944 52.90085422121193659, 6.70374133275114215 52.90025548051764304, 6.69976301717259481 52.90329380389760416, 6.69537823752237671 52.90200449685120532, 6.69240390517450301 52.9018500072125164, 6.69106713794153762 52.90312566684811912, 6.69655982306480979 52.90532251253080886, 6.69099807230938382 52.91409838302850943, 6.69503648578106159 52.91529784457119945, 6.69835341988013511 52.9093595306388309, 6.69835341988013511 52.9093595306388309)))</t>
  </si>
  <si>
    <t>MultiPolygon (((6.67316170389833641 52.93912670558193412, 6.67672221026423074 52.94000558446883531, 6.67773539971581975 52.93819829878960093, 6.67468536998842144 52.93702579241683992, 6.67775449206398708 52.93015161460102291, 6.67534241996668687 52.9296069616806264, 6.67094478723382611 52.92997449192128556, 6.66918775888132842 52.93142403904101201, 6.66936895193034651 52.93303363468265132, 6.66397356330003277 52.93291394109374437, 6.662865975175146 52.93155802050006997, 6.66082978619121668 52.93181623329953567, 6.66203620636775717 52.93492476724134121, 6.66442165026491473 52.93780105900838606, 6.67183374725189537 52.94075871261092203, 6.67316170389833641 52.93912670558193412, 6.67316170389833641 52.93912670558193412)))</t>
  </si>
  <si>
    <t>MultiPolygon (((6.67718050893711723 52.98817460661138767, 6.6797799421911126 52.98722308865574604, 6.68371742659940082 52.98709001057610379, 6.68549508829028838 52.98646857148650469, 6.68309438221052332 52.98480390406219698, 6.66570667056085853 52.97958086831150126, 6.6686035933300909 52.98178204001232672, 6.6712366668073555 52.98810716802672971, 6.66576836551530505 52.98806692680492603, 6.66243633339528074 52.98988703781925125, 6.6610999645110569 52.98961201195742632, 6.66178126508543045 52.99066635860801, 6.67593113560072737 52.99204190297739814, 6.67544600725337656 52.99138488881136055, 6.67718050893711723 52.98817460661138767, 6.67718050893711723 52.98817460661138767)),((6.65808643737163575 53.02571332604384224, 6.66418984911708456 53.02269774478222786, 6.66253253559797276 53.01714455614592225, 6.6598849499736561 53.01038918226220176, 6.65669789432173786 53.00723151381362186, 6.65807037792088074 53.00238972297591289, 6.65680410317800497 53.00117868069918359, 6.66161652134985971 52.99508586722691916, 6.66175584155149902 52.99066438379982458, 6.65597782634933033 52.99016471731863476, 6.63234983105472686 52.99076816986053728, 6.63308002257789386 52.99239172416525179, 6.63554381455854969 52.99427185143180452, 6.63574333024171015 52.99980623752254871, 6.63322115151926806 52.99990203221899776, 6.63247954912098336 52.99769307512878669, 6.62866089018646854 52.99756652897534082, 6.62636266430522269 52.99323331460839626, 6.62495668047643083 52.99307543991970704, 6.62267681194078506 52.99387640992392079, 6.62126989686145162 52.99264342054022592, 6.62378579062133444 52.99091998106075607, 6.62273300402199361 52.98992880473167588, 6.62317861568763888 52.9878953569144926, 6.63074696548128273 52.98809938960622645, 6.63397665801001146 52.98428216127080503, 6.64340735820095585 52.9808677123794709, 6.64593434727156041 52.97603242388832712, 6.64832444756312135 52.97440132813292024, 6.65630412846600006 52.9766855399557457, 6.6583648950134835 52.97184930289044758, 6.65594530387705952 52.97193174877617849, 6.65875154460896024 52.96668034629606581, 6.65984992659339436 52.96677930779721777, 6.66567983531365282 52.95766915867533697, 6.64968998214149654 52.94889183552972156, 6.64032315616020252 52.94660603711054137, 6.63102031650458468 52.95075482550295476, 6.62685459992532788 52.95041223907893624, 6.62446920901054348 52.95391895261957416, 6.63017303924393442 52.95678508044701971, 6.63540168006407516 52.96168308046102169, 6.6394415182511759 52.97225749361520286, 6.62755091107130312 52.97100197626546958, 6.62797978776857999 52.97346562311967233, 6.62900558603855927 52.97409137128210688, 6.62883806608849468 52.97573832380397363, 6.62523492401537251 52.97599701493980717, 6.62379323173423273 52.97823176666710054, 6.62105624313219465 52.97738212415902126, 6.62088378892582607 52.97681322013026062, 6.62159019318036179 52.97489671986753024, 6.62415241349379968 52.9748404556051895, 6.62534904637179878 52.97340809288982655, 6.62316143710496608 52.97071886462759238, 6.58284567835728129 52.9680099491342844, 6.59604347900083177 52.97265798945350923, 6.59537779224975029 52.97627013465630341, 6.59648489381961944 52.97929919327937398, 6.59938310225284841 52.98151806384233709, 6.60431275701095455 52.98299824290625537, 6.60570190501997878 52.98449399630124645, 6.60831266762023617 52.98184255665822917, 6.60593931119392952 52.97950991213605221, 6.60628442449780895 52.97753540633510028, 6.60882376646746561 52.97713033186115439, 6.61509077738390694 52.98299929331967206, 6.61180581186592331 52.98506408318766603, 6.61265896113253593 52.98982131165892184, 6.61151668461854314 52.98934490526594487, 6.60794453784303837 52.9894408040050422, 6.60786297099582853 52.99535276344135326, 6.60928544266442763 52.99606825927844511, 6.61157232549902396 52.99957446027875108, 6.61508450972803441 53.00646128320204298, 6.62187981260333647 53.01085511550208906, 6.62173852442789279 53.01217339313051014, 6.62976054561211026 53.01562456260244005, 6.63264618186029775 53.02203607447801659, 6.62976368341216116 53.02371513301887518, 6.63122142942869175 53.0261052411012912, 6.6485933057024571 53.02633252710930378, 6.64800990720081675 53.0282640981354092, 6.65808643737163575 53.02571332604384224, 6.65808643737163575 53.02571332604384224)))</t>
  </si>
  <si>
    <t>MultiPolygon (((6.68549508829028838 52.98646857148650469, 6.68776693706714553 52.98680504599015961, 6.6887382959217625 52.98480773454358683, 6.69165122340549434 52.98212643059706295, 6.7000640351710441 52.98094123952418499, 6.70340906092061317 52.98106397163329717, 6.71493795508659375 52.97860031712266249, 6.72172222076364179 52.97455685894459521, 6.72312267701285293 52.97095527336112752, 6.71035176910017661 52.96777880528700422, 6.71212174796390482 52.96464902062912472, 6.70865080966495153 52.9636702074590886, 6.70348228593313955 52.96104454772014947, 6.70330448022946435 52.96033201516228672, 6.70060239838037663 52.96045499354150365, 6.69773316053832435 52.96180145486477642, 6.69105072861886097 52.95923118015304709, 6.68837924395823791 52.95893676279450801, 6.66617353712221927 52.95684603439472937, 6.66567983531365282 52.95766915867533697, 6.65984992659339436 52.96677930779721777, 6.65875154460896024 52.96668034629606581, 6.65594530387705952 52.97193174877617849, 6.6583648950134835 52.97184930289044758, 6.65630412846600006 52.9766855399557457, 6.66570667056085853 52.97958086831150126, 6.68309438221052332 52.98480390406219698, 6.68549508829028838 52.98646857148650469, 6.68549508829028838 52.98646857148650469)))</t>
  </si>
  <si>
    <t>MultiPolygon (((6.60793003046872851 52.98941824178677251, 6.60794453784303837 52.9894408040050422, 6.61151668461854314 52.98934490526594487, 6.61265896113253593 52.98982131165892184, 6.61180581186592331 52.98506408318766603, 6.61509077738390694 52.98299929331967206, 6.60882376646746561 52.97713033186115439, 6.60628442449780895 52.97753540633510028, 6.60593931119392952 52.97950991213605221, 6.60831266762023617 52.98184255665822917, 6.60570190501997878 52.98449399630124645, 6.60793003046872851 52.98941824178677251, 6.60793003046872851 52.98941824178677251)))</t>
  </si>
  <si>
    <t>MultiPolygon (((6.62316143710496608 52.97071886462759238, 6.62534904637179878 52.97340809288982655, 6.62415241349379968 52.9748404556051895, 6.62159019318036179 52.97489671986753024, 6.62088378892582607 52.97681322013026062, 6.62105624313219465 52.97738212415902126, 6.62379323173423273 52.97823176666710054, 6.62523492401537251 52.97599701493980717, 6.62883806608849468 52.97573832380397363, 6.62900558603855927 52.97409137128210688, 6.62797978776857999 52.97346562311967233, 6.62755091107130312 52.97100197626546958, 6.62316143710496608 52.97071886462759238, 6.62316143710496608 52.97071886462759238)))</t>
  </si>
  <si>
    <t>MultiPolygon (((6.62378579062133444 52.99091998106075607, 6.62126989686145162 52.99264342054022592, 6.62267681194078506 52.99387640992392079, 6.62495668047643083 52.99307543991970704, 6.62636266430522269 52.99323331460839626, 6.62866089018646854 52.99756652897534082, 6.63247954912098336 52.99769307512878669, 6.63322115151926806 52.99990203221899776, 6.63574333024171015 52.99980623752254871, 6.63554381455854969 52.99427185143180452, 6.63308002257789386 52.99239172416525179, 6.63234983105472686 52.99076816986053728, 6.6322158014664554 52.98998768613808608, 6.62378579062133444 52.99091998106075607, 6.62378579062133444 52.99091998106075607)))</t>
  </si>
  <si>
    <t>MultiPolygon (((6.66175584155149902 52.99066438379982458, 6.66178126508543045 52.99066635860801, 6.6610999645110569 52.98961201195742632, 6.66243633339528074 52.98988703781925125, 6.66576836551530505 52.98806692680492603, 6.6712366668073555 52.98810716802672971, 6.6686035933300909 52.98178204001232672, 6.66570667056085853 52.97958086831150126, 6.65630412846600006 52.9766855399557457, 6.64832444756312135 52.97440132813292024, 6.64593434727156041 52.97603242388832712, 6.64340735820095585 52.9808677123794709, 6.63397665801001146 52.98428216127080503, 6.63074696548128273 52.98809938960622645, 6.62317861568763888 52.9878953569144926, 6.62273300402199361 52.98992880473167588, 6.62378579062133444 52.99091998106075607, 6.6322158014664554 52.98998768613808608, 6.63234983105472686 52.99076816986053728, 6.65597782634933033 52.99016471731863476, 6.66175584155149902 52.99066438379982458, 6.66175584155149902 52.99066438379982458)))</t>
  </si>
  <si>
    <t>MultiPolygon (((6.83321776275272708 53.04587680608602795, 6.83795232053787139 53.04775625504459668, 6.84462332196920276 53.04859862715159835, 6.84939413555804677 53.04577737562070894, 6.84691613724253578 53.04455446276378439, 6.84957809712854537 53.04304578455479913, 6.85190433506130248 53.04428060977201653, 6.89397072327281979 53.01737046399875197, 6.8569460840571832 53.00877977363237648, 6.84668129442645057 53.00638790494787855, 6.84634635834182248 53.00746599129961112, 6.83931194768451611 53.00741906530595315, 6.8351966265428441 53.00925522343682417, 6.83443425937316551 53.01123943535741745, 6.83501164410624273 53.01707874572691992, 6.83540179080860977 53.02440996853135857, 6.83977838028549812 53.02517923782740894, 6.84203588271861562 53.02707004138765967, 6.8454368005215942 53.02691235081031351, 6.843527234391936 53.02940545967587127, 6.84247585652776724 53.02908066840102208, 6.83896858759830195 53.03279687207962212, 6.83603925023879189 53.03155281488294293, 6.83027245231744029 53.02696146526762533, 6.83257694009756644 53.02261071738702469, 6.83171824251022031 53.01708599352151907, 6.82975880858028628 53.01247047231342435, 6.82558342532311979 53.01251683840088447, 6.82623193449230925 53.00968924298412333, 6.82866562140003008 53.00983574452265401, 6.83432147316146121 53.00610674283583279, 6.83483117925134032 53.00494119575454732, 6.83789968857628772 53.00505903694809007, 6.83814828705476607 53.00306867556844281, 6.83121193709200547 53.00241231580984191, 6.82429794576683157 53.00726063143628863, 6.82275650151667534 53.00949004527719666, 6.8168991935891885 53.01185818432120556, 6.81128940539361594 53.01560376279555697, 6.81078766852090922 53.01658036943820917, 6.81399611793647431 53.02292820000214846, 6.81677410309483012 53.02513849074416186, 6.81759133258388861 53.02786985472040726, 6.82192435072733083 53.03110844319742512, 6.82035750266291796 53.03590286339887427, 6.81908942224063175 53.03719537015826546, 6.81559328512031826 53.03849482633724932, 6.82149319047770852 53.04087215015655943, 6.82356496962816284 53.04164098514090853, 6.82573907552060088 53.04256358438409791, 6.83321776275272708 53.04587680608602795, 6.83321776275272708 53.04587680608602795)))</t>
  </si>
  <si>
    <t>MultiPolygon (((6.84052724662759548 53.05109861565152585, 6.84327302945781746 53.05234421684221502, 6.86128744651980949 53.04087401750008013, 6.89708799873780443 53.01805119303970315, 6.89397072327281979 53.01737046399875197, 6.85190433506130248 53.04428060977201653, 6.84957809712854537 53.04304578455479913, 6.84691613724253578 53.04455446276378439, 6.84939413555804677 53.04577737562070894, 6.84462332196920276 53.04859862715159835, 6.84052724662759548 53.05109861565152585, 6.84052724662759548 53.05109861565152585)))</t>
  </si>
  <si>
    <t>MultiPolygon (((6.83171824251022031 53.01708599352151907, 6.83501164410624273 53.01707874572691992, 6.83443425937316551 53.01123943535741745, 6.8351966265428441 53.00925522343682417, 6.83931194768451611 53.00741906530595315, 6.84634635834182248 53.00746599129961112, 6.84668129442645057 53.00638790494787855, 6.84274092387506538 53.00547372257856438, 6.83789968857628772 53.00505903694809007, 6.83483117925134032 53.00494119575454732, 6.83432147316146121 53.00610674283583279, 6.82866562140003008 53.00983574452265401, 6.82623193449230925 53.00968924298412333, 6.82558342532311979 53.01251683840088447, 6.82975880858028628 53.01247047231342435, 6.83171824251022031 53.01708599352151907, 6.83171824251022031 53.01708599352151907)))</t>
  </si>
  <si>
    <t>MultiPolygon (((6.83171824251022031 53.01708599352151907, 6.83257694009756644 53.02261071738702469, 6.83027245231744029 53.02696146526762533, 6.83603925023879189 53.03155281488294293, 6.83896858759830195 53.03279687207962212, 6.84247585652776724 53.02908066840102208, 6.843527234391936 53.02940545967587127, 6.8454368005215942 53.02691235081031351, 6.84203588271861562 53.02707004138765967, 6.83977838028549812 53.02517923782740894, 6.83540179080860977 53.02440996853135857, 6.83501164410624273 53.01707874572691992, 6.83171824251022031 53.01708599352151907, 6.83171824251022031 53.01708599352151907)))</t>
  </si>
  <si>
    <t>MultiPolygon (((6.78136684197995265 53.00061220323593858, 6.78716263812835852 52.99942386477102474, 6.78929363726135904 52.99801540016138546, 6.79318760563946533 52.9925727512207132, 6.78961307717869111 52.99198056889840558, 6.77960420078146431 52.9900844082005662, 6.77448389540196505 52.99550770440796299, 6.77571083360719673 52.99843681250676042, 6.77780867124703335 52.99895953256927328, 6.77704404345216194 53.00076701411462921, 6.78136684197995265 53.00061220323593858, 6.78136684197995265 53.00061220323593858)),((6.75219836738843071 53.01089433560389352, 6.75026109675857366 53.009559919599198, 6.7511400849612464 53.00276113591956317, 6.7543584796175784 52.9970837262133827, 6.75924488851513683 52.99331766937064714, 6.76671841024312393 52.99404276140982972, 6.76793522038784179 52.9922104628894175, 6.77175125981668913 52.99328524779451044, 6.77572330388483213 52.98935214940245686, 6.76554377419710118 52.98641482821986415, 6.76698204429433225 52.98612748879219225, 6.77143508773834135 52.98113463443879567, 6.76839952130708866 52.98037437321661969, 6.76824018196465094 52.98128506205850385, 6.75173572726159321 52.97715790348660647, 6.75180833690226656 52.97647572184096276, 6.74147707360613779 52.97975903155501953, 6.72172222076364179 52.97455685894459521, 6.71493795508659375 52.97860031712266249, 6.72611975319246902 52.99173237405957337, 6.72869632672412532 52.99920953568101822, 6.72972624651896645 52.99945635790763987, 6.72984489372313011 53.00640160415180446, 6.75567803425716029 53.01168026759548724, 6.75219836738843071 53.01089433560389352, 6.75219836738843071 53.01089433560389352)),((6.8168991935891885 53.01185818432120556, 6.82275650151667534 53.00949004527719666, 6.82429794576683157 53.00726063143628863, 6.83121193709200547 53.00241231580984191, 6.83164514260494027 52.99904634693069738, 6.79917704062992367 52.99359355931676419, 6.79645955648495725 52.99316109176761813, 6.79188927679767751 53.0005283528158202, 6.78912767320204136 53.00303622106023482, 6.78477035634952674 53.00115214904921146, 6.7812942114331749 53.00392488319113937, 6.78695009076978462 53.00606519097092928, 6.78431375748480825 53.00641844630665389, 6.77764188628054942 53.00558400870000497, 6.77375733889204046 53.0076282349863277, 6.77101710184344441 53.01038594044646857, 6.77397759323782367 53.01173287699833025, 6.7751414798024383 53.01337303534532452, 6.77357124156345503 53.01417820029035255, 6.77015400132851664 53.01426663829646913, 6.76413260245018222 53.01084737647924783, 6.76179477252320016 53.01305762056250614, 6.76888794263269133 53.0165219141693953, 6.7735140234617397 53.01981950552633549, 6.77757569997549503 53.02280050321559202, 6.81559328512031826 53.03849482633724932, 6.81908942224063175 53.03719537015826546, 6.82035750266291796 53.03590286339887427, 6.82192435072733083 53.03110844319742512, 6.81759133258388861 53.02786985472040726, 6.81677410309483012 53.02513849074416186, 6.81399611793647431 53.02292820000214846, 6.81078766852090922 53.01658036943820917, 6.81128940539361594 53.01560376279555697, 6.8168991935891885 53.01185818432120556, 6.8168991935891885 53.01185818432120556)))</t>
  </si>
  <si>
    <t>MultiPolygon (((6.75567803425716029 53.01168026759548724, 6.76179477252320016 53.01305762056250614, 6.76413260245018222 53.01084737647924783, 6.77015400132851664 53.01426663829646913, 6.77357124156345503 53.01417820029035255, 6.7751414798024383 53.01337303534532452, 6.77397759323782367 53.01173287699833025, 6.77101710184344441 53.01038594044646857, 6.77375733889204046 53.0076282349863277, 6.77764188628054942 53.00558400870000497, 6.78431375748480825 53.00641844630665389, 6.78695009076978462 53.00606519097092928, 6.7812942114331749 53.00392488319113937, 6.78477035634952674 53.00115214904921146, 6.78912767320204136 53.00303622106023482, 6.79188927679767751 53.0005283528158202, 6.79645955648495725 52.99316109176761813, 6.79318760563946533 52.9925727512207132, 6.78929363726135904 52.99801540016138546, 6.78716263812835852 52.99942386477102474, 6.78136684197995265 53.00061220323593858, 6.77704404345216194 53.00076701411462921, 6.77780867124703335 52.99895953256927328, 6.77571083360719673 52.99843681250676042, 6.77448389540196505 52.99550770440796299, 6.77960420078146431 52.9900844082005662, 6.77572330388483213 52.98935214940245686, 6.77175125981668913 52.99328524779451044, 6.76793522038784179 52.9922104628894175, 6.76671841024312393 52.99404276140982972, 6.75924488851513683 52.99331766937064714, 6.7543584796175784 52.9970837262133827, 6.7511400849612464 53.00276113591956317, 6.75026109675857366 53.009559919599198, 6.75219836738843071 53.01089433560389352, 6.75567803425716029 53.01168026759548724, 6.75567803425716029 53.01168026759548724)))</t>
  </si>
  <si>
    <t>MultiPolygon (((6.87232084905525031 52.98342061479271337, 6.8707737494896044 52.98706034318136204, 6.87006746134593982 52.98880145344104875, 6.92552334219599874 52.99786001979035177, 6.92794622694590601 52.99214161369610565, 6.87232084905525031 52.98342061479271337, 6.87232084905525031 52.98342061479271337)),((6.86996361040805059 53.00581495766551399, 6.87113283412725728 53.00397430817685773, 6.9071844553306434 53.01159424719815405, 6.92217126290755047 53.00200466502831631, 6.89836843304268932 52.99780024408247669, 6.89521283342334002 53.00299163752713838, 6.89071283704616544 53.00202485813549913, 6.89362367125399711 52.99689677502242802, 6.86609103680042576 52.99209521092388542, 6.8569460840571832 53.00877977363237648, 6.89397072327281979 53.01737046399875197, 6.89708799873780443 53.01805119303970315, 6.90462000266835396 53.01323453406027397, 6.86996361040805059 53.00581495766551399, 6.86996361040805059 53.00581495766551399)))</t>
  </si>
  <si>
    <t>MultiPolygon (((6.90462000266835396 53.01323453406027397, 6.90713051186586657 53.01162876557211234, 6.9071844553306434 53.01159424719815405, 6.87113283412725728 53.00397430817685773, 6.86996361040805059 53.00581495766551399, 6.90462000266835396 53.01323453406027397, 6.90462000266835396 53.01323453406027397)))</t>
  </si>
  <si>
    <t>MultiPolygon (((6.92217126290755047 53.00200466502831631, 6.93467992559338953 52.99399610385791703, 6.93568480387260422 52.99335254551783692, 6.92794622694590601 52.99214161369610565, 6.92552334219599874 52.99786001979035177, 6.87006746134593982 52.98880145344104875, 6.869527404934618 52.99012931780477231, 6.86731241586297347 52.98985736928135992, 6.86609103680042576 52.99209521092388542, 6.89362367125399711 52.99689677502242802, 6.89071283704616544 53.00202485813549913, 6.89521283342334002 53.00299163752713838, 6.89836843304268932 52.99780024408247669, 6.92217126290755047 53.00200466502831631, 6.92217126290755047 53.00200466502831631)))</t>
  </si>
  <si>
    <t>MultiPolygon (((6.8390309565241898 52.97795999004256373, 6.83895941721035072 52.97805960653779778, 6.83737488173671526 52.98193843990680563, 6.84409578485642989 52.98310708552890702, 6.84587991437253418 52.97927005537118106, 6.8390309565241898 52.97795999004256373)),((6.87232084905525031 52.98342061479271337, 6.8579240171969893 52.98115867201734375, 6.85660819104050212 52.9847907286863844, 6.8707737494896044 52.98706034318136204, 6.87232084905525031 52.98342061479271337)),((6.84311471889316802 52.98904270212196366, 6.83659390066650641 52.98871238925657678, 6.83667330013607 52.99167813324357468, 6.83455921874727146 52.99569586183272207, 6.83151566908135788 52.99824522234561641, 6.83164514260494027 52.99904634693069738, 6.83121193709200547 53.00241231580984191, 6.83814828705476607 53.00306867556844281, 6.84224456315542628 52.99417076858411235, 6.84311471889316802 52.98904270212196366)),((6.84695508345917325 52.98888260906367975, 6.84493490573273 52.99451100229903489, 6.84274092387506538 53.00547372257856438, 6.84668129442645057 53.00638790494787855, 6.8569460840571832 53.00877977363237648, 6.86609103680042576 52.99209521092388542, 6.84695508345917325 52.98888260906367975)))</t>
  </si>
  <si>
    <t>MultiPolygon (((6.83789968857628772 53.00505903694809007, 6.84274092387506538 53.00547372257856438, 6.84493490573273 52.99451100229903489, 6.84224456315542628 52.99417076858411235, 6.83814828705476607 53.00306867556844281, 6.83789968857628772 53.00505903694809007, 6.83789968857628772 53.00505903694809007)))</t>
  </si>
  <si>
    <t>MultiPolygon (((6.84224456315542628 52.99417076858411235, 6.84493490573273 52.99451100229903489, 6.84695508345917325 52.98888260906367975, 6.86609103680042576 52.99209521092388542, 6.86731241586297347 52.98985736928135992, 6.869527404934618 52.99012931780477231, 6.87006746134593982 52.98880145344104875, 6.8707737494896044 52.98706034318136204, 6.85660819104050212 52.9847907286863844, 6.8579240171969893 52.98115867201734375, 6.85463628712137396 52.98064184598199944, 6.84587991437253418 52.97927005537118106, 6.84409578485642989 52.98310708552890702, 6.83737488173671526 52.98193843990680563, 6.83713464874370924 52.9841567684553354, 6.8319941818886134 52.98313602881005124, 6.8305786237484778 52.98562300023370852, 6.83720475853080778 52.98702292197279462, 6.83659390066650641 52.98871238925657678, 6.84311471889316802 52.98904270212196366, 6.84224456315542628 52.99417076858411235)))</t>
  </si>
  <si>
    <t>MultiPolygon (((6.80184217527086243 52.98004105479029846, 6.79864694072688369 52.97922165822700435, 6.79478880302447408 52.97926716157885352, 6.7951416596621339 52.98018533864205892, 6.7893993463404767 52.98091117668266037, 6.78696867698534767 52.97941405869569564, 6.78972339845952622 52.97728376376172577, 6.78794205653058835 52.97620088984017883, 6.77614197884186442 52.97483997004043488, 6.78005956703379731 52.96163966517140409, 6.72929562503723577 52.9549280538161824, 6.72312267701285293 52.97095527336112752, 6.72172222076364179 52.97455685894459521, 6.74147707360613779 52.97975903155501953, 6.75180833690226656 52.97647572184096276, 6.75173572726159321 52.97715790348660647, 6.76824018196465094 52.98128506205850385, 6.76839952130708866 52.98037437321661969, 6.77143508773834135 52.98113463443879567, 6.76698204429433225 52.98612748879219225, 6.76554377419710118 52.98641482821986415, 6.77572330388483213 52.98935214940245686, 6.77960420078146431 52.9900844082005662, 6.78961307717869111 52.99198056889840558, 6.79318760563946533 52.9925727512207132, 6.80184217527086243 52.98004105479029846, 6.80184217527086243 52.98004105479029846)),((6.83659390066650641 52.98871238925657678, 6.83720475853080778 52.98702292197279462, 6.8305786237484778 52.98562300023370852, 6.8319941818886134 52.98313602881005124, 6.83713464874370924 52.9841567684553354, 6.83737488173671526 52.98193843990680563, 6.83895941721035072 52.97805960653779778, 6.81436870749990486 52.97048782694798064, 6.81202909246713695 52.97417930461888602, 6.81325963129086443 52.97433257942552842, 6.81193730730830183 52.97637951713971205, 6.80767913397434832 52.97570053910423837, 6.80390048388660418 52.9805104200547774, 6.80222603272125959 52.98263836962375706, 6.80538189358428536 52.98658182950543249, 6.80448381467943353 52.98873036237810652, 6.80347088402934563 52.98849633840806916, 6.80127503943997169 52.98916999108935499, 6.79917704062992367 52.99359355931676419, 6.83164514260494027 52.99904634693069738, 6.83151566908135788 52.99824522234561641, 6.83455921874727146 52.99569586183272207, 6.83667330013607 52.99167813324357468, 6.83659390066650641 52.98871238925657678, 6.83659390066650641 52.98871238925657678)))</t>
  </si>
  <si>
    <t>MultiPolygon (((6.79645955648495725 52.99316109176761813, 6.79917704062992367 52.99359355931676419, 6.80127503943997169 52.98916999108935499, 6.80347088402934563 52.98849633840806916, 6.80448381467943353 52.98873036237810652, 6.80538189358428536 52.98658182950543249, 6.80222603272125959 52.98263836962375706, 6.80390048388660418 52.9805104200547774, 6.80184217527086243 52.98004105479029846, 6.79318760563946533 52.9925727512207132, 6.79645955648495725 52.99316109176761813, 6.79645955648495725 52.99316109176761813)))</t>
  </si>
  <si>
    <t>MultiPolygon (((6.80184217527086243 52.98004105479029846, 6.80390048388660418 52.9805104200547774, 6.80767913397434832 52.97570053910423837, 6.81193730730830183 52.97637951713971205, 6.81325963129086443 52.97433257942552842, 6.81202909246713695 52.97417930461888602, 6.81436870749990486 52.97048782694798064, 6.81276413134327541 52.96999113207596821, 6.78875900417869804 52.9627746663881922, 6.78005956703379731 52.96163966517140409, 6.77614197884186442 52.97483997004043488, 6.78794205653058835 52.97620088984017883, 6.78972339845952622 52.97728376376172577, 6.78696867698534767 52.97941405869569564, 6.7893993463404767 52.98091117668266037, 6.7951416596621339 52.98018533864205892, 6.79478880302447408 52.97926716157885352, 6.79864694072688369 52.97922165822700435, 6.80184217527086243 52.98004105479029846)))</t>
  </si>
  <si>
    <t>MultiPolygon (((6.75860154106757172 53.04795065317035352, 6.77518989370250946 53.05527602698725076, 6.77804555831249367 53.05580400636886651, 6.77955825124918388 53.05157422995573313, 6.78252485969503471 53.05022922428332777, 6.7877248729742492 53.04433576250133342, 6.79013035765594264 53.04355321293135006, 6.79710641711583019 53.04318361350248523, 6.80465430443516439 53.04001122862731421, 6.80967575498987543 53.03990107243357244, 6.81559328512031826 53.03849482633724932, 6.77757569997549503 53.02280050321559202, 6.7735140234617397 53.01981950552633549, 6.76694671152990601 53.02641907663238641, 6.76169975656511557 53.03028951407657132, 6.77108384135664565 53.03519674843668241, 6.76371059608132974 53.0411594547681986, 6.76428831018242516 53.04287666302654713, 6.75860154106757172 53.04795065317035352, 6.75860154106757172 53.04795065317035352),(6.78432222053153211 53.03952300371334871, 6.7825903377840655 53.04061494503563523, 6.7797948228202003 53.03950614034723543, 6.78302571641662677 53.03694194842520915, 6.77640680317532595 53.03329659618263747, 6.77607662300811153 53.03154398594276131, 6.77717660363887653 53.03083862968408368, 6.78292829464147928 53.03400257024971154, 6.78523160786494728 53.03233269060697097, 6.78518135874379347 53.0311396573046494, 6.78263548724992482 53.02943147279449221, 6.78441358698628516 53.02798679499203871, 6.79583686941288256 53.03313732854974205, 6.7938746455592014 53.03484047782333732, 6.7921078424735839 53.03515613611019575, 6.79103179274563207 53.0345716778711278, 6.78432222053153211 53.03952300371334871, 6.78432222053153211 53.03952300371334871)))</t>
  </si>
  <si>
    <t>MultiPolygon (((6.78432222053153211 53.03952300371334871, 6.79103179274563207 53.0345716778711278, 6.7921078424735839 53.03515613611019575, 6.7938746455592014 53.03484047782333732, 6.79583686941288256 53.03313732854974205, 6.78441358698628516 53.02798679499203871, 6.78263548724992482 53.02943147279449221, 6.78518135874379347 53.0311396573046494, 6.78523160786494728 53.03233269060697097, 6.78292829464147928 53.03400257024971154, 6.77717660363887653 53.03083862968408368, 6.77607662300811153 53.03154398594276131, 6.77640680317532595 53.03329659618263747, 6.78302571641662677 53.03694194842520915, 6.7797948228202003 53.03950614034723543, 6.7825903377840655 53.04061494503563523, 6.78432222053153211 53.03952300371334871, 6.78432222053153211 53.03952300371334871)))</t>
  </si>
  <si>
    <t>MultiPolygon (((6.81152367103084977 53.06889103636650873, 6.81213608699306672 53.06918088724279414, 6.84052724662759548 53.05109861565152585, 6.84462332196920276 53.04859862715159835, 6.83795232053787139 53.04775625504459668, 6.83321776275272708 53.04587680608602795, 6.804518065050706 53.0651860971634548, 6.81152367103084977 53.06889103636650873, 6.81152367103084977 53.06889103636650873)))</t>
  </si>
  <si>
    <t>MultiPolygon (((6.81213608699306672 53.06918088724279414, 6.81453553415328717 53.07059805818445852, 6.83717040469579995 53.05622843650471054, 6.84327302945781746 53.05234421684221502, 6.84052724662759548 53.05109861565152585, 6.81213608699306672 53.06918088724279414, 6.81213608699306672 53.06918088724279414)))</t>
  </si>
  <si>
    <t>MultiPolygon (((6.76528532689173723 53.09149586588121394, 6.77650937569126999 53.09476066349912315, 6.7898268514412532 53.0863077263293448, 6.78659322702667822 53.08591299435237687, 6.78872490967300735 53.0828706318300334, 6.78992240367072064 53.0831571137810414, 6.81152367103084977 53.06889103636650873, 6.804518065050706 53.0651860971634548, 6.80103649757860396 53.06749485864855131, 6.78009980016750635 53.08153785225547949, 6.77737913198069908 53.08336352899016219, 6.76528532689173723 53.09149586588121394, 6.76528532689173723 53.09149586588121394)))</t>
  </si>
  <si>
    <t>MultiPolygon (((6.7898268514412532 53.0863077263293448, 6.8139447460743412 53.07097158312734564, 6.81453553415328717 53.07059805818445852, 6.81213608699306672 53.06918088724279414, 6.81152367103084977 53.06889103636650873, 6.78992240367072064 53.0831571137810414, 6.78872490967300735 53.0828706318300334, 6.78659322702667822 53.08591299435237687, 6.7898268514412532 53.0863077263293448, 6.7898268514412532 53.0863077263293448)))</t>
  </si>
  <si>
    <t>MultiPolygon (((6.76790572009044755 53.08083095569738674, 6.76884383884570084 53.08000848458811305, 6.76421849729838698 53.07793352198048353, 6.76301127989304796 53.07836754971199156, 6.76082356902069925 53.07634361555497549, 6.75622603287687529 53.07635303479928979, 6.75052196504113677 53.07886149721003477, 6.74843388043322623 53.08028668067922951, 6.74821100618051783 53.0812327892480269, 6.75020053550576904 53.08178728887765629, 6.74936815592803629 53.08363558781079661, 6.74787656121275514 53.08352851976346187, 6.74510821686695738 53.08469005570362498, 6.74811406645882172 53.08691687787332825, 6.75785884197639852 53.08940269814541324, 6.76790572009044755 53.08083095569738674, 6.76790572009044755 53.08083095569738674)),((6.77737913198069908 53.08336352899016219, 6.77039893513786861 53.0816003409819217, 6.76195183665100341 53.09054417131179093, 6.763279535529227 53.09091479416917281, 6.76528532689173723 53.09149586588121394, 6.77737913198069908 53.08336352899016219, 6.77737913198069908 53.08336352899016219)))</t>
  </si>
  <si>
    <t>MultiPolygon (((6.75785884197639852 53.08940269814541324, 6.76195183665100341 53.09054417131179093, 6.77039893513786861 53.0816003409819217, 6.76790572009044755 53.08083095569738674, 6.75785884197639852 53.08940269814541324, 6.75785884197639852 53.08940269814541324)))</t>
  </si>
  <si>
    <t>MultiPolygon (((6.77245046388142136 53.07929108581750199, 6.78009980016750635 53.08153785225547949, 6.80103649757860396 53.06749485864855131, 6.78112696094800071 53.05788800372965142, 6.77973354383886484 53.05928207369993999, 6.77856492303770253 53.05874632558422377, 6.77538870099004331 53.06116874442225395, 6.77073946005179472 53.06137817487111619, 6.76524404758329556 53.06454888559552785, 6.76810885575547605 53.0676950650067667, 6.76762917279682696 53.07321307711423231, 6.76543610951750907 53.0748751269250576, 6.76589246563018598 53.07533888636795183, 6.76732868177079983 53.07474772123127593, 6.77265408892784393 53.06944333398881497, 6.77334817453027505 53.06814395877473345, 6.77226031459467759 53.06757238778981645, 6.77224509893088289 53.06564819153491186, 6.77795322801207512 53.06215058679568131, 6.77996067268171831 53.0612914342737767, 6.7810431587258666 53.06220563262526468, 6.78336947990785344 53.06036198301338658, 6.78446585509629951 53.06086594981580618, 6.77903259334635599 53.06496113152283556, 6.77506813259941509 53.07064941358309085, 6.77051449383502923 53.0747401556856957, 6.76940974385431371 53.07678400561318455, 6.77245046388142136 53.07929108581750199, 6.77245046388142136 53.07929108581750199)))</t>
  </si>
  <si>
    <t>MultiPolygon (((6.76589246563018598 53.07533888636795183, 6.76677612960313013 53.07623190981408356, 6.76940974385431371 53.07678400561318455, 6.77051449383502923 53.0747401556856957, 6.77506813259941509 53.07064941358309085, 6.77903259334635599 53.06496113152283556, 6.78446585509629951 53.06086594981580618, 6.78336947990785344 53.06036198301338658, 6.7810431587258666 53.06220563262526468, 6.77996067268171831 53.0612914342737767, 6.77795322801207512 53.06215058679568131, 6.77224509893088289 53.06564819153491186, 6.77226031459467759 53.06757238778981645, 6.77334817453027505 53.06814395877473345, 6.77265408892784393 53.06944333398881497, 6.76732868177079983 53.07474772123127593, 6.76589246563018598 53.07533888636795183, 6.76589246563018598 53.07533888636795183)))</t>
  </si>
  <si>
    <t>MultiPolygon (((6.77737913198069908 53.08336352899016219, 6.78009980016750635 53.08153785225547949, 6.77245046388142136 53.07929108581750199, 6.77039893513786861 53.0816003409819217, 6.77737913198069908 53.08336352899016219, 6.77737913198069908 53.08336352899016219)))</t>
  </si>
  <si>
    <t>MultiPolygon (((6.76790572009044755 53.08083095569738674, 6.77039893513786861 53.0816003409819217, 6.77245046388142136 53.07929108581750199, 6.76940974385431371 53.07678400561318455, 6.76677612960313013 53.07623190981408356, 6.76589246563018598 53.07533888636795183, 6.76543610951750907 53.0748751269250576, 6.76505693555095355 53.07449192213191935, 6.76376330622565636 53.07487415503924666, 6.76398244733477849 53.07566699276006972, 6.76082356902069925 53.07634361555497549, 6.76301127989304796 53.07836754971199156, 6.76421849729838698 53.07793352198048353, 6.76884383884570084 53.08000848458811305, 6.76790572009044755 53.08083095569738674, 6.76790572009044755 53.08083095569738674)))</t>
  </si>
  <si>
    <t>MultiPolygon (((6.80103649757860396 53.06749485864855131, 6.804518065050706 53.0651860971634548, 6.83321776275272708 53.04587680608602795, 6.82573907552060088 53.04256358438409791, 6.81860423523326986 53.04817634210144206, 6.81745259202891951 53.04757448618399707, 6.8117282532336354 53.05170333437593655, 6.80940387451117335 53.05050197809451618, 6.80756450346523945 53.0515865692223727, 6.80808879440971815 53.0528385587135034, 6.81241756830719769 53.05494120804394242, 6.81169700393826627 53.05566146553179863, 6.80579242260798445 53.05272200983101527, 6.80062047431435968 53.05581640377809549, 6.78980780206389589 53.06081693979160718, 6.78799899390184791 53.06009499715931099, 6.79699318029888833 53.05458806315384379, 6.79364702859812741 53.05295974953877192, 6.79829004756008626 53.04951128281014405, 6.79716347983879121 53.04889882665514023, 6.79848709628077241 53.04795135715441745, 6.80414604710124493 53.05021160828214022, 6.82149319047770852 53.04087215015655943, 6.81559328512031826 53.03849482633724932, 6.80967575498987543 53.03990107243357244, 6.80465430443516439 53.04001122862731421, 6.79710641711583019 53.04318361350248523, 6.79013035765594264 53.04355321293135006, 6.7877248729742492 53.04433576250133342, 6.78252485969503471 53.05022922428332777, 6.77955825124918388 53.05157422995573313, 6.77804555831249367 53.05580400636886651, 6.77856492303770253 53.05874632558422377, 6.77973354383886484 53.05928207369993999, 6.78112696094800071 53.05788800372965142, 6.80103649757860396 53.06749485864855131, 6.80103649757860396 53.06749485864855131)))</t>
  </si>
  <si>
    <t>MultiPolygon (((6.82149319047770852 53.04087215015655943, 6.80414604710124493 53.05021160828214022, 6.79848709628077241 53.04795135715441745, 6.79716347983879121 53.04889882665514023, 6.79829004756008626 53.04951128281014405, 6.79364702859812741 53.05295974953877192, 6.79699318029888833 53.05458806315384379, 6.78799899390184791 53.06009499715931099, 6.78980780206389589 53.06081693979160718, 6.80062047431435968 53.05581640377809549, 6.80579242260798445 53.05272200983101527, 6.81169700393826627 53.05566146553179863, 6.81241756830719769 53.05494120804394242, 6.80808879440971815 53.0528385587135034, 6.80756450346523945 53.0515865692223727, 6.80940387451117335 53.05050197809451618, 6.8117282532336354 53.05170333437593655, 6.81745259202891951 53.04757448618399707, 6.81860423523326986 53.04817634210144206, 6.82573907552060088 53.04256358438409791, 6.82356496962816284 53.04164098514090853, 6.82149319047770852 53.04087215015655943, 6.82149319047770852 53.04087215015655943)))</t>
  </si>
  <si>
    <t>MultiPolygon (((6.68749322105687405 53.07222731920285241, 6.6937346605023631 53.06924008801553327, 6.69901466978939997 53.06517356573488087, 6.70310184657470121 53.06114794151125835, 6.6964236379401747 53.06085328124734701, 6.67369395699784107 53.04941666491680508, 6.66137013697324853 53.05245302597317902, 6.66214179490408487 53.05617832937920753, 6.66536488001961303 53.05887501224764691, 6.66419923357310751 53.05992683774884711, 6.66452598312978584 53.0615899061262084, 6.66928569607271626 53.06322006169307315, 6.67159907215036796 53.06501703754432242, 6.67514610713821366 53.06589670077718068, 6.67181306098987204 53.06796470299374135, 6.6708388386830002 53.07180641312614, 6.67280291488692967 53.07286224738057001, 6.67543348996909103 53.07327360199181499, 6.67852056883535639 53.07682457535066334, 6.68749322105687405 53.07222731920285241, 6.68749322105687405 53.07222731920285241)),((6.66918750117349735 53.08034514666617554, 6.66663825030522705 53.07716604559517037, 6.66323145874600709 53.07682383474124777, 6.66202163378199508 53.07617730761237596, 6.66215972018773783 53.07502977190984694, 6.65998241780404232 53.07442090577238503, 6.65463320866722263 53.07833640850643775, 6.65398856309049869 53.08009584290007155, 6.64976769223413289 53.0795678111382685, 6.64885507675901355 53.08218859988240723, 6.65777420166648959 53.08403025909359485, 6.66183613095912719 53.08198529869061133, 6.66918750117349735 53.08034514666617554, 6.66918750117349735 53.08034514666617554)))</t>
  </si>
  <si>
    <t>MultiPolygon (((6.66918750117349735 53.08034514666617554, 6.67042637045346254 53.08010540867194749, 6.67852056883535639 53.07682457535066334, 6.67543348996909103 53.07327360199181499, 6.67280291488692967 53.07286224738057001, 6.6708388386830002 53.07180641312614, 6.67181306098987204 53.06796470299374135, 6.67514610713821366 53.06589670077718068, 6.67159907215036796 53.06501703754432242, 6.66441974887479383 53.0690548105459996, 6.66123928933997256 53.07309129788675506, 6.66215972018773783 53.07502977190984694, 6.66202163378199508 53.07617730761237596, 6.66323145874600709 53.07682383474124777, 6.66663825030522705 53.07716604559517037, 6.66918750117349735 53.08034514666617554, 6.66918750117349735 53.08034514666617554)))</t>
  </si>
  <si>
    <t>MultiPolygon (((6.66253253559797276 53.01714455614592225, 6.66609362264515148 53.01575059613855956, 6.66664301392445324 53.01772469144914623, 6.66842039337509007 53.018410587733797, 6.6897195182249467 53.02022507659293638, 6.69472048813212162 53.02168764653701061, 6.69622563999884957 53.01504315771563114, 6.69750220201554392 53.01418045264036039, 6.69927114393616208 53.01418914039096819, 6.70648844044287706 53.00716769326558619, 6.70988760175521559 53.00870514462783945, 6.712711882526742 53.0083385338692068, 6.71550301664418736 52.99824917437086214, 6.70711286752911739 52.99700974774434314, 6.7000640351710441 52.98094123952418499, 6.69165122340549434 52.98212643059706295, 6.6887382959217625 52.98480773454358683, 6.68776693706714553 52.98680504599015961, 6.68549508829028838 52.98646857148650469, 6.68371742659940082 52.98709001057610379, 6.6797799421911126 52.98722308865574604, 6.67718050893711723 52.98817460661138767, 6.67544600725337656 52.99138488881136055, 6.67593113560072737 52.99204190297739814, 6.66178126508543045 52.99066635860801, 6.66175584155149902 52.99066438379982458, 6.66161652134985971 52.99508586722691916, 6.65680410317800497 53.00117868069918359, 6.65807037792088074 53.00238972297591289, 6.65669789432173786 53.00723151381362186, 6.6598849499736561 53.01038918226220176, 6.66253253559797276 53.01714455614592225, 6.66253253559797276 53.01714455614592225),(6.68102453368917537 53.00429257736363553, 6.68054945678612366 53.00505376236043986, 6.67885940720229954 53.00458447891767122, 6.68223630768596699 52.99855575269265984, 6.6848998892504925 52.99621042196599063, 6.6854535384195346 52.99369642168277039, 6.68716825448956431 52.99395919949609635, 6.68878965819226412 52.9953811934217569, 6.68711824335103611 52.99950169377025588, 6.69223329024100799 53.00093705528672672, 6.69038026091199445 53.00308442316638491, 6.68255591044433928 53.00318517938528373, 6.68309642485591571 53.00417745930192126, 6.68102453368917537 53.00429257736363553, 6.68102453368917537 53.00429257736363553)))</t>
  </si>
  <si>
    <t>MultiPolygon (((6.68102453368917537 53.00429257736363553, 6.68309642485591571 53.00417745930192126, 6.68255591044433928 53.00318517938528373, 6.69038026091199445 53.00308442316638491, 6.69223329024100799 53.00093705528672672, 6.68711824335103611 52.99950169377025588, 6.68878965819226412 52.9953811934217569, 6.68716825448956431 52.99395919949609635, 6.6854535384195346 52.99369642168277039, 6.6848998892504925 52.99621042196599063, 6.68223630768596699 52.99855575269265984, 6.67885940720229954 53.00458447891767122, 6.68054945678612366 53.00505376236043986, 6.68102453368917537 53.00429257736363553, 6.68102453368917537 53.00429257736363553)))</t>
  </si>
  <si>
    <t>MultiPolygon (((6.6537869304237649 53.05553059961961537, 6.66214179490408487 53.05617832937920753, 6.66137013697324853 53.05245302597317902, 6.67369395699784107 53.04941666491680508, 6.67265946123179887 53.04837461583446157, 6.68761076956250466 53.03378767112307202, 6.6997666382099057 53.02320062788508181, 6.69472048813212162 53.02168764653701061, 6.6897195182249467 53.02022507659293638, 6.66842039337509007 53.018410587733797, 6.66664301392445324 53.01772469144914623, 6.66609362264515148 53.01575059613855956, 6.66253253559797276 53.01714455614592225, 6.66418984911708456 53.02269774478222786, 6.65808643737163575 53.02571332604384224, 6.64800990720081675 53.0282640981354092, 6.64477098403056221 53.03915139994149541, 6.64055559332975243 53.04162858189946661, 6.6415326942894275 53.04319259404790188, 6.64232980694293129 53.04593218759397644, 6.64466761721369537 53.04841648432966394, 6.64647736469124073 53.04912393303606422, 6.64683404732820016 53.05044401484282446, 6.64789837294286556 53.0509662586846531, 6.65116012824149028 53.05271434142825626, 6.6537869304237649 53.05553059961961537, 6.6537869304237649 53.05553059961961537),(6.65874249986376032 53.04054004328464345, 6.65717668355698233 53.04119587793250901, 6.65627092998601988 53.04061683839007202, 6.66035071096610842 53.03838233957173998, 6.6587931274562413 53.03574885156450591, 6.65869176107461236 53.03304819789136815, 6.65924600942542799 53.03156224973223942, 6.66149140621238001 53.03065312547064281, 6.6668902693247345 53.03377073016538645, 6.66660543278872719 53.03569588422915615, 6.6728054603842617 53.03642364443106771, 6.67001962834183093 53.0391283237950617, 6.66262153921230649 53.03914620195392615, 6.66279571967900175 53.04045308242967849, 6.65874249986376032 53.04054004328464345, 6.65874249986376032 53.04054004328464345)))</t>
  </si>
  <si>
    <t>MultiPolygon (((6.65874249986376032 53.04054004328464345, 6.66279571967900175 53.04045308242967849, 6.66262153921230649 53.03914620195392615, 6.67001962834183093 53.0391283237950617, 6.6728054603842617 53.03642364443106771, 6.66660543278872719 53.03569588422915615, 6.6668902693247345 53.03377073016538645, 6.66149140621238001 53.03065312547064281, 6.65924600942542799 53.03156224973223942, 6.65869176107461236 53.03304819789136815, 6.6587931274562413 53.03574885156450591, 6.66035071096610842 53.03838233957173998, 6.65627092998601988 53.04061683839007202, 6.65717668355698233 53.04119587793250901, 6.65874249986376032 53.04054004328464345, 6.65874249986376032 53.04054004328464345)))</t>
  </si>
  <si>
    <t>MultiPolygon (((6.67369395699784107 53.04941666491680508, 6.6964236379401747 53.06085328124734701, 6.70310184657470121 53.06114794151125835, 6.71081637377668194 53.05127313657894206, 6.72847842221798942 53.03575844589550314, 6.70944566442923218 53.02813355602487633, 6.70370804183876601 53.02454469766357192, 6.6997666382099057 53.02320062788508181, 6.68761076956250466 53.03378767112307202, 6.67265946123179887 53.04837461583446157, 6.67369395699784107 53.04941666491680508, 6.67369395699784107 53.04941666491680508),(6.70502655085123056 53.04788151245702466, 6.70383654704416188 53.04906742761217231, 6.69489302972279976 53.04813705035913785, 6.69316537425520774 53.04523736978961779, 6.69354041061984706 53.04322634907499889, 6.69771125087463659 53.04006390042903973, 6.70348521758109062 53.04214730349072227, 6.70492487349772404 53.04477478478965935, 6.70942689075189236 53.04658432070712593, 6.70809374801133274 53.04766345485822399, 6.7039265596498625 53.04613215433705875, 6.7034570228509418 53.04727025526435824, 6.70502655085123056 53.04788151245702466, 6.70502655085123056 53.04788151245702466)))</t>
  </si>
  <si>
    <t>MultiPolygon (((6.70502655085123056 53.04788151245702466, 6.7034570228509418 53.04727025526435824, 6.7039265596498625 53.04613215433705875, 6.70809374801133274 53.04766345485822399, 6.70942689075189236 53.04658432070712593, 6.70492487349772404 53.04477478478965935, 6.70348521758109062 53.04214730349072227, 6.69771125087463659 53.04006390042903973, 6.69354041061984706 53.04322634907499889, 6.69316537425520774 53.04523736978961779, 6.69489302972279976 53.04813705035913785, 6.70383654704416188 53.04906742761217231, 6.70502655085123056 53.04788151245702466, 6.70502655085123056 53.04788151245702466)))</t>
  </si>
  <si>
    <t>MultiPolygon (((6.72847842221798942 53.03575844589550314, 6.744790740791478 53.04186489066526633, 6.75860154106757172 53.04795065317035352, 6.76428831018242516 53.04287666302654713, 6.76371059608132974 53.0411594547681986, 6.77108384135664565 53.03519674843668241, 6.76169975656511557 53.03028951407657132, 6.76694671152990601 53.02641907663238641, 6.7735140234617397 53.01981950552633549, 6.76888794263269133 53.0165219141693953, 6.76179477252320016 53.01305762056250614, 6.75567803425716029 53.01168026759548724, 6.72984489372313011 53.00640160415180446, 6.72988509117438038 53.00875243752086163, 6.73626518980407418 53.01566650910268663, 6.73694633506162877 53.01572061003903968, 6.74003581360898973 53.01006811593978085, 6.74299422483397226 53.00970713501698128, 6.74437825097214549 53.01247242424951622, 6.74091095299093723 53.0138221795858442, 6.73941255491034052 53.01868099974769422, 6.7452652425469104 53.01968696769927902, 6.74550645243791536 53.0192977784375401, 6.74777922293178456 53.02024818050873733, 6.74534277651345082 53.02412296634624056, 6.7402194122287904 53.02406869610661744, 6.73806477242545743 53.02610449953976257, 6.73967446085344513 53.02691481541894092, 6.7362419150779429 53.02736193624730276, 6.73347852829446314 53.02231250028775378, 6.73335781294602498 53.01985754341220769, 6.73105000744457538 53.0191639614864485, 6.72909368936301888 53.01956507640944949, 6.72892145228196359 53.02026239338169233, 6.72449671059247667 53.0190104946693026, 6.72593710079930318 53.0156017108460631, 6.72808010236787624 53.01598886540742939, 6.72871377135539728 53.01503248443145822, 6.72226857856790971 53.0125089984545923, 6.72303633854101967 53.01179212045580869, 6.72555466064491547 53.01266268186190445, 6.72665705789800672 53.01221389581230881, 6.72745316192612819 53.01053784637823441, 6.72690357326138599 53.00081982017837134, 6.72366617389977339 52.99994103975902249, 6.72477232653378643 52.99826883687337187, 6.72869632672412532 52.99920953568101822, 6.72611975319246902 52.99173237405957337, 6.71493795508659375 52.97860031712266249, 6.70340906092061317 52.98106397163329717, 6.7000640351710441 52.98094123952418499, 6.70711286752911739 52.99700974774434314, 6.71550301664418736 52.99824917437086214, 6.712711882526742 53.0083385338692068, 6.70988760175521559 53.00870514462783945, 6.70648844044287706 53.00716769326558619, 6.69927114393616208 53.01418914039096819, 6.69750220201554392 53.01418045264036039, 6.69622563999884957 53.01504315771563114, 6.69472048813212162 53.02168764653701061, 6.6997666382099057 53.02320062788508181, 6.70370804183876601 53.02454469766357192, 6.70944566442923218 53.02813355602487633, 6.72847842221798942 53.03575844589550314, 6.72847842221798942 53.03575844589550314)))</t>
  </si>
  <si>
    <t>MultiPolygon (((6.72869632672412532 52.99920953568101822, 6.72477232653378643 52.99826883687337187, 6.72366617389977339 52.99994103975902249, 6.72690357326138599 53.00081982017837134, 6.72745316192612819 53.01053784637823441, 6.72665705789800672 53.01221389581230881, 6.72555466064491547 53.01266268186190445, 6.72303633854101967 53.01179212045580869, 6.72226857856790971 53.0125089984545923, 6.72871377135539728 53.01503248443145822, 6.72808010236787624 53.01598886540742939, 6.72593710079930318 53.0156017108460631, 6.72449671059247667 53.0190104946693026, 6.72892145228196359 53.02026239338169233, 6.72909368936301888 53.01956507640944949, 6.73105000744457538 53.0191639614864485, 6.73335781294602498 53.01985754341220769, 6.73347852829446314 53.02231250028775378, 6.7362419150779429 53.02736193624730276, 6.73967446085344513 53.02691481541894092, 6.73806477242545743 53.02610449953976257, 6.7402194122287904 53.02406869610661744, 6.74534277651345082 53.02412296634624056, 6.74777922293178456 53.02024818050873733, 6.74550645243791536 53.0192977784375401, 6.7452652425469104 53.01968696769927902, 6.73941255491034052 53.01868099974769422, 6.74091095299093723 53.0138221795858442, 6.74437825097214549 53.01247242424951622, 6.74299422483397226 53.00970713501698128, 6.74003581360898973 53.01006811593978085, 6.73694633506162877 53.01572061003903968, 6.73626518980407418 53.01566650910268663, 6.72988509117438038 53.00875243752086163, 6.72984489372313011 53.00640160415180446, 6.72972624651896645 52.99945635790763987, 6.72869632672412532 52.99920953568101822, 6.72869632672412532 52.99920953568101822)))</t>
  </si>
  <si>
    <t>MultiPolygon (((6.74821100618051783 53.0812327892480269, 6.74843388043322623 53.08028668067922951, 6.75052196504113677 53.07886149721003477, 6.75622603287687529 53.07635303479928979, 6.76082356902069925 53.07634361555497549, 6.76398244733477849 53.07566699276006972, 6.76376330622565636 53.07487415503924666, 6.76505693555095355 53.07449192213191935, 6.76543610951750907 53.0748751269250576, 6.76762917279682696 53.07321307711423231, 6.76810885575547605 53.0676950650067667, 6.76524404758329556 53.06454888559552785, 6.77073946005179472 53.06137817487111619, 6.77538870099004331 53.06116874442225395, 6.77856492303770253 53.05874632558422377, 6.77804555831249367 53.05580400636886651, 6.77518989370250946 53.05527602698725076, 6.75860154106757172 53.04795065317035352, 6.744790740791478 53.04186489066526633, 6.72847842221798942 53.03575844589550314, 6.71081637377668194 53.05127313657894206, 6.70310184657470121 53.06114794151125835, 6.70693226658175501 53.06147817801493005, 6.71229680715740162 53.05648105270390857, 6.71278582469949114 53.0536868341200929, 6.71772015772342268 53.05018888998770166, 6.72363633539840677 53.05056950299964313, 6.72920524763815919 53.05365378504397711, 6.733982058296621 53.05213802449507909, 6.73653063585187617 53.05059104912562873, 6.74010912821499808 53.05031922183026438, 6.74152712340193361 53.05087835680225794, 6.74015684690501349 53.05343047635384579, 6.73528766537565193 53.0551368151440812, 6.73488278783085015 53.05617208516183325, 6.7311557125293886 53.05836248143614142, 6.72749671702161312 53.05899441994439769, 6.72187986094594692 53.061649969025666, 6.72072858552660346 53.06132354119691286, 6.71795041920101177 53.06442354870674905, 6.71548730505563363 53.06943174896490234, 6.72613850357082566 53.07366591447388515, 6.72717366292981822 53.07322117286987861, 6.7325610756731189 53.07515420536214634, 6.74821100618051783 53.0812327892480269, 6.74821100618051783 53.0812327892480269)))</t>
  </si>
  <si>
    <t>MultiPolygon (((6.70629916735050013 53.06808043248091167, 6.71143297454264687 53.07011301918629442, 6.71368719195854613 53.06869691802190658, 6.71548730505563363 53.06943174896490234, 6.71795041920101177 53.06442354870674905, 6.72072858552660346 53.06132354119691286, 6.72187986094594692 53.061649969025666, 6.72749671702161312 53.05899441994439769, 6.7311557125293886 53.05836248143614142, 6.73488278783085015 53.05617208516183325, 6.73528766537565193 53.0551368151440812, 6.74015684690501349 53.05343047635384579, 6.74152712340193361 53.05087835680225794, 6.74010912821499808 53.05031922183026438, 6.73653063585187617 53.05059104912562873, 6.733982058296621 53.05213802449507909, 6.72920524763815919 53.05365378504397711, 6.72363633539840677 53.05056950299964313, 6.71772015772342268 53.05018888998770166, 6.71278582469949114 53.0536868341200929, 6.71229680715740162 53.05648105270390857, 6.70693226658175501 53.06147817801493005, 6.70310184657470121 53.06114794151125835, 6.69901466978939997 53.06517356573488087, 6.70524494165978346 53.06765898505393153, 6.70629916735050013 53.06808043248091167, 6.70629916735050013 53.06808043248091167)))</t>
  </si>
  <si>
    <t>MultiPolygon (((3.81255856559368 51.71235449249780203, 3.822294929326715 51.70265449665460977, 3.83055217211902077 51.70376072725434113, 3.83599158236913729 51.69161842890147796, 3.83481205137702474 51.69187586746986796, 3.82450826917632858 51.68352382188453475, 3.82039545326746843 51.68444041011927226, 3.81801386072489501 51.68433113600943329, 3.81183925784879696 51.68716875413841194, 3.81814761328529562 51.68469940619723957, 3.82346433482535897 51.68420341744914737, 3.82556209507751754 51.68764770261547881, 3.82463409837837531 51.69092723818221913, 3.81754915220293967 51.69596523513023811, 3.81321174792159345 51.69726200134350336, 3.80743486311167301 51.69729990147433085, 3.80020122520322623 51.69629261866912628, 3.79838630948496236 51.69678732899726015, 3.79334597028468057 51.69566475041852982, 3.79113956120720585 51.70232059964604332, 3.78978627199419771 51.70645552018454794, 3.79807209114845223 51.70815130749571864, 3.80933592597741555 51.71201277420553311, 3.80973349531874872 51.71145710202349477, 3.81255856559368 51.71235449249780203, 3.81255856559368 51.71235449249780203),(3.81377354675875235 51.70030998229137964, 3.8177541575015761 51.70100813881650481, 3.81640044014839042 51.7029801366471915, 3.8142483832563352 51.70404999231388388, 3.8117881497813455 51.7032797509822899, 3.81377354675875235 51.70030998229137964, 3.81377354675875235 51.70030998229137964)))</t>
  </si>
  <si>
    <t>MultiPolygon (((3.81640044014839042 51.7029801366471915, 3.8177541575015761 51.70100813881650481, 3.81377354675875235 51.70030998229137964, 3.8117881497813455 51.7032797509822899, 3.8142483832563352 51.70404999231388388, 3.81640044014839042 51.7029801366471915, 3.81640044014839042 51.7029801366471915)))</t>
  </si>
  <si>
    <t>MultiPolygon (((3.79871833098182954 51.74375471514101577, 3.81664255599622582 51.74064696569825372, 3.81983873074904112 51.74132527527884662, 3.81984597880950405 51.73826336666863313, 3.8212064441583582 51.73574809112825079, 3.81333223939655719 51.73433175576740695, 3.81362678932405919 51.73276809628852391, 3.81084109542802985 51.73274582405618816, 3.81194477016514188 51.73123406692298687, 3.80631789685669508 51.72911504382259551, 3.80709163603142597 51.72765928061231477, 3.80429313922121271 51.72710261936573062, 3.79841061917062328 51.72747530402903493, 3.80224249888184973 51.71963937340041895, 3.80341039051998386 51.71996616430717353, 3.80933592597741555 51.71201277420553311, 3.79807209114845223 51.70815130749571864, 3.78978627199419771 51.70645552018454794, 3.79113956120720585 51.70232059964604332, 3.78690676755375355 51.70199117467101502, 3.78643861643632595 51.70370635949926452, 3.7744998398208609 51.70244214421945372, 3.77474787094366615 51.70502934336069245, 3.77153906561216745 51.70778467002977408, 3.7755925520668554 51.70918283274140492, 3.76461169452277478 51.71663931812318538, 3.77978914468744653 51.724837001594139, 3.78601969475932076 51.72820028405745063, 3.78462745380091059 51.72947383877610861, 3.79552567407043639 51.73645671428742787, 3.79871833098182954 51.74375471514101577, 3.79871833098182954 51.74375471514101577),(3.79330820047945805 51.72067252750466793, 3.79320250601146336 51.72110429307256396, 3.78990831835869102 51.72027111754850637, 3.79086922323476072 51.71741192216362037, 3.79293254553751602 51.7164556194173386, 3.79843816041547777 51.71792189297058684, 3.7969909899038301 51.71937773360080826, 3.79330820047945805 51.72067252750466793, 3.79330820047945805 51.72067252750466793)))</t>
  </si>
  <si>
    <t>MultiPolygon (((3.79330820047945805 51.72067252750466793, 3.7969909899038301 51.71937773360080826, 3.79843816041547777 51.71792189297058684, 3.79293254553751602 51.7164556194173386, 3.79086922323476072 51.71741192216362037, 3.78990831835869102 51.72027111754850637, 3.79320250601146336 51.72110429307256396, 3.79330820047945805 51.72067252750466793, 3.79330820047945805 51.72067252750466793)))</t>
  </si>
  <si>
    <t>MultiPolygon (((3.76021484299998265 51.74150488916225754, 3.761774061322817 51.73783270102830301, 3.74916007127863038 51.73471647357168024, 3.74507309061568394 51.73255110556629432, 3.74305976984833944 51.73269705453832756, 3.74220282794889325 51.73119380326335204, 3.74258006721940983 51.72983064485251958, 3.7447730526594718 51.728402490155311, 3.74462339822715506 51.7243663914769769, 3.74645854871199324 51.72325683170872423, 3.75920088882229608 51.7252314705515488, 3.76045284523560586 51.72467012899711136, 3.74943973230019001 51.7181202805224558, 3.74309479969085768 51.71045165999419879, 3.74297477946291268 51.71034321830034486, 3.73613171816277623 51.71678358707550416, 3.73477538543768839 51.71940557682304274, 3.7332449331757287 51.71913956161480286, 3.72870635379256266 51.72480207714986022, 3.71650531666064721 51.73584018348603308, 3.7242899057216059 51.73733655502329043, 3.73838837603078122 51.73795066873083215, 3.74130909703581693 51.73705697959469063, 3.76021484299998265 51.74150488916225754, 3.76021484299998265 51.74150488916225754)))</t>
  </si>
  <si>
    <t>MultiPolygon (((3.76438371264893101 51.72734242077893896, 3.76704757548334657 51.72504104397065561, 3.77199709721936882 51.72862896524063103, 3.77551452115101238 51.72691705125870953, 3.77978914468744653 51.724837001594139, 3.76461169452277478 51.71663931812318538, 3.76117852527092422 51.71478471978733893, 3.75785073007454784 51.71698879667309967, 3.7559767568449729 51.71763500234247601, 3.75331109186643896 51.71761330558106806, 3.74309479969085768 51.71045165999419879, 3.74943973230019001 51.7181202805224558, 3.76045284523560586 51.72467012899711136, 3.76438371264893101 51.72734242077893896, 3.76438371264893101 51.72734242077893896)))</t>
  </si>
  <si>
    <t>MultiPolygon (((3.761774061322817 51.73783270102830301, 3.7629248187912383 51.73587900475114054, 3.76167348673590984 51.73485280618012183, 3.76194501635597778 51.73339569673971283, 3.76493288710725649 51.73211388556887158, 3.76573013043069071 51.73040136769578368, 3.76513365239885411 51.7284863886176538, 3.7633728487443272 51.7282156157108659, 3.76438371264893101 51.72734242077893896, 3.76045284523560586 51.72467012899711136, 3.75920088882229608 51.7252314705515488, 3.74645854871199324 51.72325683170872423, 3.74462339822715506 51.7243663914769769, 3.7447730526594718 51.728402490155311, 3.74258006721940983 51.72983064485251958, 3.74220282794889325 51.73119380326335204, 3.74305976984833944 51.73269705453832756, 3.74507309061568394 51.73255110556629432, 3.74916007127863038 51.73471647357168024, 3.761774061322817 51.73783270102830301, 3.761774061322817 51.73783270102830301)))</t>
  </si>
  <si>
    <t>MultiPolygon (((3.76021484299998265 51.74150488916225754, 3.76374474623358513 51.7425593386755196, 3.77126169088968277 51.74337756522029252, 3.78941588633755755 51.74410878116803048, 3.79871833098182954 51.74375471514101577, 3.79552567407043639 51.73645671428742787, 3.78462745380091059 51.72947383877610861, 3.78601969475932076 51.72820028405745063, 3.77978914468744653 51.724837001594139, 3.77551452115101238 51.72691705125870953, 3.78163498289783906 51.73194837736884466, 3.77659409925098277 51.73449597654370535, 3.77135758542664723 51.73508310758663953, 3.7682922190116388 51.73425951030734637, 3.76874872474354206 51.73312043475502975, 3.76493288710725649 51.73211388556887158, 3.76194501635597778 51.73339569673971283, 3.76167348673590984 51.73485280618012183, 3.7629248187912383 51.73587900475114054, 3.761774061322817 51.73783270102830301, 3.76021484299998265 51.74150488916225754, 3.76021484299998265 51.74150488916225754)))</t>
  </si>
  <si>
    <t>MultiPolygon (((3.76438371264893101 51.72734242077893896, 3.7633728487443272 51.7282156157108659, 3.76513365239885411 51.7284863886176538, 3.76573013043069071 51.73040136769578368, 3.76493288710725649 51.73211388556887158, 3.76874872474354206 51.73312043475502975, 3.7682922190116388 51.73425951030734637, 3.77135758542664723 51.73508310758663953, 3.77659409925098277 51.73449597654370535, 3.78163498289783906 51.73194837736884466, 3.77551452115101238 51.72691705125870953, 3.77199709721936882 51.72862896524063103, 3.76704757548334657 51.72504104397065561, 3.76438371264893101 51.72734242077893896, 3.76438371264893101 51.72734242077893896)))</t>
  </si>
  <si>
    <t>MultiPolygon (((3.7332449331757287 51.71913956161480286, 3.73477538543768839 51.71940557682304274, 3.73613171816277623 51.71678358707550416, 3.74297477946291268 51.71034321830034486, 3.73518816976248269 51.70858285313482838, 3.7287641560292486 51.71275449808838687, 3.72621542344901435 51.71312293923606518, 3.72372608525940896 51.71206527114272689, 3.72749999937720888 51.7089517631721165, 3.73191824466180888 51.70699938208740321, 3.73141862215133191 51.70215031481169632, 3.73771915291178392 51.70395716739474068, 3.73859433579114642 51.70309295813940054, 3.74153613958464915 51.70018755277949651, 3.74132926044863146 51.69755504912040323, 3.7364800404815508 51.69561320622918288, 3.73406201638414359 51.69748780589957704, 3.73261605354179204 51.69589046700878043, 3.72641253257412508 51.68948794221228837, 3.71100344194842213 51.67990148566074282, 3.70658103389757665 51.67815889206289626, 3.70433986964321083 51.67463205171284102, 3.69933211840976783 51.67153562889464524, 3.6894891362314195 51.67810654749756338, 3.68192107533248381 51.68771196856990002, 3.67896290716998475 51.69842566161626252, 3.67926606466949258 51.70712299990496774, 3.68167227643889872 51.71227564462253667, 3.68876347104169877 51.71986160856312154, 3.6981347498891286 51.72602269826254684, 3.71650531666064721 51.73584018348603308, 3.72870635379256266 51.72480207714986022, 3.7332449331757287 51.71913956161480286, 3.7332449331757287 51.71913956161480286),(3.69687378329308736 51.71410903659546676, 3.69219837014201069 51.71135173219639825, 3.6906607118157968 51.71089063764499372, 3.68976777484620078 51.71124292736775629, 3.68686295767487993 51.70890099624407554, 3.69038994099109319 51.70624441834049634, 3.70371791525994576 51.7108848995384065, 3.70590769094658956 51.71069159907920465, 3.71290933253738631 51.71279500118329508, 3.71604248953310989 51.71502686855160391, 3.71372982353239633 51.71762795621199871, 3.71163696057341586 51.71822931433033688, 3.69687378329308736 51.71410903659546676, 3.69687378329308736 51.71410903659546676)))</t>
  </si>
  <si>
    <t>MultiPolygon (((3.75785073007454784 51.71698879667309967, 3.76117852527092422 51.71478471978733893, 3.76461169452277478 51.71663931812318538, 3.7755925520668554 51.70918283274140492, 3.77153906561216745 51.70778467002977408, 3.77474787094366615 51.70502934336069245, 3.7744998398208609 51.70244214421945372, 3.78643861643632595 51.70370635949926452, 3.78690676755375355 51.70199117467101502, 3.79113956120720585 51.70232059964604332, 3.79334597028468057 51.69566475041852982, 3.78951219860901967 51.69343313495756576, 3.78629153364669468 51.68895325788356132, 3.7876434214286796 51.68801154449843693, 3.793042930338967 51.68969151313364563, 3.8038919972522014 51.69107004379378623, 3.80601753501277784 51.69003317749110238, 3.80394454634754675 51.69069787394403193, 3.79308874290200704 51.68932746882342855, 3.78195763921288597 51.68593457013462711, 3.77036855157700668 51.68075051119243568, 3.7543074649927286 51.67537242711057388, 3.75514214186958073 51.67423338395411747, 3.7583616474933268 51.67529751300317997, 3.75747730250981027 51.67388649231709508, 3.74968670102518997 51.67240663148613322, 3.74608884264033914 51.67348692968734269, 3.73558491318649288 51.67154386967533952, 3.72459677177109505 51.66853236145169603, 3.72514236958323508 51.66615065853073219, 3.72358159257305754 51.66583017365513797, 3.72359532083814493 51.66350378353561723, 3.72271699156619862 51.66332700343171069, 3.72316737120856134 51.65597265347283695, 3.72443782029598403 51.65541533558505449, 3.72851372530874681 51.65516635537583312, 3.72921196947965727 51.65451880698432063, 3.72830018953495745 51.65441078404941067, 3.7268906420719432 51.65101587599312438, 3.72743487761738779 51.65032850070701897, 3.72223341790380768 51.65033779170421013, 3.72222439904684688 51.65033777396622838, 3.71895570913560691 51.65033135184204838, 3.71910648979060232 51.65094473858887625, 3.71613755692633552 51.65254360319200089, 3.71505586290559853 51.65383275495825188, 3.71683881822320172 51.65519528367326529, 3.72111359862043889 51.65533356830691503, 3.72258172895603368 51.65597589994585093, 3.72239115174205093 51.66321829494357587, 3.71948292536254899 51.66497510781254476, 3.7137882598159444 51.66595136158672119, 3.71325430568981263 51.66803522232389412, 3.70991154364365139 51.66935752904247181, 3.70835848297719206 51.67154684589353053, 3.71081815405410165 51.67259966816610017, 3.71124816742501995 51.67229398009529717, 3.71517489990106675 51.67491513374782386, 3.71521349056443118 51.67594056170257488, 3.72102546064467488 51.67646731165534391, 3.72671275133058577 51.67866191865687142, 3.72630099681412608 51.68048725346803707, 3.73215508997955192 51.68438476979164165, 3.73628361346165905 51.68719936320453456, 3.74211557458196165 51.68950901915173546, 3.74846995659496018 51.69281487930013697, 3.75138116641261865 51.69627012037631886, 3.7513886835910597 51.6990290485564401, 3.74579727541371366 51.70026533273394875, 3.74541132953195577 51.70196522618780932, 3.74667268235536666 51.70348873690053182, 3.74766680228353799 51.70565212401645994, 3.74297477946291268 51.71034321830034486, 3.74309479969085768 51.71045165999419879, 3.75331109186643896 51.71761330558106806, 3.7559767568449729 51.71763500234247601, 3.75785073007454784 51.71698879667309967, 3.75785073007454784 51.71698879667309967)))</t>
  </si>
  <si>
    <t>MultiPolygon (((3.71163696057341586 51.71822931433033688, 3.71372982353239633 51.71762795621199871, 3.71604248953310989 51.71502686855160391, 3.71290933253738631 51.71279500118329508, 3.70590769094658956 51.71069159907920465, 3.70371791525994576 51.7108848995384065, 3.69038994099109319 51.70624441834049634, 3.68686295767487993 51.70890099624407554, 3.68976777484620078 51.71124292736775629, 3.6906607118157968 51.71089063764499372, 3.69219837014201069 51.71135173219639825, 3.69687378329308736 51.71410903659546676, 3.71163696057341586 51.71822931433033688, 3.71163696057341586 51.71822931433033688)))</t>
  </si>
  <si>
    <t>MultiPolygon (((3.74297477946291268 51.71034321830034486, 3.74766680228353799 51.70565212401645994, 3.74667268235536666 51.70348873690053182, 3.73859433579114642 51.70309295813940054, 3.73771915291178392 51.70395716739474068, 3.73141862215133191 51.70215031481169632, 3.73191824466180888 51.70699938208740321, 3.72749999937720888 51.7089517631721165, 3.72372608525940896 51.71206527114272689, 3.72621542344901435 51.71312293923606518, 3.7287641560292486 51.71275449808838687, 3.73518816976248269 51.70858285313482838, 3.74297477946291268 51.71034321830034486, 3.74297477946291268 51.71034321830034486)))</t>
  </si>
  <si>
    <t>MultiPolygon (((3.71100344194842213 51.67990148566074282, 3.71521349056443118 51.67594056170257488, 3.71517489990106675 51.67491513374782386, 3.71124816742501995 51.67229398009529717, 3.71081815405410165 51.67259966816610017, 3.70835848297719206 51.67154684589353053, 3.70991154364365139 51.66935752904247181, 3.71325430568981263 51.66803522232389412, 3.7137882598159444 51.66595136158672119, 3.71020851937152107 51.66648377105817502, 3.69933211840976783 51.67153562889464524, 3.70433986964321083 51.67463205171284102, 3.70658103389757665 51.67815889206289626, 3.71100344194842213 51.67990148566074282, 3.71100344194842213 51.67990148566074282)))</t>
  </si>
  <si>
    <t>MultiPolygon (((3.72641253257412508 51.68948794221228837, 3.73284225484075316 51.68757115949274805, 3.73315402946400754 51.68617737567419823, 3.73131069499751034 51.68492947593805553, 3.73215508997955192 51.68438476979164165, 3.72630099681412608 51.68048725346803707, 3.72671275133058577 51.67866191865687142, 3.72102546064467488 51.67646731165534391, 3.71521349056443118 51.67594056170257488, 3.71100344194842213 51.67990148566074282, 3.72641253257412508 51.68948794221228837, 3.72641253257412508 51.68948794221228837)))</t>
  </si>
  <si>
    <t>MultiPolygon (((3.72641253257412508 51.68948794221228837, 3.73261605354179204 51.69589046700878043, 3.73529110405782871 51.69358279077557228, 3.73704766651946008 51.69342053221486566, 3.73927106247179752 51.69227842302753118, 3.74211557458196165 51.68950901915173546, 3.73628361346165905 51.68719936320453456, 3.73215508997955192 51.68438476979164165, 3.73131069499751034 51.68492947593805553, 3.73315402946400754 51.68617737567419823, 3.73284225484075316 51.68757115949274805, 3.72641253257412508 51.68948794221228837, 3.72641253257412508 51.68948794221228837)))</t>
  </si>
  <si>
    <t>MultiPolygon (((3.73859433579114642 51.70309295813940054, 3.74667268235536666 51.70348873690053182, 3.74541132953195577 51.70196522618780932, 3.74579727541371366 51.70026533273394875, 3.7513886835910597 51.6990290485564401, 3.75138116641261865 51.69627012037631886, 3.74846995659496018 51.69281487930013697, 3.74211557458196165 51.68950901915173546, 3.73927106247179752 51.69227842302753118, 3.73704766651946008 51.69342053221486566, 3.73529110405782871 51.69358279077557228, 3.73261605354179204 51.69589046700878043, 3.73406201638414359 51.69748780589957704, 3.7364800404815508 51.69561320622918288, 3.74132926044863146 51.69755504912040323, 3.74153613958464915 51.70018755277949651, 3.73859433579114642 51.70309295813940054, 3.73859433579114642 51.70309295813940054)))</t>
  </si>
  <si>
    <t>MultiPolygon (((3.80709163603142597 51.72765928061231477, 3.80882003315291096 51.72631610870775631, 3.81870096137460235 51.72854597900566631, 3.82109219003176293 51.72416139576200322, 3.82380368097675083 51.7303466971100363, 3.82586604992927626 51.72995953894987053, 3.82874029703519803 51.72740787444788424, 3.83031481778898408 51.72385167500984693, 3.83403287220384081 51.72468679462029684, 3.83662260902677232 51.72211150430778304, 3.84294056390410832 51.71289942799025852, 3.84582878956020391 51.70658612281969368, 3.83055217211902077 51.70376072725434113, 3.822294929326715 51.70265449665460977, 3.81255856559368 51.71235449249780203, 3.80973349531874872 51.71145710202349477, 3.80933592597741555 51.71201277420553311, 3.80341039051998386 51.71996616430717353, 3.80224249888184973 51.71963937340041895, 3.79841061917062328 51.72747530402903493, 3.80429313922121271 51.72710261936573062, 3.80709163603142597 51.72765928061231477, 3.80709163603142597 51.72765928061231477)))</t>
  </si>
  <si>
    <t>MultiPolygon (((3.81362678932405919 51.73276809628852391, 3.81434222855960403 51.73184977609931678, 3.81728682456577229 51.73235589595551431, 3.81789626824517869 51.73091134899669186, 3.82284553602858335 51.73371410863928332, 3.82380368097675083 51.7303466971100363, 3.82109219003176293 51.72416139576200322, 3.81870096137460235 51.72854597900566631, 3.80882003315291096 51.72631610870775631, 3.80709163603142597 51.72765928061231477, 3.80631789685669508 51.72911504382259551, 3.81194477016514188 51.73123406692298687, 3.81084109542802985 51.73274582405618816, 3.81362678932405919 51.73276809628852391, 3.81362678932405919 51.73276809628852391)))</t>
  </si>
  <si>
    <t>MultiPolygon (((3.89905682401322284 51.71660670535818838, 3.90085648373905025 51.71446919979696588, 3.90732712252260228 51.71726068873835658, 3.91072707885674697 51.71750754231931779, 3.91091197366165266 51.71031470062627022, 3.91541816190838565 51.71026437135364517, 3.9183534833734428 51.70696068223126929, 3.92200069294845433 51.69855600253664107, 3.92120662687715527 51.69202287791512163, 3.92572600672754213 51.68156332689198962, 3.92680307705202924 51.67954423740272318, 3.92986188468540165 51.67882805459296236, 3.93452131628241464 51.67561734345031255, 3.93013601388016154 51.67396520245068814, 3.9294895143301809 51.67442012686701247, 3.91394765895642927 51.6698323858917945, 3.90911449656033572 51.6759266587319317, 3.89205645167671577 51.6693579062195667, 3.88412823562820897 51.66553739415221003, 3.87816655157961199 51.66800032366128193, 3.87683681055947993 51.66706792569276274, 3.86758315242234252 51.67327827291945397, 3.85743607103842034 51.67823655813177197, 3.84866860150899681 51.67633290599984974, 3.85009219634388566 51.67716470785047989, 3.84688495655093865 51.67831401198293406, 3.84463703080346564 51.67794560472464838, 3.84674816828141264 51.67678308918453922, 3.84254104811206965 51.67852668386248638, 3.82450826917632858 51.68352382188453475, 3.83481205137702474 51.69187586746986796, 3.83599158236913729 51.69161842890147796, 3.83055217211902077 51.70376072725434113, 3.84582878956020391 51.70658612281969368, 3.86156808884379776 51.70774398733299648, 3.87830452543604576 51.71011215558442586, 3.88286663566722678 51.71108863658357535, 3.89905682401322284 51.71660670535818838, 3.89905682401322284 51.71660670535818838),(3.9009701873753162 51.68816851110307908, 3.89967225138382112 51.68898976668293699, 3.89481316261996913 51.6854112406482713, 3.89574542669525758 51.683607178502875, 3.89826193970724688 51.68204885448411545, 3.89980756723844912 51.68274526300411509, 3.89924770197587067 51.68399503587190225, 3.90381747843966975 51.68542030930629494, 3.9009701873753162 51.68816851110307908, 3.9009701873753162 51.68816851110307908)))</t>
  </si>
  <si>
    <t>MultiPolygon (((3.9009701873753162 51.68816851110307908, 3.90381747843966975 51.68542030930629494, 3.89924770197587067 51.68399503587190225, 3.89980756723844912 51.68274526300411509, 3.89826193970724688 51.68204885448411545, 3.89574542669525758 51.683607178502875, 3.89481316261996913 51.6854112406482713, 3.89967225138382112 51.68898976668293699, 3.9009701873753162 51.68816851110307908, 3.9009701873753162 51.68816851110307908)))</t>
  </si>
  <si>
    <t>MultiPolygon (((3.83919383042082307 51.75823060897658934, 3.84247725028665643 51.75630501708536002, 3.83997504727221317 51.75514628959717811, 3.84198318517321313 51.75335586646105668, 3.84157482650738125 51.75225321317682159, 3.83766439893019529 51.75013567067863107, 3.83730380853886244 51.74933200196983307, 3.83539528548937136 51.74987637200452895, 3.84039399790595848 51.75250171812933786, 3.840557776755396 51.75333135556140718, 3.83745776590430454 51.7552796126419139, 3.83107451471746785 51.75241849876243094, 3.82991732448649236 51.75129848995477744, 3.83192156998234923 51.7504202985562145, 3.83079009813341598 51.74928114640507459, 3.82748485963634844 51.74894396456520695, 3.82709401119024406 51.74767207920051248, 3.82772592740525841 51.74737115299121371, 3.82601995131331973 51.74038129791057372, 3.82673800885595261 51.73957530693776619, 3.82588836068517679 51.73948788984603198, 3.82579408130613174 51.73884778310319632, 3.830107693534611 51.73946822402993462, 3.84005643479729386 51.72824191829067786, 3.84476881419665606 51.72906930928004243, 3.84448153591091124 51.73006480628422565, 3.85586281005243769 51.73424997523751756, 3.85431756001662906 51.73769226085055806, 3.85471356568963586 51.73848048853562887, 3.87327036801475044 51.74152617729043158, 3.87532333810034935 51.73707094536298001, 3.8824489902221555 51.73419884180026429, 3.87988829152836612 51.7313970751375436, 3.89299832142579305 51.72357841577147042, 3.89905682401322284 51.71660670535818838, 3.88286663566722678 51.71108863658357535, 3.87830452543604576 51.71011215558442586, 3.86156808884379776 51.70774398733299648, 3.84582878956020391 51.70658612281969368, 3.84294056390410832 51.71289942799025852, 3.83662260902677232 51.72211150430778304, 3.83403287220384081 51.72468679462029684, 3.83031481778898408 51.72385167500984693, 3.82874029703519803 51.72740787444788424, 3.82586604992927626 51.72995953894987053, 3.82380368097675083 51.7303466971100363, 3.82284553602858335 51.73371410863928332, 3.81789626824517869 51.73091134899669186, 3.81728682456577229 51.73235589595551431, 3.81434222855960403 51.73184977609931678, 3.81362678932405919 51.73276809628852391, 3.81333223939655719 51.73433175576740695, 3.8212064441583582 51.73574809112825079, 3.81984597880950405 51.73826336666863313, 3.81983873074904112 51.74132527527884662, 3.82336539206889636 51.74427384562047649, 3.823835368350053 51.74653558207759119, 3.8221283307564029 51.74751590889781738, 3.82455423235801995 51.74863706439555955, 3.82287636865341041 51.75008057679504248, 3.8254104777064768 51.75105700682814103, 3.82710511399798259 51.75293644658921721, 3.83124365865627237 51.75561681103227585, 3.83919383042082307 51.75823060897658934, 3.83919383042082307 51.75823060897658934)))</t>
  </si>
  <si>
    <t>MultiPolygon (((3.830107693534611 51.73946822402993462, 3.83078183047165277 51.74005371423518085, 3.83593186693667265 51.73884736041303256, 3.83881320292961714 51.73925733926066073, 3.84206971280871645 51.73876035518775041, 3.84628869227479919 51.74047082733532221, 3.84705141096754266 51.74014260457747838, 3.84484848331145868 51.73965785614444002, 3.84476780678992913 51.73916036512439121, 3.84632292065565018 51.73882987857775362, 3.84723707893950673 51.73915939382537488, 3.84691991942052924 51.73864277403092871, 3.84999511310467435 51.73750796918255901, 3.85143573691525232 51.73860430054263304, 3.84720525610233155 51.73974269864535103, 3.84770301002728088 51.7401322939026187, 3.85471356568963586 51.73848048853562887, 3.85431756001662906 51.73769226085055806, 3.85586281005243769 51.73424997523751756, 3.84448153591091124 51.73006480628422565, 3.84476881419665606 51.72906930928004243, 3.84005643479729386 51.72824191829067786, 3.830107693534611 51.73946822402993462, 3.830107693534611 51.73946822402993462)))</t>
  </si>
  <si>
    <t>MultiPolygon (((3.9597154729905828 51.63927953401928761, 3.99563037785616615 51.63717819699771638, 4.00394482591595136 51.63810383212616273, 4.00338755912006317 51.63966593875182554, 4.01130096490730637 51.64033993048683868, 4.02302074016102207 51.63833930120932791, 4.01508226229145837 51.62951219817195891, 4.01113296321554635 51.6269874779226825, 4.01713174177019905 51.62176550747496151, 4.01609231828173563 51.62060932856286399, 4.01028525364086796 51.61792954948857215, 4.00689912281906935 51.61749725403646494, 3.99172248237806881 51.6181694228006549, 3.98591766935870107 51.61486033943543106, 3.96805971355939358 51.61434980622582458, 3.96215136074760155 51.61650818542048569, 3.96167056935722872 51.61745676025100948, 3.94857628265378713 51.62527426291850219, 3.95072395255070763 51.63250921577929375, 3.95296120085085079 51.63475797336194262, 3.95981953067005898 51.6376087131972028, 3.9597154729905828 51.63927953401928761, 3.9597154729905828 51.63927953401928761),(3.98199066896301623 51.62753442448209285, 3.98164612118301031 51.62794128315402276, 3.9776513847698558 51.62748334682891738, 3.97854632662233287 51.62522956205332747, 3.98053038818453464 51.62338722845813521, 3.9856685491451378 51.6234379432861985, 3.98747304431375227 51.62591120577324943, 3.98199066896301623 51.62753442448209285, 3.98199066896301623 51.62753442448209285)))</t>
  </si>
  <si>
    <t>MultiPolygon (((3.98199066896301623 51.62753442448209285, 3.98747304431375227 51.62591120577324943, 3.9856685491451378 51.6234379432861985, 3.98053038818453464 51.62338722845813521, 3.97854632662233287 51.62522956205332747, 3.9776513847698558 51.62748334682891738, 3.98164612118301031 51.62794128315402276, 3.98199066896301623 51.62753442448209285, 3.98199066896301623 51.62753442448209285)))</t>
  </si>
  <si>
    <t>MultiPolygon (((4.02950780831362998 51.66573500954617515, 4.03205653778572959 51.66780433608956002, 4.03421958814965453 51.66644327423926342, 4.04386765251626734 51.66708729816670598, 4.05958449486383355 51.67099276076061187, 4.06300394229189976 51.66816916237787893, 4.0711503351129954 51.66563186876543057, 4.07152419151161116 51.65517141042224125, 4.06857592787911315 51.6451533726915315, 4.0659771782453209 51.64207856970100607, 4.06265240717415566 51.63976212951038036, 4.0553968650168315 51.63750935540451792, 4.05348531668321588 51.63624898672114938, 4.04983414907572037 51.63123223153520058, 4.0387890844842449 51.62733076385431019, 4.03466757809582433 51.62495400771624077, 4.02924380336944044 51.62460328363738427, 4.01609231828173563 51.62060932856286399, 4.01713174177019905 51.62176550747496151, 4.01113296321554635 51.6269874779226825, 4.01508226229145837 51.62951219817195891, 4.02302074016102207 51.63833930120932791, 4.02368392594246238 51.64197069280570673, 4.02260095424786002 51.64579130083463099, 4.0230122676075446 51.64844101206862348, 4.02497170041456442 51.64972575362222784, 4.02499613645034326 51.65527543935995425, 4.02822073066817676 51.66303134142182074, 4.02990645329263319 51.66500894723492365, 4.02950780831362998 51.66573500954617515, 4.02950780831362998 51.66573500954617515),(4.03510904085925315 51.65474011304380753, 4.03000823934968455 51.65473304643156638, 4.02822126330569308 51.65372457830847708, 4.02781095782816223 51.65246829172004084, 4.02838407473833016 51.64826471949637465, 4.03333868553447417 51.64827943992678172, 4.03381291723893831 51.64691681967423875, 4.03259356125221746 51.64665886884991863, 4.03252148951707667 51.64590936929756992, 4.03589122802187106 51.64438947538695857, 4.03683680768023834 51.64508809499184849, 4.0356089955759531 51.64672632208476699, 4.03597852761762077 51.64761606505472713, 4.0412496012404997 51.64843080711386847, 4.04123142725988593 51.64770525037900484, 4.04324961285745399 51.64652383921080769, 4.04555047176690508 51.64823129314348904, 4.04245384285261888 51.65043667345822342, 4.04182029288083555 51.65243708551595603, 4.03510904085925315 51.65474011304380753, 4.03510904085925315 51.65474011304380753)))</t>
  </si>
  <si>
    <t>MultiPolygon (((4.0299332875899454 51.68254556195396532, 4.04043635280163382 51.68462070335080227, 4.04424379357320696 51.68463821577114459, 4.05333725373602949 51.68112803137586297, 4.05547653629939653 51.67930977464118314, 4.05678986119736074 51.67519314652409435, 4.05958449486383355 51.67099276076061187, 4.04386765251626734 51.66708729816670598, 4.03421958814965453 51.66644327423926342, 4.03205653778572959 51.66780433608956002, 4.02950780831362998 51.66573500954617515, 4.02467553887742824 51.67000651501499675, 4.02123861341602851 51.67106965715731803, 4.0194488249420699 51.67249243581621698, 4.0191781093712704 51.67355622671927051, 4.02063054531948705 51.67593829717638698, 4.02195903849081038 51.67591446642672537, 4.02942848797207009 51.6786077455872217, 4.02867743149427771 51.68164734625304391, 4.0299332875899454 51.68254556195396532, 4.0299332875899454 51.68254556195396532),(4.0310708684665375 51.67744408687183011, 4.03002574797981872 51.67765138039462869, 4.02898787430076322 51.67695079862257046, 4.03248106897633463 51.67382412671207703, 4.03749406792707344 51.67511275538774385, 4.03534661049402299 51.67686980378710615, 4.0310708684665375 51.67744408687183011, 4.0310708684665375 51.67744408687183011)))</t>
  </si>
  <si>
    <t>MultiPolygon (((4.0310708684665375 51.67744408687183011, 4.03534661049402299 51.67686980378710615, 4.03749406792707344 51.67511275538774385, 4.03248106897633463 51.67382412671207703, 4.02898787430076322 51.67695079862257046, 4.03002574797981872 51.67765138039462869, 4.0310708684665375 51.67744408687183011, 4.0310708684665375 51.67744408687183011)))</t>
  </si>
  <si>
    <t>MultiPolygon (((4.03510904085925315 51.65474011304380753, 4.04182029288083555 51.65243708551595603, 4.04245384285261888 51.65043667345822342, 4.04555047176690508 51.64823129314348904, 4.04324961285745399 51.64652383921080769, 4.04123142725988593 51.64770525037900484, 4.0412496012404997 51.64843080711386847, 4.03597852761762077 51.64761606505472713, 4.0356089955759531 51.64672632208476699, 4.03683680768023834 51.64508809499184849, 4.03589122802187106 51.64438947538695857, 4.03252148951707667 51.64590936929756992, 4.03259356125221746 51.64665886884991863, 4.03381291723893831 51.64691681967423875, 4.03333868553447417 51.64827943992678172, 4.02838407473833016 51.64826471949637465, 4.02781095782816223 51.65246829172004084, 4.02822126330569308 51.65372457830847708, 4.03000823934968455 51.65473304643156638, 4.03510904085925315 51.65474011304380753, 4.03510904085925315 51.65474011304380753)))</t>
  </si>
  <si>
    <t>MultiPolygon (((3.97308741066174109 51.6737448923989362, 3.97576392531197831 51.67438764636772675, 3.99338428103282039 51.67470914968880891, 4.00189894176168526 51.6759215512620429, 4.00281363622762498 51.67704146609988669, 4.00878680206096227 51.6760643698526394, 4.01361970019565373 51.67661306895515594, 4.01695238959943701 51.67820114083828287, 4.02063054531948705 51.67593829717638698, 4.0191781093712704 51.67355622671927051, 4.0194488249420699 51.67249243581621698, 4.02123861341602851 51.67106965715731803, 4.02467553887742824 51.67000651501499675, 4.02950780831362998 51.66573500954617515, 4.02990645329263319 51.66500894723492365, 4.02822073066817676 51.66303134142182074, 4.02499613645034326 51.65527543935995425, 4.02497170041456442 51.64972575362222784, 4.0230122676075446 51.64844101206862348, 4.02260095424786002 51.64579130083463099, 4.02368392594246238 51.64197069280570673, 4.02302074016102207 51.63833930120932791, 4.01130096490730637 51.64033993048683868, 4.00338755912006317 51.63966593875182554, 4.00394482591595136 51.63810383212616273, 3.99563037785616615 51.63717819699771638, 3.9597154729905828 51.63927953401928761, 3.95360455996715388 51.6441160319619641, 3.95301232906942657 51.65028837686595153, 3.95530473421659279 51.65025604693042993, 3.96325791760115953 51.66250380325868008, 3.96583452444469753 51.66476906067151731, 3.97424541932443232 51.66833191551064886, 3.97184790794487252 51.67276436643559379, 3.97308741066174109 51.6737448923989362, 3.97308741066174109 51.6737448923989362),(4.0087274672904103 51.651597828278625, 4.00418653592851559 51.65257638010183427, 3.99865363974961641 51.65215128069993256, 3.98925130188131405 51.64929349515439583, 3.99516815666419323 51.64496112500879832, 4.00040215067191429 51.64577053428484987, 4.0108993556508814 51.64864528978166902, 4.01011355505263101 51.65161161690441816, 4.00906173732613702 51.65204422332230649, 4.0087274672904103 51.651597828278625, 4.0087274672904103 51.651597828278625)))</t>
  </si>
  <si>
    <t>MultiPolygon (((4.0087274672904103 51.651597828278625, 4.00906173732613702 51.65204422332230649, 4.01011355505263101 51.65161161690441816, 4.0108993556508814 51.64864528978166902, 4.00040215067191429 51.64577053428484987, 3.99516815666419323 51.64496112500879832, 3.98925130188131405 51.64929349515439583, 3.99865363974961641 51.65215128069993256, 4.00418653592851559 51.65257638010183427, 4.0087274672904103 51.651597828278625, 4.0087274672904103 51.651597828278625)))</t>
  </si>
  <si>
    <t>MultiPolygon (((4.0711503351129954 51.66563186876543057, 4.08300051932187102 51.66115287085624885, 4.09089899459827233 51.66500158997707359, 4.09191694998793665 51.66460833044509826, 4.08764206595042179 51.6621787315868275, 4.08614598626900971 51.65997063878614881, 4.09704150250419818 51.65589566786277231, 4.10172374748545021 51.6607811141179738, 4.10529609658407679 51.65811105487019006, 4.10189194112493638 51.65398416237812285, 4.10262495950984274 51.6555538390702722, 4.10054039083128252 51.65614657089606965, 4.09763946306774773 51.6528588640709998, 4.09698268824547096 51.65191538537920479, 4.0989014948835667 51.65099355773803325, 4.10108588822413189 51.65307983556061799, 4.0965663522262652 51.64754322145667942, 4.09055614493655018 51.6439687849272886, 4.08385946291284174 51.64255312329528635, 4.07103026695396064 51.6324896775508364, 4.06281914849728842 51.62922568497231879, 4.05717175960484422 51.62805385242489109, 4.04983414907572037 51.63123223153520058, 4.05348531668321588 51.63624898672114938, 4.0553968650168315 51.63750935540451792, 4.06265240717415566 51.63976212951038036, 4.0659771782453209 51.64207856970100607, 4.06857592787911315 51.6451533726915315, 4.07152419151161116 51.65517141042224125, 4.0711503351129954 51.66563186876543057, 4.0711503351129954 51.66563186876543057)))</t>
  </si>
  <si>
    <t>MultiPolygon (((4.15631446878885313 51.68116729320047398, 4.15585766852086547 51.6755569645053896, 4.16327901703637782 51.667709455011952, 4.17162480522933965 51.66826465527839218, 4.17376466308569771 51.66720228328320985, 4.16623343671918622 51.66724933610525028, 4.16585358236610581 51.66574820364778731, 4.1618118139845155 51.6653012871669759, 4.16191228062365415 51.6646589793705715, 4.17481300653533705 51.66547280237298168, 4.18014557098848716 51.66426634783604754, 4.18306963224119333 51.66298041264904839, 4.1773569536409747 51.66456353558691461, 4.16421037832795093 51.66422836471760149, 4.1636608928432759 51.66292225834716589, 4.1620187491485332 51.66274000525051946, 4.16220157340244334 51.66036640708998107, 4.18039278202152076 51.66049751257914835, 4.18273946824004828 51.66090045203714709, 4.18345076766045487 51.65953070969726468, 4.18275132980927111 51.65940496129152137, 4.18112004847617325 51.65997646982734182, 4.17807093303739485 51.65930339977563079, 4.17456110343206355 51.65931546405261798, 4.17068775978654127 51.66002845514733366, 4.16688932198353434 51.65921745646949148, 4.16606668619333931 51.65842574026532219, 4.16646658873431619 51.65645047617501007, 4.16921352941141166 51.65441869627034066, 4.17531355382052816 51.65366370680978036, 4.1804267215291997 51.65414312511689587, 4.18242408660029596 51.65358302182454509, 4.18101185291722999 51.64935693428373042, 4.18728400105272769 51.64704809614642045, 4.19139763551896127 51.64450231301819372, 4.1934533869969135 51.64216472742200637, 4.19413673989079339 51.63903026445618138, 4.19317593602003047 51.63876299916940837, 4.19061079720070584 51.64352104053730841, 4.18485847584513238 51.64717441304433265, 4.1772121185673905 51.649628612303772, 4.17483853155638851 51.64738057977859143, 4.17264721677502326 51.64714551717033686, 4.15647807741224629 51.65381728474980605, 4.15592866111437331 51.65442922112493562, 4.15942188709245819 51.65790310673365582, 4.15772267789975292 51.65910279559995644, 4.15677223098331172 51.65905829301298269, 4.15212581266554182 51.65519128714205266, 4.13779316379401241 51.65740112615839053, 4.13859356719261484 51.65916773538489082, 4.14669410880543854 51.65942798356333299, 4.15750616505740656 51.66080041086643604, 4.16166597533112892 51.66035096463217258, 4.16135118149725702 51.66271814710276544, 4.15596057679099218 51.6622951649240818, 4.15501569335808973 51.66372511826495639, 4.15236602100084262 51.66393890096797037, 4.14304486658621496 51.66364527190317801, 4.13757467405330548 51.66198458188370779, 4.14306436945911827 51.66386698219489659, 4.16138043318121831 51.66489916626699141, 4.15926617238493623 51.66516578093078493, 4.15917536049773773 51.66555290162587255, 4.15572935043029812 51.6655408198456243, 4.16026209185480322 51.66724527054661564, 4.15958264407204403 51.66951381608622995, 4.15601870382064753 51.67373872320339245, 4.15379588943721867 51.67575023111556476, 4.15194780623559456 51.67618984140915472, 4.14993516899963932 51.67837464589198504, 4.14301651766187273 51.67525350176285315, 4.1388640434077324 51.67675595308823233, 4.10887841983540625 51.67376686576498201, 4.10505681775675946 51.67283726001515021, 4.10469604683044054 51.67200377878139506, 4.10223143475382113 51.67097287855323628, 4.10063386115719375 51.67116286431325278, 4.09533631440778656 51.66746885601163086, 4.09409910667509092 51.6673919726003561, 4.09089899459827233 51.66500158997707359, 4.08300051932187102 51.66115287085624885, 4.0711503351129954 51.66563186876543057, 4.06300394229189976 51.66816916237787893, 4.05958449486383355 51.67099276076061187, 4.05678986119736074 51.67519314652409435, 4.05547653629939653 51.67930977464118314, 4.06443982090027678 51.67757876743996803, 4.06856126817765773 51.67519992950982299, 4.07133046157664502 51.67497143909837831, 4.07623855882238928 51.6759211979858506, 4.07794562732153398 51.6751759644467441, 4.07435758904768441 51.67413115088250919, 4.07433104764578324 51.67359991518554097, 4.08077626723277653 51.67094544148482527, 4.08305139729154032 51.67187431519024443, 4.0840231713735875 51.67157122172682904, 4.08316872255882934 51.67050618203258239, 4.08662530495925846 51.66916613548874437, 4.08830611858228821 51.67079018441407356, 4.08879939664699421 51.67065984819397784, 4.08737013777608205 51.66887735589907038, 4.09170481902461969 51.66708378118772771, 4.10908361381652654 51.67762107899446988, 4.11417486401209942 51.67928971654306025, 4.11482367300639496 51.67873468432659934, 4.12056635008022187 51.6796065220941685, 4.12177430452233029 51.67936354123690279, 4.12118669946001059 51.67812144732109658, 4.122552662199924 51.67749962509932971, 4.12494481451858874 51.67768123511719125, 4.12562477762006985 51.67866295203445048, 4.12899571979723934 51.67960639956592672, 4.12825804351460146 51.67854273975791557, 4.13029588196457276 51.67796500648388758, 4.13161701689298244 51.67886856010323271, 4.13646722473635453 51.67860544460715033, 4.13704889785508279 51.67957392633554292, 4.14450315523193336 51.67916420047409076, 4.14873372789109229 51.6797359115745607, 4.15547975072050235 51.68341872448685592, 4.15734646639954608 51.68249201335160592, 4.15631446878885313 51.68116729320047398, 4.15631446878885313 51.68116729320047398)))</t>
  </si>
  <si>
    <t>MultiPolygon (((4.09409910667509092 51.6673919726003561, 4.09533631440778656 51.66746885601163086, 4.09667211138279352 51.66658560200359318, 4.0954861495628796 51.66580670078604953, 4.09469503663548018 51.6661962375663677, 4.09417709193719581 51.66582360259483409, 4.10041434783212022 51.66313993895818157, 4.09850649199365158 51.66370484125988582, 4.09815806189813614 51.66338224208620744, 4.1002083778882259 51.66251398030651387, 4.10172374748545021 51.6607811141179738, 4.09704150250419818 51.65589566786277231, 4.08614598626900971 51.65997063878614881, 4.08764206595042179 51.6621787315868275, 4.09191694998793665 51.66460833044509826, 4.09089899459827233 51.66500158997707359, 4.09409910667509092 51.6673919726003561, 4.09409910667509092 51.6673919726003561)))</t>
  </si>
  <si>
    <t>MultiPolygon (((3.9183534833734428 51.70696068223126929, 3.93274866616952501 51.70235412817221743, 3.93260332062192486 51.70102549545181603, 3.93942113275583061 51.69741519806442653, 3.94019140034534221 51.6974137617411742, 3.94267175354768273 51.69970725940660117, 3.95060417621717441 51.69707195778075715, 3.94837203175527351 51.69538399058205869, 3.94780933209424001 51.69372577850975858, 3.94853913897557085 51.69233150890480033, 3.95843470023779176 51.68448132831348829, 3.960006718845833 51.68363833198664992, 3.96370641401267987 51.68343081328821853, 3.96598141434605989 51.68190688455550941, 3.96561261975899004 51.67870376504784247, 3.96269583087764454 51.67934703498290361, 3.96266797219290545 51.67697538442326533, 3.96420803258614907 51.67694916308966668, 3.96273746062929888 51.67268083998253303, 3.96035600862193871 51.67160369598781244, 3.95225773060899543 51.67083329489436494, 3.94497817725294375 51.66280590555200547, 3.9433073996268404 51.66320951043110909, 3.94250152441091606 51.6636265806271382, 3.94310190580151287 51.66877696234073625, 3.94135353212007056 51.67168884523464101, 3.95446201537228159 51.67526609525888404, 3.94274379225594851 51.68632246118707485, 3.92572600672754213 51.68156332689198962, 3.92120662687715527 51.69202287791512163, 3.92200069294845433 51.69855600253664107, 3.9183534833734428 51.70696068223126929, 3.9183534833734428 51.70696068223126929),(3.93792293763930212 51.69576503359362363, 3.93118720530467858 51.69637537901912339, 3.93063953368837682 51.69438015288294963, 3.928312281727802 51.69357441530358699, 3.92494174391238193 51.69365907603334165, 3.92460990238336072 51.69263993485709108, 3.92930405009956596 51.69250518726906307, 3.92859060972247542 51.68743339356900179, 3.93095485405122025 51.68761564510779039, 3.93131598252376291 51.69062635989777732, 3.93572596577577283 51.69142528426368699, 3.93711870499089267 51.68973083861376239, 3.94075155125003374 51.69093544198025825, 3.9425291070301931 51.69505669409666382, 3.93792293763930212 51.69576503359362363, 3.93792293763930212 51.69576503359362363)))</t>
  </si>
  <si>
    <t>MultiPolygon (((3.93452131628241464 51.67561734345031255, 3.92986188468540165 51.67882805459296236, 3.92680307705202924 51.67954423740272318, 3.92572600672754213 51.68156332689198962, 3.94274379225594851 51.68632246118707485, 3.95446201537228159 51.67526609525888404, 3.94135353212007056 51.67168884523464101, 3.93452131628241464 51.67561734345031255, 3.93452131628241464 51.67561734345031255)))</t>
  </si>
  <si>
    <t>MultiPolygon (((3.93792293763930212 51.69576503359362363, 3.9425291070301931 51.69505669409666382, 3.94075155125003374 51.69093544198025825, 3.93711870499089267 51.68973083861376239, 3.93572596577577283 51.69142528426368699, 3.93131598252376291 51.69062635989777732, 3.93095485405122025 51.68761564510779039, 3.92859060972247542 51.68743339356900179, 3.92930405009956596 51.69250518726906307, 3.92460990238336072 51.69263993485709108, 3.92494174391238193 51.69365907603334165, 3.928312281727802 51.69357441530358699, 3.93063953368837682 51.69438015288294963, 3.93118720530467858 51.69637537901912339, 3.93792293763930212 51.69576503359362363, 3.93792293763930212 51.69576503359362363)))</t>
  </si>
  <si>
    <t>MultiPolygon (((3.98245501049623885 51.71774064451276587, 3.99147690651087705 51.71390750584747309, 4.00706859189618836 51.70311648033192142, 4.01128097272104789 51.69753461031901764, 4.01488199531360301 51.68668916339589003, 4.02093974371097396 51.68473776399116559, 4.02228393946973384 51.68504158354334521, 4.02706636898901227 51.68439410388755562, 4.02812444824587423 51.6828833903089162, 4.0299332875899454 51.68254556195396532, 4.02867743149427771 51.68164734625304391, 4.02942848797207009 51.6786077455872217, 4.02195903849081038 51.67591446642672537, 4.02063054531948705 51.67593829717638698, 4.01695238959943701 51.67820114083828287, 4.01361970019565373 51.67661306895515594, 4.00878680206096227 51.6760643698526394, 4.00281363622762498 51.67704146609988669, 4.00189894176168526 51.6759215512620429, 3.99338428103282039 51.67470914968880891, 3.97576392531197831 51.67438764636772675, 3.97308741066174109 51.6737448923989362, 3.96561261975899004 51.67870376504784247, 3.96598141434605989 51.68190688455550941, 3.96370641401267987 51.68343081328821853, 3.960006718845833 51.68363833198664992, 3.95843470023779176 51.68448132831348829, 3.94853913897557085 51.69233150890480033, 3.94780933209424001 51.69372577850975858, 3.94837203175527351 51.69538399058205869, 3.95060417621717441 51.69707195778075715, 3.95664819870334039 51.69858513462101257, 3.96110848883593603 51.70352907143265497, 3.96664278451848817 51.70556393646266713, 3.97672655557045607 51.7152229659089997, 3.97899495347747578 51.71671753178405595, 3.98245501049623885 51.71774064451276587, 3.98245501049623885 51.71774064451276587),(3.98647768550182091 51.69228969946838959, 3.98250080928123218 51.69299551078216126, 3.97897674588281047 51.68973938531548384, 3.97661037641344262 51.68624791833271104, 3.97656191812622772 51.68367825615329281, 3.98066300086589209 51.68329711737652588, 3.98281272463338487 51.68543698838247735, 3.9872638225704824 51.68478375724252771, 3.99144183397522889 51.69120560059524649, 3.98647768550182091 51.69228969946838959, 3.98647768550182091 51.69228969946838959)))</t>
  </si>
  <si>
    <t>MultiPolygon (((3.98647768550182091 51.69228969946838959, 3.99144183397522889 51.69120560059524649, 3.9872638225704824 51.68478375724252771, 3.98281272463338487 51.68543698838247735, 3.98066300086589209 51.68329711737652588, 3.97656191812622772 51.68367825615329281, 3.97661037641344262 51.68624791833271104, 3.97897674588281047 51.68973938531548384, 3.98250080928123218 51.69299551078216126, 3.98647768550182091 51.69228969946838959, 3.98647768550182091 51.69228969946838959)))</t>
  </si>
  <si>
    <t>MultiPolygon (((3.94323214440494452 51.7343094044376457, 3.94419145968275542 51.73335341180892044, 3.96091331373667277 51.73344050592223908, 3.96467998780356456 51.73407467540236837, 3.9712981040285249 51.73361808906802395, 3.97333078093761349 51.73287174350567597, 3.97020358162517839 51.72670206427834216, 3.97179705171777409 51.726506249705551, 3.97471205530617144 51.73184161593761132, 3.97874299947698251 51.73028944201989532, 3.97917049849347615 51.72954366946233051, 3.97723681975194765 51.7293593990365892, 3.97950197471855827 51.72724063005524897, 3.98273360324354142 51.72566505632806866, 3.98296104465417322 51.72316992376593703, 3.98476559817356435 51.71996673192705174, 3.98245501049623885 51.71774064451276587, 3.97899495347747578 51.71671753178405595, 3.97672655557045607 51.7152229659089997, 3.96664278451848817 51.70556393646266713, 3.96110848883593603 51.70352907143265497, 3.95664819870334039 51.69858513462101257, 3.95060417621717441 51.69707195778075715, 3.94267175354768273 51.69970725940660117, 3.94019140034534221 51.6974137617411742, 3.93942113275583061 51.69741519806442653, 3.93260332062192486 51.70102549545181603, 3.93274866616952501 51.70235412817221743, 3.9183534833734428 51.70696068223126929, 3.91541816190838565 51.71026437135364517, 3.91785315384863475 51.72129107579031881, 3.92663694262930019 51.72355808092630269, 3.92178652138254957 51.73182264326960933, 3.92686297517458271 51.73162044583883556, 3.94323214440494452 51.7343094044376457, 3.94323214440494452 51.7343094044376457),(3.94493077077253584 51.71287607460316593, 3.94646021095056332 51.71026483978055666, 3.94977037549722887 51.70940407286297358, 3.95228482014634608 51.70951181875054203, 3.95440386114499187 51.71157560548817855, 3.95757108060950591 51.71073865256767732, 3.95941195319169648 51.71195953944577894, 3.95464043312030533 51.71344301565566326, 3.95437733322960794 51.71445282223130846, 3.95654398963567955 51.71613340220091715, 3.95397525207995226 51.71719256433063094, 3.95159738034305796 51.71525567049283012, 3.95017096796616585 51.71506204062807655, 3.94743053555627998 51.71582032723662081, 3.94809308341547416 51.71762471874627209, 3.94542344629154629 51.71736996151079069, 3.94493077077253584 51.71287607460316593, 3.94493077077253584 51.71287607460316593)),((3.95255057307422009 51.74674989621797039, 3.95515033179197184 51.74598944729205385, 3.95984978479023031 51.74658903405209998, 3.96221761580330822 51.74605608189141037, 3.95987600932476491 51.74427840930334099, 3.95054568650570825 51.74129355154218501, 3.95021615305714358 51.74061728268289073, 3.9491649788737706 51.74132936472255295, 3.9492486178075934 51.74023612710827535, 3.94859977548112928 51.74004898573608102, 3.94788073190380739 51.74052431331617896, 3.94189684577206423 51.73968134570173305, 3.93820720390870216 51.73996072888168385, 3.93690199242054506 51.74335829226552619, 3.93702830874406517 51.74580425237476078, 3.9427198997755708 51.74689856955214395, 3.95255057307422009 51.74674989621797039, 3.95255057307422009 51.74674989621797039)),((3.99543011526136072 51.75839925672465824, 3.9973386270262079 51.75785984502983439, 3.99598163938177553 51.75494145721054196, 3.99615425427822535 51.75077199724627519, 4.00280020786252777 51.73941978431834343, 4.00805690458355901 51.73382839812408918, 4.01639197409463122 51.72912036071409148, 4.01572964260844945 51.72627853173870704, 4.01303358291386214 51.72523191511132978, 4.00647556237626379 51.72532865354617115, 4.0030164620422326 51.72656698817964127, 3.99757749246508665 51.73216760016632776, 3.99478397117288786 51.7390177758317833, 3.99079095806572504 51.74490767454813778, 3.98190934530059293 51.75151309048180082, 3.97800314577602476 51.75258110528797317, 3.9798706023787096 51.75472830730610951, 3.98238809405955063 51.75635357656608448, 3.99222162559270766 51.75831200608822513, 3.99543011526136072 51.75839925672465824, 3.99543011526136072 51.75839925672465824)))</t>
  </si>
  <si>
    <t>MultiPolygon (((3.94743053555627998 51.71582032723662081, 3.95017096796616585 51.71506204062807655, 3.95159738034305796 51.71525567049283012, 3.95397525207995226 51.71719256433063094, 3.95654398963567955 51.71613340220091715, 3.95437733322960794 51.71445282223130846, 3.95464043312030533 51.71344301565566326, 3.95941195319169648 51.71195953944577894, 3.95757108060950591 51.71073865256767732, 3.95440386114499187 51.71157560548817855, 3.95228482014634608 51.70951181875054203, 3.94977037549722887 51.70940407286297358, 3.94646021095056332 51.71026483978055666, 3.94493077077253584 51.71287607460316593, 3.94542344629154629 51.71736996151079069, 3.94809308341547416 51.71762471874627209, 3.94743053555627998 51.71582032723662081, 3.94743053555627998 51.71582032723662081)))</t>
  </si>
  <si>
    <t>MultiPolygon (((3.91906347812904166 51.7394170128649904, 3.92641701330024029 51.73839455028456769, 3.93373405918409302 51.73628534751284036, 3.93403164205321065 51.73574896704419501, 3.93119331012439943 51.73486800732649016, 3.91405848264634004 51.73468160452922149, 3.91269359204723166 51.73404725264531123, 3.91125491234084821 51.7352978760671931, 3.91118807889560127 51.73712719969346097, 3.91448710256248544 51.73934268686693372, 3.91906347812904166 51.7394170128649904, 3.91906347812904166 51.7394170128649904)),((3.89155117406046447 51.74381425458068406, 3.88946866843602512 51.74295522485569165, 3.89109561325450892 51.7401214324662817, 3.89387629921434897 51.74036015515665099, 3.89453086273325599 51.74106404951996296, 3.8988248303244224 51.74003900684596857, 3.90370100170433831 51.737672813000259, 3.90336449553775378 51.73689793381176116, 3.90683874904955886 51.73312939004549804, 3.90888679213468437 51.73288421131348969, 3.9111349875654402 51.73188305266812392, 3.91296594805726539 51.72971517886813331, 3.90779580466205978 51.72959461752240884, 3.90638151099987807 51.72782496187389967, 3.90904727848848799 51.72400673777820401, 3.90477692745907357 51.72095554340143053, 3.90632136105525518 51.71922291646708914, 3.9082887694267856 51.72007033101653661, 3.91772447913476363 51.72143863488125248, 3.91689715860751209 51.72418192296134976, 3.91832900742046375 51.72690944258962276, 3.91976981211932252 51.72768431952587065, 3.91750960243191004 51.72906484940238414, 3.91494360421973031 51.72859398752665783, 3.9134005065975086 51.72974429840176214, 3.91388389377847234 51.73134655460613374, 3.91890496292063339 51.73199941735193619, 3.9206946493398398 51.73145875736270938, 3.92178652138254957 51.73182264326960933, 3.92663694262930019 51.72355808092630269, 3.91785315384863475 51.72129107579031881, 3.91541816190838565 51.71026437135364517, 3.91091197366165266 51.71031470062627022, 3.91072707885674697 51.71750754231931779, 3.90732712252260228 51.71726068873835658, 3.90085648373905025 51.71446919979696588, 3.89905682401322284 51.71660670535818838, 3.89299832142579305 51.72357841577147042, 3.87988829152836612 51.7313970751375436, 3.8824489902221555 51.73419884180026429, 3.87532333810034935 51.73707094536298001, 3.87327036801475044 51.74152617729043158, 3.88752334645496855 51.74423157902651127, 3.88973229465874892 51.74349992741535686, 3.89155117406046447 51.74381425458068406, 3.89155117406046447 51.74381425458068406)))</t>
  </si>
  <si>
    <t>MultiPolygon (((3.91296594805726539 51.72971517886813331, 3.91282402655807626 51.7292550875248196, 3.91225021589893629 51.72962966895905623, 3.91175220179851468 51.72935741699524925, 3.91373875431523821 51.72751123239059723, 3.91533619107833752 51.72833949764255124, 3.91494360421973031 51.72859398752665783, 3.91750960243191004 51.72906484940238414, 3.91976981211932252 51.72768431952587065, 3.91832900742046375 51.72690944258962276, 3.91689715860751209 51.72418192296134976, 3.91772447913476363 51.72143863488125248, 3.9082887694267856 51.72007033101653661, 3.90632136105525518 51.71922291646708914, 3.90477692745907357 51.72095554340143053, 3.90904727848848799 51.72400673777820401, 3.90638151099987807 51.72782496187389967, 3.90779580466205978 51.72959461752240884, 3.91296594805726539 51.72971517886813331, 3.91296594805726539 51.72971517886813331)))</t>
  </si>
  <si>
    <t>MultiPolygon (((3.96561261975899004 51.67870376504784247, 3.97308741066174109 51.6737448923989362, 3.97184790794487252 51.67276436643559379, 3.97424541932443232 51.66833191551064886, 3.96583452444469753 51.66476906067151731, 3.96325791760115953 51.66250380325868008, 3.95530473421659279 51.65025604693042993, 3.95301232906942657 51.65028837686595153, 3.95360455996715388 51.6441160319619641, 3.9597154729905828 51.63927953401928761, 3.95981953067005898 51.6376087131972028, 3.95296120085085079 51.63475797336194262, 3.95072395255070763 51.63250921577929375, 3.94857628265378713 51.62527426291850219, 3.94662936019757016 51.62494421671972589, 3.94005465013609912 51.63438487231169916, 3.93741524492551376 51.63465285734918808, 3.93817659999672998 51.6358279745056663, 3.9354337115093454 51.63603702033970677, 3.93968150895904756 51.64214134488229746, 3.94098479035620475 51.64706951963693626, 3.94356033415953311 51.65029970565275619, 3.93982810266550088 51.6508118144180699, 3.93794272186002958 51.65106997398721944, 3.93506448943755771 51.65162593519180234, 3.9390638601490755 51.65801971909754542, 3.9433073996268404 51.66320951043110909, 3.94497817725294375 51.66280590555200547, 3.95225773060899543 51.67083329489436494, 3.96035600862193871 51.67160369598781244, 3.96273746062929888 51.67268083998253303, 3.96420803258614907 51.67694916308966668, 3.96266797219290545 51.67697538442326533, 3.96269583087764454 51.67934703498290361, 3.96561261975899004 51.67870376504784247, 3.96561261975899004 51.67870376504784247)))</t>
  </si>
  <si>
    <t>MultiPolygon (((3.90746330025961841 51.64000414446211096, 3.90886316479163476 51.63891892298556741, 3.91380294489514213 51.63913124769282348, 3.9142985065102498 51.64111293605634501, 3.92437003381683169 51.63970568766207947, 3.92738286765773204 51.64543249073427233, 3.93230424682662782 51.64489062282045495, 3.93982810266550088 51.6508118144180699, 3.94356033415953311 51.65029970565275619, 3.94098479035620475 51.64706951963693626, 3.93968150895904756 51.64214134488229746, 3.9354337115093454 51.63603702033970677, 3.92986788855688962 51.6296380799571395, 3.92827888827311389 51.62871599092968466, 3.92552575632445233 51.62828096891473706, 3.92636506179283939 51.63055606894575789, 3.91935961766234353 51.63068503345758131, 3.91783618578066317 51.6286183658798663, 3.91437731552822399 51.62921124575434106, 3.87072985488856514 51.5970375339046754, 3.87054794063734198 51.59708064108677661, 3.9141939338090963 51.62924329249688782, 3.89698417174614331 51.63224926160815187, 3.89547668458734542 51.63331741860807256, 3.90746330025961841 51.64000414446211096, 3.90746330025961841 51.64000414446211096)))</t>
  </si>
  <si>
    <t>MultiPolygon (((3.93452131628241464 51.67561734345031255, 3.94135353212007056 51.67168884523464101, 3.94310190580151287 51.66877696234073625, 3.94250152441091606 51.6636265806271382, 3.9433073996268404 51.66320951043110909, 3.9390638601490755 51.65801971909754542, 3.93221514266123906 51.65927629841561242, 3.93186783778472781 51.6575190252939862, 3.92742149906116822 51.65718991436177276, 3.92571857401652169 51.6575658994356175, 3.92572003647695178 51.66060080948825828, 3.92467111022795168 51.66168277466630343, 3.92308233168312093 51.66168341991814117, 3.9204212151132114 51.65574831007498346, 3.91769373909100205 51.65476063880198865, 3.91838834654623813 51.6541206260500374, 3.91587426233715563 51.65399638692554873, 3.91324713659230294 51.65505783414077001, 3.90770626854285341 51.65415636559294654, 3.90222781408330333 51.6550783907288249, 3.89652925563096764 51.65447667223004657, 3.8967967013469722 51.64486714026128311, 3.90033711350755663 51.64394043364330855, 3.90701358248677133 51.64063034376138006, 3.89894241554940679 51.63635984783193322, 3.89794075942758145 51.63672096511216836, 3.89358476956988842 51.63352434057286899, 3.89036097565738759 51.63280212186388241, 3.88965123688393177 51.63160033262604998, 3.89068545740211613 51.64319902990150979, 3.88558397578216974 51.64856228601803423, 3.88724433323044227 51.64987688017700407, 3.88495199317233286 51.6564006723874698, 3.88083242252462224 51.65743697411743085, 3.87567344191863006 51.66316498201933882, 3.87683681055947993 51.66706792569276274, 3.87816655157961199 51.66800032366128193, 3.88412823562820897 51.66553739415221003, 3.89205645167671577 51.6693579062195667, 3.90911449656033572 51.6759266587319317, 3.91394765895642927 51.6698323858917945, 3.9294895143301809 51.67442012686701247, 3.93013601388016154 51.67396520245068814, 3.93452131628241464 51.67561734345031255, 3.93452131628241464 51.67561734345031255)))</t>
  </si>
  <si>
    <t>MultiPolygon (((3.91838834654623813 51.6541206260500374, 3.91769373909100205 51.65476063880198865, 3.9204212151132114 51.65574831007498346, 3.92308233168312093 51.66168341991814117, 3.92467111022795168 51.66168277466630343, 3.92572003647695178 51.66060080948825828, 3.92571857401652169 51.6575658994356175, 3.92742149906116822 51.65718991436177276, 3.93186783778472781 51.6575190252939862, 3.93221514266123906 51.65927629841561242, 3.9390638601490755 51.65801971909754542, 3.93506448943755771 51.65162593519180234, 3.92189848796957197 51.65475209341226304, 3.92109184539010913 51.65420260450655121, 3.91838834654623813 51.6541206260500374, 3.91838834654623813 51.6541206260500374)))</t>
  </si>
  <si>
    <t>MultiPolygon (((3.93794272186002958 51.65106997398721944, 3.93982810266550088 51.6508118144180699, 3.93230424682662782 51.64489062282045495, 3.92738286765773204 51.64543249073427233, 3.92437003381683169 51.63970568766207947, 3.9142985065102498 51.64111293605634501, 3.91380294489514213 51.63913124769282348, 3.90886316479163476 51.63891892298556741, 3.90746330025961841 51.64000414446211096, 3.91887243823928433 51.64634908881095754, 3.92481983046607175 51.64665145591489193, 3.93328709007456956 51.64853691154601734, 3.93742359818648824 51.65015108365376761, 3.93794272186002958 51.65106997398721944, 3.93794272186002958 51.65106997398721944)))</t>
  </si>
  <si>
    <t>MultiPolygon (((3.91707002235654622 51.64610061235534744, 3.90701358248677133 51.64063034376138006, 3.90033711350755663 51.64394043364330855, 3.8967967013469722 51.64486714026128311, 3.89652925563096764 51.65447667223004657, 3.90222781408330333 51.6550783907288249, 3.90770626854285341 51.65415636559294654, 3.91324713659230294 51.65505783414077001, 3.91587426233715563 51.65399638692554873, 3.91196183926734431 51.65276525279738706, 3.9111389334720581 51.64961574950742573, 3.91261393764630094 51.64766473545493852, 3.91659716929229518 51.6469327451136806, 3.91707002235654622 51.64610061235534744, 3.91707002235654622 51.64610061235534744)))</t>
  </si>
  <si>
    <t>MultiPolygon (((3.92109184539010913 51.65420260450655121, 3.92189848796957197 51.65475209341226304, 3.93506448943755771 51.65162593519180234, 3.93794272186002958 51.65106997398721944, 3.93742359818648824 51.65015108365376761, 3.93328709007456956 51.64853691154601734, 3.92631762914674987 51.64770637154349942, 3.92552479411129518 51.65066466833258829, 3.92293412089675853 51.65378320242759713, 3.92109184539010913 51.65420260450655121, 3.92109184539010913 51.65420260450655121)))</t>
  </si>
  <si>
    <t>MultiPolygon (((3.91838834654623813 51.6541206260500374, 3.92109184539010913 51.65420260450655121, 3.92293412089675853 51.65378320242759713, 3.92552479411129518 51.65066466833258829, 3.92631762914674987 51.64770637154349942, 3.92494760806818466 51.64711753230748315, 3.91881287440295667 51.6469422990164162, 3.91707002235654622 51.64610061235534744, 3.91659716929229518 51.6469327451136806, 3.91261393764630094 51.64766473545493852, 3.9111389334720581 51.64961574950742573, 3.91196183926734431 51.65276525279738706, 3.91587426233715563 51.65399638692554873, 3.91838834654623813 51.6541206260500374, 3.91838834654623813 51.6541206260500374)))</t>
  </si>
  <si>
    <t>MultiPolygon (((6.14589064816144504 51.17049083992035463, 6.17542179694413562 51.15846399465645078, 6.17011336279065592 51.15523639596617045, 6.16284843624921752 51.15267119715219479, 6.16333943847536769 51.14869747141985812, 6.15737199385839773 51.14887713799561197, 6.15535444025650591 51.14819189427008439, 6.15254218783073803 51.14802698702983719, 6.14768605738260554 51.14860762419993989, 6.14477554072496801 51.14702940939545783, 6.14179482103434982 51.14648959651759696, 6.13348329457074293 51.14516757527068336, 6.12597244098499782 51.14490740603186225, 6.12161758059788852 51.14273535588146302, 6.12147496359010734 51.14109355460583117, 6.11985158312176125 51.14057685924328212, 6.1182335279529827 51.14157483559887396, 6.11921416520238282 51.14030205965480746, 6.10969754117889785 51.1376708025018587, 6.10343162933585681 51.13641555868513677, 6.10044810888325273 51.1364206585578529, 6.09630322689636284 51.13475900616856507, 6.09175248779080292 51.13491218241507141, 6.08919028362096881 51.13016436844365131, 6.08727589329914842 51.12934848550266764, 6.08883974629356395 51.12802045500885839, 6.08685585094043002 51.12758470365515961, 6.08442401767706897 51.12601868722462939, 6.08644664113849476 51.12565513804296558, 6.08699203087405039 51.12459491659549826, 6.08363908291088773 51.12391996666983829, 6.08107799089389278 51.12587092002865319, 6.08000961831214415 51.12425195293760538, 6.08055092947381581 51.12214171107157767, 6.07561424354908208 51.12084084013250163, 6.07620441650194554 51.11951412328944144, 6.07571346413414304 51.11911815428461381, 6.07127015906053735 51.11797434859104072, 6.06889411193081685 51.1180931767935931, 6.0663164124580149 51.11989365794718765, 6.0523169473805245 51.12544276880777971, 6.05475976435978858 51.12592268476659285, 6.05324194957108386 51.12850212607748546, 6.05204253140955295 51.12850466006544536, 6.05191653587243117 51.13496476249191147, 6.0534486634589344 51.13503210803898469, 6.05633057710915335 51.13653047472372037, 6.05588531247121065 51.13727128334079453, 6.04404893470488513 51.13719016106239934, 6.04465341932495104 51.13924805895116066, 6.04264933362983303 51.1410617067039226, 6.04031611945377023 51.14123652918868856, 6.04091462327989426 51.14255376009537457, 6.04221167642959056 51.1427254665790656, 6.0428580550918678 51.14495757030373113, 6.04368312381265227 51.14496285288795718, 6.04444642096953277 51.14395811555279181, 6.04890452969613968 51.14651805016801944, 6.05429954838525042 51.14699098847626857, 6.0657195512615365 51.14303964153895521, 6.06645994761990881 51.1419590623541751, 6.06896785159883212 51.14220567488458613, 6.071445086919951 51.14393364845739853, 6.07258888792306095 51.14734098126493933, 6.07387646610312437 51.14835978929078664, 6.08180614782345508 51.14876753455307323, 6.09081443272874967 51.15179509282404524, 6.10634236478208958 51.15876585282742184, 6.10959175818585276 51.16092211402420276, 6.1190380095454131 51.16126902020755551, 6.13197058107667292 51.16011018336084959, 6.14032445619368161 51.16200935449711551, 6.13961337271581975 51.16471481623568707, 6.14589064816144504 51.17049083992035463, 6.14589064816144504 51.17049083992035463),(6.15840958011129747 51.15755162572823878, 6.15347662141567753 51.15932211867383472, 6.1503361949519455 51.155866102497491, 6.1559620925289007 51.15370661082711479, 6.15840958011129747 51.15755162572823878, 6.15840958011129747 51.15755162572823878),(6.15240383198241059 51.15175325134549666, 6.14823566707815772 51.15118529342906584, 6.14931173672184173 51.15108974736355663, 6.15240383198241059 51.15175325134549666, 6.15240383198241059 51.15175325134549666),(6.1128723196891066 51.1417676002263164, 6.11205214266002894 51.14005994269916044, 6.11890653444933541 51.14029748799911346, 6.11704161860612139 51.14109842334771372, 6.1128723196891066 51.1417676002263164, 6.1128723196891066 51.1417676002263164),(6.0968436917861224 51.13964569799917115, 6.09429018400918476 51.13856209363434147, 6.09152738162113039 51.13850817910304869, 6.09381362828726481 51.13642600013038475, 6.09681900914517172 51.13785873976125629, 6.0968436917861224 51.13964569799917115, 6.0968436917861224 51.13964569799917115),(6.07132492985269323 51.1368778047629462, 6.06633585720108393 51.13607655330556412, 6.06514076249794343 51.13373875337101992, 6.06640454359586467 51.12979826058816002, 6.06994343841255724 51.12767218312840356, 6.07754239404857355 51.13119356941500371, 6.08150485941400731 51.13048859389671463, 6.08524822259317677 51.13380328188103618, 6.08725801716043602 51.13669750735766684, 6.08425853366428182 51.13483844962603087, 6.07831458098103372 51.13477284166502557, 6.07407275601744612 51.13690563549432966, 6.07132492985269323 51.1368778047629462, 6.07132492985269323 51.1368778047629462)))</t>
  </si>
  <si>
    <t>MultiPolygon (((6.15840958011129747 51.15755162572823878, 6.1559620925289007 51.15370661082711479, 6.1503361949519455 51.155866102497491, 6.15347662141567753 51.15932211867383472, 6.15840958011129747 51.15755162572823878, 6.15840958011129747 51.15755162572823878)))</t>
  </si>
  <si>
    <t>MultiPolygon (((6.15240383198241059 51.15175325134549666, 6.14931173672184173 51.15108974736355663, 6.14823566707815772 51.15118529342906584, 6.15240383198241059 51.15175325134549666, 6.15240383198241059 51.15175325134549666)))</t>
  </si>
  <si>
    <t>MultiPolygon (((6.11985158312176125 51.14057685924328212, 6.11969819481393973 51.14044846590687854, 6.11921416520238282 51.14030205965480746, 6.1182335279529827 51.14157483559887396, 6.11985158312176125 51.14057685924328212, 6.11985158312176125 51.14057685924328212)),((6.11704161860612139 51.14109842334771372, 6.11890653444933541 51.14029748799911346, 6.11205214266002894 51.14005994269916044, 6.1128723196891066 51.1417676002263164, 6.11704161860612139 51.14109842334771372, 6.11704161860612139 51.14109842334771372)))</t>
  </si>
  <si>
    <t>MultiPolygon (((6.0968436917861224 51.13964569799917115, 6.09681900914517172 51.13785873976125629, 6.09381362828726481 51.13642600013038475, 6.09152738162113039 51.13850817910304869, 6.09429018400918476 51.13856209363434147, 6.0968436917861224 51.13964569799917115, 6.0968436917861224 51.13964569799917115)))</t>
  </si>
  <si>
    <t>MultiPolygon (((6.07132492985269323 51.1368778047629462, 6.07407275601744612 51.13690563549432966, 6.07831458098103372 51.13477284166502557, 6.08425853366428182 51.13483844962603087, 6.08725801716043602 51.13669750735766684, 6.08524822259317677 51.13380328188103618, 6.08150485941400731 51.13048859389671463, 6.07754239404857355 51.13119356941500371, 6.06994343841255724 51.12767218312840356, 6.06640454359586467 51.12979826058816002, 6.06514076249794343 51.13373875337101992, 6.06633585720108393 51.13607655330556412, 6.07132492985269323 51.1368778047629462, 6.07132492985269323 51.1368778047629462)))</t>
  </si>
  <si>
    <t>MultiPolygon (((6.05000448956497117 51.1721491342987207, 6.04813928150958091 51.17484500971543326, 6.05707098354845552 51.17570380709000943, 6.05460282599783639 51.17970362604321366, 6.05528459804765085 51.18436188808969689, 6.0610349836573354 51.18356335158524217, 6.06659072992434201 51.1840525485301896, 6.0731414352333033 51.18282475160685863, 6.07851503872184473 51.17719182087839869, 6.0821901733457242 51.17163352241541929, 6.08999680293230039 51.17035513084900344, 6.09370202134991512 51.17040514126990303, 6.09583732097564024 51.17111767771266528, 6.09968565525916073 51.16983274492280742, 6.10210341780511811 51.17180373593905784, 6.10749145326094389 51.17270032707816085, 6.112700545552471 51.17486361879813472, 6.11555303538982464 51.17788042962309447, 6.12240586321082603 51.18130281677334636, 6.16517040844289355 51.19441412079475384, 6.18072425307288764 51.18635850053580327, 6.13880167602359528 51.17333922999920759, 6.14589064816144504 51.17049083992035463, 6.13961337271581975 51.16471481623568707, 6.14032445619368161 51.16200935449711551, 6.13197058107667292 51.16011018336084959, 6.1190380095454131 51.16126902020755551, 6.10959175818585276 51.16092211402420276, 6.10634236478208958 51.15876585282742184, 6.09081443272874967 51.15179509282404524, 6.08180614782345508 51.14876753455307323, 6.07387646610312437 51.14835978929078664, 6.07258888792306095 51.14734098126493933, 6.071445086919951 51.14393364845739853, 6.06896785159883212 51.14220567488458613, 6.06645994761990881 51.1419590623541751, 6.0657195512615365 51.14303964153895521, 6.05429954838525042 51.14699098847626857, 6.04890452969613968 51.14651805016801944, 6.04444642096953277 51.14395811555279181, 6.04368312381265227 51.14496285288795718, 6.04322895460046894 51.15067174440076059, 6.04093279576870401 51.15531519463451815, 6.04006699517585854 51.1595346878740358, 6.04785461832668325 51.16126604483306295, 6.05562643092201647 51.16211238861516364, 6.05486388520646113 51.16243792438777405, 6.05657388798716312 51.16355535371847907, 6.06356592384703585 51.16552430157661746, 6.06007497798157146 51.17091259990419161, 6.05000448956497117 51.1721491342987207, 6.05000448956497117 51.1721491342987207),(6.06353550486247883 51.1699173615664904, 6.06225293154107003 51.1698430672369895, 6.06504442360672424 51.16430987373119876, 6.07261046417729844 51.16646269107823741, 6.07066318386781045 51.16924725179534761, 6.06353550486247883 51.1699173615664904, 6.06353550486247883 51.1699173615664904),(6.09362387518688298 51.16032914948782917, 6.09264707866784505 51.15873964401549046, 6.09389241391720304 51.15765095730200329, 6.09731218427977417 51.15670757550386583, 6.09891957432869791 51.1571857075821228, 6.09707709212098425 51.15999370078642272, 6.09362387518688298 51.16032914948782917, 6.09362387518688298 51.16032914948782917),(6.05336726391065572 51.16024354182761869, 6.05210396937174977 51.16024405657577745, 6.05282845269111558 51.1584200669654976, 6.05721059604662582 51.15800138329055358, 6.05688201220352074 51.15558452363644193, 6.05450110788218687 51.15421572396991934, 6.05306788557856379 51.15225296938962174, 6.05452284136100705 51.15043170778422166, 6.06276676913415713 51.15125804363047024, 6.06483928908243364 51.15103371833852464, 6.06998108966612104 51.14877191395052591, 6.06958651602262478 51.15088382004375234, 6.07060109682077709 51.15169358296363811, 6.07346833768926153 51.1489347330033155, 6.0776533621696105 51.15210065998861921, 6.079615298426706 51.15574150782396146, 6.07418247175059456 51.15900120445619592, 6.07097165651671133 51.15985693228566333, 6.06719169010479931 51.1598860366272703, 6.0651224219265174 51.15708490386983698, 6.0655724975992138 51.15644148243052314, 6.06249639265014473 51.1559551881072494, 6.05964703456237164 51.15765816552853806, 6.0579303637168973 51.15995292742648815, 6.05336726391065572 51.16024354182761869, 6.05336726391065572 51.16024354182761869)))</t>
  </si>
  <si>
    <t>MultiPolygon (((6.09362387518688298 51.16032914948782917, 6.09707709212098425 51.15999370078642272, 6.09891957432869791 51.1571857075821228, 6.09731218427977417 51.15670757550386583, 6.09389241391720304 51.15765095730200329, 6.09264707866784505 51.15873964401549046, 6.09362387518688298 51.16032914948782917, 6.09362387518688298 51.16032914948782917)))</t>
  </si>
  <si>
    <t>MultiPolygon (((6.06353550486247883 51.1699173615664904, 6.07066318386781045 51.16924725179534761, 6.07261046417729844 51.16646269107823741, 6.06504442360672424 51.16430987373119876, 6.06225293154107003 51.1698430672369895, 6.06353550486247883 51.1699173615664904, 6.06353550486247883 51.1699173615664904)))</t>
  </si>
  <si>
    <t>MultiPolygon (((6.05336726391065572 51.16024354182761869, 6.0579303637168973 51.15995292742648815, 6.05964703456237164 51.15765816552853806, 6.06249639265014473 51.1559551881072494, 6.0655724975992138 51.15644148243052314, 6.0651224219265174 51.15708490386983698, 6.06719169010479931 51.1598860366272703, 6.07097165651671133 51.15985693228566333, 6.07418247175059456 51.15900120445619592, 6.079615298426706 51.15574150782396146, 6.0776533621696105 51.15210065998861921, 6.07346833768926153 51.1489347330033155, 6.07060109682077709 51.15169358296363811, 6.06958651602262478 51.15088382004375234, 6.06998108966612104 51.14877191395052591, 6.06483928908243364 51.15103371833852464, 6.06276676913415713 51.15125804363047024, 6.05452284136100705 51.15043170778422166, 6.05306788557856379 51.15225296938962174, 6.05450110788218687 51.15421572396991934, 6.05688201220352074 51.15558452363644193, 6.05721059604662582 51.15800138329055358, 6.05282845269111558 51.1584200669654976, 6.05210396937174977 51.16024405657577745, 6.05336726391065572 51.16024354182761869, 6.05336726391065572 51.16024354182761869)))</t>
  </si>
  <si>
    <t>MultiPolygon (((6.03604969928213819 51.14191457588266587, 6.04031611945377023 51.14123652918868856, 6.04264933362983303 51.1410617067039226, 6.04465341932495104 51.13924805895116066, 6.04404893470488513 51.13719016106239934, 6.05588531247121065 51.13727128334079453, 6.05633057710915335 51.13653047472372037, 6.0534486634589344 51.13503210803898469, 6.05191653587243117 51.13496476249191147, 6.05204253140955295 51.12850466006544536, 6.05324194957108386 51.12850212607748546, 6.05475976435978858 51.12592268476659285, 6.0523169473805245 51.12544276880777971, 6.0663164124580149 51.11989365794718765, 6.06889411193081685 51.1180931767935931, 6.06240099106833163 51.11685326652406758, 6.06029332360442297 51.11592644094266547, 6.05757536571278443 51.11355731748452769, 6.05708281281346661 51.11469012702830383, 6.05412394825571099 51.11577952483251863, 6.04822682700133996 51.11390005551184856, 6.04801011073144501 51.11309248910216496, 6.04999498214139297 51.1123390620797764, 6.05301873835269699 51.11333941236837575, 6.05664670396818128 51.11244023730605335, 6.05523791694177316 51.110742254978625, 6.05683203341730536 51.10954956069814159, 6.04468619872583623 51.10130039797434875, 6.04056991680888622 51.10518395710664663, 6.04294343627490349 51.10120252449239331, 6.03646308443582402 51.09653142290106587, 6.03046913411582697 51.10174134803290258, 6.02917769834794104 51.10489233604287307, 6.03365939198779611 51.10581842706759659, 6.03473021419624001 51.10752896603241879, 6.03272412881031972 51.10721441618151317, 6.029311787002821 51.10858760776533671, 6.02671994631720676 51.10808105103077281, 6.0282138126057534 51.10715573401640199, 6.02397464527980286 51.10663571020931784, 6.02263960830546718 51.10906263934226956, 6.02421693423839688 51.10987010502688577, 6.02198315552602015 51.11337131681310808, 6.01316049431698918 51.11677967377607956, 6.01394824737737288 51.11792553983593024, 6.0007656711955395 51.11413613583783189, 5.99770361600839408 51.1188365882489606, 5.99933108230631174 51.1227289470459354, 6.00202730881165003 51.12301299647592856, 6.00598380789047415 51.12652043557731929, 6.00692897268567716 51.12576190760327677, 6.00881333475647139 51.12674584532685884, 6.0094838146952787 51.12665426842935545, 6.01069838219120189 51.12762163823811079, 6.01787808846138716 51.13162935587503455, 6.01659035336103543 51.13152416190310134, 6.01537466147286448 51.13383061276275754, 6.015999869674582 51.13460144275961738, 6.01770876070730143 51.13515491338228003, 6.01929003616767844 51.13409710761855109, 6.02701657665411084 51.13589836640185382, 6.02717584856074406 51.13858970939030257, 6.03561727503214662 51.14091793323885327, 6.03604969928213819 51.14191457588266587, 6.03604969928213819 51.14191457588266587),(6.04066961190083695 51.1364885950678385, 6.03580684867893336 51.13473899428367275, 6.03821692780696218 51.13421780374311254, 6.04402661668495345 51.13470739564507284, 6.04366033109984802 51.13643664738157923, 6.04066961190083695 51.1364885950678385, 6.04066961190083695 51.1364885950678385),(6.02813951483948873 51.1243731347229371, 6.03094002265550877 51.12186216654421855, 6.03645074301433038 51.12091766558950923, 6.03679803237572443 51.12007427724594777, 6.03571569413443143 51.1184312562640315, 6.03389956639686265 51.11755627609232988, 6.03030734068660124 51.11702882268649262, 6.02905836471148149 51.11549272550248446, 6.02984005280193003 51.11474938495518927, 6.03805485967114297 51.11377313395725253, 6.0409890877559338 51.11482255211303993, 6.04395236568504668 51.11844417425556486, 6.04249851443460173 51.11932061126446314, 6.04508708312311693 51.12106690190199032, 6.04710520741712543 51.12096698433711595, 6.04632260819694256 51.12228525093684794, 6.04222450468905414 51.12423775766575318, 6.03968076792376518 51.12413840020843736, 6.03577572810333596 51.12509017388303079, 6.03370401365210007 51.12742709377020844, 6.02626556013450454 51.13002940008512098, 6.01978020275501624 51.13176964433813509, 6.01833617203162063 51.13145896044981242, 6.01635162632654907 51.12791117102763394, 6.01733310401022514 51.12704025901243909, 6.02813951483948873 51.1243731347229371, 6.02813951483948873 51.1243731347229371)))</t>
  </si>
  <si>
    <t>MultiPolygon (((6.05757536571278443 51.11355731748452769, 6.05737218876329919 51.11331510077772577, 6.05664670396818128 51.11244023730605335, 6.05301873835269699 51.11333941236837575, 6.04999498214139297 51.1123390620797764, 6.04801011073144501 51.11309248910216496, 6.04822682700133996 51.11390005551184856, 6.05412394825571099 51.11577952483251863, 6.05708281281346661 51.11469012702830383, 6.05757536571278443 51.11355731748452769, 6.05757536571278443 51.11355731748452769)))</t>
  </si>
  <si>
    <t>MultiPolygon (((6.04468619872583623 51.10130039797434875, 6.04440080911514777 51.10111945004919676, 6.04294343627490349 51.10120252449239331, 6.04056991680888622 51.10518395710664663, 6.04468619872583623 51.10130039797434875, 6.04468619872583623 51.10130039797434875)),((6.03272412881031972 51.10721441618151317, 6.03473021419624001 51.10752896603241879, 6.03365939198779611 51.10581842706759659, 6.02917769834794104 51.10489233604287307, 6.02843853460619528 51.10633963365008725, 6.0282138126057534 51.10715573401640199, 6.02671994631720676 51.10808105103077281, 6.029311787002821 51.10858760776533671, 6.03272412881031972 51.10721441618151317, 6.03272412881031972 51.10721441618151317)))</t>
  </si>
  <si>
    <t>MultiPolygon (((6.04066961190083695 51.1364885950678385, 6.04366033109984802 51.13643664738157923, 6.04402661668495345 51.13470739564507284, 6.03821692780696218 51.13421780374311254, 6.03580684867893336 51.13473899428367275, 6.04066961190083695 51.1364885950678385, 6.04066961190083695 51.1364885950678385)))</t>
  </si>
  <si>
    <t>MultiPolygon (((6.02813951483948873 51.1243731347229371, 6.01733310401022514 51.12704025901243909, 6.01635162632654907 51.12791117102763394, 6.01833617203162063 51.13145896044981242, 6.01978020275501624 51.13176964433813509, 6.02626556013450454 51.13002940008512098, 6.03370401365210007 51.12742709377020844, 6.03577572810333596 51.12509017388303079, 6.03968076792376518 51.12413840020843736, 6.04222450468905414 51.12423775766575318, 6.04632260819694256 51.12228525093684794, 6.04710520741712543 51.12096698433711595, 6.04508708312311693 51.12106690190199032, 6.04249851443460173 51.11932061126446314, 6.04395236568504668 51.11844417425556486, 6.0409890877559338 51.11482255211303993, 6.03805485967114297 51.11377313395725253, 6.02984005280193003 51.11474938495518927, 6.02905836471148149 51.11549272550248446, 6.03030734068660124 51.11702882268649262, 6.03389956639686265 51.11755627609232988, 6.03571569413443143 51.1184312562640315, 6.03679803237572443 51.12007427724594777, 6.03645074301433038 51.12091766558950923, 6.03094002265550877 51.12186216654421855, 6.02813951483948873 51.1243731347229371, 6.02813951483948873 51.1243731347229371)))</t>
  </si>
  <si>
    <t>MultiPolygon (((6.01479099986660959 51.16590822914869818, 6.01906798556214717 51.16434319789963325, 6.01811027507786367 51.1631459830536599, 6.01700263992223139 51.16430673191459277, 6.01293370577017861 51.164352501004565, 6.00634771865929817 51.16250714513368791, 6.00772191449223047 51.15802833917431514, 6.00646733191061521 51.15682421726149443, 6.00492194385205202 51.15649644795105644, 6.00463803196993062 51.15145994562511333, 6.00753506413198224 51.15354212546282753, 6.00726626273931785 51.15522950274950631, 6.01081450233201497 51.15607342013622372, 6.01221339995850101 51.15522559815669723, 6.01454823411250761 51.15489197475918814, 6.01884361199295448 51.15686236348243909, 6.02748965592317365 51.15929275686141864, 6.02921708772171794 51.15913953960136951, 6.03419549703679525 51.15537611795011941, 6.0364800813434174 51.15462070284440443, 6.03731181641729187 51.15544292306433505, 6.03406414655593704 51.15733140495674292, 6.03247856471378707 51.16087516959144921, 6.03564680153312416 51.16141525430860071, 6.03611522388251132 51.16090499182947582, 6.03738515898809869 51.16099297507124533, 6.03753680298183859 51.1613883892063086, 6.03987115679074371 51.16160092770934398, 6.0401149154396947 51.16054231316446277, 6.04785461832668325 51.16126604483306295, 6.04006699517585854 51.1595346878740358, 6.04093279576870401 51.15531519463451815, 6.04322895460046894 51.15067174440076059, 6.03283429061176069 51.14759378821982239, 6.02736418906991833 51.14890786879698936, 6.0213705067646206 51.14801881316272159, 6.01922730946878826 51.14929268651485472, 6.00856415218324802 51.14759466601476134, 6.0036513834180063 51.14878467620179237, 6.00355023183386916 51.14910004398601728, 6.00339140667001114 51.14879142165178649, 5.99904586363392678 51.14925091211620156, 6.00184893306360134 51.15258468626473132, 5.99750827750693194 51.15806361437124394, 5.99902309171101056 51.15964215225319833, 6.00062085414017954 51.1597182788653555, 6.00245357761061094 51.16175648031730816, 6.00198683295742264 51.16252217465808627, 6.00597049024327223 51.16316071435527135, 6.00611250477414238 51.16371084861548013, 6.0076869822198109 51.16393295261826069, 6.01345970399749952 51.16650833092823802, 6.01479099986660959 51.16590822914869818, 6.01479099986660959 51.16590822914869818)))</t>
  </si>
  <si>
    <t>MultiPolygon (((6.01293370577017861 51.164352501004565, 6.01700263992223139 51.16430673191459277, 6.01811027507786367 51.1631459830536599, 6.01906798556214717 51.16434319789963325, 6.02607638078078356 51.16402270424482879, 6.02762473463934167 51.16208111552175808, 6.02945876668635705 51.16112700584077544, 6.03247856471378707 51.16087516959144921, 6.03406414655593704 51.15733140495674292, 6.03731181641729187 51.15544292306433505, 6.0364800813434174 51.15462070284440443, 6.03419549703679525 51.15537611795011941, 6.02921708772171794 51.15913953960136951, 6.02748965592317365 51.15929275686141864, 6.01884361199295448 51.15686236348243909, 6.01454823411250761 51.15489197475918814, 6.01221339995850101 51.15522559815669723, 6.01081450233201497 51.15607342013622372, 6.00726626273931785 51.15522950274950631, 6.00753506413198224 51.15354212546282753, 6.00463803196993062 51.15145994562511333, 6.00492194385205202 51.15649644795105644, 6.00646733191061521 51.15682421726149443, 6.00772191449223047 51.15802833917431514, 6.00634771865929817 51.16250714513368791, 6.01293370577017861 51.164352501004565, 6.01293370577017861 51.164352501004565)))</t>
  </si>
  <si>
    <t>MultiPolygon (((5.98356663740662942 51.17622935356700964, 5.98466433916092733 51.17469664624422165, 5.98769035822156859 51.17519238197123599, 5.98902018573108919 51.17345297046567509, 5.98618044966694995 51.17039897057952658, 5.98682615814798691 51.16938669709038834, 5.98989465951334576 51.17065782293200016, 5.99254938704249174 51.17022627235743926, 5.99128724000044777 51.16852494429389964, 5.99156671028028409 51.16756185722357486, 5.99455075588956099 51.16614562672002364, 5.99504905675284849 51.16850207329501643, 5.9979208720602033 51.16816764758694802, 5.99755552669617931 51.1659171955676797, 5.99933495524849114 51.16420455979667992, 5.99918850900430467 51.16216611471041631, 6.00198683295742264 51.16252217465808627, 6.00245357761061094 51.16175648031730816, 6.00062085414017954 51.1597182788653555, 5.99902309171101056 51.15964215225319833, 5.99750827750693194 51.15806361437124394, 6.00184893306360134 51.15258468626473132, 5.99904586363392678 51.14925091211620156, 6.00339140667001114 51.14879142165178649, 5.99060633065589787 51.1419590724051929, 5.98898726186956498 51.14056289154857637, 5.98979665126875815 51.13863717904168738, 5.99172797556545511 51.13960965372612577, 6.00003815378848326 51.13836661082725499, 6.00738238901002131 51.13909212580228569, 6.00760732376688456 51.1383588592970284, 6.01085126879421949 51.1396941628931927, 6.00703347963400347 51.14311233550255054, 6.0036513834180063 51.14878467620179237, 6.00856415218324802 51.14759466601476134, 6.01922730946878826 51.14929268651485472, 6.0213705067646206 51.14801881316272159, 6.02736418906991833 51.14890786879698936, 6.03283429061176069 51.14759378821982239, 6.04322895460046894 51.15067174440076059, 6.04368312381265227 51.14496285288795718, 6.0428580550918678 51.14495757030373113, 6.04221167642959056 51.1427254665790656, 6.04091462327989426 51.14255376009537457, 6.03536706203809903 51.14347402973556456, 6.03210356726037844 51.14318413944178587, 6.03604969928213819 51.14191457588266587, 6.03561727503214662 51.14091793323885327, 6.02717584856074406 51.13858970939030257, 6.02701657665411084 51.13589836640185382, 6.01929003616767844 51.13409710761855109, 6.01770876070730143 51.13515491338228003, 6.015999869674582 51.13460144275961738, 6.01537466147286448 51.13383061276275754, 6.01659035336103543 51.13152416190310134, 6.01787808846138716 51.13162935587503455, 6.01069838219120189 51.12762163823811079, 6.00861182732703636 51.1300220247553483, 6.0039818463172745 51.1299286828811077, 6.00881333475647139 51.12674584532685884, 6.00692897268567716 51.12576190760327677, 6.00598380789047415 51.12652043557731929, 6.00202730881165003 51.12301299647592856, 5.99933108230631174 51.1227289470459354, 5.99770361600839408 51.1188365882489606, 5.99090317060081023 51.12040918877744389, 5.98480671461508518 51.12065508132806002, 5.98298873054236591 51.11809483434329593, 5.98206536596612359 51.11860875210336985, 5.9799119251675803 51.12225092580412422, 5.98101564222993787 51.12337569482487964, 5.9840689899760422 51.12399651732719263, 5.9864560107793956 51.12654511953927994, 5.98599229574871661 51.12711962606305605, 5.98123882437834364 51.1298502212363033, 5.98040470376361455 51.13123497076793456, 5.97151161344981141 51.13288695462944133, 5.96493370642142917 51.13302097671413549, 5.96493290309047186 51.13254455588094061, 5.95761524735583592 51.13323897027099463, 5.96037749732683331 51.13537715430398833, 5.96544776726628179 51.13667634706349929, 5.95529352393151168 51.14382893589296231, 5.95167173262115679 51.1453369445109729, 5.95022843398815215 51.14190758269298698, 5.94875060602958339 51.14231668608719872, 5.94344567794507572 51.1514966720573625, 5.95547751840992223 51.15904447230959562, 5.97473782355839145 51.17089631181679721, 5.98356663740662942 51.17622935356700964, 5.98356663740662942 51.17622935356700964),(5.98575971028021936 51.17165186252019282, 5.98409437795591703 51.16953161143985795, 5.99344602861150477 51.16431251118817158, 5.99370507195075497 51.16509418987742919, 5.99104810629813844 51.16791175434002525, 5.9858196564194257 51.16875750905655451, 5.98519045492258961 51.17045406836265897, 5.98575971028021936 51.17165186252019282, 5.98575971028021936 51.17165186252019282)))</t>
  </si>
  <si>
    <t>MultiPolygon (((6.03604969928213819 51.14191457588266587, 6.03210356726037844 51.14318413944178587, 6.03536706203809903 51.14347402973556456, 6.04091462327989426 51.14255376009537457, 6.04031611945377023 51.14123652918868856, 6.03604969928213819 51.14191457588266587, 6.03604969928213819 51.14191457588266587)))</t>
  </si>
  <si>
    <t>MultiPolygon (((6.00881333475647139 51.12674584532685884, 6.0039818463172745 51.1299286828811077, 6.00861182732703636 51.1300220247553483, 6.01069838219120189 51.12762163823811079, 6.0094838146952787 51.12665426842935545, 6.00881333475647139 51.12674584532685884, 6.00881333475647139 51.12674584532685884)))</t>
  </si>
  <si>
    <t>MultiPolygon (((5.98575971028021936 51.17165186252019282, 5.98519045492258961 51.17045406836265897, 5.9858196564194257 51.16875750905655451, 5.99104810629813844 51.16791175434002525, 5.99370507195075497 51.16509418987742919, 5.99344602861150477 51.16431251118817158, 5.98409437795591703 51.16953161143985795, 5.98575971028021936 51.17165186252019282, 5.98575971028021936 51.17165186252019282)))</t>
  </si>
  <si>
    <t>MultiPolygon (((6.00339140667001114 51.14879142165178649, 6.00355023183386916 51.14910004398601728, 6.0036513834180063 51.14878467620179237, 6.00703347963400347 51.14311233550255054, 6.01085126879421949 51.1396941628931927, 6.00760732376688456 51.1383588592970284, 6.00738238901002131 51.13909212580228569, 6.00003815378848326 51.13836661082725499, 5.99172797556545511 51.13960965372612577, 5.98979665126875815 51.13863717904168738, 5.98898726186956498 51.14056289154857637, 5.99060633065589787 51.1419590724051929, 6.00339140667001114 51.14879142165178649, 6.00339140667001114 51.14879142165178649)))</t>
  </si>
  <si>
    <t>MultiPolygon (((5.93025913497000445 51.14343285962663543, 5.94344567794507572 51.1514966720573625, 5.94875060602958339 51.14231668608719872, 5.95022843398815215 51.14190758269298698, 5.95167173262115679 51.1453369445109729, 5.95529352393151168 51.14382893589296231, 5.96544776726628179 51.13667634706349929, 5.96037749732683331 51.13537715430398833, 5.95761524735583592 51.13323897027099463, 5.96493290309047186 51.13254455588094061, 5.96493370642142917 51.13302097671413549, 5.97151161344981141 51.13288695462944133, 5.98040470376361455 51.13123497076793456, 5.98123882437834364 51.1298502212363033, 5.98599229574871661 51.12711962606305605, 5.9864560107793956 51.12654511953927994, 5.9840689899760422 51.12399651732719263, 5.98101564222993787 51.12337569482487964, 5.9799119251675803 51.12225092580412422, 5.98206536596612359 51.11860875210336985, 5.97848848222818496 51.11584287031056562, 5.97608077435676943 51.11709135864538922, 5.97212628967580272 51.11469440687638155, 5.96532901055163123 51.11844218312456434, 5.96177542851914044 51.11703988789736286, 5.96260250227576982 51.11648816196404255, 5.95605637300311042 51.11478265697601842, 5.95656919671236196 51.1138221601331324, 5.95423522511177694 51.11319949625351455, 5.95335029813952854 51.11452533953897159, 5.95156699574301129 51.1129312135394116, 5.94808881999673034 51.11258139540633749, 5.94751839403112648 51.11334250535666257, 5.94347960596191616 51.11288618150536678, 5.94042610274216099 51.11269301976352608, 5.94134053530425454 51.11382670487375179, 5.94050029455399375 51.11432874751471189, 5.92675475252796602 51.11377402986512664, 5.92582452679743366 51.11429798455866091, 5.92066456471604319 51.11875292231555079, 5.91437239028850925 51.12829652812489201, 5.91638653540376858 51.13045185676877935, 5.91388826989972394 51.13319992157232008, 5.93025913497000445 51.14343285962663543, 5.93025913497000445 51.14343285962663543),(5.94394234004075983 51.12268964656098547, 5.94885718641977057 51.1213427974436172, 5.95305363855447123 51.11884198841488569, 5.95512044797343254 51.11859826091892245, 5.95585084297862544 51.12644266970600881, 5.95472777192466474 51.12808176808572114, 5.94954653411933077 51.12844736099934551, 5.94860400630381836 51.1301776523402296, 5.95281785579505218 51.13175766450500959, 5.95465732535636505 51.13083847283265015, 5.95690931885368524 51.13153446099570232, 5.954828478081164 51.13469975122627886, 5.9526395503780174 51.13547931051094508, 5.95059779482279883 51.13272878803466881, 5.94873478699491187 51.13201975815113087, 5.94649364326002861 51.13241356154973971, 5.94531811002510757 51.13377205857815966, 5.94048396464065842 51.13533365125883989, 5.93728352038210261 51.13459021033087737, 5.93881013998915286 51.13185348633709282, 5.93408955540940042 51.1293835433299364, 5.93727459680812508 51.12699130010754089, 5.94087176742762502 51.12773594017509993, 5.94364434777904282 51.12633208922627404, 5.94309377825874829 51.12447000248822349, 5.94394234004075983 51.12268964656098547, 5.94394234004075983 51.12268964656098547)))</t>
  </si>
  <si>
    <t>MultiPolygon (((5.94394234004075983 51.12268964656098547, 5.94309377825874829 51.12447000248822349, 5.94364434777904282 51.12633208922627404, 5.94087176742762502 51.12773594017509993, 5.93727459680812508 51.12699130010754089, 5.93408955540940042 51.1293835433299364, 5.93881013998915286 51.13185348633709282, 5.93728352038210261 51.13459021033087737, 5.94048396464065842 51.13533365125883989, 5.94531811002510757 51.13377205857815966, 5.94649364326002861 51.13241356154973971, 5.94873478699491187 51.13201975815113087, 5.95059779482279883 51.13272878803466881, 5.9526395503780174 51.13547931051094508, 5.954828478081164 51.13469975122627886, 5.95690931885368524 51.13153446099570232, 5.95465732535636505 51.13083847283265015, 5.95281785579505218 51.13175766450500959, 5.94860400630381836 51.1301776523402296, 5.94954653411933077 51.12844736099934551, 5.95472777192466474 51.12808176808572114, 5.95585084297862544 51.12644266970600881, 5.95512044797343254 51.11859826091892245, 5.95305363855447123 51.11884198841488569, 5.94885718641977057 51.1213427974436172, 5.94394234004075983 51.12268964656098547, 5.94394234004075983 51.12268964656098547)))</t>
  </si>
  <si>
    <t>MultiPolygon (((5.1947493620262124 51.39995521663458078, 5.19992102449233773 51.3917074238552658, 5.20095936740630904 51.39006596995081821, 5.19740259043180686 51.38401788247966806, 5.19926882133982282 51.38230810193026343, 5.19301417914158847 51.37826408512702159, 5.18850837132463827 51.37762045454621074, 5.18798771638629308 51.37451314152109916, 5.18541463411384296 51.37584075885717994, 5.1832157379460746 51.37578613424788898, 5.18305799488558527 51.37787509063053903, 5.15408173971341466 51.37787386530319367, 5.15560076908554876 51.386524056127584, 5.15540239001387324 51.38823854463260687, 5.15964681164006667 51.38953510024053628, 5.16113315024399544 51.39111270360947259, 5.16237306282994712 51.39433755879428389, 5.16190211547134314 51.39832848810376476, 5.17165202559276427 51.39953089307989131, 5.17520755094794271 51.39883544283106431, 5.17896989300830324 51.3996843498999354, 5.1947493620262124 51.39995521663458078),(5.17768982453631477 51.3900983915985492, 5.17438920224438714 51.38938286959281498, 5.17064963837391645 51.38998665972006563, 5.16825100886252287 51.38779145983830432, 5.17171774649025728 51.38560663137558748, 5.17831780073651604 51.38610206189454033, 5.1838629872967612 51.38740820183961233, 5.18403863048675273 51.39089376445505053, 5.18278424493211087 51.39175220431171454, 5.17721080010202961 51.39165482651984718, 5.17768982453631477 51.3900983915985492)))</t>
  </si>
  <si>
    <t>MultiPolygon (((5.18403863048675273 51.39089376445505053, 5.1838629872967612 51.38740820183961233, 5.17831780073651604 51.38610206189454033, 5.17171774649025728 51.38560663137558748, 5.16825100886252287 51.38779145983830432, 5.17064963837391645 51.38998665972006563, 5.17438920224438714 51.38938286959281498, 5.17768982453631477 51.3900983915985492, 5.17721080010202961 51.39165482651984718, 5.18278424493211087 51.39175220431171454, 5.18403863048675273 51.39089376445505053, 5.18403863048675273 51.39089376445505053)))</t>
  </si>
  <si>
    <t>MultiPolygon (((5.17076562810326745 51.42973308173785085, 5.17345833374028086 51.42824021885796526, 5.1781535198492179 51.4302610236911093, 5.18498078773134718 51.42876402625833521, 5.190182475330543 51.430112399961736, 5.19102000043438938 51.43021582322780461, 5.19085153469591365 51.41821086989811107, 5.1947493620262124 51.39995521663458078, 5.17896989300830324 51.3996843498999354, 5.17520755094794271 51.39883544283106431, 5.17165202559276427 51.39953089307989131, 5.16190211547134314 51.39832848810376476, 5.16237306282994712 51.39433755879428389, 5.16113315024399544 51.39111270360947259, 5.15964681164006667 51.38953510024053628, 5.15540239001387324 51.38823854463260687, 5.15560076908554876 51.386524056127584, 5.14993185023509437 51.38682979804151785, 5.14692866077128297 51.39242447550209647, 5.14667264777825473 51.39602056421277609, 5.14295995402716777 51.39944654740936869, 5.14289424836130138 51.40207449028945064, 5.153954431833494 51.39524518491430882, 5.15487656662058669 51.39558326009096589, 5.15350922050194971 51.40612430798093158, 5.14904942086567985 51.412230994791841, 5.14686495823634971 51.41186078737141685, 5.14107299753656832 51.40590182838703726, 5.13233690973120193 51.40396313491779523, 5.12707969898797522 51.40199086428829389, 5.11701502831911181 51.4103716151320782, 5.10882646247406758 51.41250713486446955, 5.10004638186092407 51.41782404328891687, 5.09545642884343675 51.42250067282098769, 5.10202055608136096 51.42892272815990395, 5.11945911329330183 51.42827483526125576, 5.15249981351796471 51.42896854750130586, 5.15321152992754339 51.42835432142059204, 5.15794824978956346 51.4288308553323148, 5.15855321701731828 51.43217425172349522, 5.17076562810326745 51.42973308173785085, 5.17076562810326745 51.42973308173785085)))</t>
  </si>
  <si>
    <t>MultiPolygon (((5.14289424836130138 51.40207449028945064, 5.14186754209727592 51.40351249956314206, 5.14107299753656832 51.40590182838703726, 5.14686495823634971 51.41186078737141685, 5.14904942086567985 51.412230994791841, 5.15350922050194971 51.40612430798093158, 5.15487656662058669 51.39558326009096589, 5.153954431833494 51.39524518491430882, 5.14289424836130138 51.40207449028945064, 5.14289424836130138 51.40207449028945064)))</t>
  </si>
  <si>
    <t>MultiPolygon (((5.14289424836130138 51.40207449028945064, 5.14295995402716777 51.39944654740936869, 5.14667264777825473 51.39602056421277609, 5.14692866077128297 51.39242447550209647, 5.14993185023509437 51.38682979804151785, 5.15560076908554876 51.386524056127584, 5.15408173971341466 51.37787386530319367, 5.1509446608998104 51.37819283286764005, 5.14729320845901839 51.3768775170779648, 5.12816211865346094 51.36469363440827607, 5.11657038338445336 51.36111800201479127, 5.07118169499308458 51.39348746783898747, 5.09545642884343675 51.42250067282098769, 5.10004638186092407 51.41782404328891687, 5.10882646247406758 51.41250713486446955, 5.11701502831911181 51.4103716151320782, 5.12707969898797522 51.40199086428829389, 5.13233690973120193 51.40396313491779523, 5.14107299753656832 51.40590182838703726, 5.14186754209727592 51.40351249956314206, 5.14289424836130138 51.40207449028945064, 5.14289424836130138 51.40207449028945064),(5.13320024596627533 51.39114342860285944, 5.12727559995419568 51.39180003840218802, 5.12120254140959741 51.38834618651434027, 5.1137611594698269 51.38729892419550538, 5.1190673844755521 51.38103541324668555, 5.12296139956909524 51.38355918321627058, 5.12810827877927977 51.38470611204024863, 5.13778294484594067 51.38120278154782028, 5.13972384282920203 51.38407235695621722, 5.13664279647009536 51.39085593000523033, 5.13320024596627533 51.39114342860285944, 5.13320024596627533 51.39114342860285944)))</t>
  </si>
  <si>
    <t>MultiPolygon (((5.13320024596627533 51.39114342860285944, 5.13664279647009536 51.39085593000523033, 5.13972384282920203 51.38407235695621722, 5.13778294484594067 51.38120278154782028, 5.12810827877927977 51.38470611204024863, 5.12296139956909524 51.38355918321627058, 5.1190673844755521 51.38103541324668555, 5.1137611594698269 51.38729892419550538, 5.12120254140959741 51.38834618651434027, 5.12727559995419568 51.39180003840218802, 5.13320024596627533 51.39114342860285944, 5.13320024596627533 51.39114342860285944)))</t>
  </si>
  <si>
    <t>MultiPolygon (((5.19191362579529336 51.35627376931224575, 5.19233940288431661 51.3507374346788481, 5.19449448152017457 51.35107553234752942, 5.1962928481171593 51.34984214305271166, 5.19606857229211538 51.34799572155173308, 5.19386524489953683 51.34522611742541187, 5.20469776620375058 51.32543849994598162, 5.20025505628071993 51.32266121556907734, 5.19656472966708538 51.32035924056069121, 5.19055625808593302 51.32007015675763029, 5.17306275542151095 51.31577164223131859, 5.16263976815815528 51.31031660535700212, 5.13435325286525757 51.31550045607374244, 5.13171090311670053 51.34677451030837148, 5.13924810436303936 51.34812365165350911, 5.14132713390200635 51.34641850676229069, 5.14554123779890915 51.34750681284698004, 5.14665951462219429 51.34694451852157471, 5.14632670652631763 51.34583568574306867, 5.14832253762821157 51.34264316687777807, 5.15019888175071827 51.34311188461780517, 5.15797832963593716 51.34300159902692684, 5.15929837348317921 51.34478311648869919, 5.16785605242949497 51.34644700312463783, 5.17598127989516588 51.35490609161809772, 5.18510568967978447 51.35721439237847363, 5.18660575627620268 51.3615029262852687, 5.19194254955496781 51.36146788169688193, 5.19191362579529336 51.35627376931224575)))</t>
  </si>
  <si>
    <t>MultiPolygon (((5.19065907645773628 51.37190508017135926, 5.1921018481765886 51.36676934401187111, 5.19060479328942037 51.36622676883302319, 5.19213796768508207 51.36479671840928063, 5.19742302857489769 51.36272470041676996, 5.19539179296822784 51.36229149820351125, 5.19642476919674667 51.36158727379377353, 5.19194254955496781 51.36146788169688193, 5.18660575627620268 51.3615029262852687, 5.18667560811505801 51.36291596384157288, 5.17750430195270273 51.36298466415850328, 5.17510457625752984 51.36338706481164706, 5.1736798876466894 51.36882349599398623, 5.16835483814770402 51.36738750455516112, 5.16360866029476373 51.36757737717240246, 5.16499832372150358 51.36997087312443711, 5.16454960632465987 51.37104602260091468, 5.15442511589856522 51.37148636408008429, 5.1553330489597613 51.36851598906736172, 5.15464604454084085 51.36833119495365452, 5.15408861798999496 51.36896154128439917, 5.15089365007693267 51.36861803289328776, 5.14335606144976598 51.3659353844553479, 5.14433588232105521 51.36259726589239705, 5.14714407463967305 51.36152611661248102, 5.1477691316549663 51.35954987774844227, 5.14030433524933272 51.35640903264079782, 5.13501413920667105 51.35325445408948042, 5.12628255759956453 51.35022839992006283, 5.11940177326254986 51.35563966554284576, 5.11657038338445336 51.36111800201479127, 5.12816211865346094 51.36469363440827607, 5.14729320845901839 51.3768775170779648, 5.1509446608998104 51.37819283286764005, 5.15408173971341466 51.37787386530319367, 5.18305799488558527 51.37787509063053903, 5.1832157379460746 51.37578613424788898, 5.18434701522358665 51.37476319830528837, 5.19065907645773628 51.37190508017135926)))</t>
  </si>
  <si>
    <t>MultiPolygon (((5.15464604454084085 51.36833119495365452, 5.15390034795557561 51.36812970502875686, 5.157064845628339 51.36111128938570403, 5.15512592666167002 51.35668048783376349, 5.15181130216038685 51.35608507906368203, 5.15344002598604334 51.35258442841783477, 5.15427218492763384 51.34897345954630765, 5.14702027034370424 51.34657869008874798, 5.14665951462219429 51.34694451852157471, 5.14554123779890915 51.34750681284698004, 5.14132713390200635 51.34641850676229069, 5.13924810436303936 51.34812365165350911, 5.13171090311670053 51.34677451030837148, 5.12628255759956453 51.35022839992006283, 5.13501413920667105 51.35325445408948042, 5.14030433524933272 51.35640903264079782, 5.1477691316549663 51.35954987774844227, 5.14714407463967305 51.36152611661248102, 5.14433588232105521 51.36259726589239705, 5.14335606144976598 51.3659353844553479, 5.15089365007693267 51.36861803289328776, 5.15408861798999496 51.36896154128439917, 5.15464604454084085 51.36833119495365452, 5.15464604454084085 51.36833119495365452)))</t>
  </si>
  <si>
    <t>MultiPolygon (((5.17750430195270273 51.36298466415850328, 5.18667560811505801 51.36291596384157288, 5.18660575627620268 51.3615029262852687, 5.18510568967978447 51.35721439237847363, 5.17598127989516588 51.35490609161809772, 5.16785605242949497 51.34644700312463783, 5.15929837348317921 51.34478311648869919, 5.15797832963593716 51.34300159902692684, 5.15019888175071827 51.34311188461780517, 5.14832253762821157 51.34264316687777807, 5.14632670652631763 51.34583568574306867, 5.14665951462219429 51.34694451852157471, 5.14702027034370424 51.34657869008874798, 5.15427218492763384 51.34897345954630765, 5.15344002598604334 51.35258442841783477, 5.16087627509521063 51.35339095503920959, 5.16895114267546596 51.35573924261153422, 5.17451496660331056 51.35808628490347871, 5.17611178186313481 51.35928834060731418, 5.17592792858007034 51.3611593514810707, 5.17750430195270273 51.36298466415850328, 5.17750430195270273 51.36298466415850328)))</t>
  </si>
  <si>
    <t>MultiPolygon (((5.15464604454084085 51.36833119495365452, 5.1553330489597613 51.36851598906736172, 5.15442511589856522 51.37148636408008429, 5.16454960632465987 51.37104602260091468, 5.16499832372150358 51.36997087312443711, 5.16360866029476373 51.36757737717240246, 5.16835483814770402 51.36738750455516112, 5.1736798876466894 51.36882349599398623, 5.17510457625752984 51.36338706481164706, 5.17750430195270273 51.36298466415850328, 5.17592792858007034 51.3611593514810707, 5.17611178186313481 51.35928834060731418, 5.17451496660331056 51.35808628490347871, 5.16895114267546596 51.35573924261153422, 5.16087627509521063 51.35339095503920959, 5.15344002598604334 51.35258442841783477, 5.15181130216038685 51.35608507906368203, 5.15512592666167002 51.35668048783376349, 5.157064845628339 51.36111128938570403, 5.15390034795557561 51.36812970502875686, 5.15464604454084085 51.36833119495365452, 5.15464604454084085 51.36833119495365452)))</t>
  </si>
  <si>
    <t>MultiPolygon (((5.58434098561170167 51.56273139131789662, 5.60741613883789913 51.55969302312963265, 5.61422513245431709 51.55460472135138872, 5.60497681278858106 51.55137007316535147, 5.58713109513655048 51.54924668651021591, 5.58935755862344497 51.54482297440849692, 5.58837808407330527 51.54337862069421305, 5.59015014559857981 51.53705092311555802, 5.59353747273443691 51.53451299828994792, 5.59479078828745635 51.53660232074662417, 5.59696174295982019 51.53698242229091875, 5.59793309676961304 51.53601804605624892, 5.5968753350210001 51.53355865544806136, 5.58514762581115409 51.52851403167283451, 5.56221925247718474 51.52487796301194578, 5.56054108641134359 51.51971199902182974, 5.55438093296231372 51.51898814219001821, 5.54791438368761192 51.53807588392162131, 5.54743734407268185 51.53773203260991664, 5.54304278415521967 51.54000069052650446, 5.54520734474052635 51.54168695904746045, 5.5379472527830691 51.5513187391640173, 5.5330830503272459 51.55780364187039311, 5.54523965181366219 51.55809640725418319, 5.55533722444392453 51.55852463133835784, 5.58434098561170167 51.56273139131789662, 5.58434098561170167 51.56273139131789662),(5.57518143280209166 51.54318282891522784, 5.57086659467556533 51.54381524912206913, 5.56747700615062513 51.54259105624330317, 5.56679031219904275 51.54027052030681233, 5.56344992389644855 51.53851159179453845, 5.56551384939427685 51.53674472015547536, 5.56773433230914883 51.53633176231858215, 5.57558852468501787 51.53880667419011274, 5.57595972216289049 51.54314926886328152, 5.57518143280209166 51.54318282891522784, 5.57518143280209166 51.54318282891522784)))</t>
  </si>
  <si>
    <t>MultiPolygon (((5.57518143280209166 51.54318282891522784, 5.57595972216289049 51.54314926886328152, 5.57558852468501787 51.53880667419011274, 5.56773433230914883 51.53633176231858215, 5.56551384939427685 51.53674472015547536, 5.56344992389644855 51.53851159179453845, 5.56679031219904275 51.54027052030681233, 5.56747700615062513 51.54259105624330317, 5.57086659467556533 51.54381524912206913, 5.57518143280209166 51.54318282891522784, 5.57518143280209166 51.54318282891522784)))</t>
  </si>
  <si>
    <t>MultiPolygon (((5.5968753350210001 51.53355865544806136, 5.59916099892467845 51.53321295922306433, 5.60139100420683267 51.53453752282362643, 5.60272337121290853 51.53650358352014393, 5.6089119957293736 51.53344737238421658, 5.61333211934981158 51.53314226876140225, 5.61816321151171216 51.53200754435540887, 5.61828205972605943 51.52792646061259063, 5.61940396323349045 51.52553044350600686, 5.61897569133551311 51.5222150434475239, 5.61242274749665171 51.52109923357915022, 5.60545605324327223 51.51795436057884103, 5.60450682897982588 51.51938420441553035, 5.60083720636038063 51.52275442064173916, 5.58921824000327394 51.52604332626145833, 5.58660571138509709 51.52356835545417368, 5.58793233745833628 51.52124476285072063, 5.58742692255485984 51.51859032892330958, 5.58234536537900627 51.51671103777735539, 5.58426103336818969 51.51354409426853209, 5.59206361304520172 51.51378318296715264, 5.61273935575517058 51.51426696077380285, 5.61383993525543978 51.5107182398449055, 5.60965384185582128 51.50921734337133273, 5.57993320230325907 51.49876008818117157, 5.57672985105789909 51.49945316655242067, 5.56655170208552441 51.50167244998326765, 5.55765244339943632 51.50936972429676786, 5.55438093296231372 51.51898814219001821, 5.56054108641134359 51.51971199902182974, 5.56221925247718474 51.52487796301194578, 5.58514762581115409 51.52851403167283451, 5.5968753350210001 51.53355865544806136, 5.5968753350210001 51.53355865544806136)))</t>
  </si>
  <si>
    <t>MultiPolygon (((5.60450682897982588 51.51938420441553035, 5.60545605324327223 51.51795436057884103, 5.61242274749665171 51.52109923357915022, 5.61897569133551311 51.5222150434475239, 5.61743821978535074 51.51892514734651485, 5.61165155958052342 51.5167926230535187, 5.61273935575517058 51.51426696077380285, 5.59206361304520172 51.51378318296715264, 5.59284209523575448 51.51495033803166024, 5.59457946068577883 51.51461496564438391, 5.59691723135154451 51.51542201418300237, 5.60275611415106933 51.51925430646893034, 5.60450682897982588 51.51938420441553035, 5.60450682897982588 51.51938420441553035)))</t>
  </si>
  <si>
    <t>MultiPolygon (((5.59206361304520172 51.51378318296715264, 5.58426103336818969 51.51354409426853209, 5.58234536537900627 51.51671103777735539, 5.58742692255485984 51.51859032892330958, 5.58793233745833628 51.52124476285072063, 5.58660571138509709 51.52356835545417368, 5.58921824000327394 51.52604332626145833, 5.60083720636038063 51.52275442064173916, 5.60450682897982588 51.51938420441553035, 5.60275611415106933 51.51925430646893034, 5.59691723135154451 51.51542201418300237, 5.59457946068577883 51.51461496564438391, 5.59284209523575448 51.51495033803166024, 5.59206361304520172 51.51378318296715264, 5.59206361304520172 51.51378318296715264)))</t>
  </si>
  <si>
    <t>MultiPolygon (((5.64499102323035462 51.53001882577713388, 5.66555695160803019 51.52785196338771101, 5.66512033658022585 51.53988179890292542, 5.66685557931469397 51.54066693572518432, 5.67739485177196102 51.5309124197557864, 5.6821742321998423 51.52764063114005921, 5.67837394634384918 51.52835725383615539, 5.67800535115125538 51.5274553099661361, 5.68047670006765415 51.52656538429839372, 5.6745386955310213 51.52577561883289547, 5.67673816559323186 51.5243542531067078, 5.68157559287567171 51.51838944951732202, 5.68452050571500411 51.5177792231641547, 5.68528892137451614 51.51516885610895002, 5.68407004624036105 51.51322780029305193, 5.68600501132585556 51.51273597302127882, 5.68414401659992574 51.50769997558053603, 5.68296123680242093 51.50447959962595945, 5.67266823550908939 51.5054415632987812, 5.66995176402659684 51.50413811144786536, 5.67510537129500303 51.49894749752939305, 5.66358513325812662 51.50225583384550987, 5.65640371545631737 51.50730927435273543, 5.65251647137246849 51.50401071672639119, 5.65266315876465342 51.50974735476896171, 5.65492812651595855 51.51005959371189391, 5.6550427683716622 51.51217335458560598, 5.65259499929346187 51.51507245538002167, 5.64981853906010301 51.51428239574164536, 5.64666676407432888 51.52012252841910822, 5.64314915384273696 51.5270330255486968, 5.64525461682302421 51.52897275000047728, 5.64499102323035462 51.53001882577713388, 5.64499102323035462 51.53001882577713388)))</t>
  </si>
  <si>
    <t>MultiPolygon (((5.61940396323349045 51.52553044350600686, 5.62173670966780126 51.52286100824352388, 5.62543904762671509 51.5206113174439011, 5.62987482889512325 51.51944629435113399, 5.63037905395437921 51.52078287099545406, 5.63798671490532222 51.51949487800595051, 5.63765199829892971 51.51848128165664775, 5.62883241264190204 51.51633753666342841, 5.63104749263458704 51.51386778949220968, 5.62907171717031307 51.51240787094308615, 5.6304421926400714 51.51176177215435814, 5.62905646294015582 51.51123375890772138, 5.62758077810921264 51.51067164526781283, 5.62572321326328062 51.50887294838690167, 5.62456740528816024 51.50872980091951803, 5.62368693313046997 51.50583189992384092, 5.63210390206137834 51.50443618334523421, 5.63832853811500279 51.50439991984102761, 5.64118993563626692 51.50587376817971119, 5.64300370848012278 51.50552290040400294, 5.64638542696360801 51.50209678090469367, 5.64415646338604482 51.50123840704826961, 5.64113884756663797 51.4983037106131647, 5.63482221739705214 51.49488316165783175, 5.63093910534061948 51.49511062568797826, 5.6269306232109555 51.49627512136891028, 5.62606600420743064 51.49828543649875456, 5.62203707062850189 51.49809054258598451, 5.618730597233208 51.49863892468454907, 5.61482846294974269 51.50044764434930045, 5.61056161875639781 51.50472582180562142, 5.61123779198262529 51.50797516842867196, 5.60965384185582128 51.50921734337133273, 5.61383993525543978 51.5107182398449055, 5.61273935575517058 51.51426696077380285, 5.61165155958052342 51.5167926230535187, 5.61743821978535074 51.51892514734651485, 5.61897569133551311 51.5222150434475239, 5.61940396323349045 51.52553044350600686, 5.61940396323349045 51.52553044350600686)))</t>
  </si>
  <si>
    <t>MultiPolygon (((5.64689021385285184 51.50718649078361722, 5.64838514980764028 51.5071207958043118, 5.64914005171262712 51.50544973960919748, 5.64688702039904111 51.50371265694309386, 5.64412163070007722 51.50537803076747423, 5.64689021385285184 51.50718649078361722, 5.64689021385285184 51.50718649078361722)))</t>
  </si>
  <si>
    <t>MultiPolygon (((5.62758077810921264 51.51067164526781283, 5.62905646294015582 51.51123375890772138, 5.6304421926400714 51.51176177215435814, 5.63253667589497553 51.51077453392599637, 5.6307470838661926 51.50934936441019829, 5.62758077810921264 51.51067164526781283, 5.62758077810921264 51.51067164526781283)))</t>
  </si>
  <si>
    <t>MultiPolygon (((5.63765199829892971 51.51848128165664775, 5.64666676407432888 51.52012252841910822, 5.64981853906010301 51.51428239574164536, 5.65259499929346187 51.51507245538002167, 5.6550427683716622 51.51217335458560598, 5.65492812651595855 51.51005959371189391, 5.65266315876465342 51.50974735476896171, 5.65251647137246849 51.50401071672639119, 5.65025361043514263 51.50374873535303522, 5.64638542696360801 51.50209678090469367, 5.64300370848012278 51.50552290040400294, 5.64118993563626692 51.50587376817971119, 5.63832853811500279 51.50439991984102761, 5.63210390206137834 51.50443618334523421, 5.62368693313046997 51.50583189992384092, 5.62456740528816024 51.50872980091951803, 5.62572321326328062 51.50887294838690167, 5.62758077810921264 51.51067164526781283, 5.6307470838661926 51.50934936441019829, 5.63253667589497553 51.51077453392599637, 5.6304421926400714 51.51176177215435814, 5.62907171717031307 51.51240787094308615, 5.63104749263458704 51.51386778949220968, 5.62883241264190204 51.51633753666342841, 5.63765199829892971 51.51848128165664775, 5.63765199829892971 51.51848128165664775),(5.64689021385285184 51.50718649078361722, 5.64412163070007722 51.50537803076747423, 5.64688702039904111 51.50371265694309386, 5.64914005171262712 51.50544973960919748, 5.64838514980764028 51.5071207958043118, 5.64689021385285184 51.50718649078361722, 5.64689021385285184 51.50718649078361722)))</t>
  </si>
  <si>
    <t>MultiPolygon (((5.63894010823231984 51.52384137085265792, 5.63998108044566226 51.51957568701789825, 5.63798671490532222 51.51949487800595051, 5.63037905395437921 51.52078287099545406, 5.62987482889512325 51.51944629435113399, 5.62543904762671509 51.5206113174439011, 5.62173670966780126 51.52286100824352388, 5.6271123837151249 51.52403487379877589, 5.63087657266818287 51.52300371697679537, 5.6379165529558426 51.52558653156773971, 5.63894010823231984 51.52384137085265792, 5.63894010823231984 51.52384137085265792)),((5.65945061013658357 51.55375921066718803, 5.66685557931469397 51.54066693572518432, 5.66512033658022585 51.53988179890292542, 5.66555695160803019 51.52785196338771101, 5.64499102323035462 51.53001882577713388, 5.64237192329563886 51.52940155335542016, 5.63626657644039941 51.53559556202376513, 5.63639768845244227 51.53958399616056596, 5.63473262850660728 51.5414861086174767, 5.63588212152361123 51.54377240044495778, 5.63929523970356872 51.54308419157602117, 5.63963156647318797 51.5465758356661965, 5.63799208179135913 51.54950039626624658, 5.62969924898538476 51.54686036385758996, 5.62483811461775396 51.54689226764181598, 5.62419897478958219 51.54592728764977494, 5.61986311039638231 51.54532112783881814, 5.61604892462505845 51.54335172553840749, 5.61977712531796669 51.53711101522460325, 5.61816321151171216 51.53200754435540887, 5.61333211934981158 51.53314226876140225, 5.6089119957293736 51.53344737238421658, 5.60272337121290853 51.53650358352014393, 5.60139100420683267 51.53453752282362643, 5.59916099892467845 51.53321295922306433, 5.5968753350210001 51.53355865544806136, 5.59793309676961304 51.53601804605624892, 5.59696174295982019 51.53698242229091875, 5.59479078828745635 51.53660232074662417, 5.59353747273443691 51.53451299828994792, 5.59015014559857981 51.53705092311555802, 5.58837808407330527 51.54337862069421305, 5.58935755862344497 51.54482297440849692, 5.58713109513655048 51.54924668651021591, 5.60497681278858106 51.55137007316535147, 5.61422513245431709 51.55460472135138872, 5.6181924155112668 51.55584153103545475, 5.6192340088272843 51.55399607711903087, 5.62179535271950392 51.55326854323246266, 5.62567001431176905 51.5550993209181101, 5.64033514388095636 51.56441825515312871, 5.65248578916152056 51.56967852338114966, 5.65945061013658357 51.55375921066718803, 5.65945061013658357 51.55375921066718803)))</t>
  </si>
  <si>
    <t>MultiPolygon (((5.62419897478958219 51.54592728764977494, 5.62483811461775396 51.54689226764181598, 5.62969924898538476 51.54686036385758996, 5.63799208179135913 51.54950039626624658, 5.63963156647318797 51.5465758356661965, 5.63929523970356872 51.54308419157602117, 5.63588212152361123 51.54377240044495778, 5.63473262850660728 51.5414861086174767, 5.63047606736642248 51.54062119018315968, 5.62419897478958219 51.54592728764977494, 5.62419897478958219 51.54592728764977494)))</t>
  </si>
  <si>
    <t>MultiPolygon (((5.64237192329563886 51.52940155335542016, 5.64499102323035462 51.53001882577713388, 5.64525461682302421 51.52897275000047728, 5.64314915384273696 51.5270330255486968, 5.64666676407432888 51.52012252841910822, 5.63765199829892971 51.51848128165664775, 5.63798671490532222 51.51949487800595051, 5.63998108044566226 51.51957568701789825, 5.63894010823231984 51.52384137085265792, 5.64139645806369217 51.52356386124366594, 5.64129543117623111 51.52896879362759108, 5.64237192329563886 51.52940155335542016, 5.64237192329563886 51.52940155335542016)))</t>
  </si>
  <si>
    <t>MultiPolygon (((5.62419897478958219 51.54592728764977494, 5.63047606736642248 51.54062119018315968, 5.63473262850660728 51.5414861086174767, 5.63639768845244227 51.53958399616056596, 5.63626657644039941 51.53559556202376513, 5.63366736497019538 51.5344892931196199, 5.63411653484041786 51.5330630816372306, 5.6315112590164258 51.53301154038223331, 5.62749145260060857 51.53344768732986125, 5.62776996014674147 51.53424513700527143, 5.61977712531796669 51.53711101522460325, 5.61604892462505845 51.54335172553840749, 5.61986311039638231 51.54532112783881814, 5.62419897478958219 51.54592728764977494, 5.62419897478958219 51.54592728764977494)))</t>
  </si>
  <si>
    <t>MultiPolygon (((5.61977712531796669 51.53711101522460325, 5.62776996014674147 51.53424513700527143, 5.62749145260060857 51.53344768732986125, 5.6315112590164258 51.53301154038223331, 5.63411653484041786 51.5330630816372306, 5.63366736497019538 51.5344892931196199, 5.63626657644039941 51.53559556202376513, 5.64237192329563886 51.52940155335542016, 5.64129543117623111 51.52896879362759108, 5.64139645806369217 51.52356386124366594, 5.63894010823231984 51.52384137085265792, 5.6379165529558426 51.52558653156773971, 5.63087657266818287 51.52300371697679537, 5.6271123837151249 51.52403487379877589, 5.62173670966780126 51.52286100824352388, 5.61940396323349045 51.52553044350600686, 5.61828205972605943 51.52792646061259063, 5.61816321151171216 51.53200754435540887, 5.61977712531796669 51.53711101522460325, 5.61977712531796669 51.53711101522460325)))</t>
  </si>
  <si>
    <t>MultiPolygon (((5.59898216326073417 51.3618932261179566, 5.63894178683552916 51.38912373602397565, 5.65470715148351744 51.35387728600997548, 5.64752836487431509 51.3520757069797682, 5.64877408520263469 51.35016744159442936, 5.64260301295347855 51.34839679271225066, 5.63992561260162351 51.34673705427353951, 5.63953735524327993 51.34310249112709101, 5.6406374915787092 51.34186187235847854, 5.64019242588744874 51.33957421161637313, 5.63920304863838684 51.33997250142242308, 5.63672353716137575 51.34083797735287646, 5.63663723601372979 51.33783380340440061, 5.64289430488326449 51.337294950815334, 5.64423173515678567 51.33652537150728534, 5.6441128142992989 51.33348424905740615, 5.64127757741729496 51.33407700831426013, 5.62756896938527795 51.33796162314352785, 5.62441295442812361 51.33998916338296681, 5.62399798865359291 51.34113242369666352, 5.61693772304055639 51.34377016506955016, 5.62051752162793328 51.34776219784153284, 5.62075781643264971 51.35159485743101015, 5.61947866810548202 51.35468196317307843, 5.61208692455594882 51.35412400465205707, 5.60518094663339994 51.35534331718154277, 5.60164861644432399 51.35795408480260704, 5.59898216326073417 51.3618932261179566)))</t>
  </si>
  <si>
    <t>MultiPolygon (((5.58844230802372888 51.35057346569504944, 5.59363984688671056 51.35083767800637133, 5.59460904676779514 51.34872359891246418, 5.61165913339182421 51.34439984394457923, 5.61693772304055639 51.34377016506955016, 5.62399798865359291 51.34113242369666352, 5.62441295442812361 51.33998916338296681, 5.62756896938527795 51.33796162314352785, 5.64127757741729496 51.33407700831426013, 5.6385917732705364 51.3318594320410142, 5.63445669304788588 51.33339834823795655, 5.63312800315496798 51.33131417891596726, 5.63493064580359615 51.33021826604133508, 5.63129516423827869 51.32754093128694706, 5.62114736368783152 51.3311885491560318, 5.61896760749914481 51.32894985482467121, 5.61005260392104343 51.33082352237874346, 5.6053165979773043 51.33180508275791709, 5.60243332914120895 51.33099243975890857, 5.59503499553744277 51.34139251563280482, 5.58932832712333116 51.34679131991821066, 5.58844230802372888 51.35057346569504944, 5.58844230802372888 51.35057346569504944)))</t>
  </si>
  <si>
    <t>MultiPolygon (((5.59363984688671056 51.35083767800637133, 5.59244515896550531 51.35270776408536619, 5.59402524933642464 51.35511029984051845, 5.59575183226447592 51.35566255505530364, 5.5967118318905138 51.35682037936461342, 5.59898216326073417 51.3618932261179566, 5.60164861644432399 51.35795408480260704, 5.60518094663339994 51.35534331718154277, 5.61208692455594882 51.35412400465205707, 5.61947866810548202 51.35468196317307843, 5.62075781643264971 51.35159485743101015, 5.62051752162793328 51.34776219784153284, 5.61693772304055639 51.34377016506955016, 5.61165913339182421 51.34439984394457923, 5.59460904676779514 51.34872359891246418, 5.59363984688671056 51.35083767800637133, 5.59363984688671056 51.35083767800637133)))</t>
  </si>
  <si>
    <t>MultiPolygon (((5.53759525949550291 51.30755739593936937, 5.53128720754232095 51.31481312071225176, 5.52629846329045904 51.31614840507358366, 5.52680410126704658 51.32158149690702942, 5.52608276144329746 51.32967784695269842, 5.5447800257946529 51.32976722629230437, 5.54801935613605846 51.33251784399532625, 5.55077726409408623 51.33815359172658788, 5.55390311875501297 51.32995479164409147, 5.55739681467635105 51.32723344659965647, 5.56792679790192224 51.32108717689213506, 5.53759525949550291 51.30755739593936937)))</t>
  </si>
  <si>
    <t>MultiPolygon (((5.54694344460170718 51.34297512541916575, 5.54817740461537401 51.34071704274866477, 5.5512651838466045 51.3389023420750803, 5.55077726409408623 51.33815359172658788, 5.54801935613605846 51.33251784399532625, 5.5447800257946529 51.32976722629230437, 5.52608276144329746 51.32967784695269842, 5.52469532303166311 51.33014241527650512, 5.52352493790410826 51.33167890148778412, 5.52407524642241921 51.33389145106050933, 5.53225397104425998 51.33420064136715411, 5.53476032657061001 51.3349399037639671, 5.54381741025164398 51.33999643095872756, 5.54520469222169687 51.34112596908443038, 5.54470525388818913 51.3416126277586784, 5.54694344460170718 51.34297512541916575, 5.54694344460170718 51.34297512541916575)))</t>
  </si>
  <si>
    <t>MultiPolygon (((5.57088840932714646 51.35924263362304742, 5.57607373693313502 51.35943293085601624, 5.5773243639234007 51.35565646702943354, 5.581013569690219 51.35119730503409841, 5.58844230802372888 51.35057346569504944, 5.58932832712333116 51.34679131991821066, 5.59503499553744277 51.34139251563280482, 5.60243332914120895 51.33099243975890857, 5.58546038709818049 51.32620585355393672, 5.56792679790192224 51.32108717689213506, 5.55739681467635105 51.32723344659965647, 5.55390311875501297 51.32995479164409147, 5.55077726409408623 51.33815359172658788, 5.5512651838466045 51.3389023420750803, 5.55648442502399575 51.34586029874395052, 5.56288031233787983 51.34814210565784975, 5.57088840932714646 51.35924263362304742, 5.57088840932714646 51.35924263362304742)))</t>
  </si>
  <si>
    <t>MultiPolygon (((5.52848942297737445 51.30275099907429848, 5.51577388550657144 51.29520250654501012, 5.48485932630865758 51.29999994438949784, 5.48573384050657342 51.3024328734943964, 5.48919409403963598 51.30647116580866651, 5.49067912461781926 51.3102989686386266, 5.49137186638754926 51.31422232287695806, 5.49008911246639553 51.31667891803851234, 5.48905598569338693 51.31836866118051432, 5.48293149668403235 51.32134136327057661, 5.4802378114288679 51.32405503902091937, 5.48078622685465167 51.32444177969581744, 5.47716853549804217 51.32752035660030288, 5.4760216365818053 51.33121664220445268, 5.4736034842282244 51.33398314723530831, 5.47763224415516081 51.33723067849712152, 5.47834600285497242 51.33871160789994548, 5.48186806924763648 51.34084031845952012, 5.48700528860568948 51.34227837266389827, 5.48772507611912364 51.34312352034206128, 5.49603016611958584 51.34650779036226709, 5.49666876846233077 51.35265008813797749, 5.49428760647770975 51.35329230180374083, 5.49382852890556439 51.35403826733447374, 5.4965722964151027 51.35555194290681413, 5.50328028328491836 51.3558600488772683, 5.51163839517335052 51.35952414739358574, 5.53046825854541613 51.36281118486394348, 5.54276951351885749 51.35029571812609817, 5.54654151193323486 51.3464830417224789, 5.54694344460170718 51.34297512541916575, 5.54470525388818913 51.3416126277586784, 5.54520469222169687 51.34112596908443038, 5.54381741025164398 51.33999643095872756, 5.53476032657061001 51.3349399037639671, 5.53225397104425998 51.33420064136715411, 5.52407524642241921 51.33389145106050933, 5.52352493790410826 51.33167890148778412, 5.52469532303166311 51.33014241527650512, 5.52608276144329746 51.32967784695269842, 5.52680410126704658 51.32158149690702942, 5.52629846329045904 51.31614840507358366, 5.53128720754232095 51.31481312071225176, 5.53759525949550291 51.30755739593936937, 5.52848942297737445 51.30275099907429848, 5.52848942297737445 51.30275099907429848)),((5.54684848155491572 51.36288060128779875, 5.54826762176497468 51.36259915251576302, 5.55028232813241207 51.36349353510073712, 5.55806510302492018 51.36168911888346145, 5.5558525475419227 51.36015162175993254, 5.55059180799398 51.35888525248874714, 5.54420845839763654 51.35633337284989608, 5.53794153997345351 51.36416185319274064, 5.5433863168287516 51.36530523124927328, 5.54422383946477115 51.36412658101337314, 5.54684848155491572 51.36288060128779875, 5.54684848155491572 51.36288060128779875)))</t>
  </si>
  <si>
    <t>MultiPolygon (((5.53046825854541613 51.36281118486394348, 5.53794153997345351 51.36416185319274064, 5.54420845839763654 51.35633337284989608, 5.54488045815020669 51.35430438053840874, 5.54276951351885749 51.35029571812609817, 5.53046825854541613 51.36281118486394348, 5.53046825854541613 51.36281118486394348)))</t>
  </si>
  <si>
    <t>MultiPolygon (((5.55806510302492018 51.36168911888346145, 5.55947763044424725 51.36235754170757417, 5.56551761351370367 51.36112148442140324, 5.56822712752503968 51.36189286148093913, 5.5725287286304015 51.3616740147168187, 5.57104932216954563 51.36065080136106076, 5.57088840932714646 51.35924263362304742, 5.56288031233787983 51.34814210565784975, 5.55648442502399575 51.34586029874395052, 5.5512651838466045 51.3389023420750803, 5.54817740461537401 51.34071704274866477, 5.54694344460170718 51.34297512541916575, 5.54654151193323486 51.3464830417224789, 5.54276951351885749 51.35029571812609817, 5.54488045815020669 51.35430438053840874, 5.54420845839763654 51.35633337284989608, 5.55059180799398 51.35888525248874714, 5.5558525475419227 51.36015162175993254, 5.55806510302492018 51.36168911888346145, 5.55806510302492018 51.36168911888346145)))</t>
  </si>
  <si>
    <t>MultiPolygon (((5.63787220150179547 51.40670746379468881, 5.63900149938083128 51.39797123410775725, 5.63894178683552916 51.38912373602397565, 5.59898216326073417 51.3618932261179566, 5.5967118318905138 51.35682037936461342, 5.59575183226447592 51.35566255505530364, 5.59402524933642464 51.35511029984051845, 5.59244515896550531 51.35270776408536619, 5.59363984688671056 51.35083767800637133, 5.58844230802372888 51.35057346569504944, 5.581013569690219 51.35119730503409841, 5.5773243639234007 51.35565646702943354, 5.57607373693313502 51.35943293085601624, 5.57088840932714646 51.35924263362304742, 5.57104932216954563 51.36065080136106076, 5.5725287286304015 51.3616740147168187, 5.56822712752503968 51.36189286148093913, 5.56551761351370367 51.36112148442140324, 5.55947763044424725 51.36235754170757417, 5.55806510302492018 51.36168911888346145, 5.55028232813241207 51.36349353510073712, 5.54826762176497468 51.36259915251576302, 5.54684848155491572 51.36288060128779875, 5.54422383946477115 51.36412658101337314, 5.5433863168287516 51.36530523124927328, 5.53794153997345351 51.36416185319274064, 5.53046825854541613 51.36281118486394348, 5.51163839517335052 51.35952414739358574, 5.50328028328491836 51.3558600488772683, 5.4965722964151027 51.35555194290681413, 5.49382852890556439 51.35403826733447374, 5.4941441021948263 51.35548676160204451, 5.52718053488362404 51.36694107263742382, 5.5164176024094278 51.37833551387407027, 5.51200387449374052 51.38381131184311101, 5.50487393458297181 51.40015481872670478, 5.50518444428980303 51.40341740429566642, 5.50761280830423949 51.40453221422584562, 5.5258149490236379 51.40469713763306459, 5.5335739199934908 51.4046710154309352, 5.53370503878087749 51.40428442602495807, 5.53557983136518761 51.4046059157956563, 5.53637986825433526 51.4031934868135707, 5.54321318302366439 51.40403630415802638, 5.54481376829049033 51.40313635688591631, 5.54375110788958558 51.40466533138380356, 5.55785816017210799 51.40551405337893698, 5.56077871708579252 51.40616004266082939, 5.56136830135634419 51.40490065303380618, 5.56242857862230178 51.40529965391856138, 5.56424931529944278 51.40488021111705308, 5.56673735898232103 51.40559172493437501, 5.56586026890186947 51.40729854681578104, 5.56891074119728469 51.4086503539417734, 5.59403245620749168 51.41724544890969639, 5.59871756833801459 51.4183414292165395, 5.63901550191544754 51.42245648422158411, 5.63787220150179547 51.40670746379468881, 5.63787220150179547 51.40670746379468881),(5.5742197902555457 51.39471921432166113, 5.56975440421926393 51.39086311537771223, 5.56567486319551907 51.3910528639129609, 5.56555473427490011 51.39156259602670218, 5.56196454147175423 51.39199584504130769, 5.56137623552642069 51.38731893962043529, 5.55777560702454387 51.38244365467673447, 5.55872406982982081 51.3784746016976257, 5.56566346592123651 51.37672934953791071, 5.57143677201154119 51.37626726958743717, 5.5729018234153207 51.37485005972045116, 5.57253934295394426 51.3726259264557612, 5.57327660678248815 51.37204947269472655, 5.5776607069070705 51.37158845222663928, 5.5798601950111486 51.37078848862127245, 5.5838716443780152 51.36465904914278724, 5.58959610910949145 51.36500148508503116, 5.58925745525976136 51.36619645183542104, 5.58722419684066729 51.36608226669541466, 5.58589756917349956 51.36995699714363894, 5.58647731701091299 51.37112454196227418, 5.58916701875573629 51.36938564452711375, 5.59185999742151463 51.37202447315053888, 5.59102620809669837 51.37439896158772257, 5.58718057012190261 51.37353287982281103, 5.58284989540221233 51.37475203011495495, 5.58011718764639042 51.37722483835296572, 5.58205071516273943 51.38734461276609977, 5.5790617999880503 51.39329673833649537, 5.57981188563033115 51.39537723357962307, 5.57785616334080014 51.39531921543108695, 5.5742197902555457 51.39471921432166113, 5.5742197902555457 51.39471921432166113)))</t>
  </si>
  <si>
    <t>MultiPolygon (((5.5798601950111486 51.37078848862127245, 5.58041924264496192 51.37245384959071259, 5.58278879285174057 51.37311477758714773, 5.58647731701091299 51.37112454196227418, 5.58589756917349956 51.36995699714363894, 5.58722419684066729 51.36608226669541466, 5.58925745525976136 51.36619645183542104, 5.58959610910949145 51.36500148508503116, 5.5838716443780152 51.36465904914278724, 5.5798601950111486 51.37078848862127245, 5.5798601950111486 51.37078848862127245)))</t>
  </si>
  <si>
    <t>MultiPolygon (((5.5798601950111486 51.37078848862127245, 5.5776607069070705 51.37158845222663928, 5.57327660678248815 51.37204947269472655, 5.57253934295394426 51.3726259264557612, 5.5729018234153207 51.37485005972045116, 5.57143677201154119 51.37626726958743717, 5.56566346592123651 51.37672934953791071, 5.55872406982982081 51.3784746016976257, 5.55777560702454387 51.38244365467673447, 5.56137623552642069 51.38731893962043529, 5.56196454147175423 51.39199584504130769, 5.56555473427490011 51.39156259602670218, 5.56567486319551907 51.3910528639129609, 5.56975440421926393 51.39086311537771223, 5.5742197902555457 51.39471921432166113, 5.57785616334080014 51.39531921543108695, 5.57981188563033115 51.39537723357962307, 5.5790617999880503 51.39329673833649537, 5.58205071516273943 51.38734461276609977, 5.58011718764639042 51.37722483835296572, 5.58284989540221233 51.37475203011495495, 5.58718057012190261 51.37353287982281103, 5.59102620809669837 51.37439896158772257, 5.59185999742151463 51.37202447315053888, 5.58916701875573629 51.36938564452711375, 5.58647731701091299 51.37112454196227418, 5.58278879285174057 51.37311477758714773, 5.58041924264496192 51.37245384959071259, 5.5798601950111486 51.37078848862127245, 5.5798601950111486 51.37078848862127245)))</t>
  </si>
  <si>
    <t>MultiPolygon (((4.54242247071360516 51.55108708203161427, 4.53348267111438208 51.54926947425391148, 4.530358611448845 51.54925565664276377, 4.5280689830101446 51.55199880568805071, 4.52868967371465558 51.55548657243153343, 4.53090532108042687 51.55988761112477903, 4.5366163139757596 51.56577633404857153, 4.53699499602630141 51.56574049892528677, 4.53802949506904074 51.56470344047929899, 4.53504400076168501 51.56263025258795807, 4.5340535357848939 51.56054094544647626, 4.54092374476075822 51.55751495703460563, 4.54242247071360516 51.55108708203161427, 4.54242247071360516 51.55108708203161427)),((4.55548432770358858 51.58015797490049437, 4.55730003145068885 51.57205381919761322, 4.55998309783864997 51.57218407280972627, 4.55919669184621235 51.56749467900446149, 4.56495312740338921 51.56151886367874226, 4.56802073504537098 51.55619935714712909, 4.56684190838352233 51.5559630961873907, 4.55049340018857773 51.55271176205806682, 4.54256353838124749 51.57326966758640907, 4.55548432770358858 51.58015797490049437, 4.55548432770358858 51.58015797490049437)))</t>
  </si>
  <si>
    <t>MultiPolygon (((4.54256353838124749 51.57326966758640907, 4.55049340018857773 51.55271176205806682, 4.54731078856601378 51.55236143002980498, 4.54644497884423515 51.55365063025581662, 4.54537104580146067 51.55390881324380103, 4.54464032414976149 51.55294826693497612, 4.5450839261192213 51.55164556627062211, 4.54242247071360516 51.55108708203161427, 4.54092374476075822 51.55751495703460563, 4.5340535357848939 51.56054094544647626, 4.53504400076168501 51.56263025258795807, 4.53802949506904074 51.56470344047929899, 4.53699499602630141 51.56574049892528677, 4.53996616224022453 51.57178369885356517, 4.54256353838124749 51.57326966758640907, 4.54256353838124749 51.57326966758640907)))</t>
  </si>
  <si>
    <t>MultiPolygon (((4.59290704000919536 51.62443667780105017, 4.59613038767950766 51.62410933032092686, 4.60123317821307598 51.62523889112881648, 4.60435152324309449 51.62086013817093999, 4.60356498311386542 51.6172036841596551, 4.60670664536023633 51.61661625230900086, 4.60891368833355664 51.61495452320352939, 4.60929454871215594 51.61316376831581465, 4.61093247492620684 51.61220272204227655, 4.61072967333549588 51.60954121518699367, 4.61389162307072276 51.60803798205314763, 4.61060600488018135 51.60314225406622057, 4.60867228675879925 51.60216494234516915, 4.59680449927420653 51.59034840168873615, 4.5888200103732677 51.59220070232219513, 4.57581037034213445 51.58710543758821387, 4.56762731559410806 51.5906293541619263, 4.56043557188356008 51.59695388145286898, 4.55631290687784496 51.59473753564800802, 4.55448418559958146 51.59438659942586014, 4.54909720409810614 51.59702514999604261, 4.54583570801510373 51.59860963847144433, 4.55340994067055682 51.60607079379636275, 4.55233650587657124 51.61060987001780376, 4.54539278514264566 51.6124935820874029, 4.53698187131267616 51.61347294803146468, 4.53443595441329261 51.61467411096792546, 4.53689452795800729 51.61715026137509454, 4.54320430236423434 51.6176677963249233, 4.54913424369663488 51.61989149825686951, 4.55325362833873548 51.62246573452340925, 4.55456788497306508 51.62487668296883214, 4.55669538667656671 51.62688664034037345, 4.56043743582871564 51.62881753861623935, 4.5710771712031022 51.63039960650380777, 4.5776821511093182 51.62963276227729637, 4.5891870565149695 51.6252023722950355, 4.59290704000919536 51.62443667780105017)))</t>
  </si>
  <si>
    <t>MultiPolygon (((4.57684457675440548 51.57442271516477206, 4.57784364587465209 51.57244117143811479, 4.58062458247995341 51.57304618121797546, 4.59596322339263974 51.57336318705569767, 4.5946707803405813 51.56674040682182891, 4.59064572258935666 51.5659786808214804, 4.59042054045211412 51.56494017913325223, 4.59222247761013946 51.56128932641350815, 4.59176131561337986 51.56103164863110777, 4.58489632689702908 51.55963491098465568, 4.58287905128416906 51.5604191259131639, 4.58175075587664882 51.56026674216910521, 4.58201161088174658 51.55904784596271639, 4.56802073504537098 51.55619935714712909, 4.56495312740338921 51.56151886367874226, 4.55919669184621235 51.56749467900446149, 4.55998309783864997 51.57218407280972627, 4.56893890708481187 51.57282604348103661, 4.57222707469092793 51.58012839492727153, 4.57591630454876253 51.57945824648767541, 4.57819648954923863 51.57797373061748658, 4.57684457675440548 51.57442271516477206)))</t>
  </si>
  <si>
    <t>MultiPolygon (((4.55766100499681315 51.5884028528205647, 4.5579315900567714 51.59334309183855538, 4.55631290687784496 51.59473753564800802, 4.56043557188356008 51.59695388145286898, 4.56762731559410806 51.5906293541619263, 4.57581037034213445 51.58710543758821387, 4.57407226136505596 51.58376997479112447, 4.56524821576682438 51.58531478079012089, 4.56817734838473832 51.58685250253675036, 4.55766100499681315 51.5884028528205647, 4.55766100499681315 51.5884028528205647)))</t>
  </si>
  <si>
    <t>MultiPolygon (((4.56524821576682438 51.58531478079012089, 4.57407226136505596 51.58376997479112447, 4.57222707469092793 51.58012839492727153, 4.56893890708481187 51.57282604348103661, 4.55998309783864997 51.57218407280972627, 4.55730003145068885 51.57205381919761322, 4.55548432770358858 51.58015797490049437, 4.56524821576682438 51.58531478079012089, 4.56524821576682438 51.58531478079012089)))</t>
  </si>
  <si>
    <t>MultiPolygon (((4.58062458247995341 51.57304618121797546, 4.57784364587465209 51.57244117143811479, 4.57684457675440548 51.57442271516477206, 4.57819648954923863 51.57797373061748658, 4.57591630454876253 51.57945824648767541, 4.57222707469092793 51.58012839492727153, 4.57407226136505596 51.58376997479112447, 4.57581037034213445 51.58710543758821387, 4.5888200103732677 51.59220070232219513, 4.59680449927420653 51.59034840168873615, 4.59825169655770427 51.5856202847746772, 4.59855782901734322 51.58437818999421154, 4.59597907848614451 51.57568383515580024, 4.59596322339263974 51.57336318705569767, 4.58062458247995341 51.57304618121797546)))</t>
  </si>
  <si>
    <t>MultiPolygon (((4.55548432770358858 51.58015797490049437, 4.54256353838124749 51.57326966758640907, 4.53996616224022453 51.57178369885356517, 4.53699499602630141 51.56574049892528677, 4.5366163139757596 51.56577633404857153, 4.50945001675542034 51.56855866694564128, 4.50829890974707226 51.57095074656364631, 4.5168025402715859 51.57930562348768433, 4.51768429242508684 51.57873576268283244, 4.52657829282674662 51.58374018817419682, 4.52875148383353832 51.57962486670009383, 4.53136919467751831 51.57710185084379617, 4.53482135272374709 51.57796669999407158, 4.5340702639265853 51.57874523190236005, 4.54448807816784317 51.58332483107633237, 4.55036552225929025 51.58549546595887136, 4.54919557752485826 51.58947145710689597, 4.55766100499681315 51.5884028528205647, 4.56817734838473832 51.58685250253675036, 4.56524821576682438 51.58531478079012089, 4.55548432770358858 51.58015797490049437, 4.55548432770358858 51.58015797490049437)))</t>
  </si>
  <si>
    <t>MultiPolygon (((4.54583570801510373 51.59860963847144433, 4.54909720409810614 51.59702514999604261, 4.54267298390598651 51.59316227049392722, 4.53191111425447346 51.59225791469425815, 4.53059917272186485 51.59526861665415254, 4.52608719728514153 51.59787628505860368, 4.52146575032644105 51.59693961461930911, 4.52096895907794227 51.59609995820499506, 4.5176642882037914 51.59971795220374702, 4.51655458087040973 51.60713188904659177, 4.51913244499475386 51.60783410702662621, 4.52548661849041789 51.61270226423523866, 4.53086689383785934 51.61594787390394146, 4.53689452795800729 51.61715026137509454, 4.53443595441329261 51.61467411096792546, 4.53698187131267616 51.61347294803146468, 4.54539278514264566 51.6124935820874029, 4.55233650587657124 51.61060987001780376, 4.55340994067055682 51.60607079379636275, 4.54583570801510373 51.59860963847144433, 4.54583570801510373 51.59860963847144433)))</t>
  </si>
  <si>
    <t>MultiPolygon (((4.51375602868839199 51.60674754878591841, 4.51655458087040973 51.60713188904659177, 4.5176642882037914 51.59971795220374702, 4.52096895907794227 51.59609995820499506, 4.52088523773218576 51.59505773548631424, 4.5194117776878926 51.5969729898668561, 4.51864915759262065 51.59655664246453455, 4.51790482257621839 51.59160883924158725, 4.5194269429952163 51.58214403174983431, 4.5168025402715859 51.57930562348768433, 4.50829890974707226 51.57095074656364631, 4.50945001675542034 51.56855866694564128, 4.5087134748491362 51.56554861898298725, 4.50495557456559048 51.56602631184370722, 4.50415385101721277 51.5629850422902436, 4.50163475462653651 51.56327073223844337, 4.50020415078659219 51.55853633324060326, 4.48685185082483873 51.56043979872744387, 4.4809935134314971 51.56097435809467555, 4.47401423870748882 51.56074786473146077, 4.47049401742234132 51.56824741305755566, 4.48468782011178835 51.57867364941807153, 4.4900207709500517 51.5841640251514022, 4.50216973579780788 51.60874585910827506, 4.50798831665218902 51.60709518109370464, 4.51375602868839199 51.60674754878591841)))</t>
  </si>
  <si>
    <t>MultiPolygon (((4.52695418165755292 51.58395110552235963, 4.53189522452926941 51.58689838568311359, 4.53492803489312468 51.58602527883839883, 4.54327919435703897 51.58510239450303203, 4.54448807816784317 51.58332483107633237, 4.5340702639265853 51.57874523190236005, 4.53482135272374709 51.57796669999407158, 4.53136919467751831 51.57710185084379617, 4.52875148383353832 51.57962486670009383, 4.52657829282674662 51.58374018817419682, 4.52695418165755292 51.58395110552235963, 4.52695418165755292 51.58395110552235963)))</t>
  </si>
  <si>
    <t>MultiPolygon (((4.52088523773218576 51.59505773548631424, 4.5242485842418132 51.59167829476287892, 4.52180422766754297 51.58884863745712579, 4.52695418165755292 51.58395110552235963, 4.52657829282674662 51.58374018817419682, 4.51768429242508684 51.57873576268283244, 4.5168025402715859 51.57930562348768433, 4.5194269429952163 51.58214403174983431, 4.51790482257621839 51.59160883924158725, 4.51864915759262065 51.59655664246453455, 4.5194117776878926 51.5969729898668561, 4.52088523773218576 51.59505773548631424, 4.52088523773218576 51.59505773548631424)))</t>
  </si>
  <si>
    <t>MultiPolygon (((4.54909720409810614 51.59702514999604261, 4.55448418559958146 51.59438659942586014, 4.55631290687784496 51.59473753564800802, 4.5579315900567714 51.59334309183855538, 4.55766100499681315 51.5884028528205647, 4.54919557752485826 51.58947145710689597, 4.53862417219609604 51.59070846145410627, 4.54267298390598651 51.59316227049392722, 4.54909720409810614 51.59702514999604261, 4.54909720409810614 51.59702514999604261)))</t>
  </si>
  <si>
    <t>MultiPolygon (((4.53862417219609604 51.59070846145410627, 4.54919557752485826 51.58947145710689597, 4.55036552225929025 51.58549546595887136, 4.54448807816784317 51.58332483107633237, 4.54327919435703897 51.58510239450303203, 4.53492803489312468 51.58602527883839883, 4.53189522452926941 51.58689838568311359, 4.53862417219609604 51.59070846145410627, 4.53862417219609604 51.59070846145410627)))</t>
  </si>
  <si>
    <t>MultiPolygon (((4.52088523773218576 51.59505773548631424, 4.52096895907794227 51.59609995820499506, 4.52146575032644105 51.59693961461930911, 4.52608719728514153 51.59787628505860368, 4.53059917272186485 51.59526861665415254, 4.53191111425447346 51.59225791469425815, 4.54267298390598651 51.59316227049392722, 4.53862417219609604 51.59070846145410627, 4.53189522452926941 51.58689838568311359, 4.52695418165755292 51.58395110552235963, 4.52180422766754297 51.58884863745712579, 4.5242485842418132 51.59167829476287892, 4.52088523773218576 51.59505773548631424, 4.52088523773218576 51.59505773548631424)))</t>
  </si>
  <si>
    <t>MultiPolygon (((4.42801825057505649 51.60540513173349808, 4.43384440258280321 51.605321164042671, 4.4346246909161966 51.60838381256566265, 4.43647310577217002 51.60979665516434522, 4.43955145746165503 51.61079863552255631, 4.44643634063143534 51.61140001329240334, 4.4564426117994671 51.61011624773271933, 4.45989935896661827 51.61064006561750261, 4.46136765256612922 51.61211775511870314, 4.46273693558413953 51.60259933471340332, 4.45935569902057249 51.60205653260294412, 4.45646196976605236 51.60107255258343173, 4.45289450305287726 51.59863054134103777, 4.45027564976953727 51.59470102464669594, 4.44914442817814315 51.59421918710251731, 4.42933803442484475 51.59387856058761912, 4.42801825057505649 51.60540513173349808, 4.42801825057505649 51.60540513173349808)))</t>
  </si>
  <si>
    <t>MultiPolygon (((4.44353653009565441 51.61508855682697572, 4.45484375961816692 51.61420718745707603, 4.46137052828914538 51.61437974186097932, 4.46136765256612922 51.61211775511870314, 4.45989935896661827 51.61064006561750261, 4.4564426117994671 51.61011624773271933, 4.44643634063143534 51.61140001329240334, 4.43955145746165503 51.61079863552255631, 4.43647310577217002 51.60979665516434522, 4.4346246909161966 51.60838381256566265, 4.43384440258280321 51.605321164042671, 4.42801825057505649 51.60540513173349808, 4.42667480075450648 51.61174020391225525, 4.43154654433148654 51.61084499634677769, 4.432463570091417 51.61289110293261473, 4.43193499023764836 51.61391121170764507, 4.43376546781858139 51.61593944914247345, 4.435704529432698 51.61517465102276248, 4.4378278664116122 51.61711916144195555, 4.44353653009565441 51.61508855682697572)))</t>
  </si>
  <si>
    <t>MultiPolygon (((4.50216973579780788 51.60874585910827506, 4.4900207709500517 51.5841640251514022, 4.48468782011178835 51.57867364941807153, 4.47049401742234132 51.56824741305755566, 4.47401423870748882 51.56074786473146077, 4.47300845241480882 51.56221308932472169, 4.46991485510116249 51.56304362628459614, 4.46639320570017428 51.5620407113692778, 4.4657963686086557 51.56104313585570509, 4.45753557386298294 51.56145913783623058, 4.45695027077619077 51.56261284138391687, 4.45324718720828194 51.56354367565677421, 4.45301114368180961 51.56667605684707922, 4.44857791107507694 51.56573250997634972, 4.44467465285628993 51.56923482282475391, 4.44399924006971059 51.5690954376151538, 4.43292598544108518 51.58279715532400189, 4.42992264307773809 51.5902477004755724, 4.42933803442484475 51.59387856058761912, 4.44914442817814315 51.59421918710251731, 4.45027564976953727 51.59470102464669594, 4.44915057236254263 51.59258603039918967, 4.44982237331120523 51.58903429309163613, 4.44681048373005616 51.58765030455334966, 4.44732070918910782 51.58511945543774146, 4.45123542155215723 51.58274265419679949, 4.45397180844007679 51.58245767077206523, 4.45978036179077009 51.57770033547128463, 4.46431278158480627 51.5721702706622338, 4.46791354918477701 51.57366386049896079, 4.46378774131608491 51.58989793252442269, 4.47837394506276887 51.59185046368123295, 4.48505760753135263 51.59384384899841081, 4.48249200441376949 51.60038856406805508, 4.4821037020005754 51.60443709206684559, 4.46273693558413953 51.60259933471340332, 4.46136765256612922 51.61211775511870314, 4.46137052828914538 51.61437974186097932, 4.47144225197126044 51.61596602627158603, 4.47602775286151733 51.61835989903352839, 4.48043854989241641 51.61971867587798357, 4.48427868759853787 51.62008281244504815, 4.48774444433924025 51.61964193145548307, 4.49244040873382655 51.61753256909951659, 4.49616181482404453 51.61317456266904458, 4.50216973579780788 51.60874585910827506)))</t>
  </si>
  <si>
    <t>MultiPolygon (((4.45935569902057249 51.60205653260294412, 4.46273693558413953 51.60259933471340332, 4.4821037020005754 51.60443709206684559, 4.48249200441376949 51.60038856406805508, 4.48505760753135263 51.59384384899841081, 4.47837394506276887 51.59185046368123295, 4.46378774131608491 51.58989793252442269, 4.45935569902057249 51.60205653260294412, 4.45935569902057249 51.60205653260294412)))</t>
  </si>
  <si>
    <t>MultiPolygon (((4.45027564976953727 51.59470102464669594, 4.45289450305287726 51.59863054134103777, 4.45646196976605236 51.60107255258343173, 4.45935569902057249 51.60205653260294412, 4.46378774131608491 51.58989793252442269, 4.46791354918477701 51.57366386049896079, 4.46431278158480627 51.5721702706622338, 4.45978036179077009 51.57770033547128463, 4.45397180844007679 51.58245767077206523, 4.45123542155215723 51.58274265419679949, 4.44732070918910782 51.58511945543774146, 4.44681048373005616 51.58765030455334966, 4.44982237331120523 51.58903429309163613, 4.44915057236254263 51.59258603039918967, 4.45027564976953727 51.59470102464669594, 4.45027564976953727 51.59470102464669594)))</t>
  </si>
  <si>
    <t>MultiPolygon (((5.80958072551139715 51.57408112948192525, 5.82021613539696947 51.56867368591051815, 5.82278541719932186 51.56829135117467189, 5.8382384642548395 51.56641461613496347, 5.84768604372822765 51.52529524200885902, 5.83984927194680026 51.52633109770839326, 5.83478589074244702 51.52345006146857287, 5.82325665495727396 51.51483556476671311, 5.8170737920048543 51.5133601829112564, 5.79470507976796423 51.5208687454146812, 5.75478506986869753 51.5350873887661507, 5.75029672649894774 51.53668259940767626, 5.76267009402654384 51.54307572606008847, 5.77446905691405998 51.54914333219716127, 5.80958072551139715 51.57408112948192525, 5.80958072551139715 51.57408112948192525),(5.81077450308484522 51.55450914028659781, 5.80897211584519191 51.55487268238204734, 5.80560142164594595 51.54864074244751748, 5.81326461473947198 51.54712765669591334, 5.81505643576585829 51.54998204573895038, 5.81954710606515668 51.54892001085322306, 5.82044281033161326 51.55029224614598604, 5.81111263573572323 51.55291241887935882, 5.81077450308484522 51.55450914028659781, 5.81077450308484522 51.55450914028659781)))</t>
  </si>
  <si>
    <t>MultiPolygon (((5.81077450308484522 51.55450914028659781, 5.81111263573572323 51.55291241887935882, 5.82044281033161326 51.55029224614598604, 5.81954710606515668 51.54892001085322306, 5.81505643576585829 51.54998204573895038, 5.81326461473947198 51.54712765669591334, 5.80560142164594595 51.54864074244751748, 5.80897211584519191 51.55487268238204734, 5.81077450308484522 51.55450914028659781, 5.81077450308484522 51.55450914028659781)))</t>
  </si>
  <si>
    <t>MultiPolygon (((5.75478506986869753 51.5350873887661507, 5.79470507976796423 51.5208687454146812, 5.79076942486008139 51.51185408489032369, 5.79037038986154506 51.5081287934949188, 5.78337845792959904 51.50601481978654306, 5.77395239071595334 51.50408282413967243, 5.77272563819893758 51.5032469679126379, 5.77292351845689833 51.50178521215212868, 5.77189198661172309 51.50081746649943426, 5.77625076679078386 51.49998303483651085, 5.77711921126466255 51.49780783956907726, 5.77900252694464989 51.49782540929896868, 5.77917897536396374 51.50043969419843393, 5.7852968325313876 51.50222615100072687, 5.7885842553323501 51.5024706435096391, 5.78902886407675421 51.49762474688756697, 5.79164132404860332 51.49148039574775737, 5.77382643700032006 51.48864840350661609, 5.76825622852025965 51.48897085090699477, 5.76518468390797079 51.49108448882002165, 5.75515595348326503 51.495632530947546, 5.75508561420514386 51.4975891199927176, 5.75494624815904388 51.50283849369289868, 5.75738208266261964 51.5090273899330171, 5.75718064111692129 51.50993982123328863, 5.75422028643413519 51.51045112943923954, 5.76208656248841322 51.52442071231957499, 5.76126797533040502 51.52809157138043616, 5.75631595711799626 51.53264493849443539, 5.75478506986869753 51.5350873887661507, 5.75478506986869753 51.5350873887661507)))</t>
  </si>
  <si>
    <t>MultiPolygon (((5.79470507976796423 51.5208687454146812, 5.8170737920048543 51.5133601829112564, 5.82325665495727396 51.51483556476671311, 5.83478589074244702 51.52345006146857287, 5.83984927194680026 51.52633109770839326, 5.84768604372822765 51.52529524200885902, 5.85101887565520418 51.51084406851266095, 5.85257370273586996 51.50414442468247955, 5.80857865759674219 51.49539798734366514, 5.79902805021950574 51.49409701634366598, 5.79164132404860332 51.49148039574775737, 5.78902886407675421 51.49762474688756697, 5.7885842553323501 51.5024706435096391, 5.78940420336910222 51.50561387715391959, 5.79037038986154506 51.5081287934949188, 5.79076942486008139 51.51185408489032369, 5.79470507976796423 51.5208687454146812, 5.79470507976796423 51.5208687454146812)))</t>
  </si>
  <si>
    <t>MultiPolygon (((5.79037038986154506 51.5081287934949188, 5.78940420336910222 51.50561387715391959, 5.7885842553323501 51.5024706435096391, 5.7852968325313876 51.50222615100072687, 5.77917897536396374 51.50043969419843393, 5.77900252694464989 51.49782540929896868, 5.77711921126466255 51.49780783956907726, 5.77625076679078386 51.49998303483651085, 5.77189198661172309 51.50081746649943426, 5.77292351845689833 51.50178521215212868, 5.77272563819893758 51.5032469679126379, 5.77395239071595334 51.50408282413967243, 5.78337845792959904 51.50601481978654306, 5.79037038986154506 51.5081287934949188, 5.79037038986154506 51.5081287934949188)))</t>
  </si>
  <si>
    <t>MultiPolygon (((5.7081814673279041 51.50182762849976115, 5.7119145729327645 51.50148975003697416, 5.7269760703851853 51.50337860184654915, 5.7280252590078522 51.49954101798928008, 5.72904874473969183 51.50002931237285964, 5.73268265436205571 51.49712003417418771, 5.74275217786624559 51.49746793218469776, 5.75005632025732982 51.49870637096665149, 5.75508561420514386 51.4975891199927176, 5.75515595348326503 51.495632530947546, 5.76518468390797079 51.49108448882002165, 5.76825622852025965 51.48897085090699477, 5.75590106494893572 51.4878266351608147, 5.73629855263877264 51.4844532522655669, 5.73042854745267238 51.48621757914672514, 5.72861719544679016 51.48609435447712457, 5.72482735389183262 51.48411385994632639, 5.72171770585637951 51.48513146722194733, 5.72068502255936728 51.48715804337098945, 5.71874416909045991 51.48857945803558778, 5.71298468382836155 51.49052589934870383, 5.71207387108292775 51.49150048465531881, 5.71249583867750044 51.49463106424491343, 5.7073163627153729 51.49721822341877697, 5.70504798150991643 51.49753291581997416, 5.70599570416820168 51.49940141862069254, 5.70769288793739449 51.49922452514422844, 5.70783584576885783 51.49998622054430086, 5.7081814673279041 51.50182762849976115, 5.7081814673279041 51.50182762849976115)))</t>
  </si>
  <si>
    <t>MultiPolygon (((5.75029672649894774 51.53668259940767626, 5.75478506986869753 51.5350873887661507, 5.75631595711799626 51.53264493849443539, 5.76126797533040502 51.52809157138043616, 5.76208656248841322 51.52442071231957499, 5.75422028643413519 51.51045112943923954, 5.74960886983101105 51.51095991621750159, 5.74700545123621165 51.50795555480608101, 5.74547466674084806 51.50860218753113884, 5.7393214863765154 51.50825405981510841, 5.73727473092013796 51.50673634905671605, 5.73004410353011373 51.50737859348002701, 5.7269760703851853 51.50337860184654915, 5.7119145729327645 51.50148975003697416, 5.7081814673279041 51.50182762849976115, 5.68414401659992574 51.50769997558053603, 5.68600501132585556 51.51273597302127882, 5.68407004624036105 51.51322780029305193, 5.68528892137451614 51.51516885610895002, 5.68452050571500411 51.5177792231641547, 5.68157559287567171 51.51838944951732202, 5.67673816559323186 51.5243542531067078, 5.6745386955310213 51.52577561883289547, 5.68047670006765415 51.52656538429839372, 5.67800535115125538 51.5274553099661361, 5.67837394634384918 51.52835725383615539, 5.6821742321998423 51.52764063114005921, 5.68236059222265322 51.527563378008999, 5.6844689056968063 51.52670619388918993, 5.69767002691684787 51.52457185592046329, 5.71309102516795875 51.52618936493102808, 5.7129415245559203 51.52681786645274542, 5.71542402334748356 51.52717607847205983, 5.71765205748945249 51.52582233492034192, 5.72250781050792856 51.52576972697485758, 5.72332866640544857 51.52764881150756082, 5.73337479852714971 51.52809052157786596, 5.75029672649894774 51.53668259940767626, 5.75029672649894774 51.53668259940767626)))</t>
  </si>
  <si>
    <t>MultiPolygon (((5.7269760703851853 51.50337860184654915, 5.73004410353011373 51.50737859348002701, 5.73727473092013796 51.50673634905671605, 5.7393214863765154 51.50825405981510841, 5.74547466674084806 51.50860218753113884, 5.74700545123621165 51.50795555480608101, 5.74960886983101105 51.51095991621750159, 5.75422028643413519 51.51045112943923954, 5.75718064111692129 51.50993982123328863, 5.75738208266261964 51.5090273899330171, 5.75494624815904388 51.50283849369289868, 5.75508561420514386 51.4975891199927176, 5.75005632025732982 51.49870637096665149, 5.74275217786624559 51.49746793218469776, 5.73268265436205571 51.49712003417418771, 5.72904874473969183 51.50002931237285964, 5.7280252590078522 51.49954101798928008, 5.7269760703851853 51.50337860184654915, 5.7269760703851853 51.50337860184654915)))</t>
  </si>
  <si>
    <t>MultiPolygon (((5.75861458742039911 51.59394650695961815, 5.78667840543607515 51.5982082669260862, 5.78834239990125443 51.59419126120459964, 5.80058600959831505 51.57862177243742252, 5.80958072551139715 51.57408112948192525, 5.77446905691405998 51.54914333219716127, 5.76267009402654384 51.54307572606008847, 5.75181034697023996 51.56041250561738565, 5.7479995644012476 51.56647090493130747, 5.75013998796400028 51.56629995069035033, 5.74536079119938137 51.57077307880867778, 5.74287702301737557 51.57501516982482315, 5.73262065541847043 51.59037533430454658, 5.75861458742039911 51.59394650695961815, 5.75861458742039911 51.59394650695961815),(5.76997138076572291 51.58340502853807408, 5.76517888453569238 51.58244985053140397, 5.76510799674236196 51.57913663237352608, 5.7675982456292969 51.57760862595534945, 5.77432493261985336 51.57857809792866277, 5.77266026422359779 51.58250884093455113, 5.7705731975965886 51.58224520304148797, 5.76997138076572291 51.58340502853807408, 5.76997138076572291 51.58340502853807408)))</t>
  </si>
  <si>
    <t>MultiPolygon (((5.76997138076572291 51.58340502853807408, 5.7705731975965886 51.58224520304148797, 5.77266026422359779 51.58250884093455113, 5.77432493261985336 51.57857809792866277, 5.7675982456292969 51.57760862595534945, 5.76510799674236196 51.57913663237352608, 5.76517888453569238 51.58244985053140397, 5.76997138076572291 51.58340502853807408, 5.76997138076572291 51.58340502853807408)))</t>
  </si>
  <si>
    <t>MultiPolygon (((5.7058108031673882 51.55132353166644776, 5.7288860744986847 51.55819868437922082, 5.73824144467596486 51.55628135616427699, 5.74098201081930259 51.55755220526369698, 5.75181034697023996 51.56041250561738565, 5.76267009402654384 51.54307572606008847, 5.75029672649894774 51.53668259940767626, 5.73337479852714971 51.52809052157786596, 5.72332866640544857 51.52764881150756082, 5.72250781050792856 51.52576972697485758, 5.71765205748945249 51.52582233492034192, 5.71542402334748356 51.52717607847205983, 5.7129415245559203 51.52681786645274542, 5.71309102516795875 51.52618936493102808, 5.71189576194247106 51.52708426018183019, 5.7119599001510899 51.53344188856912211, 5.7098255446615509 51.53690029959066266, 5.71127794889249962 51.53665161770201308, 5.71481047504709672 51.53761447120041339, 5.71466135437828893 51.53872670971375669, 5.71583099900074565 51.53920516044922806, 5.71229407598822725 51.54187233723747141, 5.71114125447169219 51.54132526493364708, 5.70805146230868754 51.54224080854322665, 5.70703480307107558 51.54320819318215996, 5.70439722937594951 51.54514233372923115, 5.70132419797970869 51.54583490205748575, 5.7058108031673882 51.55132353166644776, 5.7058108031673882 51.55132353166644776)))</t>
  </si>
  <si>
    <t>MultiPolygon (((5.70132419797970869 51.54583490205748575, 5.70439722937594951 51.54514233372923115, 5.70703480307107558 51.54320819318215996, 5.70478958977154349 51.53918093658370481, 5.70679836516517369 51.53828922776605737, 5.70675477445343748 51.53721520137214185, 5.7098255446615509 51.53690029959066266, 5.7119599001510899 51.53344188856912211, 5.71189576194247106 51.52708426018183019, 5.71309102516795875 51.52618936493102808, 5.69767002691684787 51.52457185592046329, 5.6844689056968063 51.52670619388918993, 5.68236059222265322 51.527563378008999, 5.70132419797970869 51.54583490205748575, 5.70132419797970869 51.54583490205748575)))</t>
  </si>
  <si>
    <t>MultiPolygon (((5.7098255446615509 51.53690029959066266, 5.70675477445343748 51.53721520137214185, 5.70679836516517369 51.53828922776605737, 5.70478958977154349 51.53918093658370481, 5.70703480307107558 51.54320819318215996, 5.70805146230868754 51.54224080854322665, 5.71114125447169219 51.54132526493364708, 5.71229407598822725 51.54187233723747141, 5.71583099900074565 51.53920516044922806, 5.71466135437828893 51.53872670971375669, 5.71481047504709672 51.53761447120041339, 5.71127794889249962 51.53665161770201308, 5.7098255446615509 51.53690029959066266, 5.7098255446615509 51.53690029959066266)))</t>
  </si>
  <si>
    <t>MultiPolygon (((5.7294789967757529 51.58981152699514183, 5.73262065541847043 51.59037533430454658, 5.74287702301737557 51.57501516982482315, 5.73988380484854677 51.57502592814406484, 5.72559677831308012 51.57075109492890874, 5.70688988356169524 51.5678588723918665, 5.7119431708129671 51.57383699580811509, 5.71323092660501253 51.57397441898989854, 5.71483668447651905 51.5760103509433705, 5.7188118427725092 51.57671092559995429, 5.71952427743981318 51.5776538334375303, 5.71807053245027053 51.58030315026740453, 5.71397481024881504 51.58331070351452041, 5.71195055406535523 51.58311775327322835, 5.71063268240008615 51.58426184231996814, 5.70997270206773067 51.58634826870726187, 5.7294789967757529 51.58981152699514183, 5.7294789967757529 51.58981152699514183)))</t>
  </si>
  <si>
    <t>MultiPolygon (((5.68710253853297409 51.58380670988523065, 5.69938589621844471 51.58411653453674006, 5.70598882857175749 51.58701694167016427, 5.70837156521432831 51.58589593495266712, 5.70724198285187345 51.58403663084366997, 5.70546828251475802 51.58314991342042788, 5.70856964302882641 51.57939484635420513, 5.70922714894689598 51.57589560951880969, 5.71365983762996965 51.57585184837526526, 5.7119431708129671 51.57383699580811509, 5.70688988356169524 51.5678588723918665, 5.70422051615820536 51.56689986539988269, 5.69773070731284736 51.56845632282335856, 5.69864408056410365 51.57291675510767703, 5.68860623081214456 51.57295656464911104, 5.68939820361857063 51.57643565070642211, 5.68227068386210199 51.57495023806762902, 5.68012928014419849 51.58041172868467328, 5.68823642029544096 51.58203323453871292, 5.68557869187188469 51.58267009800666614, 5.68552946615908805 51.58373623251389262, 5.68710253853297409 51.58380670988523065, 5.68710253853297409 51.58380670988523065)))</t>
  </si>
  <si>
    <t>MultiPolygon (((5.70837156521432831 51.58589593495266712, 5.70905094512062661 51.58555232579588079, 5.70997270206773067 51.58634826870726187, 5.71063268240008615 51.58426184231996814, 5.71195055406535523 51.58311775327322835, 5.71397481024881504 51.58331070351452041, 5.71807053245027053 51.58030315026740453, 5.71952427743981318 51.5776538334375303, 5.7188118427725092 51.57671092559995429, 5.71483668447651905 51.5760103509433705, 5.71323092660501253 51.57397441898989854, 5.7119431708129671 51.57383699580811509, 5.71365983762996965 51.57585184837526526, 5.70922714894689598 51.57589560951880969, 5.70856964302882641 51.57939484635420513, 5.70546828251475802 51.58314991342042788, 5.70724198285187345 51.58403663084366997, 5.70837156521432831 51.58589593495266712, 5.70837156521432831 51.58589593495266712)))</t>
  </si>
  <si>
    <t>MultiPolygon (((5.72559677831308012 51.57075109492890874, 5.73988380484854677 51.57502592814406484, 5.74287702301737557 51.57501516982482315, 5.74536079119938137 51.57077307880867778, 5.75013998796400028 51.56629995069035033, 5.7479995644012476 51.56647090493130747, 5.75181034697023996 51.56041250561738565, 5.74098201081930259 51.55755220526369698, 5.73824144467596486 51.55628135616427699, 5.7288860744986847 51.55819868437922082, 5.7058108031673882 51.55132353166644776, 5.70519627056618628 51.55203587266730381, 5.70860187468862534 51.55331267427593644, 5.70849812567655412 51.55790401702226688, 5.70398143714479389 51.55993093548600115, 5.70012656100044879 51.5607098567952562, 5.70122542414716804 51.56301334113604184, 5.70618552783044741 51.56226732594510764, 5.70581775355340159 51.5616534497637673, 5.70902119268497987 51.56090675532674794, 5.71281424593962051 51.56113978107678975, 5.71287809571616467 51.56341204850622262, 5.71597762748901506 51.56583283187994482, 5.72695506673492449 51.56646855075742053, 5.72559677831308012 51.57075109492890874, 5.72559677831308012 51.57075109492890874)))</t>
  </si>
  <si>
    <t>MultiPolygon (((5.65945061013658357 51.55375921066718803, 5.6668606914169537 51.55235923368015705, 5.67403647585774351 51.55392383351951935, 5.67438398284961387 51.55255136790930237, 5.67636880837070912 51.55141542830116208, 5.67649476050816304 51.54778919442231455, 5.67750380838977442 51.54664147894559534, 5.68397566850390668 51.54825777621149996, 5.68775417130332261 51.54735711244390473, 5.68936485001743186 51.54608021926107142, 5.69409722663775142 51.54753334406171916, 5.69423565026050404 51.54705745029110631, 5.69796305123987956 51.54822004501842514, 5.70519627056618628 51.55203587266730381, 5.7058108031673882 51.55132353166644776, 5.70132419797970869 51.54583490205748575, 5.68236059222265322 51.527563378008999, 5.6821742321998423 51.52764063114005921, 5.67739485177196102 51.5309124197557864, 5.66685557931469397 51.54066693572518432, 5.65945061013658357 51.55375921066718803, 5.65945061013658357 51.55375921066718803)))</t>
  </si>
  <si>
    <t>MultiPolygon (((5.65135725139027745 51.58236019653720916, 5.65805396396036553 51.58315136908272081, 5.65968980885397244 51.58269665754189504, 5.68552946615908805 51.58373623251389262, 5.68557869187188469 51.58267009800666614, 5.68823642029544096 51.58203323453871292, 5.68012928014419849 51.58041172868467328, 5.68227068386210199 51.57495023806762902, 5.68939820361857063 51.57643565070642211, 5.68860623081214456 51.57295656464911104, 5.69864408056410365 51.57291675510767703, 5.69773070731284736 51.56845632282335856, 5.69678617021420575 51.56782512986521994, 5.68756293052959361 51.56703657621660142, 5.68791780462206464 51.56464636839388049, 5.67780591060993167 51.56438652062634986, 5.67591271442424805 51.56352077266954836, 5.67690730875921812 51.56235673000796993, 5.67534413774760882 51.56163371785783056, 5.67403647585774351 51.55392383351951935, 5.6668606914169537 51.55235923368015705, 5.65945061013658357 51.55375921066718803, 5.65248578916152056 51.56967852338114966, 5.65609447020615352 51.57367801992260326, 5.6565174963089353 51.57479484107185641, 5.65267304979680318 51.57831718693297773, 5.65135725139027745 51.58236019653720916, 5.65135725139027745 51.58236019653720916)))</t>
  </si>
  <si>
    <t>MultiPolygon (((5.69773070731284736 51.56845632282335856, 5.70422051615820536 51.56689986539988269, 5.70146871298524793 51.56358796075603124, 5.68791780462206464 51.56464636839388049, 5.68756293052959361 51.56703657621660142, 5.69678617021420575 51.56782512986521994, 5.69773070731284736 51.56845632282335856, 5.69773070731284736 51.56845632282335856)))</t>
  </si>
  <si>
    <t>MultiPolygon (((5.70688988356169524 51.5678588723918665, 5.72559677831308012 51.57075109492890874, 5.72695506673492449 51.56646855075742053, 5.71597762748901506 51.56583283187994482, 5.71287809571616467 51.56341204850622262, 5.71281424593962051 51.56113978107678975, 5.70902119268497987 51.56090675532674794, 5.70581775355340159 51.5616534497637673, 5.70618552783044741 51.56226732594510764, 5.70122542414716804 51.56301334113604184, 5.70146871298524793 51.56358796075603124, 5.70422051615820536 51.56689986539988269, 5.70688988356169524 51.5678588723918665, 5.70688988356169524 51.5678588723918665)))</t>
  </si>
  <si>
    <t>MultiPolygon (((5.69227273293850988 51.55748741252514833, 5.70012656100044879 51.5607098567952562, 5.70398143714479389 51.55993093548600115, 5.70849812567655412 51.55790401702226688, 5.70860187468862534 51.55331267427593644, 5.70519627056618628 51.55203587266730381, 5.69796305123987956 51.54822004501842514, 5.69423565026050404 51.54705745029110631, 5.69409722663775142 51.54753334406171916, 5.69318883209899518 51.54765504490491423, 5.69417587723183072 51.55012173628228567, 5.69077778051682515 51.55479374360204758, 5.69227273293850988 51.55748741252514833, 5.69227273293850988 51.55748741252514833)))</t>
  </si>
  <si>
    <t>MultiPolygon (((5.68791780462206464 51.56464636839388049, 5.70146871298524793 51.56358796075603124, 5.70122542414716804 51.56301334113604184, 5.70012656100044879 51.5607098567952562, 5.69227273293850988 51.55748741252514833, 5.68425668969876074 51.55887784269702223, 5.68241264720379746 51.55829965232508982, 5.67690730875921812 51.56235673000796993, 5.67591271442424805 51.56352077266954836, 5.67780591060993167 51.56438652062634986, 5.68791780462206464 51.56464636839388049, 5.68791780462206464 51.56464636839388049)))</t>
  </si>
  <si>
    <t>MultiPolygon (((5.67690730875921812 51.56235673000796993, 5.68241264720379746 51.55829965232508982, 5.68425668969876074 51.55887784269702223, 5.69227273293850988 51.55748741252514833, 5.69077778051682515 51.55479374360204758, 5.69417587723183072 51.55012173628228567, 5.69318883209899518 51.54765504490491423, 5.69409722663775142 51.54753334406171916, 5.68936485001743186 51.54608021926107142, 5.68775417130332261 51.54735711244390473, 5.68397566850390668 51.54825777621149996, 5.67750380838977442 51.54664147894559534, 5.67649476050816304 51.54778919442231455, 5.67636880837070912 51.55141542830116208, 5.67438398284961387 51.55255136790930237, 5.67403647585774351 51.55392383351951935, 5.67534413774760882 51.56163371785783056, 5.67690730875921812 51.56235673000796993, 5.67690730875921812 51.56235673000796993)))</t>
  </si>
  <si>
    <t>MultiPolygon (((5.85944056257190393 51.17200653389642184, 5.8639632008569853 51.1752945622207136, 5.86967418724562062 51.17620582749934499, 5.87287900146919206 51.17407445768403562, 5.87422966142887937 51.16982350719603545, 5.87663718378280198 51.16886589826605558, 5.88465514265512279 51.17265661955291023, 5.88884581216208058 51.17393749546831572, 5.89114255812159548 51.17382586629209129, 5.89653913046834699 51.17021040813723687, 5.90352142080892062 51.16822532821774416, 5.90487562758208018 51.16861678004995895, 5.90557223779406293 51.17016342108785665, 5.90696363566736693 51.17067575207332908, 5.90902501663520496 51.17076903963263845, 5.91046279568276756 51.16946535518599859, 5.91265239202399062 51.16963890008778293, 5.91626301555620415 51.17300235107250472, 5.92224061224586773 51.17217634917687974, 5.91724481686180681 51.168697885471218, 5.91047437383297147 51.16624049376975591, 5.89439435513201815 51.16380606946282938, 5.88838277875105565 51.16177098847440163, 5.88504455985209862 51.15863744470947694, 5.88488718414969636 51.15384397429593832, 5.88375347638771018 51.15109573689990441, 5.88012043994359956 51.14804309943338012, 5.87739944158611749 51.14740965509992776, 5.87474189918657075 51.14763926659144033, 5.86913483066978703 51.15034154389923771, 5.8669355671386958 51.15072530944621576, 5.86413041749848674 51.15011699906252574, 5.86129537091577468 51.14851298922448564, 5.86118028372778799 51.14844232803521606, 5.86031128257824818 51.15304832097755394, 5.8665874908735125 51.15946504166162612, 5.86597208948335958 51.16311282745832756, 5.86707993315273146 51.16479903356439962, 5.87091001921171074 51.16653410401578128, 5.87457712185441405 51.16663345353561709, 5.87539108180822467 51.16757253098111846, 5.85944056257190393 51.17200653389642184, 5.85944056257190393 51.17200653389642184)))</t>
  </si>
  <si>
    <t>MultiPolygon (((5.89165512518639645 51.21420671744895259, 5.89416939863050526 51.21602528001704258, 5.90788341269562078 51.21142825478899141, 5.90920866374683573 51.20944528515493488, 5.9081771882311358 51.20749563094049961, 5.90599601241574135 51.20640825416102615, 5.90701327954139899 51.20554955351298076, 5.91412752842984268 51.20890681676107192, 5.91957128198282767 51.20565443115804527, 5.92560295308375995 51.20372541941893019, 5.94565873526474498 51.20356004306597697, 5.94671936541376844 51.20339879407841721, 5.94701228018644024 51.20240717828187371, 5.94991879445057581 51.20203671901313669, 5.951325308658582 51.20116499116185338, 5.93166539840992346 51.18996629055222769, 5.92549738208430021 51.18450806408514353, 5.92130065662177163 51.17898239153717554, 5.9058170521504918 51.18056055826424711, 5.90201595977004878 51.1876113031020239, 5.89945366370877267 51.18703834883668691, 5.89518399386737979 51.20059806605713959, 5.90117153752432966 51.20351519495013548, 5.89437009674004742 51.20826748477847445, 5.89055567965388249 51.21300577853477876, 5.89165512518639645 51.21420671744895259, 5.89165512518639645 51.21420671744895259)))</t>
  </si>
  <si>
    <t>MultiPolygon (((5.88364378471196137 51.21336192379919794, 5.88948368053069249 51.21538368863111401, 5.89165512518639645 51.21420671744895259, 5.89055567965388249 51.21300577853477876, 5.89437009674004742 51.20826748477847445, 5.90117153752432966 51.20351519495013548, 5.89518399386737979 51.20059806605713959, 5.89945366370877267 51.18703834883668691, 5.88510706427903862 51.1846160878109373, 5.88401653298275384 51.18487643657844899, 5.8823510602634439 51.18295709171112406, 5.88023810360880628 51.1779842525749018, 5.86993044591468482 51.18045202371563107, 5.85827340790068885 51.17683943085812359, 5.85354844673168184 51.1740208133835992, 5.85246923549473763 51.17458009654589546, 5.84855977079750389 51.17827786557393921, 5.84804151741636691 51.17912736935916485, 5.84872518569816524 51.17943372935540935, 5.87373318973658698 51.19094155836928195, 5.86824208449668738 51.19507826931497618, 5.86855333280100488 51.19682250024560943, 5.87209475306798367 51.19950573312510045, 5.87325563798394867 51.20194478744778621, 5.87283181899339368 51.20339907714677707, 5.87826523123181843 51.20960772430419894, 5.88364378471196137 51.21336192379919794, 5.88364378471196137 51.21336192379919794)))</t>
  </si>
  <si>
    <t>MultiPolygon (((5.85354844673168184 51.1740208133835992, 5.85827340790068885 51.17683943085812359, 5.86993044591468482 51.18045202371563107, 5.88023810360880628 51.1779842525749018, 5.88465514265512279 51.17265661955291023, 5.87663718378280198 51.16886589826605558, 5.87422966142887937 51.16982350719603545, 5.87287900146919206 51.17407445768403562, 5.86967418724562062 51.17620582749934499, 5.8639632008569853 51.1752945622207136, 5.85944056257190393 51.17200653389642184, 5.85354844673168184 51.1740208133835992, 5.85354844673168184 51.1740208133835992)))</t>
  </si>
  <si>
    <t>MultiPolygon (((5.89945366370877267 51.18703834883668691, 5.90201595977004878 51.1876113031020239, 5.9058170521504918 51.18056055826424711, 5.92130065662177163 51.17898239153717554, 5.92556098293450439 51.17714922175968439, 5.92224061224586773 51.17217634917687974, 5.91626301555620415 51.17300235107250472, 5.91265239202399062 51.16963890008778293, 5.91046279568276756 51.16946535518599859, 5.90902501663520496 51.17076903963263845, 5.90696363566736693 51.17067575207332908, 5.90557223779406293 51.17016342108785665, 5.90487562758208018 51.16861678004995895, 5.90352142080892062 51.16822532821774416, 5.89653913046834699 51.17021040813723687, 5.89114255812159548 51.17382586629209129, 5.88884581216208058 51.17393749546831572, 5.88465514265512279 51.17265661955291023, 5.88023810360880628 51.1779842525749018, 5.8823510602634439 51.18295709171112406, 5.88401653298275384 51.18487643657844899, 5.88510706427903862 51.1846160878109373, 5.89945366370877267 51.18703834883668691, 5.89945366370877267 51.18703834883668691)))</t>
  </si>
  <si>
    <t>MultiPolygon (((5.85246923549473763 51.17458009654589546, 5.85354844673168184 51.1740208133835992, 5.85944056257190393 51.17200653389642184, 5.87539108180822467 51.16757253098111846, 5.87457712185441405 51.16663345353561709, 5.87091001921171074 51.16653410401578128, 5.86707993315273146 51.16479903356439962, 5.86597208948335958 51.16311282745832756, 5.8665874908735125 51.15946504166162612, 5.86031128257824818 51.15304832097755394, 5.86118028372778799 51.14844232803521606, 5.85561972430175715 51.14469731352100013, 5.84654246381392184 51.14893285428595959, 5.84600540824730963 51.14871629388787966, 5.84028897023817439 51.15232908919577426, 5.83635429993597565 51.15368498066725067, 5.83694875599679541 51.1551096502501963, 5.84572679687427499 51.15471233175519217, 5.85476069783907693 51.16135759287659113, 5.85269830995733642 51.16745698423327582, 5.84576852129705404 51.16718792004865435, 5.84577055010865276 51.16853175182375679, 5.84397369725566218 51.16870849902554852, 5.83401464841710737 51.16817484561983065, 5.83312158258608449 51.16635429023136084, 5.83493129850514691 51.16560040594791303, 5.83140881982652992 51.16315843560768428, 5.83007403185428696 51.16405819821004997, 5.82818136558115008 51.16428428011962382, 5.82754043815084177 51.16617527830793932, 5.82641715163209994 51.1668343367263958, 5.82701136147832699 51.16733164558369396, 5.82616952101751373 51.16780738556960983, 5.82765115483183926 51.16903940245290272, 5.82695976930342496 51.17058447112813724, 5.84609200318871114 51.17859303878839228, 5.85246923549473763 51.17458009654589546, 5.85246923549473763 51.17458009654589546)))</t>
  </si>
  <si>
    <t>MultiPolygon (((5.83694875599679541 51.1551096502501963, 5.83861060341375282 51.15708661930589329, 5.83581889889418193 51.1576081875285027, 5.83515366637211663 51.15838748627576393, 5.83288113161085153 51.15903740854664505, 5.83338936719634837 51.16123503963579822, 5.83140881982652992 51.16315843560768428, 5.83493129850514691 51.16560040594791303, 5.83312158258608449 51.16635429023136084, 5.83401464841710737 51.16817484561983065, 5.84397369725566218 51.16870849902554852, 5.84577055010865276 51.16853175182375679, 5.84576852129705404 51.16718792004865435, 5.85269830995733642 51.16745698423327582, 5.85476069783907693 51.16135759287659113, 5.84572679687427499 51.15471233175519217, 5.83694875599679541 51.1551096502501963, 5.83694875599679541 51.1551096502501963)))</t>
  </si>
  <si>
    <t>MultiPolygon (((5.83537113959272791 51.11588925020753749, 5.83499017692761779 51.11327214088430537, 5.84104768123636919 51.11151824350560702, 5.8473681760293319 51.11238971293613531, 5.8503407756341419 51.11148798477923805, 5.85109108997558103 51.10918499649671531, 5.85094436259794826 51.10923338512186831, 5.84867641914957481 51.10953501044104996, 5.84467980383364694 51.10526283847230644, 5.83766512519073988 51.10324255689771888, 5.83508594426653993 51.10105495223612593, 5.83471128862570332 51.09946977530860579, 5.83350721498873792 51.09955531355434744, 5.83340522542099738 51.10375087233840929, 5.82888639701889133 51.10703976298572826, 5.82359102531086403 51.10835005694735855, 5.81376132190629757 51.10768274818831003, 5.81877084277257417 51.11058945332002423, 5.81668827310488368 51.11329272495214582, 5.82531088597108759 51.11357959707338239, 5.82933214546219691 51.11549695915711311, 5.83537113959272791 51.11588925020753749, 5.83537113959272791 51.11588925020753749)))</t>
  </si>
  <si>
    <t>MultiPolygon (((5.81899551658720959 51.12526682586648974, 5.83289199008279535 51.12148343293068109, 5.83564058418616938 51.11862252050688937, 5.83537113959272791 51.11588925020753749, 5.82933214546219691 51.11549695915711311, 5.82531088597108759 51.11357959707338239, 5.81668827310488368 51.11329272495214582, 5.81877084277257417 51.11058945332002423, 5.81376132190629757 51.10768274818831003, 5.81086291292312573 51.10886689766364555, 5.80835803755339874 51.11120449868015214, 5.80783501564974092 51.11403528941450247, 5.80985024814288842 51.1184221952211999, 5.81596643499747046 51.12217383589037922, 5.81899551658720959 51.12526682586648974, 5.81899551658720959 51.12526682586648974)))</t>
  </si>
  <si>
    <t>MultiPolygon (((5.86118028372778799 51.14844232803521606, 5.86129537091577468 51.14851298922448564, 5.8614906975404315 51.14513228106213205, 5.86266848703264465 51.14279680717781673, 5.87051423571928055 51.14137478015074834, 5.87283677543024574 51.13487808142137681, 5.87228155597490353 51.13510866121423959, 5.86616573111825357 51.12725299275817292, 5.85551114258588168 51.12981164069812223, 5.85033773798725587 51.1330046398652982, 5.84679434310845192 51.13426986780910966, 5.84366825783109078 51.1345922767816603, 5.84350656883423003 51.13732686279956141, 5.84584048805081746 51.14075879821769632, 5.85561972430175715 51.14469731352100013, 5.86118028372778799 51.14844232803521606, 5.86118028372778799 51.14844232803521606)))</t>
  </si>
  <si>
    <t>MultiPolygon (((5.84366825783109078 51.1345922767816603, 5.84679434310845192 51.13426986780910966, 5.85033773798725587 51.1330046398652982, 5.85551114258588168 51.12981164069812223, 5.86616573111825357 51.12725299275817292, 5.85795471518992095 51.11678249002071794, 5.85109108997558103 51.10918499649671531, 5.8503407756341419 51.11148798477923805, 5.8473681760293319 51.11238971293613531, 5.84104768123636919 51.11151824350560702, 5.83499017692761779 51.11327214088430537, 5.83537113959272791 51.11588925020753749, 5.83564058418616938 51.11862252050688937, 5.83289199008279535 51.12148343293068109, 5.81899551658720959 51.12526682586648974, 5.82374979825076977 51.12875624302718336, 5.82752363239328641 51.13010533402611912, 5.84011582338816559 51.13084260242567325, 5.84232938422867409 51.13220842864146931, 5.84366825783109078 51.1345922767816603, 5.84366825783109078 51.1345922767816603)))</t>
  </si>
  <si>
    <t>MultiPolygon (((5.91047437383297147 51.16624049376975591, 5.91724481686180681 51.168697885471218, 5.92281579840584804 51.16966057537677415, 5.9281115523635366 51.16865052994314311, 5.93501147504570348 51.16475754352845229, 5.93874020918200962 51.1618003139966433, 5.92171596907606901 51.15489247088967062, 5.91735345575917382 51.15736279934786523, 5.92113875648068166 51.15958932215716004, 5.91725678422178625 51.16210687501454402, 5.9157867812095839 51.16431951709836312, 5.91047437383297147 51.16624049376975591, 5.91047437383297147 51.16624049376975591)))</t>
  </si>
  <si>
    <t>MultiPolygon (((5.93874020918200962 51.1618003139966433, 5.94251042663727524 51.16041885282777457, 5.94697731472238633 51.1607196871367691, 5.94715745799367834 51.16017689394033141, 5.95251461613117172 51.158822865015253, 5.95547751840992223 51.15904447230959562, 5.94344567794507572 51.1514966720573625, 5.93025913497000445 51.14343285962663543, 5.92855530480966841 51.1445729312116768, 5.92494161896396143 51.14972241491604876, 5.92416866609641435 51.14962093368522034, 5.92176321762005653 51.15317620586759517, 5.92171596907606901 51.15489247088967062, 5.93874020918200962 51.1618003139966433, 5.93874020918200962 51.1618003139966433)))</t>
  </si>
  <si>
    <t>MultiPolygon (((5.88838277875105565 51.16177098847440163, 5.89439435513201815 51.16380606946282938, 5.91047437383297147 51.16624049376975591, 5.9157867812095839 51.16431951709836312, 5.91725678422178625 51.16210687501454402, 5.92113875648068166 51.15958932215716004, 5.91735345575917382 51.15736279934786523, 5.92171596907606901 51.15489247088967062, 5.92176321762005653 51.15317620586759517, 5.92416866609641435 51.14962093368522034, 5.92494161896396143 51.14972241491604876, 5.92855530480966841 51.1445729312116768, 5.93025913497000445 51.14343285962663543, 5.91388826989972394 51.13319992157232008, 5.91156295117387476 51.13179301791767983, 5.90798556793605023 51.13478818377082291, 5.9033851899771852 51.13302220614845339, 5.90146073780764979 51.13420971877275178, 5.89827384711438807 51.13483232607741513, 5.89777557375290584 51.13595456701682451, 5.89658575426699372 51.13595998723367586, 5.89748791102883452 51.14250881565041595, 5.91327917148936599 51.14346560313438061, 5.91834714349909863 51.14662658151367935, 5.91291248676123526 51.15028247647867943, 5.91072527411338733 51.15085173055481249, 5.90716362146032381 51.14996715507682268, 5.90425979449965777 51.14999894343265652, 5.89781183208745041 51.15120221902689224, 5.89653791617374878 51.15477726235577904, 5.88838277875105565 51.16177098847440163, 5.88838277875105565 51.16177098847440163)))</t>
  </si>
  <si>
    <t>MultiPolygon (((5.89781183208745041 51.15120221902689224, 5.90425979449965777 51.14999894343265652, 5.90716362146032381 51.14996715507682268, 5.91072527411338733 51.15085173055481249, 5.91291248676123526 51.15028247647867943, 5.91834714349909863 51.14662658151367935, 5.91327917148936599 51.14346560313438061, 5.89748791102883452 51.14250881565041595, 5.89781183208745041 51.15120221902689224, 5.89781183208745041 51.15120221902689224)))</t>
  </si>
  <si>
    <t>MultiPolygon (((5.88838277875105565 51.16177098847440163, 5.89653791617374878 51.15477726235577904, 5.89781183208745041 51.15120221902689224, 5.89748791102883452 51.14250881565041595, 5.89658575426699372 51.13595998723367586, 5.89524839373938558 51.13525488154073884, 5.89355334691941124 51.13515633403902427, 5.89063090160698977 51.13440288293580238, 5.89039576930337017 51.13488486416904522, 5.88715464374014896 51.1344223471307302, 5.88661641996397211 51.13500889936508287, 5.88283848001838994 51.13339907517350724, 5.8815682256701427 51.13483104344452101, 5.8743022292556839 51.13424964108170911, 5.87283677543024574 51.13487808142137681, 5.87051423571928055 51.14137478015074834, 5.86266848703264465 51.14279680717781673, 5.8614906975404315 51.14513228106213205, 5.86129537091577468 51.14851298922448564, 5.86413041749848674 51.15011699906252574, 5.8669355671386958 51.15072530944621576, 5.86913483066978703 51.15034154389923771, 5.87474189918657075 51.14763926659144033, 5.87739944158611749 51.14740965509992776, 5.88012043994359956 51.14804309943338012, 5.88375347638771018 51.15109573689990441, 5.88488718414969636 51.15384397429593832, 5.88504455985209862 51.15863744470947694, 5.88838277875105565 51.16177098847440163, 5.88838277875105565 51.16177098847440163)))</t>
  </si>
  <si>
    <t>MultiPolygon (((5.84280272029406245 51.18594739921030623, 5.84872518569816524 51.17943372935540935, 5.84804151741636691 51.17912736935916485, 5.84855977079750389 51.17827786557393921, 5.85246923549473763 51.17458009654589546, 5.84609200318871114 51.17859303878839228, 5.82695976930342496 51.17058447112813724, 5.82765115483183926 51.16903940245290272, 5.82616952101751373 51.16780738556960983, 5.82701136147832699 51.16733164558369396, 5.82641715163209994 51.1668343367263958, 5.82431090928469164 51.16784120962569204, 5.82229530633075054 51.16622063976919321, 5.81607917967922106 51.16326028689091032, 5.81570984324183815 51.16159870631360462, 5.8146899129529972 51.1610676267010831, 5.81502790486256149 51.15884828430278475, 5.81385779128886426 51.15874616108150263, 5.8089714405178956 51.1613356237782142, 5.80978681695984367 51.16188303169395368, 5.8106699161364741 51.16306711054182443, 5.80950200991639853 51.16371602017797926, 5.80770542352872354 51.16452376358147802, 5.80840572079790185 51.16592119918971093, 5.81125962367277626 51.16779354383558598, 5.81038598207577817 51.16821908221497495, 5.81005579142134909 51.17095701306700306, 5.81273423710674919 51.17312965925387402, 5.81077470908310989 51.17587382867193213, 5.8204818487270451 51.18055437483359782, 5.81831194862983736 51.18385828564511542, 5.82485883440048191 51.18653320202702162, 5.82708104303769581 51.18625268015464513, 5.83683865688620429 51.18761294286810681, 5.83971452877826369 51.18680650114261965, 5.84162067609637159 51.1855066642953247, 5.84280272029406245 51.18594739921030623, 5.84280272029406245 51.18594739921030623),(5.82661881890929134 51.17671503387295218, 5.82234221186731826 51.17612836440284951, 5.82280850817421314 51.17381494703509759, 5.8127621471399511 51.17313083970729792, 5.81391234523731892 51.16817419667636102, 5.81907316530169982 51.16765995825397084, 5.8204096650765198 51.16821828181072362, 5.82152048034859337 51.16973749875945288, 5.82330498385100892 51.16942770366999582, 5.82923458012681461 51.17190416991284962, 5.82866938021482106 51.17294376799760869, 5.82661881890929134 51.17671503387295218, 5.82661881890929134 51.17671503387295218)))</t>
  </si>
  <si>
    <t>MultiPolygon (((5.82661881890929134 51.17671503387295218, 5.82923458012681461 51.17190416991284962, 5.82330498385100892 51.16942770366999582, 5.82152048034859337 51.16973749875945288, 5.8204096650765198 51.16821828181072362, 5.81907316530169982 51.16765995825397084, 5.81391234523731892 51.16817419667636102, 5.8127621471399511 51.17313083970729792, 5.82280850817421314 51.17381494703509759, 5.82234221186731826 51.17612836440284951, 5.82661881890929134 51.17671503387295218, 5.82661881890929134 51.17671503387295218)))</t>
  </si>
  <si>
    <t>MultiPolygon (((5.80978681695984367 51.16188303169395368, 5.80864652118015989 51.16323606544573721, 5.80950200991639853 51.16371602017797926, 5.8106699161364741 51.16306711054182443, 5.80978681695984367 51.16188303169395368, 5.80978681695984367 51.16188303169395368)),((5.81077470908310989 51.17587382867193213, 5.81273423710674919 51.17312965925387402, 5.81005579142134909 51.17095701306700306, 5.81038598207577817 51.16821908221497495, 5.81125962367277626 51.16779354383558598, 5.80840572079790185 51.16592119918971093, 5.80750938249191417 51.16636382323635246, 5.80863493465365632 51.16703207662040853, 5.80496962159238805 51.16871022118937162, 5.79827934626027375 51.16641966668780839, 5.7978805193599241 51.16533399799924808, 5.79910622297421252 51.16319915895261516, 5.80084018353121422 51.16298467652093507, 5.80273387338316571 51.16120865429766695, 5.80199008855685072 51.16004162553942791, 5.802579211968939 51.15948009669798324, 5.79870406120466875 51.15765180302187787, 5.79181404521009657 51.15698585009326393, 5.78650811962501965 51.15473965092710529, 5.78508636922200115 51.15310828704367907, 5.77764615048568775 51.15130386086010361, 5.77666762369310671 51.15440459507763649, 5.77475916653180299 51.15468220211434414, 5.7771610547723391 51.1574120797900207, 5.77644828615268047 51.15770876694453762, 5.77948255384491461 51.15938306986504358, 5.77940236517515604 51.16331633067479601, 5.77844235954313312 51.16329673732153083, 5.77781933433733297 51.16254035400054789, 5.77596390295818019 51.16304977734782256, 5.77678565016552792 51.16324174022643945, 5.77636600523819776 51.16532976011911416, 5.77403768143285578 51.16529174114394607, 5.77446029730607524 51.16393660927156617, 5.77301866573464295 51.16449844797271851, 5.77018853901812889 51.1642238580964559, 5.76956494840080047 51.16908331541225152, 5.77044748270873598 51.17001641675340551, 5.7726114429010833 51.16949769923070335, 5.77737735497679505 51.17072054260567882, 5.77993417987213132 51.17170893289110722, 5.7826063133017831 51.17015298875291762, 5.78365268550818357 51.17092117979111521, 5.79546001914716058 51.17185355353923626, 5.80226190863125701 51.17302866867091637, 5.80988794405367237 51.17598640886802741, 5.81077470908310989 51.17587382867193213, 5.81077470908310989 51.17587382867193213)))</t>
  </si>
  <si>
    <t>MultiPolygon (((5.80840572079790185 51.16592119918971093, 5.80770542352872354 51.16452376358147802, 5.80950200991639853 51.16371602017797926, 5.80864652118015989 51.16323606544573721, 5.80978681695984367 51.16188303169395368, 5.8089714405178956 51.1613356237782142, 5.80631960390111423 51.16281124885537679, 5.80579031411432744 51.16238509840525239, 5.80494366715084187 51.16287146132076202, 5.80273387338316571 51.16120865429766695, 5.80084018353121422 51.16298467652093507, 5.79910622297421252 51.16319915895261516, 5.7978805193599241 51.16533399799924808, 5.79827934626027375 51.16641966668780839, 5.80496962159238805 51.16871022118937162, 5.80863493465365632 51.16703207662040853, 5.80750938249191417 51.16636382323635246, 5.80840572079790185 51.16592119918971093)))</t>
  </si>
  <si>
    <t>MultiPolygon (((5.80736375258922966 51.20164831133971717, 5.81169846703591286 51.20260910844699964, 5.81814279272274515 51.20203085397902498, 5.82523606552142148 51.20299516596931966, 5.8275991447117832 51.20246218997070287, 5.84280272029406245 51.18594739921030623, 5.84162067609637159 51.1855066642953247, 5.83971452877826369 51.18680650114261965, 5.83683865688620429 51.18761294286810681, 5.82708104303769581 51.18625268015464513, 5.82485883440048191 51.18653320202702162, 5.81831194862983736 51.18385828564511542, 5.8204818487270451 51.18055437483359782, 5.81077470908310989 51.17587382867193213, 5.80988794405367237 51.17598640886802741, 5.80226190863125701 51.17302866867091637, 5.79546001914716058 51.17185355353923626, 5.78365268550818357 51.17092117979111521, 5.7826063133017831 51.17015298875291762, 5.77993417987213132 51.17170893289110722, 5.79091256733138504 51.17618663429913539, 5.79310705679703286 51.17824447604397875, 5.79377696612928172 51.18120684297035439, 5.79337251557092525 51.18877156606222911, 5.79100448626179531 51.19087122557117908, 5.7948751906262137 51.19146396148484257, 5.79883577206515977 51.19287743770667021, 5.80357228363887589 51.19561779733065521, 5.80671755193146399 51.19610742397797054, 5.80798671981825443 51.1997297107228917, 5.80612730679776945 51.20068809077145744, 5.80736375258922966 51.20164831133971717, 5.80736375258922966 51.20164831133971717),(5.81065846267581954 51.19406472345395542, 5.80642778749421051 51.19329714611073001, 5.80545681286218063 51.19247908772401701, 5.80843742721868939 51.18861884215525038, 5.81564194789219169 51.18662508904311892, 5.81743184809099922 51.18510004942933023, 5.8213316401611559 51.18594940502250523, 5.8242736322659745 51.1875683639584409, 5.8233753352498665 51.18912604243426046, 5.81273720333830379 51.19123261671064995, 5.81065846267581954 51.19406472345395542, 5.81065846267581954 51.19406472345395542)))</t>
  </si>
  <si>
    <t>MultiPolygon (((5.81065846267581954 51.19406472345395542, 5.81273720333830379 51.19123261671064995, 5.8233753352498665 51.18912604243426046, 5.8242736322659745 51.1875683639584409, 5.8213316401611559 51.18594940502250523, 5.81743184809099922 51.18510004942933023, 5.81564194789219169 51.18662508904311892, 5.80843742721868939 51.18861884215525038, 5.80545681286218063 51.19247908772401701, 5.80642778749421051 51.19329714611073001, 5.81065846267581954 51.19406472345395542, 5.81065846267581954 51.19406472345395542)))</t>
  </si>
  <si>
    <t>MultiPolygon (((5.7536420385905922 51.20318478477470592, 5.75491337363778221 51.20319342460280154, 5.75931682316183124 51.19974427071429801, 5.76433488177324982 51.19457223610526597, 5.76696453499951467 51.19389183471594151, 5.76623512818457673 51.1977931242427573, 5.76981985517947837 51.19683923404277692, 5.76941454079165972 51.2000293382874716, 5.77139032540430286 51.2016694727286108, 5.76830410210850797 51.20341039573889219, 5.77305638742515548 51.2053501655446226, 5.77731391234474234 51.20261041866657337, 5.78476093038844841 51.20401442512736878, 5.79298268281850604 51.202883312733384, 5.79659100220217471 51.20334087139610091, 5.7989265334245923 51.19970426182905499, 5.80736375258922966 51.20164831133971717, 5.80612730679776945 51.20068809077145744, 5.80798671981825443 51.1997297107228917, 5.80671755193146399 51.19610742397797054, 5.80357228363887589 51.19561779733065521, 5.79883577206515977 51.19287743770667021, 5.7948751906262137 51.19146396148484257, 5.79100448626179531 51.19087122557117908, 5.79337251557092525 51.18877156606222911, 5.79377696612928172 51.18120684297035439, 5.79310705679703286 51.17824447604397875, 5.79091256733138504 51.17618663429913539, 5.77993417987213132 51.17170893289110722, 5.77737735497679505 51.17072054260567882, 5.77973594382665556 51.1717991672491479, 5.77937244497155689 51.17216435449685719, 5.77386427135674918 51.17269312130292747, 5.77295210616355625 51.1733697800647036, 5.77672847542801016 51.17848550338452895, 5.76716044243564685 51.18369109514695481, 5.75596326339995379 51.18446067263742805, 5.75686835769069116 51.18540432216835256, 5.75314069185142785 51.1860994578798838, 5.74908992804298968 51.1886783753901824, 5.74564121935557726 51.18949896330355642, 5.74569811861407675 51.19057484283302273, 5.74654695806989224 51.19055756836448268, 5.7468369394513461 51.19244046410432958, 5.74736867400195983 51.19242389528497483, 5.74581951574826899 51.19384565394029352, 5.75182680895901655 51.2000881111147379, 5.7536420385905922 51.20318478477470592, 5.7536420385905922 51.20318478477470592),(5.77725658868879943 51.18942316236621792, 5.77721534887706412 51.18662266951969286, 5.77863456420750499 51.18573713648329715, 5.78344327890006937 51.1870419277547839, 5.78170534310034956 51.18913631486020677, 5.77725658868879943 51.18942316236621792, 5.77725658868879943 51.18942316236621792)))</t>
  </si>
  <si>
    <t>MultiPolygon (((5.77725658868879943 51.18942316236621792, 5.78170534310034956 51.18913631486020677, 5.78344327890006937 51.1870419277547839, 5.77863456420750499 51.18573713648329715, 5.77721534887706412 51.18662266951969286, 5.77725658868879943 51.18942316236621792, 5.77725658868879943 51.18942316236621792)))</t>
  </si>
  <si>
    <t>MultiPolygon (((5.79177000556443922 51.23753696961104254, 5.79487271990740282 51.23706643154402229, 5.8275991447117832 51.20246218997070287, 5.82523606552142148 51.20299516596931966, 5.81814279272274515 51.20203085397902498, 5.81169846703591286 51.20260910844699964, 5.80736375258922966 51.20164831133971717, 5.7989265334245923 51.19970426182905499, 5.79659100220217471 51.20334087139610091, 5.79298268281850604 51.202883312733384, 5.78476093038844841 51.20401442512736878, 5.77731391234474234 51.20261041866657337, 5.77305638742515548 51.2053501655446226, 5.76830410210850797 51.20341039573889219, 5.77139032540430286 51.2016694727286108, 5.76941454079165972 51.2000293382874716, 5.76981985517947837 51.19683923404277692, 5.76623512818457673 51.1977931242427573, 5.76696453499951467 51.19389183471594151, 5.76433488177324982 51.19457223610526597, 5.75931682316183124 51.19974427071429801, 5.75491337363778221 51.20319342460280154, 5.7536420385905922 51.20318478477470592, 5.75290918173743115 51.20517920239292664, 5.75585659374272041 51.20683005697480894, 5.75334391923345123 51.20794217381912006, 5.75154367414835122 51.20750351372586806, 5.74920748046326135 51.20847696362003632, 5.75083635357601253 51.20967945727007731, 5.751776120635121 51.21361106551977826, 5.75526425179486978 51.21543857696023139, 5.75686655895851374 51.21614334044379291, 5.76065152011422477 51.21646993006047666, 5.76439326271967811 51.21587935049154794, 5.76851444902552668 51.21484703300374264, 5.77318824250835938 51.21512857738941449, 5.77458103444895343 51.21592943443275203, 5.77477849859417525 51.21800247796023342, 5.77584513318323278 51.2190059823573236, 5.78176662009954434 51.22013878815588583, 5.78973779168890523 51.23388325807823662, 5.79005070106821851 51.23649870461027689, 5.79177000556443922 51.23753696961104254, 5.79177000556443922 51.23753696961104254),(5.79093536001989939 51.2250748060808192, 5.78958779413088998 51.22424443999815225, 5.78979073439925696 51.21868152818746012, 5.79296832652798432 51.21751650722484328, 5.80024691946973903 51.21969860475083181, 5.80277199150104295 51.22252175831742704, 5.80133552204785108 51.22418896623484841, 5.79593209857720115 51.22406984417726505, 5.79601515565456094 51.22296107243916197, 5.79247041209028435 51.22261802170258704, 5.79093536001989939 51.2250748060808192, 5.79093536001989939 51.2250748060808192)))</t>
  </si>
  <si>
    <t>MultiPolygon (((5.79093536001989939 51.2250748060808192, 5.79247041209028435 51.22261802170258704, 5.79601515565456094 51.22296107243916197, 5.79593209857720115 51.22406984417726505, 5.80133552204785108 51.22418896623484841, 5.80277199150104295 51.22252175831742704, 5.80024691946973903 51.21969860475083181, 5.79296832652798432 51.21751650722484328, 5.78979073439925696 51.21868152818746012, 5.78958779413088998 51.22424443999815225, 5.79093536001989939 51.2250748060808192, 5.79093536001989939 51.2250748060808192)))</t>
  </si>
  <si>
    <t>MultiPolygon (((5.8650219374473922 51.22099574999737115, 5.86710747384080822 51.22018059194212469, 5.86839641173373749 51.21831835362106489, 5.86760919934867609 51.21673980608423449, 5.87097185922112086 51.21458031562389124, 5.87811376914899864 51.21220902733554681, 5.88081205154597431 51.21503338287086393, 5.88364378471196137 51.21336192379919794, 5.87826523123181843 51.20960772430419894, 5.87283181899339368 51.20339907714677707, 5.87325563798394867 51.20194478744778621, 5.87209475306798367 51.19950573312510045, 5.86855333280100488 51.19682250024560943, 5.86824208449668738 51.19507826931497618, 5.87373318973658698 51.19094155836928195, 5.84872518569816524 51.17943372935540935, 5.84280272029406245 51.18594739921030623, 5.8275991447117832 51.20246218997070287, 5.82909185818584508 51.20246057687827346, 5.83421266671238836 51.20011554774590934, 5.83994159444509986 51.20254592266496729, 5.85130170916766357 51.21062305809734028, 5.86374427536749288 51.21820254430659247, 5.8650219374473922 51.22099574999737115, 5.8650219374473922 51.22099574999737115),(5.86238776125105687 51.19887559693334822, 5.85926686086763837 51.19850816408138172, 5.84980419772797955 51.19532805713377854, 5.85232098140757806 51.19085544507356644, 5.85779044992142062 51.18731795850599298, 5.86106896579514469 51.18745169125590166, 5.86237284958281091 51.19187094831672624, 5.86158665060357542 51.1946081803679931, 5.86289806016328452 51.19803911391764473, 5.86238776125105687 51.19887559693334822, 5.86238776125105687 51.19887559693334822)))</t>
  </si>
  <si>
    <t>MultiPolygon (((5.86238776125105687 51.19887559693334822, 5.86289806016328452 51.19803911391764473, 5.86158665060357542 51.1946081803679931, 5.86237284958281091 51.19187094831672624, 5.86106896579514469 51.18745169125590166, 5.85779044992142062 51.18731795850599298, 5.85232098140757806 51.19085544507356644, 5.84980419772797955 51.19532805713377854, 5.85926686086763837 51.19850816408138172, 5.86238776125105687 51.19887559693334822, 5.86238776125105687 51.19887559693334822)))</t>
  </si>
  <si>
    <t>MultiPolygon (((5.811703330492338 51.24093022131085462, 5.81803639880520063 51.24200483404590045, 5.82830137772718349 51.24103135638695505, 5.83266018690108279 51.24114543601025673, 5.83340777392638632 51.23842184293390289, 5.83604082222864129 51.2364955310987682, 5.83787267574408641 51.23655109688612441, 5.83923995788858186 51.23730070181268559, 5.84464638253877933 51.23654311368097325, 5.84681583021421947 51.23510517079910187, 5.84851604847088247 51.23264719416206248, 5.85150335007259059 51.23066221339826143, 5.8506577054422495 51.22788718601425018, 5.85612301821416192 51.22265649086756412, 5.85894682965792679 51.22138445291340503, 5.86175895583896089 51.22170049898440425, 5.8650219374473922 51.22099574999737115, 5.86374427536749288 51.21820254430659247, 5.85130170916766357 51.21062305809734028, 5.83994159444509986 51.20254592266496729, 5.83421266671238836 51.20011554774590934, 5.82909185818584508 51.20246057687827346, 5.8275991447117832 51.20246218997070287, 5.79487271990740282 51.23706643154402229, 5.80296277490290979 51.23787085053222512, 5.80826152537331186 51.24044045648467716, 5.811703330492338 51.24093022131085462, 5.811703330492338 51.24093022131085462),(5.82566263302257159 51.22355510590225691, 5.82419981246185614 51.22363043408437733, 5.81937000976770857 51.22085215196644015, 5.82455563364923368 51.21624651761326419, 5.82893567839910887 51.2188654555484888, 5.82566263302257159 51.22355510590225691, 5.82566263302257159 51.22355510590225691)))</t>
  </si>
  <si>
    <t>MultiPolygon (((5.82566263302257159 51.22355510590225691, 5.82893567839910887 51.2188654555484888, 5.82455563364923368 51.21624651761326419, 5.81937000976770857 51.22085215196644015, 5.82419981246185614 51.22363043408437733, 5.82566263302257159 51.22355510590225691, 5.82566263302257159 51.22355510590225691)))</t>
  </si>
  <si>
    <t>MultiPolygon (((5.84048254267234768 51.24477001004768795, 5.84577340728602479 51.24556481501434035, 5.84930798773917537 51.24539653616430712, 5.85221384478987261 51.24362661727841584, 5.8524192208914716 51.24311435506629664, 5.86299119471204744 51.23928855493414858, 5.86467771622814116 51.23930679189473381, 5.86876292588060178 51.23971145935551874, 5.87647349024590948 51.24456791657502919, 5.88351245776070364 51.24509043454299473, 5.88497155157776053 51.24481135724128222, 5.88474711171365605 51.2401575835330263, 5.88813357800845427 51.23960362808744406, 5.89318809349649708 51.23646696578896353, 5.89886270800950818 51.23563879233610407, 5.90362729756295224 51.23576351717007071, 5.90662218667515049 51.23663135027415905, 5.90899220512629331 51.23382254871273744, 5.91581608711303453 51.2298679924581819, 5.91896374169442296 51.22569662587348915, 5.91463644014036305 51.22499907904366268, 5.90644515519325797 51.22501403310235446, 5.90123206118888 51.22260234696361891, 5.89734083306831014 51.22179954758781406, 5.89319483563165658 51.21693785689110712, 5.89416939863050526 51.21602528001704258, 5.89165512518639645 51.21420671744895259, 5.88948368053069249 51.21538368863111401, 5.88364378471196137 51.21336192379919794, 5.88081205154597431 51.21503338287086393, 5.87811376914899864 51.21220902733554681, 5.87097185922112086 51.21458031562389124, 5.86760919934867609 51.21673980608423449, 5.86839641173373749 51.21831835362106489, 5.86710747384080822 51.22018059194212469, 5.8650219374473922 51.22099574999737115, 5.86175895583896089 51.22170049898440425, 5.85894682965792679 51.22138445291340503, 5.85612301821416192 51.22265649086756412, 5.8506577054422495 51.22788718601425018, 5.85150335007259059 51.23066221339826143, 5.84851604847088247 51.23264719416206248, 5.84681583021421947 51.23510517079910187, 5.84464638253877933 51.23654311368097325, 5.83923995788858186 51.23730070181268559, 5.83787267574408641 51.23655109688612441, 5.83604082222864129 51.2364955310987682, 5.83340777392638632 51.23842184293390289, 5.83266018690108279 51.24114543601025673, 5.83557414186493073 51.24138681349408841, 5.84048254267234768 51.24477001004768795, 5.84048254267234768 51.24477001004768795),(5.88000900660213599 51.23280879543833777, 5.87846328335401225 51.23222113503869224, 5.88133603368492608 51.22962894893094443, 5.87991505659454017 51.22862005827759191, 5.8785073700657291 51.22804166548895211, 5.87691050009553972 51.23029779403586303, 5.8759192619505809 51.23008898417637624, 5.87269841600727993 51.22871865583021389, 5.87005762283263888 51.22647717940532885, 5.87256281359878507 51.22368777401270989, 5.88097862917379199 51.22153771590365778, 5.8826184822546983 51.22010909625767283, 5.88263766565559187 51.21771904405919429, 5.88497318409070491 51.2165052243370269, 5.88760240550557157 51.21922958047055374, 5.88759560128583193 51.2204461736620118, 5.88622584024960283 51.22110112482921807, 5.8852041371936572 51.22314970184410043, 5.88542810793025684 51.22760623450614759, 5.88740913198726101 51.2276067483025912, 5.88826177396850614 51.22829496439358365, 5.88976034096428513 51.2314514271792163, 5.88000900660213599 51.23280879543833777, 5.88000900660213599 51.23280879543833777)))</t>
  </si>
  <si>
    <t>MultiPolygon (((5.88000900660213599 51.23280879543833777, 5.88976034096428513 51.2314514271792163, 5.88826177396850614 51.22829496439358365, 5.88740913198726101 51.2276067483025912, 5.88542810793025684 51.22760623450614759, 5.8852041371936572 51.22314970184410043, 5.88622584024960283 51.22110112482921807, 5.88759560128583193 51.2204461736620118, 5.88760240550557157 51.21922958047055374, 5.88497318409070491 51.2165052243370269, 5.88263766565559187 51.21771904405919429, 5.8826184822546983 51.22010909625767283, 5.88097862917379199 51.22153771590365778, 5.87256281359878507 51.22368777401270989, 5.87005762283263888 51.22647717940532885, 5.87269841600727993 51.22871865583021389, 5.8759192619505809 51.23008898417637624, 5.87691050009553972 51.23029779403586303, 5.8785073700657291 51.22804166548895211, 5.87991505659454017 51.22862005827759191, 5.88133603368492608 51.22962894893094443, 5.87846328335401225 51.23222113503869224, 5.88000900660213599 51.23280879543833777, 5.88000900660213599 51.23280879543833777)))</t>
  </si>
  <si>
    <t>MultiPolygon (((5.89416939863050526 51.21602528001704258, 5.89319483563165658 51.21693785689110712, 5.89734083306831014 51.22179954758781406, 5.90123206118888 51.22260234696361891, 5.90644515519325797 51.22501403310235446, 5.91463644014036305 51.22499907904366268, 5.91896374169442296 51.22569662587348915, 5.92124107855957682 51.22620572003499007, 5.93096444074109108 51.22634368198458077, 5.94080787591231285 51.2214469882981831, 5.94312198431282024 51.22122938694595007, 5.94981265591904229 51.2223949912998151, 5.9513534347725896 51.22184653261058429, 5.95252916026104284 51.22023731724424067, 5.95717114729468467 51.21697766200951918, 5.96268036610816132 51.21909284549052899, 5.9672816686962884 51.2191448875570785, 5.96847032527692711 51.21851902558623948, 5.96839259259916943 51.21466250157700273, 5.97119876174479813 51.21316092350848947, 5.96514720615506633 51.2087699956745368, 5.951325308658582 51.20116499116185338, 5.94991879445057581 51.20203671901313669, 5.94701228018644024 51.20240717828187371, 5.94671936541376844 51.20339879407841721, 5.94565873526474498 51.20356004306597697, 5.92560295308375995 51.20372541941893019, 5.91957128198282767 51.20565443115804527, 5.91412752842984268 51.20890681676107192, 5.90701327954139899 51.20554955351298076, 5.90599601241574135 51.20640825416102615, 5.9081771882311358 51.20749563094049961, 5.90920866374683573 51.20944528515493488, 5.90788341269562078 51.21142825478899141, 5.89416939863050526 51.21602528001704258, 5.89416939863050526 51.21602528001704258),(5.9298565441771105 51.20445455684204461, 5.93487176499585445 51.2044469495404968, 5.93701364895137917 51.20573496607035224, 5.93531394917621125 51.20684552431521297, 5.93794184873047293 51.20886583355219557, 5.94489845264998973 51.20594387866922403, 5.94602814259564116 51.20471901151883287, 5.94882764289453991 51.20493912956008131, 5.95380962017758453 51.20780210868648652, 5.95442904450795396 51.21061191128382006, 5.94834773399409222 51.21555055984356386, 5.94332308619862815 51.21666710980144899, 5.93497052055082364 51.21161190495120508, 5.93061834330218218 51.21019348703364216, 5.92988203765291377 51.20855459954604072, 5.92035589230675274 51.21050042028447535, 5.91971561163169291 51.2094477664102925, 5.92093629789860287 51.20766582636888131, 5.92738417984937183 51.20519501579550337, 5.93030142592180454 51.20531386188098821, 5.9298565441771105 51.20445455684204461, 5.9298565441771105 51.20445455684204461)))</t>
  </si>
  <si>
    <t>MultiPolygon (((5.9298565441771105 51.20445455684204461, 5.93030142592180454 51.20531386188098821, 5.92738417984937183 51.20519501579550337, 5.92093629789860287 51.20766582636888131, 5.91971561163169291 51.2094477664102925, 5.92035589230675274 51.21050042028447535, 5.92988203765291377 51.20855459954604072, 5.93061834330218218 51.21019348703364216, 5.93497052055082364 51.21161190495120508, 5.94332308619862815 51.21666710980144899, 5.94834773399409222 51.21555055984356386, 5.95442904450795396 51.21061191128382006, 5.95380962017758453 51.20780210868648652, 5.94882764289453991 51.20493912956008131, 5.94602814259564116 51.20471901151883287, 5.94489845264998973 51.20594387866922403, 5.93794184873047293 51.20886583355219557, 5.93531394917621125 51.20684552431521297, 5.93701364895137917 51.20573496607035224, 5.93487176499585445 51.2044469495404968, 5.9298565441771105 51.20445455684204461, 5.9298565441771105 51.20445455684204461)))</t>
  </si>
  <si>
    <t>MultiPolygon (((5.96469978404878454 51.23538231075043825, 5.96688168583457834 51.23922144899319164, 5.96799356815833804 51.23848601580345274, 5.97430580202955586 51.24041788842522749, 5.97559550552662344 51.23949721950776848, 5.97946039579367739 51.24570839651399012, 5.98163491847044604 51.24741843582780376, 5.98646301926941682 51.24508666353368369, 5.98944114542517436 51.24800166386965117, 5.99365431886856648 51.24640905286084802, 5.99935750244965149 51.24562875177486632, 5.99993839999410916 51.24244334230326103, 5.99881691777621207 51.23961827579005046, 5.99913519384595251 51.23520085485574782, 5.99998195579517901 51.23410007197424676, 6.00198890312669686 51.23394633535006193, 5.99483599213206819 51.22959797402523208, 5.98602647110039143 51.22716282396062581, 5.98572687861180341 51.22754984454017091, 5.9811465650966209 51.22603290546441457, 5.97704181225050046 51.2279644371824574, 5.97204985112376363 51.2290279114265914, 5.9723438711777499 51.23070154763487949, 5.97636448856489899 51.23225528487049729, 5.9800406735497651 51.23169549719115423, 5.98707821789690442 51.22866625017845621, 5.99029056046647046 51.22944321799694478, 5.97926884220280641 51.23544664213928712, 5.97561173744397056 51.23588295396039882, 5.97494878510403016 51.236464351474865, 5.97674702457432261 51.23831455143977109, 5.97544326343931687 51.23882979529665249, 5.97337178771052812 51.23757778967007681, 5.97226387928912583 51.23443599570587281, 5.97407245669043974 51.2322372508013828, 5.96952284952382151 51.22914453347861752, 5.96371120823646272 51.22864522976976076, 5.96343271055677615 51.23285313849943634, 5.96469978404878454 51.23538231075043825, 5.96469978404878454 51.23538231075043825)))</t>
  </si>
  <si>
    <t>MultiPolygon (((5.97204985112376363 51.2290279114265914, 5.97134945317261145 51.22908574419351879, 5.96952284952382151 51.22914453347861752, 5.97407245669043974 51.2322372508013828, 5.97226387928912583 51.23443599570587281, 5.97337178771052812 51.23757778967007681, 5.97544326343931687 51.23882979529665249, 5.97674702457432261 51.23831455143977109, 5.97494878510403016 51.236464351474865, 5.97561173744397056 51.23588295396039882, 5.97926884220280641 51.23544664213928712, 5.99029056046647046 51.22944321799694478, 5.98707821789690442 51.22866625017845621, 5.9800406735497651 51.23169549719115423, 5.97636448856489899 51.23225528487049729, 5.9723438711777499 51.23070154763487949, 5.97204985112376363 51.2290279114265914, 5.97204985112376363 51.2290279114265914)))</t>
  </si>
  <si>
    <t>MultiPolygon (((5.91570527979670846 51.25031444118028645, 5.92412769503768466 51.25126552173786365, 5.92717173852430701 51.25508001693294347, 5.93355193806302683 51.25468173612082268, 5.93590316323226563 51.25394711141068171, 5.93491718511821098 51.25045384130102377, 5.93752626097786962 51.24625401014470327, 5.94620523842256521 51.24373713793803375, 5.95075668232555532 51.24352431462759938, 5.95565079252850715 51.24235032882872076, 5.95404998940311359 51.24113968388590479, 5.94995520153376223 51.23973717447685772, 5.94795577121890506 51.24098068666192063, 5.9426274200466116 51.24006954679388315, 5.94721211202778477 51.23559977103761298, 5.94894503303147282 51.23169818245452944, 5.94510788566357284 51.22885998040413824, 5.94693342392283775 51.2265892822669926, 5.9502130250319647 51.2260394113182258, 5.95983696533876195 51.2281195844635846, 5.96081344484298903 51.23126034743878421, 5.9618629456667751 51.23248705585941565, 5.96343271055677615 51.23285313849943634, 5.96371120823646272 51.22864522976976076, 5.96952284952382151 51.22914453347861752, 5.97134945317261145 51.22908574419351879, 5.97204985112376363 51.2290279114265914, 5.97704181225050046 51.2279644371824574, 5.9811465650966209 51.22603290546441457, 5.98572687861180341 51.22754984454017091, 5.98602647110039143 51.22716282396062581, 5.98000668797061863 51.22333484173149998, 5.97119876174479813 51.21316092350848947, 5.96839259259916943 51.21466250157700273, 5.96847032527692711 51.21851902558623948, 5.9672816686962884 51.2191448875570785, 5.96268036610816132 51.21909284549052899, 5.95717114729468467 51.21697766200951918, 5.95252916026104284 51.22023731724424067, 5.9513534347725896 51.22184653261058429, 5.94981265591904229 51.2223949912998151, 5.94312198431282024 51.22122938694595007, 5.94080787591231285 51.2214469882981831, 5.93096444074109108 51.22634368198458077, 5.92124107855957682 51.22620572003499007, 5.91896374169442296 51.22569662587348915, 5.91581608711303453 51.2298679924581819, 5.90899220512629331 51.23382254871273744, 5.90662218667515049 51.23663135027415905, 5.90371837427777901 51.24204899010526049, 5.90391353078489889 51.24206859974919581, 5.90853677811488343 51.24134343778992928, 5.90837406843708024 51.24229872746730763, 5.90988908584257633 51.24322165973661214, 5.91356649156158465 51.24506016824745558, 5.91792478088706897 51.24621576723552607, 5.91570527979670846 51.25031444118028645, 5.91570527979670846 51.25031444118028645)))</t>
  </si>
  <si>
    <t>MultiPolygon (((5.95565079252850715 51.24235032882872076, 5.96115894517709055 51.24111893124766226, 5.96112814129321489 51.2395367121317804, 5.96454948768573523 51.23635345995297286, 5.96469978404878454 51.23538231075043825, 5.96343271055677615 51.23285313849943634, 5.9618629456667751 51.23248705585941565, 5.96081344484298903 51.23126034743878421, 5.95983696533876195 51.2281195844635846, 5.9502130250319647 51.2260394113182258, 5.94693342392283775 51.2265892822669926, 5.94510788566357284 51.22885998040413824, 5.94894503303147282 51.23169818245452944, 5.94721211202778477 51.23559977103761298, 5.9426274200466116 51.24006954679388315, 5.94795577121890506 51.24098068666192063, 5.94995520153376223 51.23973717447685772, 5.95404998940311359 51.24113968388590479, 5.95565079252850715 51.24235032882872076, 5.95565079252850715 51.24235032882872076)))</t>
  </si>
  <si>
    <t>MultiPolygon (((5.93590316323226563 51.25394711141068171, 5.93645446550473643 51.2553106738540194, 5.94232916826052548 51.25633498919091124, 5.94586929510487572 51.2556751566669746, 5.95284447422931695 51.255852501938449, 5.95896307654155333 51.25603321110649091, 5.97169400337061784 51.25500638987674762, 5.9777851458388449 51.25263250234676349, 5.97457330824805855 51.2483975216624188, 5.97946039579367739 51.24570839651399012, 5.97559550552662344 51.23949721950776848, 5.97430580202955586 51.24041788842522749, 5.96799356815833804 51.23848601580345274, 5.96688168583457834 51.23922144899319164, 5.96469978404878454 51.23538231075043825, 5.96454948768573523 51.23635345995297286, 5.96112814129321489 51.2395367121317804, 5.96115894517709055 51.24111893124766226, 5.95565079252850715 51.24235032882872076, 5.95075668232555532 51.24352431462759938, 5.94620523842256521 51.24373713793803375, 5.93752626097786962 51.24625401014470327, 5.93491718511821098 51.25045384130102377, 5.93590316323226563 51.25394711141068171, 5.93590316323226563 51.25394711141068171),(5.96609923017992383 51.24815835504371364, 5.96081822783163418 51.24685759595590895, 5.95995561584177569 51.24765307236641121, 5.95738263116481903 51.24638759546574818, 5.95719344256609507 51.2456371574611822, 5.9609980362942645 51.24350367637374859, 5.96427229987453167 51.24242092445098962, 5.96562571589384927 51.24264498121372924, 5.96677468855927806 51.2435446464110953, 5.9648462855959643 51.24651002776889186, 5.96609923017992383 51.24815835504371364, 5.96609923017992383 51.24815835504371364)))</t>
  </si>
  <si>
    <t>MultiPolygon (((5.96609923017992383 51.24815835504371364, 5.9648462855959643 51.24651002776889186, 5.96677468855927806 51.2435446464110953, 5.96562571589384927 51.24264498121372924, 5.96427229987453167 51.24242092445098962, 5.9609980362942645 51.24350367637374859, 5.95719344256609507 51.2456371574611822, 5.95738263116481903 51.24638759546574818, 5.95995561584177569 51.24765307236641121, 5.96081822783163418 51.24685759595590895, 5.96609923017992383 51.24815835504371364, 5.96609923017992383 51.24815835504371364)))</t>
  </si>
  <si>
    <t>MultiPolygon (((5.91932701984375687 51.30999048269968199, 5.9235694072088716 51.30881322549442558, 5.954705688420173 51.30028024102242767, 5.96601043845275303 51.2953632385875764, 5.98662044979701857 51.28663016691730547, 6.00827140606138244 51.27752941989704283, 6.01101462415966026 51.27155264256622758, 6.00961184773325652 51.26575905685064782, 6.00735601225828919 51.26436117563078199, 6.00576372125200209 51.26228603640352333, 6.00588008464053758 51.25868299489437163, 6.00909807607842161 51.25079077469825961, 6.00633805580937175 51.24014051090009048, 6.00532962574430851 51.23779208749782299, 6.00198890312669686 51.23394633535006193, 5.99998195579517901 51.23410007197424676, 5.99913519384595251 51.23520085485574782, 5.99881691777621207 51.23961827579005046, 5.99993839999410916 51.24244334230326103, 5.99935750244965149 51.24562875177486632, 5.99365431886856648 51.24640905286084802, 5.98944114542517436 51.24800166386965117, 5.98646301926941682 51.24508666353368369, 5.98163491847044604 51.24741843582780376, 5.97946039579367739 51.24570839651399012, 5.97457330824805855 51.2483975216624188, 5.9777851458388449 51.25263250234676349, 5.97169400337061784 51.25500638987674762, 5.95896307654155333 51.25603321110649091, 5.95284447422931695 51.255852501938449, 5.95293185380608136 51.26086495805418508, 5.95439172495925906 51.26248377675317158, 5.95618754614252399 51.26172031193144107, 5.95890627738880418 51.26321595427475586, 5.95314397964516662 51.26739763604835787, 5.94996396552605411 51.27073229234161289, 5.94872606247547431 51.27314569999263227, 5.94711258307323742 51.28428870455802269, 5.94233819394521046 51.29306358632272378, 5.93423251973179688 51.29810718254228163, 5.91932701984375687 51.30999048269968199, 5.91932701984375687 51.30999048269968199),(5.99780365489116551 51.2674680444085169, 5.99445018989424661 51.26581320186238599, 5.98598417705858754 51.26672437309569119, 5.98493600562009398 51.26522553156055295, 5.98571178192987396 51.26348390592175264, 5.98411428032363357 51.26114647434610561, 5.98173483602905787 51.25923728735699569, 5.97786503171560213 51.25888449132393987, 5.97643163960659507 51.25812060025868533, 5.9773903601554057 51.25552111670646838, 5.98450202473526005 51.25642232804325715, 5.98727184836009574 51.25830880456820893, 5.99366373264300289 51.25841961775489608, 5.9966087968078412 51.25983994230084306, 5.99969250700069345 51.25808422488610461, 5.99856402912545228 51.25785864134387992, 5.99972911844701429 51.25657685978051603, 6.0055669330480983 51.25582312777399352, 6.00424017161493495 51.26115066632657857, 6.00188943503256844 51.26155224431095547, 5.99858799666330356 51.26096261974277013, 5.99727328678196958 51.26285634673864422, 6.00028075806915417 51.26482314307300925, 5.99780365489116551 51.2674680444085169, 5.99780365489116551 51.2674680444085169)))</t>
  </si>
  <si>
    <t>MultiPolygon (((5.99780365489116551 51.2674680444085169, 6.00028075806915417 51.26482314307300925, 5.99727328678196958 51.26285634673864422, 5.99858799666330356 51.26096261974277013, 6.00188943503256844 51.26155224431095547, 6.00424017161493495 51.26115066632657857, 6.0055669330480983 51.25582312777399352, 5.99972911844701429 51.25657685978051603, 5.99856402912545228 51.25785864134387992, 5.99969250700069345 51.25808422488610461, 5.9966087968078412 51.25983994230084306, 5.99366373264300289 51.25841961775489608, 5.98727184836009574 51.25830880456820893, 5.98450202473526005 51.25642232804325715, 5.9773903601554057 51.25552111670646838, 5.97643163960659507 51.25812060025868533, 5.97786503171560213 51.25888449132393987, 5.98173483602905787 51.25923728735699569, 5.98411428032363357 51.26114647434610561, 5.98571178192987396 51.26348390592175264, 5.98493600562009398 51.26522553156055295, 5.98598417705858754 51.26672437309569119, 5.99445018989424661 51.26581320186238599, 5.99780365489116551 51.2674680444085169, 5.99780365489116551 51.2674680444085169)))</t>
  </si>
  <si>
    <t>MultiPolygon (((5.89006303613580773 51.28709158275771784, 5.89305335854465273 51.28494410372724843, 5.9037322680589277 51.28209816032257606, 5.90626926166863164 51.28220854379554083, 5.90873379375592478 51.28421362579878462, 5.91010080757768197 51.28661920446144507, 5.91019577170432608 51.2891859720393839, 5.909804653463401 51.29133286027816041, 5.90856093038454411 51.29243823987181372, 5.90642952502656193 51.29281745761287681, 5.90591471056095862 51.2936644855967856, 5.91271633208916647 51.29598155340491417, 5.91535421366842762 51.29300304814216815, 5.92904900713385796 51.29433114524185555, 5.93423251973179688 51.29810718254228163, 5.94233819394521046 51.29306358632272378, 5.94711258307323742 51.28428870455802269, 5.94872606247547431 51.27314569999263227, 5.94996396552605411 51.27073229234161289, 5.95314397964516662 51.26739763604835787, 5.95890627738880418 51.26321595427475586, 5.95618754614252399 51.26172031193144107, 5.95439172495925906 51.26248377675317158, 5.95293185380608136 51.26086495805418508, 5.95284447422931695 51.255852501938449, 5.94586929510487572 51.2556751566669746, 5.94232916826052548 51.25633498919091124, 5.93645446550473643 51.2553106738540194, 5.93590316323226563 51.25394711141068171, 5.93355193806302683 51.25468173612082268, 5.92717173852430701 51.25508001693294347, 5.92412769503768466 51.25126552173786365, 5.91570527979670846 51.25031444118028645, 5.91764012685082808 51.25396724170601459, 5.91538142270065492 51.25580106817120907, 5.91225143721357593 51.25647647501558168, 5.91208310343724452 51.25687897201555643, 5.9086313357981517 51.25771859041535805, 5.90581172901555274 51.25695033107048459, 5.90265734652394514 51.25746304050385049, 5.897818433840472 51.2589931846126845, 5.8949731295076484 51.26161050980473277, 5.89097171121426211 51.27068019202717863, 5.89006303613580773 51.28709158275771784, 5.89006303613580773 51.28709158275771784),(5.92458452219301357 51.27004201759928748, 5.92190455106359082 51.27017008728831371, 5.91699463461366104 51.26694392579835124, 5.91471661717834074 51.25954687316681202, 5.91874152268661646 51.25816205951297633, 5.9261061984680552 51.25899232823239515, 5.93327040234014014 51.25588885865524702, 5.9349906356327784 51.25627266005608362, 5.93680287929032158 51.25795598062584446, 5.93740896851383049 51.26176224642325963, 5.93676473699459972 51.26303884382744513, 5.93009751730674228 51.26759450559458031, 5.92479812720725718 51.26873108424283032, 5.92458452219301357 51.27004201759928748, 5.92458452219301357 51.27004201759928748)))</t>
  </si>
  <si>
    <t>MultiPolygon (((5.92458452219301357 51.27004201759928748, 5.92479812720725718 51.26873108424283032, 5.93009751730674228 51.26759450559458031, 5.93676473699459972 51.26303884382744513, 5.93740896851383049 51.26176224642325963, 5.93680287929032158 51.25795598062584446, 5.9349906356327784 51.25627266005608362, 5.93327040234014014 51.25588885865524702, 5.9261061984680552 51.25899232823239515, 5.91874152268661646 51.25816205951297633, 5.91471661717834074 51.25954687316681202, 5.91699463461366104 51.26694392579835124, 5.92190455106359082 51.27017008728831371, 5.92458452219301357 51.27004201759928748, 5.92458452219301357 51.27004201759928748)))</t>
  </si>
  <si>
    <t>MultiPolygon (((5.88673944623542589 51.31475440957984802, 5.89041441644302655 51.31366855146823269, 5.91065364240881763 51.30770938274392989, 5.90750418740208172 51.31325159426979354, 5.91932701984375687 51.30999048269968199, 5.93423251973179688 51.29810718254228163, 5.92904900713385796 51.29433114524185555, 5.91535421366842762 51.29300304814216815, 5.91271633208916647 51.29598155340491417, 5.90591471056095862 51.2936644855967856, 5.90642952502656193 51.29281745761287681, 5.90856093038454411 51.29243823987181372, 5.909804653463401 51.29133286027816041, 5.91019577170432608 51.2891859720393839, 5.91010080757768197 51.28661920446144507, 5.90873379375592478 51.28421362579878462, 5.90626926166863164 51.28220854379554083, 5.9037322680589277 51.28209816032257606, 5.89305335854465273 51.28494410372724843, 5.89006303613580773 51.28709158275771784, 5.89192296833745832 51.29167231455470954, 5.89025109637762156 51.29492677346465257, 5.8869563415243924 51.29803869389071025, 5.88659436958358206 51.29980078427020374, 5.89064172109309858 51.30015070330951232, 5.89094854108831001 51.30467655721754028, 5.88673944623542589 51.31475440957984802, 5.88673944623542589 51.31475440957984802),(5.89911995122767685 51.30411320825655253, 5.89723520480014241 51.30249662431662472, 5.89507505022637801 51.30332599472162514, 5.89268843248303487 51.30243597461023342, 5.89500330945737616 51.29818838969247707, 5.89997701230753968 51.29769907637606252, 5.90293533497098721 51.29852983493360341, 5.90289398750270067 51.30135949977042742, 5.89911995122767685 51.30411320825655253, 5.89911995122767685 51.30411320825655253)))</t>
  </si>
  <si>
    <t>MultiPolygon (((5.89911995122767685 51.30411320825655253, 5.90289398750270067 51.30135949977042742, 5.90293533497098721 51.29852983493360341, 5.89997701230753968 51.29769907637606252, 5.89500330945737616 51.29818838969247707, 5.89268843248303487 51.30243597461023342, 5.89507505022637801 51.30332599472162514, 5.89723520480014241 51.30249662431662472, 5.89911995122767685 51.30411320825655253, 5.89911995122767685 51.30411320825655253)))</t>
  </si>
  <si>
    <t>MultiPolygon (((5.91764012685082808 51.25396724170601459, 5.91570527979670846 51.25031444118028645, 5.91792478088706897 51.24621576723552607, 5.91356649156158465 51.24506016824745558, 5.90988908584257633 51.24322165973661214, 5.90837406843708024 51.24229872746730763, 5.90853677811488343 51.24134343778992928, 5.90391353078489889 51.24206859974919581, 5.9051410523327279 51.24201985836464956, 5.90660101141282823 51.24833055590374187, 5.90991999055476835 51.24935726113953649, 5.90995848451545136 51.2506957949499693, 5.90843831169361433 51.25108647242495863, 5.90912647515680067 51.25346941270813517, 5.91225143721357593 51.25647647501558168, 5.91538142270065492 51.25580106817120907, 5.91764012685082808 51.25396724170601459, 5.91764012685082808 51.25396724170601459)),((5.89064172109309858 51.30015070330951232, 5.88659436958358206 51.29980078427020374, 5.8869563415243924 51.29803869389071025, 5.89025109637762156 51.29492677346465257, 5.89192296833745832 51.29167231455470954, 5.89006303613580773 51.28709158275771784, 5.89097171121426211 51.27068019202717863, 5.8949731295076484 51.26161050980473277, 5.897818433840472 51.2589931846126845, 5.90265734652394514 51.25746304050385049, 5.90581172901555274 51.25695033107048459, 5.9086313357981517 51.25771859041535805, 5.91208310343724452 51.25687897201555643, 5.90344510592899319 51.2568960683928907, 5.89780524904947434 51.25597632240334889, 5.89577406284892636 51.25867079329961484, 5.89382764429695882 51.25871811158107505, 5.88932041196823253 51.25666161661597897, 5.88972315119529899 51.25599126447208675, 5.8885462764636225 51.25543083491166385, 5.88329444375361899 51.25446224886783853, 5.87637586296766923 51.25413211804727354, 5.879547454457418 51.25200397401967223, 5.88356620974161348 51.25165086314456886, 5.88508694360707274 51.25070777691776414, 5.88471932261101305 51.24873682019969579, 5.88851538502764704 51.24530731884200208, 5.89543739733926131 51.2443738777714799, 5.90114226457478352 51.24313696270816365, 5.90257646436581496 51.24196789844837241, 5.90371837427777901 51.24204899010526049, 5.90662218667515049 51.23663135027415905, 5.90362729756295224 51.23576351717007071, 5.89886270800950818 51.23563879233610407, 5.89318809349649708 51.23646696578896353, 5.88813357800845427 51.23960362808744406, 5.88474711171365605 51.2401575835330263, 5.88497155157776053 51.24481135724128222, 5.88351245776070364 51.24509043454299473, 5.87647349024590948 51.24456791657502919, 5.86876292588060178 51.23971145935551874, 5.86467771622814116 51.23930679189473381, 5.86299119471204744 51.23928855493414858, 5.8524192208914716 51.24311435506629664, 5.85221384478987261 51.24362661727841584, 5.85344095327414049 51.24449311278100794, 5.85561802392806907 51.24924986598204413, 5.85499181391004786 51.25365895409267836, 5.84992705045788863 51.25659914777420312, 5.84674128540136451 51.25553102913320913, 5.84225191099788432 51.26244769989791195, 5.83474124006565376 51.27342659790141965, 5.83383616960798257 51.27494323540894072, 5.83942124778208438 51.27772339775119548, 5.83792213880032396 51.27971991721152278, 5.85065674396649626 51.29154331822942936, 5.86072455901784295 51.31080239217039463, 5.87782337009383404 51.31657769394107049, 5.88673944623542589 51.31475440957984802, 5.89094854108831001 51.30467655721754028, 5.89064172109309858 51.30015070330951232, 5.89064172109309858 51.30015070330951232)))</t>
  </si>
  <si>
    <t>MultiPolygon (((5.91208310343724452 51.25687897201555643, 5.91225143721357593 51.25647647501558168, 5.90912647515680067 51.25346941270813517, 5.90843831169361433 51.25108647242495863, 5.90995848451545136 51.2506957949499693, 5.90991999055476835 51.24935726113953649, 5.90660101141282823 51.24833055590374187, 5.9051410523327279 51.24201985836464956, 5.90391353078489889 51.24206859974919581, 5.90371837427777901 51.24204899010526049, 5.90257646436581496 51.24196789844837241, 5.90114226457478352 51.24313696270816365, 5.89543739733926131 51.2443738777714799, 5.88851538502764704 51.24530731884200208, 5.88471932261101305 51.24873682019969579, 5.88508694360707274 51.25070777691776414, 5.88356620974161348 51.25165086314456886, 5.879547454457418 51.25200397401967223, 5.87637586296766923 51.25413211804727354, 5.88329444375361899 51.25446224886783853, 5.8885462764636225 51.25543083491166385, 5.88972315119529899 51.25599126447208675, 5.88932041196823253 51.25666161661597897, 5.89382764429695882 51.25871811158107505, 5.89577406284892636 51.25867079329961484, 5.89780524904947434 51.25597632240334889, 5.90344510592899319 51.2568960683928907, 5.91208310343724452 51.25687897201555643, 5.91208310343724452 51.25687897201555643)))</t>
  </si>
  <si>
    <t>MultiPolygon (((4.96732695676890312 52.60314480117420288, 4.96811578211937555 52.60304663190572683, 4.96857680788994394 52.60088967152933748, 4.97485306112650694 52.60220987851045038, 4.97628199071313126 52.60214110540550081, 4.97629691319339784 52.60095571684842497, 4.96716350430984566 52.60044479662563788, 4.96522352274552237 52.60202883267287177, 4.96732695676890312 52.60314480117420288, 4.96732695676890312 52.60314480117420288)))</t>
  </si>
  <si>
    <t>MultiPolygon (((4.95385656595378787 52.61314266773646153, 4.95508710181936962 52.61441999399907132, 4.95957681789782878 52.61484517389181548, 4.9620680620026496 52.61247377061324926, 4.96218177899150792 52.6096873100192397, 4.98166039438697528 52.61214047219786494, 4.98895173705775985 52.61387257999603406, 5.00310383702057671 52.61534707512940656, 5.00513587500089852 52.61349812303909346, 5.00669014475841045 52.61051914247370576, 5.00794937992812272 52.60779907056515015, 5.00488121263809926 52.59757304746963769, 4.94984990577971562 52.5952853429690137, 4.9492577749543134 52.59953283881259978, 4.95252324028779078 52.6011710119243503, 4.95694110854546466 52.60222257753365938, 4.95867577679531824 52.60326346221814475, 4.95931611295634767 52.60468048268776897, 4.95663464457692626 52.61066848433946319, 4.95385656595378787 52.61314266773646153, 4.95385656595378787 52.61314266773646153),(4.96732695676890312 52.60314480117420288, 4.96522352274552237 52.60202883267287177, 4.96716350430984566 52.60044479662563788, 4.97629691319339784 52.60095571684842497, 4.97628199071313126 52.60214110540550081, 4.97485306112650694 52.60220987851045038, 4.96857680788994394 52.60088967152933748, 4.96811578211937555 52.60304663190572683, 4.96732695676890312 52.60314480117420288, 4.96732695676890312 52.60314480117420288)))</t>
  </si>
  <si>
    <t>MultiPolygon (((5.01135106414752673 52.6233426616303106, 5.014369827173633 52.62328354015212994, 5.01581678387593488 52.62073232118538613, 5.01205770623877722 52.61951372440746155, 5.00800330628699975 52.6211931794845853, 5.00761348534534356 52.62211620136095291, 5.01135106414752673 52.6233426616303106, 5.01135106414752673 52.6233426616303106)))</t>
  </si>
  <si>
    <t>MultiPolygon (((5.01692623523395831 52.62452932017458807, 5.01719448080538477 52.61868735702603317, 5.01965933366736383 52.61245357380053633, 5.00669014475841045 52.61051914247370576, 5.00513587500089852 52.61349812303909346, 5.00745661217719551 52.62834901394009535, 5.0135366469799294 52.63043138033616941, 5.01649387957806248 52.63085434355112824, 5.01686154365305281 52.63027803641327296, 5.01890375136440703 52.62991887167765981, 5.01692623523395831 52.62452932017458807, 5.01692623523395831 52.62452932017458807),(5.00800330628699975 52.6211931794845853, 5.01205770623877722 52.61951372440746155, 5.01581678387593488 52.62073232118538613, 5.014369827173633 52.62328354015212994, 5.01135106414752673 52.6233426616303106, 5.00761348534534356 52.62211620136095291, 5.00800330628699975 52.6211931794845853, 5.00800330628699975 52.6211931794845853)))</t>
  </si>
  <si>
    <t>MultiPolygon (((4.97930728907828701 52.62361819246487471, 5.00265772081756044 52.62799598912835819, 5.00745661217719551 52.62834901394009535, 5.00513587500089852 52.61349812303909346, 5.00310383702057671 52.61534707512940656, 4.98895173705775985 52.61387257999603406, 4.98166039438697528 52.61214047219786494, 4.96218177899150792 52.6096873100192397, 4.9620680620026496 52.61247377061324926, 4.95957681789782878 52.61484517389181548, 4.95508710181936962 52.61441999399907132, 4.96005789008041109 52.61837900292077563, 4.96719336762290187 52.62181727086827721, 4.97091602621077389 52.62209070426085589, 4.97930728907828701 52.62361819246487471, 4.97930728907828701 52.62361819246487471)))</t>
  </si>
  <si>
    <t>MultiPolygon (((4.95426794729351894 52.62221031535583649, 4.95395835677969387 52.62373403288005136, 4.96719336762290187 52.62181727086827721, 4.96005789008041109 52.61837900292077563, 4.95920710018402477 52.61900360784944297, 4.95619079853557309 52.62105050550255214, 4.95426794729351894 52.62221031535583649, 4.95426794729351894 52.62221031535583649)))</t>
  </si>
  <si>
    <t>MultiPolygon (((4.95920710018402477 52.61900360784944297, 4.96005789008041109 52.61837900292077563, 4.95508710181936962 52.61441999399907132, 4.95385656595378787 52.61314266773646153, 4.95333533486533462 52.61339123874551404, 4.9517722206764283 52.61502654946323077, 4.95329903382469894 52.61607633629657954, 4.95920710018402477 52.61900360784944297, 4.95920710018402477 52.61900360784944297)))</t>
  </si>
  <si>
    <t>MultiPolygon (((4.95619079853557309 52.62105050550255214, 4.95920710018402477 52.61900360784944297, 4.95329903382469894 52.61607633629657954, 4.95040911588138499 52.61813208787680196, 4.95619079853557309 52.62105050550255214, 4.95619079853557309 52.62105050550255214)))</t>
  </si>
  <si>
    <t>MultiPolygon (((4.95426794729351894 52.62221031535583649, 4.95619079853557309 52.62105050550255214, 4.95040911588138499 52.61813208787680196, 4.94939402769312586 52.61902628186513198, 4.95426794729351894 52.62221031535583649, 4.95426794729351894 52.62221031535583649)))</t>
  </si>
  <si>
    <t>MultiPolygon (((4.94461241918829408 52.62474665971429744, 4.9489557983964465 52.6244972229815815, 4.95395835677969387 52.62373403288005136, 4.95426794729351894 52.62221031535583649, 4.94939402769312586 52.61902628186513198, 4.94461241918829408 52.62474665971429744, 4.94461241918829408 52.62474665971429744)))</t>
  </si>
  <si>
    <t>MultiPolygon (((4.94322690285418354 52.62541762624781683, 4.94461241918829408 52.62474665971429744, 4.94939402769312586 52.61902628186513198, 4.95040911588138499 52.61813208787680196, 4.95329903382469894 52.61607633629657954, 4.9517722206764283 52.61502654946323077, 4.95082383164718465 52.61560408494437269, 4.9484923289845586 52.61438516160416157, 4.94450717855766086 52.61743784339055452, 4.94123385596343656 52.62256020598051265, 4.94155631708487153 52.62462686731298334, 4.94322690285418354 52.62541762624781683, 4.94322690285418354 52.62541762624781683)))</t>
  </si>
  <si>
    <t>MultiPolygon (((4.92627930844510686 52.62772980131243372, 4.93027239648735716 52.62661053773888398, 4.93447731151670332 52.62880346160039835, 4.93933553151857563 52.6303285148758988, 4.94233085171446174 52.62732283836258063, 4.94288279191987368 52.62662507999755945, 4.94322690285418354 52.62541762624781683, 4.94155631708487153 52.62462686731298334, 4.94123385596343656 52.62256020598051265, 4.94450717855766086 52.61743784339055452, 4.9484923289845586 52.61438516160416157, 4.95082383164718465 52.61560408494437269, 4.9517722206764283 52.61502654946323077, 4.95333533486533462 52.61339123874551404, 4.95093326997674321 52.61410633904620937, 4.94849781799843313 52.61355099902791466, 4.93461310056570301 52.60621107713708255, 4.92899892359854785 52.60516109492067471, 4.92692547026235506 52.60669699911120034, 4.92579069024394212 52.60947582562078395, 4.92204478208666441 52.6114844103552457, 4.93225892477359729 52.61727161218851734, 4.93542324740239646 52.61873827589160868, 4.93001449366598887 52.62248378969105289, 4.93220287938691193 52.62363195837721008, 4.93161968671516426 52.62448849560929176, 4.92589558195678023 52.6259723252722651, 4.92627930844510686 52.62772980131243372, 4.92627930844510686 52.62772980131243372)))</t>
  </si>
  <si>
    <t>MultiPolygon (((4.95395835677969387 52.62373403288005136, 4.95522659509827346 52.62556136305266818, 4.95725964516828466 52.62607478177443454, 4.96023143629542407 52.62371101791001848, 4.96719336762290187 52.62181727086827721, 4.95395835677969387 52.62373403288005136, 4.95395835677969387 52.62373403288005136)))</t>
  </si>
  <si>
    <t>MultiPolygon (((4.95282656642883268 52.62700128783057352, 4.95568133840126013 52.63063621502412559, 4.95656572626560354 52.6303829547362696, 4.95662503197459348 52.62720992812388232, 4.97195615372545152 52.62433075325878917, 4.97091602621077389 52.62209070426085589, 4.96719336762290187 52.62181727086827721, 4.96023143629542407 52.62371101791001848, 4.95725964516828466 52.62607478177443454, 4.95522659509827346 52.62556136305266818, 4.95282656642883268 52.62700128783057352, 4.95282656642883268 52.62700128783057352)))</t>
  </si>
  <si>
    <t>MultiPolygon (((4.95070950623676165 52.62761381101374525, 4.95282656642883268 52.62700128783057352, 4.95522659509827346 52.62556136305266818, 4.95395835677969387 52.62373403288005136, 4.9489557983964465 52.6244972229815815, 4.95070950623676165 52.62761381101374525, 4.95070950623676165 52.62761381101374525)))</t>
  </si>
  <si>
    <t>MultiPolygon (((4.94809776764712872 52.62898157666199239, 4.95099841492690906 52.62796063460267959, 4.95070950623676165 52.62761381101374525, 4.9489557983964465 52.6244972229815815, 4.94461241918829408 52.62474665971429744, 4.94809776764712872 52.62898157666199239, 4.94809776764712872 52.62898157666199239)))</t>
  </si>
  <si>
    <t>MultiPolygon (((4.94950058808418181 52.63041995915888549, 4.95231009889981078 52.6317546790128219, 4.95568133840126013 52.63063621502412559, 4.95282656642883268 52.62700128783057352, 4.95070950623676165 52.62761381101374525, 4.95099841492690906 52.62796063460267959, 4.94809776764712872 52.62898157666199239, 4.94950058808418181 52.63041995915888549, 4.94950058808418181 52.63041995915888549)))</t>
  </si>
  <si>
    <t>MultiPolygon (((4.94350526176224569 52.63174836532829204, 4.94313358758370303 52.63290478497529534, 4.9471901441772177 52.63053188657116976, 4.94829514984042262 52.63067355508275824, 4.94950058808418181 52.63041995915888549, 4.94809776764712872 52.62898157666199239, 4.94461241918829408 52.62474665971429744, 4.94322690285418354 52.62541762624781683, 4.94288279191987368 52.62662507999755945, 4.94484881892212513 52.62726887350495275, 4.94637233453264713 52.62908980539486237, 4.94350526176224569 52.63174836532829204, 4.94350526176224569 52.63174836532829204)))</t>
  </si>
  <si>
    <t>MultiPolygon (((4.94233085171446174 52.62732283836258063, 4.94323807283244765 52.627865909124246, 4.94101829459324726 52.63098887349069344, 4.94350526176224569 52.63174836532829204, 4.94637233453264713 52.62908980539486237, 4.94484881892212513 52.62726887350495275, 4.94288279191987368 52.62662507999755945, 4.94233085171446174 52.62732283836258063, 4.94233085171446174 52.62732283836258063)))</t>
  </si>
  <si>
    <t>MultiPolygon (((4.94313358758370303 52.63290478497529534, 4.94721195017223891 52.63552467538994506, 4.95067479785046327 52.63357330442734394, 4.94829514984042262 52.63067355508275824, 4.9471901441772177 52.63053188657116976, 4.94313358758370303 52.63290478497529534, 4.94313358758370303 52.63290478497529534)))</t>
  </si>
  <si>
    <t>MultiPolygon (((4.95054651013668234 52.64261717342766644, 4.95575101474886726 52.64029244031520705, 4.95684956015922751 52.63685157751145738, 4.95691960615150684 52.63163434053783618, 4.95791791590703035 52.63289288820408274, 4.96545840332465449 52.6309182531893569, 4.97032862024691635 52.62876495790271747, 4.97899478452098876 52.62731681863634492, 4.97799263500370959 52.62515378685167633, 4.97930728907828701 52.62361819246487471, 4.97091602621077389 52.62209070426085589, 4.97195615372545152 52.62433075325878917, 4.95662503197459348 52.62720992812388232, 4.95656572626560354 52.6303829547362696, 4.95568133840126013 52.63063621502412559, 4.95231009889981078 52.6317546790128219, 4.94950058808418181 52.63041995915888549, 4.94829514984042262 52.63067355508275824, 4.95067479785046327 52.63357330442734394, 4.94721195017223891 52.63552467538994506, 4.94313358758370303 52.63290478497529534, 4.94350526176224569 52.63174836532829204, 4.94101829459324726 52.63098887349069344, 4.94323807283244765 52.627865909124246, 4.94233085171446174 52.62732283836258063, 4.93933553151857563 52.6303285148758988, 4.93447731151670332 52.62880346160039835, 4.93027239648735716 52.62661053773888398, 4.92627930844510686 52.62772980131243372, 4.92413867666529281 52.63086176567760077, 4.929779486554418 52.63174548774171058, 4.93670539600434655 52.63374934879225719, 4.93700360536694483 52.63336775089251063, 4.9433548413574151 52.63553312355757186, 4.94366509042855728 52.63741905791523124, 4.95054651013668234 52.64261717342766644, 4.95054651013668234 52.64261717342766644)))</t>
  </si>
  <si>
    <t>MultiPolygon (((4.88940130365787873 52.62392095803968317, 4.89904259410309439 52.62301595060355908, 4.91025697927867544 52.62056894075703184, 4.92396628658549584 52.61931439035745939, 4.93225892477359729 52.61727161218851734, 4.92204478208666441 52.6114844103552457, 4.89693098543398353 52.61335211215828878, 4.88399225586224972 52.61313855230601888, 4.88725123510491155 52.62259433829145649, 4.88940130365787873 52.62392095803968317)))</t>
  </si>
  <si>
    <t>MultiPolygon (((4.90214192595535803 52.63032571973425178, 4.90203605532411846 52.63116434969603574, 4.91199135367385953 52.63183240831760656, 4.92413867666529281 52.63086176567760077, 4.92627930844510686 52.62772980131243372, 4.92589558195678023 52.6259723252722651, 4.93161968671516426 52.62448849560929176, 4.93220287938691193 52.62363195837721008, 4.93001449366598887 52.62248378969105289, 4.93542324740239646 52.61873827589160868, 4.93225892477359729 52.61727161218851734, 4.92396628658549584 52.61931439035745939, 4.91025697927867544 52.62056894075703184, 4.89904259410309439 52.62301595060355908, 4.89685697388755248 52.6238423259044481, 4.90185774049814516 52.62700914843326672, 4.90401943255019201 52.62677543380045364, 4.90438180104567234 52.62801635691138813, 4.90370758607383994 52.63013566372108443, 4.90214192595535803 52.63032571973425178, 4.90214192595535803 52.63032571973425178)))</t>
  </si>
  <si>
    <t>MultiPolygon (((4.9004400279782292 52.62727632070860295, 4.90185774049814516 52.62700914843326672, 4.89685697388755248 52.6238423259044481, 4.89349322618396787 52.62445367151165243, 4.89608459421125453 52.62620860523275468, 4.89753149953460376 52.62566105161577923, 4.9004400279782292 52.62727632070860295, 4.9004400279782292 52.62727632070860295)))</t>
  </si>
  <si>
    <t>MultiPolygon (((4.89778536935423947 52.63085196937910837, 4.90214192595535803 52.63032571973425178, 4.90370758607383994 52.63013566372108443, 4.90438180104567234 52.62801635691138813, 4.90401943255019201 52.62677543380045364, 4.90185774049814516 52.62700914843326672, 4.9004400279782292 52.62727632070860295, 4.89714536941401501 52.62914785087233582, 4.89778536935423947 52.63085196937910837, 4.89778536935423947 52.63085196937910837)))</t>
  </si>
  <si>
    <t>MultiPolygon (((4.89714536941401501 52.62914785087233582, 4.9004400279782292 52.62727632070860295, 4.89753149953460376 52.62566105161577923, 4.89608459421125453 52.62620860523275468, 4.89349322618396787 52.62445367151165243, 4.89296579328543402 52.62454534242779403, 4.89335200161352546 52.62696129698824876, 4.89490937921917446 52.6284357968897325, 4.89714536941401501 52.62914785087233582, 4.89714536941401501 52.62914785087233582)))</t>
  </si>
  <si>
    <t>MultiPolygon (((4.89444968840758587 52.63094268622348437, 4.89778536935423947 52.63085196937910837, 4.89714536941401501 52.62914785087233582, 4.89490937921917446 52.6284357968897325, 4.89335200161352546 52.62696129698824876, 4.89296579328543402 52.62454534242779403, 4.8909346534324305 52.6248569067068459, 4.89090935794798565 52.6254304725434352, 4.89196130294919396 52.62825054095738153, 4.89444968840758587 52.63094268622348437, 4.89444968840758587 52.63094268622348437)))</t>
  </si>
  <si>
    <t>MultiPolygon (((4.89134024012264401 52.63038118967292434, 4.89444968840758587 52.63094268622348437, 4.89196130294919396 52.62825054095738153, 4.89090935794798565 52.6254304725434352, 4.8909346534324305 52.6248569067068459, 4.89296579328543402 52.62454534242779403, 4.89349322618396787 52.62445367151165243, 4.89685697388755248 52.6238423259044481, 4.89904259410309439 52.62301595060355908, 4.88940130365787873 52.62392095803968317, 4.88805012494592273 52.62737892671155748, 4.88997765465159517 52.62745907195896677, 4.89123554406058147 52.62875203010781178, 4.89134024012264401 52.63038118967292434, 4.89134024012264401 52.63038118967292434)))</t>
  </si>
  <si>
    <t>MultiPolygon (((4.88535071827139245 52.63013684372552348, 4.89134024012264401 52.63038118967292434, 4.89123554406058147 52.62875203010781178, 4.88997765465159517 52.62745907195896677, 4.88805012494592273 52.62737892671155748, 4.88535071827139245 52.63013684372552348, 4.88535071827139245 52.63013684372552348)))</t>
  </si>
  <si>
    <t>MultiPolygon (((4.89569553141664837 52.64534557807133552, 4.89743662846609773 52.64315708946369199, 4.90247729596635029 52.64203963447887702, 4.91733290020945635 52.64233311269180149, 4.92038197786895903 52.64307618049043214, 4.92605112496344244 52.6432169469516964, 4.92869837795325427 52.64406418239326513, 4.93670539600434655 52.63374934879225719, 4.929779486554418 52.63174548774171058, 4.92413867666529281 52.63086176567760077, 4.91199135367385953 52.63183240831760656, 4.90203605532411846 52.63116434969603574, 4.90214192595535803 52.63032571973425178, 4.89778536935423947 52.63085196937910837, 4.89444968840758587 52.63094268622348437, 4.89134024012264401 52.63038118967292434, 4.88535071827139245 52.63013684372552348, 4.88137657868373509 52.63343661354821279, 4.87828408421462711 52.63629672051750674, 4.87652976273562633 52.63630538512948931, 4.87726328450054503 52.63955798575892686, 4.87672021351867802 52.64053214015047644, 4.88460192126244852 52.64400530262055611, 4.89569553141664837 52.64534557807133552, 4.89569553141664837 52.64534557807133552)))</t>
  </si>
  <si>
    <t>MultiPolygon (((4.87828408421462711 52.63629672051750674, 4.88137657868373509 52.63343661354821279, 4.8755366214059217 52.63411258995949993, 4.87340182792606935 52.63444059481899728, 4.87328278653653069 52.63472893609223036, 4.875828168560564 52.63521059665627178, 4.87652976273562633 52.63630538512948931, 4.87828408421462711 52.63629672051750674)))</t>
  </si>
  <si>
    <t>MultiPolygon (((5.02703301129190017 52.64198900280762672, 5.02638776570500756 52.64174099193676426, 5.01829206405130979 52.63826343942782415, 5.01487466330583054 52.63499569010506463, 5.0135366469799294 52.63043138033616941, 5.00745661217719551 52.62834901394009535, 5.00265772081756044 52.62799598912835819, 4.97930728907828701 52.62361819246487471, 4.97799263500370959 52.62515378685167633, 4.97899478452098876 52.62731681863634492, 4.97032862024691635 52.62876495790271747, 4.96545840332465449 52.6309182531893569, 4.95791791590703035 52.63289288820408274, 4.96113491960831876 52.63625204545346747, 4.98599300496090336 52.63840336677557019, 5.00175336673362736 52.63983367602421026, 5.02603243759804208 52.64233941418653018, 5.02703301129190017 52.64198900280762672, 5.02703301129190017 52.64198900280762672)))</t>
  </si>
  <si>
    <t>MultiPolygon (((5.02992158847404713 52.64350911214656037, 5.02703301129190017 52.64198900280762672, 5.02603243759804208 52.64233941418653018, 5.00175336673362736 52.63983367602421026, 5.00153941867539142 52.64078274080794984, 5.00338317218842743 52.64099749401352568, 5.00832886471923455 52.64278496299090193, 5.01012303712075013 52.64210263893931341, 5.01439984183609688 52.6419508128017597, 5.02638348386308742 52.64329869316317456, 5.02734206293539998 52.64350417546631178, 5.0278397788818241 52.64518836107701105, 5.02953692377429373 52.64521873930039675, 5.02992158847404713 52.64350911214656037, 5.02992158847404713 52.64350911214656037)))</t>
  </si>
  <si>
    <t>MultiPolygon (((5.00410204341732712 52.64424005122901207, 5.00615591198449295 52.64407539080314535, 5.006335648932561 52.64489129458499406, 5.00873454118275685 52.64475024257130542, 5.00832886471923455 52.64278496299090193, 5.00338317218842743 52.64099749401352568, 5.00410204341732712 52.64424005122901207, 5.00410204341732712 52.64424005122901207)))</t>
  </si>
  <si>
    <t>MultiPolygon (((5.00410204341732712 52.64424005122901207, 5.00338317218842743 52.64099749401352568, 5.00153941867539142 52.64078274080794984, 4.99883201200554161 52.6405580779043234, 4.99978988247514344 52.64464085636673474, 5.00410204341732712 52.64424005122901207, 5.00410204341732712 52.64424005122901207)))</t>
  </si>
  <si>
    <t>MultiPolygon (((4.99883201200554161 52.6405580779043234, 5.00153941867539142 52.64078274080794984, 5.00175336673362736 52.63983367602421026, 4.98599300496090336 52.63840336677557019, 4.98607971434222019 52.63934599540160519, 4.99883201200554161 52.6405580779043234, 4.99883201200554161 52.6405580779043234)))</t>
  </si>
  <si>
    <t>MultiPolygon (((4.98607971434222019 52.63934599540160519, 4.98599300496090336 52.63840336677557019, 4.96113491960831876 52.63625204545346747, 4.95791791590703035 52.63289288820408274, 4.95691960615150684 52.63163434053783618, 4.95684956015922751 52.63685157751145738, 4.98607971434222019 52.63934599540160519, 4.98607971434222019 52.63934599540160519)))</t>
  </si>
  <si>
    <t>MultiPolygon (((5.0126539237211416 52.66827721453079647, 5.02131438909285599 52.66440920102665046, 5.03476267063294625 52.66655635192183382, 5.03658387490765858 52.66206293343759626, 5.03892951215276419 52.65614051253245975, 5.03767840136424283 52.65022965921019704, 5.03814344341694742 52.64896105609865629, 5.03713935785394629 52.64765778691281639, 5.03407202422163547 52.64574606490181452, 5.02992158847404713 52.64350911214656037, 5.02953692377429373 52.64521873930039675, 5.0278397788818241 52.64518836107701105, 5.02734206293539998 52.64350417546631178, 5.02638348386308742 52.64329869316317456, 5.01439984183609688 52.6419508128017597, 5.01012303712075013 52.64210263893931341, 5.00832886471923455 52.64278496299090193, 5.00873454118275685 52.64475024257130542, 5.006335648932561 52.64489129458499406, 5.00615591198449295 52.64407539080314535, 5.00410204341732712 52.64424005122901207, 4.99978988247514344 52.64464085636673474, 4.99883201200554161 52.6405580779043234, 4.98607971434222019 52.63934599540160519, 4.95684956015922751 52.63685157751145738, 4.95575101474886726 52.64029244031520705, 4.95054651013668234 52.64261717342766644, 4.95451870915680903 52.64565597774729611, 4.95701823049203405 52.64639894243251916, 4.95895797829089879 52.64834858073939472, 4.95877731475714079 52.65025687465685422, 4.96623247487068031 52.65211621714272638, 4.97096012768760431 52.65219058809302055, 4.97507129397421632 52.65645546817723499, 4.97694638373439613 52.66026184326909032, 4.97467421425797607 52.66106922219316999, 4.97742217423181632 52.66169785732594022, 4.98393915204572924 52.65997253494757757, 5.0003328411659469 52.66295762331461816, 5.00141398196877507 52.66490234877711885, 5.00068421939719698 52.66568909812646382, 5.00155618838622651 52.66826807653075093, 5.00341442140449466 52.67048913229503171, 5.00610395474917969 52.67026892167801577, 5.0126539237211416 52.66827721453079647, 5.0126539237211416 52.66827721453079647)))</t>
  </si>
  <si>
    <t>MultiPolygon (((5.0003328411659469 52.66295762331461816, 4.98393915204572924 52.65997253494757757, 4.97742217423181632 52.66169785732594022, 4.97620851843185985 52.66275960127767775, 4.97691375343960285 52.66371066643898047, 4.97643151847074172 52.6659551327786275, 4.97822456367470512 52.67026049742624849, 4.98230762519557224 52.67249039138438604, 4.98707506007716894 52.67365642954477778, 5.00149261713172955 52.67372065405390202, 5.00353912108292942 52.6733564018220477, 5.00341442140449466 52.67048913229503171, 5.00155618838622651 52.66826807653075093, 5.00068421939719698 52.66568909812646382, 5.00141398196877507 52.66490234877711885, 5.0003328411659469 52.66295762331461816, 5.0003328411659469 52.66295762331461816)))</t>
  </si>
  <si>
    <t>MultiPolygon (((4.97643151847074172 52.6659551327786275, 4.97691375343960285 52.66371066643898047, 4.97620851843185985 52.66275960127767775, 4.97742217423181632 52.66169785732594022, 4.97467421425797607 52.66106922219316999, 4.97332585549640083 52.66137067495053259, 4.97309618162581479 52.66219761294058088, 4.9735736494894498 52.66565067112055232, 4.97643151847074172 52.6659551327786275, 4.97643151847074172 52.6659551327786275)))</t>
  </si>
  <si>
    <t>MultiPolygon (((4.97920470985301211 52.67967916322281496, 4.98300935820999591 52.6750999924718144, 5.00235303378032636 52.67492679563490299, 5.00149261713172955 52.67372065405390202, 4.98707506007716894 52.67365642954477778, 4.98230762519557224 52.67249039138438604, 4.97822456367470512 52.67026049742624849, 4.97643151847074172 52.6659551327786275, 4.9735736494894498 52.66565067112055232, 4.97309618162581479 52.66219761294058088, 4.97332585549640083 52.66137067495053259, 4.97467421425797607 52.66106922219316999, 4.97694638373439613 52.66026184326909032, 4.97507129397421632 52.65645546817723499, 4.97096012768760431 52.65219058809302055, 4.96623247487068031 52.65211621714272638, 4.95877731475714079 52.65025687465685422, 4.95895797829089879 52.64834858073939472, 4.95583851085735283 52.66373324128208111, 4.94894080762614763 52.66310583306860593, 4.95175591842016694 52.66692627243347147, 4.9527427242776465 52.67176547510288742, 4.96176589621423769 52.67370890072129441, 4.96167064113359935 52.67461189359710261, 4.96213079928361189 52.67602733820745442, 4.96341085527366577 52.67559743375488068, 4.96474202824893585 52.67628460829392623, 4.96473792299923655 52.67705029066833333, 4.96632051196571567 52.67719532386649917, 4.96650594104295529 52.67854441450290892, 4.96957529920343433 52.67891608022139138, 4.97062253195327042 52.6796313567368415, 4.97675944528628555 52.67742003942878171, 4.97920470985301211 52.67967916322281496, 4.97920470985301211 52.67967916322281496)))</t>
  </si>
  <si>
    <t>MultiPolygon (((4.93596235221793656 52.64925048197638802, 4.93791898649695948 52.65087274095166237, 4.94162036170536378 52.65247207369262128, 4.94339731297863949 52.65165442749990632, 4.94417794562684776 52.65201554624088942, 4.94610641848833232 52.64891613529174919, 4.94390847027796543 52.6472747959021703, 4.94221302580794752 52.64820285640511344, 4.94028524868786256 52.64736660141054614, 4.93596235221793656 52.64925048197638802, 4.93596235221793656 52.64925048197638802)))</t>
  </si>
  <si>
    <t>MultiPolygon (((4.94941204481607144 52.67448290030817049, 4.9527427242776465 52.67176547510288742, 4.95175591842016694 52.66692627243347147, 4.94894080762614763 52.66310583306860593, 4.95583851085735283 52.66373324128208111, 4.95895797829089879 52.64834858073939472, 4.95701823049203405 52.64639894243251916, 4.95451870915680903 52.64565597774729611, 4.95054651013668234 52.64261717342766644, 4.94366509042855728 52.63741905791523124, 4.9433548413574151 52.63553312355757186, 4.93700360536694483 52.63336775089251063, 4.93670539600434655 52.63374934879225719, 4.92869837795325427 52.64406418239326513, 4.93444671225089149 52.6470174680389178, 4.93596235221793656 52.64925048197638802, 4.94028524868786256 52.64736660141054614, 4.94221302580794752 52.64820285640511344, 4.94390847027796543 52.6472747959021703, 4.94610641848833232 52.64891613529174919, 4.94417794562684776 52.65201554624088942, 4.94339731297863949 52.65165442749990632, 4.94162036170536378 52.65247207369262128, 4.94686027131695916 52.65810508925605404, 4.94547430510638453 52.66253984763255858, 4.94120703040012987 52.66722241391190096, 4.93758281430763368 52.66924371861587417, 4.93928335563022536 52.66972602586676544, 4.93628325396408929 52.67055965005661733, 4.93880773778886795 52.67396785159377259, 4.94075708950089254 52.6734904369402841, 4.94165905932130567 52.67463048459841701, 4.9328210719183021 52.67715318393759105, 4.93385371348985746 52.67865007222809481, 4.94941204481607144 52.67448290030817049, 4.94941204481607144 52.67448290030817049)))</t>
  </si>
  <si>
    <t>MultiPolygon (((4.91716996928518846 52.66332107940049667, 4.92037285968386939 52.66488646512375027, 4.93544058029286248 52.6693837108965397, 4.93758281430763368 52.66924371861587417, 4.94120703040012987 52.66722241391190096, 4.94547430510638453 52.66253984763255858, 4.94686027131695916 52.65810508925605404, 4.94162036170536378 52.65247207369262128, 4.93791898649695948 52.65087274095166237, 4.93596235221793656 52.64925048197638802, 4.93444671225089149 52.6470174680389178, 4.91716996928518846 52.66332107940049667, 4.91716996928518846 52.66332107940049667)))</t>
  </si>
  <si>
    <t>MultiPolygon (((4.91078546559888451 52.66169470895990656, 4.91716996928518846 52.66332107940049667, 4.93444671225089149 52.6470174680389178, 4.92869837795325427 52.64406418239326513, 4.92605112496344244 52.6432169469516964, 4.92038197786895903 52.64307618049043214, 4.91733290020945635 52.64233311269180149, 4.90247729596635029 52.64203963447887702, 4.89743662846609773 52.64315708946369199, 4.89569553141664837 52.64534557807133552, 4.89442359829384799 52.64759044754454465, 4.89424728843996082 52.65158901763241062, 4.89504215858746594 52.6526651499810896, 4.89795110491275665 52.6553369852423927, 4.90566105408934927 52.6583485800373694, 4.91078546559888451 52.66169470895990656, 4.91078546559888451 52.66169470895990656)))</t>
  </si>
  <si>
    <t>MultiPolygon (((4.88439634948944068 52.66148195340491611, 4.8880197251959947 52.66031719411989087, 4.88862508841886356 52.6587068749252154, 4.88760317530145105 52.65682305312497391, 4.88449585896389138 52.65757252932024812, 4.88008714635974883 52.65417695783774832, 4.87759113800214639 52.65317954533622924, 4.88439634948944068 52.66148195340491611, 4.88439634948944068 52.66148195340491611)))</t>
  </si>
  <si>
    <t>MultiPolygon (((4.86809662361811579 52.66389426787458206, 4.87078073607057771 52.66784023920462232, 4.87519608492583956 52.66740449417216752, 4.87448521726665351 52.66542732030408303, 4.88791895538560794 52.66362121265038354, 4.88881457663737162 52.66606854868241783, 4.89344096915425819 52.66566930108987066, 4.90516427715143077 52.66417289100001398, 4.91078546559888451 52.66169470895990656, 4.90566105408934927 52.6583485800373694, 4.89795110491275665 52.6553369852423927, 4.89504215858746594 52.6526651499810896, 4.89424728843996082 52.65158901763241062, 4.89442359829384799 52.64759044754454465, 4.89569553141664837 52.64534557807133552, 4.88460192126244852 52.64400530262055611, 4.87672021351867802 52.64053214015047644, 4.87523616162122853 52.64242510212521609, 4.86507478111391478 52.64943636877884359, 4.86273270155694348 52.65365454390467193, 4.8631786705198019 52.65646865464192672, 4.86675404984079396 52.66039990077773325, 4.86809662361811579 52.66389426787458206, 4.86809662361811579 52.66389426787458206),(4.88439634948944068 52.66148195340491611, 4.87759113800214639 52.65317954533622924, 4.88008714635974883 52.65417695783774832, 4.88449585896389138 52.65757252932024812, 4.88760317530145105 52.65682305312497391, 4.88862508841886356 52.6587068749252154, 4.8880197251959947 52.66031719411989087, 4.88439634948944068 52.66148195340491611, 4.88439634948944068 52.66148195340491611)))</t>
  </si>
  <si>
    <t>MultiPolygon (((4.94165905932130567 52.67463048459841701, 4.94075708950089254 52.6734904369402841, 4.93880773778886795 52.67396785159377259, 4.93628325396408929 52.67055965005661733, 4.93928335563022536 52.66972602586676544, 4.93758281430763368 52.66924371861587417, 4.93544058029286248 52.6693837108965397, 4.92037285968386939 52.66488646512375027, 4.91716996928518846 52.66332107940049667, 4.91078546559888451 52.66169470895990656, 4.90516427715143077 52.66417289100001398, 4.89344096915425819 52.66566930108987066, 4.89328427961013102 52.66708254865478267, 4.89501868353736658 52.66669602020449048, 4.89930226335093799 52.67051747581032117, 4.90343353076336719 52.67055799973196883, 4.90830655863459775 52.66983541568653493, 4.91761626618399106 52.66726049662437958, 4.91869614465173033 52.66878525410734113, 4.91703847554018925 52.66921473281975352, 4.91899889374853139 52.67196971883478795, 4.92053449709912627 52.67157122490662147, 4.92250140191323826 52.67426626824551761, 4.91796919090312024 52.67552328987534338, 4.91839967636561237 52.67706730433152273, 4.91363563822805194 52.67842009226885125, 4.91778590295341278 52.68115938615728311, 4.91876792224260218 52.68256884210029511, 4.92814491504002561 52.68026483665799731, 4.93385371348985746 52.67865007222809481, 4.9328210719183021 52.67715318393759105, 4.94165905932130567 52.67463048459841701, 4.94165905932130567 52.67463048459841701)))</t>
  </si>
  <si>
    <t>MultiPolygon (((4.9154787599909735 52.67621538765943967, 4.91796919090312024 52.67552328987534338, 4.92250140191323826 52.67426626824551761, 4.92053449709912627 52.67157122490662147, 4.91899889374853139 52.67196971883478795, 4.91703847554018925 52.66921473281975352, 4.91869614465173033 52.66878525410734113, 4.91761626618399106 52.66726049662437958, 4.90830655863459775 52.66983541568653493, 4.90999739299739435 52.6710799844460098, 4.91146268063025726 52.67066880634166637, 4.9154787599909735 52.67621538765943967, 4.9154787599909735 52.67621538765943967)))</t>
  </si>
  <si>
    <t>MultiPolygon (((4.9081234798823461 52.67356638121344048, 4.91349513308711039 52.67676159665548141, 4.9154787599909735 52.67621538765943967, 4.91146268063025726 52.67066880634166637, 4.90999739299739435 52.6710799844460098, 4.9081234798823461 52.67356638121344048, 4.9081234798823461 52.67356638121344048)))</t>
  </si>
  <si>
    <t>MultiPolygon (((4.9081234798823461 52.67356638121344048, 4.90999739299739435 52.6710799844460098, 4.90830655863459775 52.66983541568653493, 4.90343353076336719 52.67055799973196883, 4.90331928353701052 52.67196286579227404, 4.90458253260185728 52.67282457474085078, 4.90641863509093223 52.67368560239120967, 4.9081234798823461 52.67356638121344048, 4.9081234798823461 52.67356638121344048)))</t>
  </si>
  <si>
    <t>MultiPolygon (((4.9181009235401465 52.68280344532109893, 4.91876792224260218 52.68256884210029511, 4.91778590295341278 52.68115938615728311, 4.91363563822805194 52.67842009226885125, 4.91839967636561237 52.67706730433152273, 4.91796919090312024 52.67552328987534338, 4.9154787599909735 52.67621538765943967, 4.91349513308711039 52.67676159665548141, 4.9081234798823461 52.67356638121344048, 4.90641863509093223 52.67368560239120967, 4.90458253260185728 52.67282457474085078, 4.90331928353701052 52.67196286579227404, 4.90343353076336719 52.67055799973196883, 4.89930226335093799 52.67051747581032117, 4.89847241327352734 52.67082634471621816, 4.90152595030048754 52.67266367026652318, 4.90297200948889156 52.67318751755446016, 4.90613068825379894 52.67599699636932797, 4.90944317189034063 52.6778223364305731, 4.9181009235401465 52.68280344532109893, 4.9181009235401465 52.68280344532109893)))</t>
  </si>
  <si>
    <t>MultiPolygon (((4.89847241327352734 52.67082634471621816, 4.89930226335093799 52.67051747581032117, 4.89501868353736658 52.66669602020449048, 4.89328427961013102 52.66708254865478267, 4.88858127529563991 52.66785634894453949, 4.89088408027557708 52.67300275750550753, 4.89847241327352734 52.67082634471621816, 4.89847241327352734 52.67082634471621816)))</t>
  </si>
  <si>
    <t>MultiPolygon (((4.90186352377596446 52.67694807113950617, 4.90613068825379894 52.67599699636932797, 4.90297200948889156 52.67318751755446016, 4.89950074098358446 52.67557219273986391, 4.90186352377596446 52.67694807113950617, 4.90186352377596446 52.67694807113950617)))</t>
  </si>
  <si>
    <t>MultiPolygon (((4.89161798019982896 52.67635345688569259, 4.89573082410493221 52.67657885472700485, 4.89950074098358446 52.67557219273986391, 4.90297200948889156 52.67318751755446016, 4.90152595030048754 52.67266367026652318, 4.89034777689230982 52.6750673994886256, 4.89161798019982896 52.67635345688569259, 4.89161798019982896 52.67635345688569259)))</t>
  </si>
  <si>
    <t>MultiPolygon (((4.90267261210560878 52.6784868479824766, 4.90944317189034063 52.6778223364305731, 4.90613068825379894 52.67599699636932797, 4.90186352377596446 52.67694807113950617, 4.90267261210560878 52.6784868479824766, 4.90267261210560878 52.6784868479824766)))</t>
  </si>
  <si>
    <t>MultiPolygon (((4.89559044734943605 52.67856329823109007, 4.90267261210560878 52.6784868479824766, 4.90186352377596446 52.67694807113950617, 4.89950074098358446 52.67557219273986391, 4.89573082410493221 52.67657885472700485, 4.89559044734943605 52.67856329823109007, 4.89559044734943605 52.67856329823109007)))</t>
  </si>
  <si>
    <t>MultiPolygon (((4.89573082410493221 52.67657885472700485, 4.89161798019982896 52.67635345688569259, 4.89559044734943605 52.67856329823109007, 4.89573082410493221 52.67657885472700485, 4.89573082410493221 52.67657885472700485)))</t>
  </si>
  <si>
    <t>MultiPolygon (((4.9181009235401465 52.68280344532109893, 4.90944317189034063 52.6778223364305731, 4.90267261210560878 52.6784868479824766, 4.89559044734943605 52.67856329823109007, 4.89161798019982896 52.67635345688569259, 4.89034777689230982 52.6750673994886256, 4.90152595030048754 52.67266367026652318, 4.89847241327352734 52.67082634471621816, 4.89088408027557708 52.67300275750550753, 4.88858127529563991 52.66785634894453949, 4.89328427961013102 52.66708254865478267, 4.89344096915425819 52.66566930108987066, 4.88881457663737162 52.66606854868241783, 4.88791895538560794 52.66362121265038354, 4.87448521726665351 52.66542732030408303, 4.87519608492583956 52.66740449417216752, 4.87078073607057771 52.66784023920462232, 4.87342321836013603 52.67269330220108259, 4.87409116938150699 52.67546357214282438, 4.87588436577917683 52.67784657868962483, 4.87762906116689265 52.67877931560852289, 4.87939550726513893 52.68008047514814507, 4.88491332426239033 52.68066489580839828, 4.90497937523490357 52.68726849081857466, 4.90561821221223049 52.68641909511617172, 4.9181009235401465 52.68280344532109893, 4.9181009235401465 52.68280344532109893)))</t>
  </si>
  <si>
    <t>MultiPolygon (((4.87939550726513893 52.68008047514814507, 4.87629332932303949 52.6863427452021611, 4.87938285352544643 52.68801640352134541, 4.88198544059920625 52.68809567447946307, 4.88870384030445138 52.6904555207621712, 4.89141941759523835 52.69517576796773994, 4.89986011255024678 52.69758659571289172, 4.91084683907685182 52.69990944646801267, 4.91586194297552215 52.69934112859331066, 4.91812399649370136 52.69687457773794392, 4.91734095062808763 52.69305875911070558, 4.90497937523490357 52.68726849081857466, 4.88491332426239033 52.68066489580839828, 4.87939550726513893 52.68008047514814507)))</t>
  </si>
  <si>
    <t>MultiPolygon (((6.46218520424326215 52.02170080360347271, 6.46494697113401973 52.0206009858076186, 6.48007133272182845 52.03294824520912698, 6.48338554632066622 52.03134708920758555, 6.48596738981275411 52.03338564300123892, 6.49374351911649583 52.02311173519545662, 6.49722919426692958 52.02002382959059901, 6.49952741632584985 52.01573159518531497, 6.49691980136871017 52.01154866847971903, 6.4910574676468018 52.00787861085120767, 6.48984100533017827 52.00457653489735321, 6.49299080001955264 52.00045896955884217, 6.49084749912152681 51.99879853616215541, 6.49285554032909129 51.99784269577610019, 6.49132644996324082 51.99515560043369788, 6.48440269272434922 51.99364077391287253, 6.48269833038155596 51.98919460083048705, 6.47877257766576786 51.98981657864410977, 6.47577276093887377 51.98813623172114973, 6.46005767660707964 51.99515095534962938, 6.45920823080400908 51.99775212200262331, 6.46748819468650993 52.00075674733239595, 6.46026757269594842 52.00617130688763012, 6.46563176230283965 52.00769514471762989, 6.46186906488922475 52.0120339769873965, 6.46183374220048545 52.01375890294421112, 6.46032912538160264 52.0145808724445402, 6.46205800501760663 52.01691492153494778, 6.45919947447476961 52.0187218410971397, 6.46218520424326215 52.02170080360347271, 6.46218520424326215 52.02170080360347271),(6.47648109468762101 52.01499608291055665, 6.47315696865052814 52.01403910450519419, 6.46897998534673846 52.01450018825490673, 6.46713555283806762 52.01311305709891286, 6.47248046201634697 52.01028414020979795, 6.47774787868533686 52.01193584781267987, 6.47842873961754773 52.01325511867391072, 6.47573388883744094 52.01356247306069491, 6.47648109468762101 52.01499608291055665, 6.47648109468762101 52.01499608291055665)))</t>
  </si>
  <si>
    <t>MultiPolygon (((6.47648109468762101 52.01499608291055665, 6.47573388883744094 52.01356247306069491, 6.47842873961754773 52.01325511867391072, 6.47774787868533686 52.01193584781267987, 6.47248046201634697 52.01028414020979795, 6.46713555283806762 52.01311305709891286, 6.46897998534673846 52.01450018825490673, 6.47315696865052814 52.01403910450519419, 6.47648109468762101 52.01499608291055665, 6.47648109468762101 52.01499608291055665)))</t>
  </si>
  <si>
    <t>MultiPolygon (((6.65897069059158131 52.06304128090584982, 6.66380812978428594 52.057705409006644, 6.66392925987274065 52.05444775275326919, 6.6618012436378331 52.05159792831555876, 6.66562200125872817 52.05011003113395418, 6.66676006948290478 52.0503148346354223, 6.67470376664906784 52.04855924374988518, 6.68404065666311098 52.0448286202388033, 6.68798117701859773 52.04436543688660066, 6.68785292086059879 52.03985615236798168, 6.68356936424629744 52.02820206630791233, 6.68066679436778088 52.02799881916551783, 6.67960665409603394 52.0286863378873079, 6.6777334906508008 52.02837513117885493, 6.67206064157780965 52.02290132630172792, 6.66237554340067462 52.01741300966963166, 6.66175378334347723 52.01555043726308725, 6.65852925187714551 52.0142338636925885, 6.65664915992387041 52.01481435231766426, 6.65581359321379029 52.01356264440132549, 6.65817011615609822 52.01117847997115007, 6.65524421450537673 52.00463877377271871, 6.65446477754719901 52.00291049915101382, 6.65258504246248972 52.00269176747190158, 6.65512739818349086 52.00781480636155862, 6.65178389164762596 52.00963867650678907, 6.65062613111615963 52.00920051281143941, 6.65091790968079444 52.00856678163360414, 6.62927490087236659 52.0077418949945951, 6.62224173364060587 52.01495807811490124, 6.62344020735236416 52.01893683421909031, 6.61711718658241033 52.01845319340608853, 6.61631611096254346 52.01899494192067408, 6.61533737418354306 52.02741041677649747, 6.60553307026678826 52.02949944075768229, 6.60143041721258061 52.03168655335952764, 6.59157399804017174 52.03135863359863578, 6.58954556496271149 52.03353726139599189, 6.58932844959153119 52.03649199262049052, 6.58688792144885493 52.03799018949862898, 6.58989859486635954 52.0392403219995785, 6.59043031592670747 52.04069208767796795, 6.59080178741283795 52.04147393374658037, 6.59422573193525441 52.0422711509952407, 6.59535043114820851 52.04074061102843984, 6.59505063394603841 52.03954028043274604, 6.59824003367818079 52.03781444909392206, 6.60557389850843357 52.03653028980139084, 6.60860937942105409 52.03641553375194206, 6.61230039130575964 52.03725631001003649, 6.61673522453292318 52.03695978038398096, 6.62360259049853006 52.0356761458542465, 6.62486435554030528 52.0346964529592384, 6.62721412858755787 52.03589216444451893, 6.62808993013849435 52.03711542057886419, 6.62529861251866858 52.04489126711560232, 6.6249364517571605 52.0475181092594994, 6.62498268810794944 52.04920674755490495, 6.62342540522231893 52.04946821128257284, 6.61052364803302162 52.04928659424096793, 6.6053827518562791 52.04834791567652985, 6.59623794561281684 52.04281924812597282, 6.59596273743566464 52.04631410929593471, 6.59658812155858243 52.04724895869201617, 6.59878033539187125 52.04917349858788356, 6.60144845200780495 52.05027840437236364, 6.60262323413396324 52.05011535814274026, 6.60548057669223976 52.05185542937500287, 6.60439192383971552 52.05555522595611251, 6.60644070127997995 52.06021552091301885, 6.60628946288754637 52.06517735804560942, 6.6156824910996912 52.05487663578659863, 6.61868835257654098 52.05323478021984585, 6.61823828916726331 52.04974767371331978, 6.62498974623582804 52.04950512585588029, 6.62674933570229552 52.05560776975545423, 6.62765088229198085 52.05768647623318657, 6.63487926871198308 52.05609666433861804, 6.63647333005177575 52.05664664389862395, 6.63858842528554138 52.06050302757243031, 6.64320852988584587 52.06020467301350152, 6.6468389157446417 52.06541072760178679, 6.65113824442251111 52.06359919404506797, 6.65897069059158131 52.06304128090584982),(6.62845297052117566 52.03915809707145712, 6.62804968505234893 52.03417710576066213, 6.62974786862348697 52.03305622891198823, 6.63751648109603565 52.03096831243050957, 6.64203940795368997 52.03269761926938486, 6.63820855758809714 52.03639447008471564, 6.63076134153624341 52.04050455940461717, 6.62907522403610105 52.04214731123822446, 6.62785744927199261 52.04055310495029119, 6.62845297052117566 52.03915809707145712),(6.6526349839501755 52.03203290449012286, 6.65416765441203761 52.02945856877263253, 6.65670828201037068 52.03199507063171581, 6.6526349839501755 52.03203290449012286),(6.6120099994022814 52.03236287400339677, 6.61343875597010911 52.03428198052753118, 6.61400857937770326 52.03345956336651312, 6.61733627476431607 52.03318703788117006, 6.62283994200666903 52.03521882283141053, 6.61570981931340985 52.03682005118519527, 6.61113915075699499 52.03650142693406622, 6.60418999773817461 52.03506824846314061, 6.60425001592308902 52.03369877678740352, 6.6061704457422108 52.03370772316109338, 6.60887834778010053 52.03135419789536797, 6.6120099994022814 52.03236287400339677)))</t>
  </si>
  <si>
    <t>MultiPolygon (((6.65670828201037068 52.03199507063171581, 6.65416765441203761 52.02945856877263253, 6.6526349839501755 52.03203290449012286, 6.65670828201037068 52.03199507063171581, 6.65670828201037068 52.03199507063171581)))</t>
  </si>
  <si>
    <t>MultiPolygon (((6.62137441089607837 52.06557454732197954, 6.623740147476604 52.06362273852348466, 6.62890068522669118 52.06424093036257261, 6.63694477988009268 52.06432643107729774, 6.63535466008537966 52.06081380471113107, 6.63218091778245356 52.06105582948720212, 6.63175400159166184 52.06083037254536805, 6.63144661052848416 52.06052436834648489, 6.63414339047602208 52.05754928680015325, 6.63647333005177575 52.05664664389862395, 6.63487926871198308 52.05609666433861804, 6.62765088229198085 52.05768647623318657, 6.62674933570229552 52.05560776975545423, 6.62252932249057391 52.05565623071385062, 6.61868835257654098 52.05323478021984585, 6.6156824910996912 52.05487663578659863, 6.60628946288754637 52.06517735804560942, 6.60745082334571343 52.06566666142894206, 6.61308569789614076 52.06804031608871952, 6.62137441089607837 52.06557454732197954)))</t>
  </si>
  <si>
    <t>MultiPolygon (((6.61868835257654098 52.05323478021984585, 6.62252932249057391 52.05565623071385062, 6.62674933570229552 52.05560776975545423, 6.62498974623582804 52.04950512585588029, 6.61823828916726331 52.04974767371331978, 6.61868835257654098 52.05323478021984585, 6.61868835257654098 52.05323478021984585)))</t>
  </si>
  <si>
    <t>MultiPolygon (((6.61052364803302162 52.04928659424096793, 6.62342540522231893 52.04946821128257284, 6.62498268810794944 52.04920674755490495, 6.6249364517571605 52.0475181092594994, 6.62230282519059443 52.04718329729236359, 6.61815206104631404 52.04417014241290218, 6.61611372300761946 52.04539126414248784, 6.61355537914772196 52.04500166119291293, 6.61289341530042929 52.0439644129226977, 6.61105769006508392 52.0440599543350686, 6.61089039416706825 52.04554823653813145, 6.61220672950825072 52.04661228941269968, 6.61052364803302162 52.04928659424096793, 6.61052364803302162 52.04928659424096793)))</t>
  </si>
  <si>
    <t>MultiPolygon (((6.6249364517571605 52.0475181092594994, 6.62529861251866858 52.04489126711560232, 6.62372442221835644 52.04469162468456744, 6.62350378531519635 52.04314569953437086, 6.62205374926024781 52.04288412391081664, 6.61815206104631404 52.04417014241290218, 6.62230282519059443 52.04718329729236359, 6.6249364517571605 52.0475181092594994, 6.6249364517571605 52.0475181092594994)))</t>
  </si>
  <si>
    <t>MultiPolygon (((6.62205374926024781 52.04288412391081664, 6.62350378531519635 52.04314569953437086, 6.62372442221835644 52.04469162468456744, 6.62529861251866858 52.04489126711560232, 6.62808993013849435 52.03711542057886419, 6.62721412858755787 52.03589216444451893, 6.62486435554030528 52.0346964529592384, 6.62360259049853006 52.0356761458542465, 6.619564567588891 52.04041398738144153, 6.62205374926024781 52.04288412391081664, 6.62205374926024781 52.04288412391081664)))</t>
  </si>
  <si>
    <t>MultiPolygon (((6.62907522403610105 52.04214731123822446, 6.63076134153624341 52.04050455940461717, 6.63820855758809714 52.03639447008471564, 6.64203940795368997 52.03269761926938486, 6.63751648109603565 52.03096831243050957, 6.62974786862348697 52.03305622891198823, 6.62804968505234893 52.03417710576066213, 6.62845297052117566 52.03915809707145712, 6.62785744927199261 52.04055310495029119, 6.62907522403610105 52.04214731123822446, 6.62907522403610105 52.04214731123822446)))</t>
  </si>
  <si>
    <t>MultiPolygon (((6.62283994200666903 52.03521882283141053, 6.61733627476431607 52.03318703788117006, 6.61400857937770326 52.03345956336651312, 6.61343875597010911 52.03428198052753118, 6.61054655887197118 52.03566703034152141, 6.61113915075699499 52.03650142693406622, 6.61570981931340985 52.03682005118519527, 6.62283994200666903 52.03521882283141053, 6.62283994200666903 52.03521882283141053)),((6.62360259049853006 52.0356761458542465, 6.61673522453292318 52.03695978038398096, 6.61230039130575964 52.03725631001003649, 6.61368152849384305 52.0394003532466769, 6.61656411929974553 52.03715815683754897, 6.61771670332551221 52.03725925751216153, 6.61848087438248545 52.03825106804880107, 6.61787456761431692 52.03886052594892675, 6.619564567588891 52.04041398738144153, 6.62360259049853006 52.0356761458542465, 6.62360259049853006 52.0356761458542465)))</t>
  </si>
  <si>
    <t>MultiPolygon (((6.61113915075699499 52.03650142693406622, 6.61054655887197118 52.03566703034152141, 6.61343875597010911 52.03428198052753118, 6.6120099994022814 52.03236287400339677, 6.60887834778010053 52.03135419789536797, 6.6061704457422108 52.03370772316109338, 6.60425001592308902 52.03369877678740352, 6.60418999773817461 52.03506824846314061, 6.61113915075699499 52.03650142693406622, 6.61113915075699499 52.03650142693406622)))</t>
  </si>
  <si>
    <t>MultiPolygon (((6.60259212910371396 52.04130861671704622, 6.61149375055412047 52.04192301026830592, 6.61368152849384305 52.0394003532466769, 6.61230039130575964 52.03725631001003649, 6.60860937942105409 52.03641553375194206, 6.60557389850843357 52.03653028980139084, 6.606721505946898 52.0368028433914489, 6.60586244818686996 52.03912422169269547, 6.60279859168923888 52.03983552607115115, 6.60165028908415685 52.04098943047799963, 6.60259212910371396 52.04130861671704622, 6.60259212910371396 52.04130861671704622)))</t>
  </si>
  <si>
    <t>MultiPolygon (((6.59535043114820851 52.04074061102843984, 6.60259212910371396 52.04130861671704622, 6.60165028908415685 52.04098943047799963, 6.60279859168923888 52.03983552607115115, 6.60586244818686996 52.03912422169269547, 6.606721505946898 52.0368028433914489, 6.60557389850843357 52.03653028980139084, 6.59824003367818079 52.03781444909392206, 6.59505063394603841 52.03954028043274604, 6.59535043114820851 52.04074061102843984, 6.59535043114820851 52.04074061102843984)))</t>
  </si>
  <si>
    <t>MultiPolygon (((6.6053827518562791 52.04834791567652985, 6.60758206086406474 52.04714661243969687, 6.60995262087228586 52.04391996041723445, 6.61149375055412047 52.04192301026830592, 6.60259212910371396 52.04130861671704622, 6.59535043114820851 52.04074061102843984, 6.59422573193525441 52.0422711509952407, 6.59623794561281684 52.04281924812597282, 6.6053827518562791 52.04834791567652985, 6.6053827518562791 52.04834791567652985)))</t>
  </si>
  <si>
    <t>MultiPolygon (((6.6053827518562791 52.04834791567652985, 6.61052364803302162 52.04928659424096793, 6.61220672950825072 52.04661228941269968, 6.61089039416706825 52.04554823653813145, 6.61105769006508392 52.0440599543350686, 6.60995262087228586 52.04391996041723445, 6.60758206086406474 52.04714661243969687, 6.6053827518562791 52.04834791567652985, 6.6053827518562791 52.04834791567652985)))</t>
  </si>
  <si>
    <t>MultiPolygon (((6.60995262087228586 52.04391996041723445, 6.61105769006508392 52.0440599543350686, 6.61289341530042929 52.0439644129226977, 6.61355537914772196 52.04500166119291293, 6.61611372300761946 52.04539126414248784, 6.61815206104631404 52.04417014241290218, 6.62205374926024781 52.04288412391081664, 6.619564567588891 52.04041398738144153, 6.61787456761431692 52.03886052594892675, 6.61848087438248545 52.03825106804880107, 6.61771670332551221 52.03725925751216153, 6.61656411929974553 52.03715815683754897, 6.61368152849384305 52.0394003532466769, 6.61149375055412047 52.04192301026830592, 6.60995262087228586 52.04391996041723445, 6.60995262087228586 52.04391996041723445)))</t>
  </si>
  <si>
    <t>MultiPolygon (((6.59119140110107793 51.99820206944906431, 6.60929184516192336 52.0003346557221704, 6.61074066154399009 52.00161065483312939, 6.61192591896924853 52.00654484760216434, 6.63764317476225774 51.9977308398722613, 6.64581888300520518 51.99949299264589797, 6.64614138485855754 51.99885494181283008, 6.65336199319566379 51.99993118571981654, 6.6527051191335449 51.99753204409986296, 6.65516248722242576 51.97933268100450022, 6.65705608697761342 51.97755206099468239, 6.65461853558187233 51.97631502360599853, 6.65559820972333416 51.97554482553362476, 6.64559996095927463 51.9688647412814575, 6.64252540764285371 51.96581995300362422, 6.63787928956908502 51.96498657084558914, 6.6389157776106309 51.96254701263005416, 6.63392839570940929 51.96566957027835798, 6.62872085131148747 51.96728146745500965, 6.60427601887292592 51.9702761635142565, 6.59843313684548161 51.97114320259144193, 6.59254114773825961 51.97084142299615905, 6.59174320881406928 51.97212538496612666, 6.58821997669185411 51.98207451785938815, 6.58748602128695104 51.98825168880890146, 6.58743925136099229 51.98879180107267928, 6.5878461453309578 51.99243897309734308, 6.59119140110107793 51.99820206944906431, 6.59119140110107793 51.99820206944906431),(6.608050434865401 51.98893612462363478, 6.60620333701720508 51.98688359698542882, 6.61109137804433011 51.98512769345116169, 6.61498884279606969 51.9848432265942364, 6.61503433163992405 51.98794678119865154, 6.61043413585720518 51.98818788734928376, 6.608050434865401 51.98893612462363478, 6.608050434865401 51.98893612462363478)))</t>
  </si>
  <si>
    <t>MultiPolygon (((6.608050434865401 51.98893612462363478, 6.61043413585720518 51.98818788734928376, 6.61503433163992405 51.98794678119865154, 6.61498884279606969 51.9848432265942364, 6.61109137804433011 51.98512769345116169, 6.60620333701720508 51.98688359698542882, 6.608050434865401 51.98893612462363478, 6.608050434865401 51.98893612462363478)))</t>
  </si>
  <si>
    <t>MultiPolygon (((6.53912048815872371 52.02522371880466068, 6.57152251208228044 52.03099388953244642, 6.58688792144885493 52.03799018949862898, 6.58932844959153119 52.03649199262049052, 6.58954556496271149 52.03353726139599189, 6.59157399804017174 52.03135863359863578, 6.60143041721258061 52.03168655335952764, 6.60553307026678826 52.02949944075768229, 6.61533737418354306 52.02741041677649747, 6.61631611096254346 52.01899494192067408, 6.61711718658241033 52.01845319340608853, 6.62344020735236416 52.01893683421909031, 6.62224173364060587 52.01495807811490124, 6.62927490087236659 52.0077418949945951, 6.65091790968079444 52.00856678163360414, 6.65062613111615963 52.00920051281143941, 6.65178389164762596 52.00963867650678907, 6.65512739818349086 52.00781480636155862, 6.65258504246248972 52.00269176747190158, 6.65446477754719901 52.00291049915101382, 6.65336199319566379 51.99993118571981654, 6.64614138485855754 51.99885494181283008, 6.64581888300520518 51.99949299264589797, 6.63764317476225774 51.9977308398722613, 6.61192591896924853 52.00654484760216434, 6.61074066154399009 52.00161065483312939, 6.60929184516192336 52.0003346557221704, 6.59119140110107793 51.99820206944906431, 6.59270379457615086 52.0016819229547238, 6.59186056089364225 52.00305235521290115, 6.58288243639279891 51.99949147762616519, 6.57676934620314668 51.99783148739946625, 6.57597981971734047 51.99960840239577209, 6.56628547430554033 52.01052197490410833, 6.55299828948834051 52.01541616047428818, 6.54941603334639399 52.01593385257957181, 6.54640354679298575 52.0194016949964535, 6.53912048815872371 52.02522371880466068, 6.53912048815872371 52.02522371880466068),(6.59626369560034753 52.01401259844219283, 6.59058958911050574 52.01382279281342846, 6.58839977951772759 52.01279483013808402, 6.58827645321484212 52.01152056956448178, 6.59233775198594874 52.01086488853214718, 6.59006915856281683 52.00759013053906443, 6.59055742447764104 52.00731536358905771, 6.59479863348217155 52.00654017428649212, 6.59864556996441198 52.00775662484421957, 6.59764919184252019 52.0130102205007816, 6.59626369560034753 52.01401259844219283, 6.59626369560034753 52.01401259844219283)))</t>
  </si>
  <si>
    <t>MultiPolygon (((6.59626369560034753 52.01401259844219283, 6.59764919184252019 52.0130102205007816, 6.59864556996441198 52.00775662484421957, 6.59479863348217155 52.00654017428649212, 6.59055742447764104 52.00731536358905771, 6.59006915856281683 52.00759013053906443, 6.59233775198594874 52.01086488853214718, 6.58827645321484212 52.01152056956448178, 6.58839977951772759 52.01279483013808402, 6.59058958911050574 52.01382279281342846, 6.59626369560034753 52.01401259844219283, 6.59626369560034753 52.01401259844219283)))</t>
  </si>
  <si>
    <t>MultiPolygon (((6.48596738981275411 52.03338564300123892, 6.48667042342234001 52.03393336669308411, 6.48790921894863981 52.03230676707710245, 6.49016866319028995 52.03395901848743677, 6.49064408054378372 52.03561444175367967, 6.49161922650702117 52.03635930606716897, 6.49280766274458632 52.03588861398137766, 6.49429725055446294 52.03785131048712032, 6.49959578105881075 52.03582035494346769, 6.50870690638212324 52.04426627041159037, 6.51482832095473263 52.04049363203795053, 6.51728772760812713 52.04241448918306645, 6.52262768068379994 52.03815601499939447, 6.53912048815872371 52.02522371880466068, 6.54640354679298575 52.0194016949964535, 6.54941603334639399 52.01593385257957181, 6.55599638129333684 52.00621650976274424, 6.55217102654538497 52.00661729725920424, 6.5438203280740721 51.9996892289828665, 6.54222074913533991 51.98953566794734371, 6.54032283372930934 51.98958399763003513, 6.52853655777049813 51.98998099475475243, 6.52540509063306651 51.99203772461633832, 6.52133412501593668 51.99043811299528528, 6.51961813950057767 51.99079872351283882, 6.51212467823131735 51.99733754132543595, 6.50861442221977171 51.99799662882541185, 6.49887348445841795 51.99787714087799628, 6.49658892012303113 51.99605654352930628, 6.49285554032909129 51.99784269577610019, 6.49084749912152681 51.99879853616215541, 6.49299080001955264 52.00045896955884217, 6.48984100533017827 52.00457653489735321, 6.4910574676468018 52.00787861085120767, 6.49691980136871017 52.01154866847971903, 6.49952741632584985 52.01573159518531497, 6.49722919426692958 52.02002382959059901, 6.49374351911649583 52.02311173519545662, 6.48596738981275411 52.03338564300123892),(6.51512613111570094 52.01034843914350603, 6.51405562904025537 52.01079941227300907, 6.51230141636769577 52.00935523349028244, 6.5126558405164543 52.00751697078890601, 6.51549569469994339 52.00882740840731344, 6.51869459023360154 52.00601808628112366, 6.51613888753386306 52.00380792463702306, 6.51177104172456822 52.00342135832513435, 6.51157990134434783 52.00292792947006149, 6.51699014689393774 52.0013136925145929, 6.51706118442217086 51.99974219105482121, 6.52058315035039726 51.99965316630716217, 6.52217817640908404 52.00081526195595671, 6.52287365022392418 52.00766952864399428, 6.52138804911323433 52.00875780486675382, 6.5172722924612172 52.00832108493244732, 6.51504203856281094 52.00962576901660128, 6.51512613111570094 52.01034843914350603)))</t>
  </si>
  <si>
    <t>MultiPolygon (((6.51512613111570094 52.01034843914350603, 6.51504203856281094 52.00962576901660128, 6.5172722924612172 52.00832108493244732, 6.52138804911323433 52.00875780486675382, 6.52287365022392418 52.00766952864399428, 6.52217817640908404 52.00081526195595671, 6.52058315035039726 51.99965316630716217, 6.51706118442217086 51.99974219105482121, 6.51699014689393774 52.0013136925145929, 6.51157990134434783 52.00292792947006149, 6.51177104172456822 52.00342135832513435, 6.51613888753386306 52.00380792463702306, 6.51869459023360154 52.00601808628112366, 6.51549569469994339 52.00882740840731344, 6.5126558405164543 52.00751697078890601, 6.51230141636769577 52.00935523349028244, 6.51405562904025537 52.01079941227300907, 6.51512613111570094 52.01034843914350603, 6.51512613111570094 52.01034843914350603)))</t>
  </si>
  <si>
    <t>MultiPolygon (((6.49285554032909129 51.99784269577610019, 6.49658892012303113 51.99605654352930628, 6.49887348445841795 51.99787714087799628, 6.50861442221977171 51.99799662882541185, 6.51212467823131735 51.99733754132543595, 6.51961813950057767 51.99079872351283882, 6.52133412501593668 51.99043811299528528, 6.52540509063306651 51.99203772461633832, 6.52853655777049813 51.98998099475475243, 6.54032283372930934 51.98958399763003513, 6.5400243117989163 51.98576327046097134, 6.54377132638100623 51.98512755312572864, 6.54151354329451351 51.97932640221851841, 6.54738532968742781 51.97276676510939097, 6.52726941431148866 51.96602355563645403, 6.52464075648134223 51.96780087154826333, 6.50596673361054645 51.96913961775460677, 6.49479797119842139 51.97059108929647664, 6.48356604850106777 51.97428487648121376, 6.48296337569606873 51.9736865838027029, 6.48146985801746478 51.97388588678740717, 6.47319814614312428 51.97604014805396133, 6.46785048554855102 51.97821890933040834, 6.46692680891912364 51.97862178875401185, 6.46873271200740962 51.98109809590268071, 6.47577276093887377 51.98813623172114973, 6.47877257766576786 51.98981657864410977, 6.48269833038155596 51.98919460083048705, 6.48440269272434922 51.99364077391287253, 6.49132644996324082 51.99515560043369788, 6.49285554032909129 51.99784269577610019, 6.49285554032909129 51.99784269577610019),(6.51681043772118151 51.98205200094645306, 6.51447678669353802 51.98077902428028096, 6.51156747002755942 51.98033686097743811, 6.51063681721527221 51.98153999571714223, 6.50799877304551533 51.980776737208501, 6.51049628193599172 51.97749446185105171, 6.51619313361665231 51.97441471982285321, 6.51985433783512658 51.97623866933391668, 6.51850062715415479 51.98107009235998532, 6.51681043772118151 51.98205200094645306, 6.51681043772118151 51.98205200094645306)))</t>
  </si>
  <si>
    <t>MultiPolygon (((6.51681043772118151 51.98205200094645306, 6.51850062715415479 51.98107009235998532, 6.51985433783512658 51.97623866933391668, 6.51619313361665231 51.97441471982285321, 6.51049628193599172 51.97749446185105171, 6.50799877304551533 51.980776737208501, 6.51063681721527221 51.98153999571714223, 6.51156747002755942 51.98033686097743811, 6.51447678669353802 51.98077902428028096, 6.51681043772118151 51.98205200094645306, 6.51681043772118151 51.98205200094645306)))</t>
  </si>
  <si>
    <t>MultiPolygon (((6.54941603334639399 52.01593385257957181, 6.55299828948834051 52.01541616047428818, 6.56628547430554033 52.01052197490410833, 6.57597981971734047 51.99960840239577209, 6.57676934620314668 51.99783148739946625, 6.57682704921148531 51.99741750020084652, 6.57156735753392507 51.9958920710248762, 6.55933456187183062 51.99203466254917316, 6.5537765702797337 51.98983234407315024, 6.55094374898493026 51.98752309927686355, 6.54492884148016252 51.98145235473139536, 6.54506097446604329 51.98069791508397941, 6.54512501682151626 51.9796079680099794, 6.54399294331333614 51.97916736348478395, 6.54619000701008602 51.97608937332826429, 6.54737457992118799 51.9741514987237494, 6.55236650952968347 51.9739248479859981, 6.55687112134380801 51.97754617072143901, 6.5589400774971125 51.97920382395749783, 6.56471871364933968 51.97948972061778505, 6.56526348168753948 51.9807555572704203, 6.57453246237881483 51.98166642362235734, 6.57488325011430153 51.98039194456011813, 6.58426629572778843 51.98156129310865481, 6.58821997669185411 51.98207451785938815, 6.59174320881406928 51.97212538496612666, 6.5894415802724442 51.97170941322686133, 6.57510420080701152 51.97322456272107871, 6.5696836207952316 51.97215794990018622, 6.55935236067802929 51.97436406328067449, 6.5545282644860805 51.97375766433591338, 6.54738532968742781 51.97276676510939097, 6.54151354329451351 51.97932640221851841, 6.54377132638100623 51.98512755312572864, 6.5400243117989163 51.98576327046097134, 6.54032283372930934 51.98958399763003513, 6.54222074913533991 51.98953566794734371, 6.5438203280740721 51.9996892289828665, 6.55217102654538497 52.00661729725920424, 6.55599638129333684 52.00621650976274424, 6.54941603334639399 52.01593385257957181, 6.54941603334639399 52.01593385257957181)))</t>
  </si>
  <si>
    <t>MultiPolygon (((6.58748602128695104 51.98825168880890146, 6.58821997669185411 51.98207451785938815, 6.58426629572778843 51.98156129310865481, 6.58253930690899747 51.98321619165100316, 6.58362955864271715 51.98691372272114819, 6.58748602128695104 51.98825168880890146, 6.58748602128695104 51.98825168880890146)))</t>
  </si>
  <si>
    <t>MultiPolygon (((6.57943264585350107 51.99226778795756587, 6.5878461453309578 51.99243897309734308, 6.58743925136099229 51.98879180107267928, 6.58239873179713619 51.98750411281714179, 6.57430332419325936 51.98734547445904042, 6.5740692540479122 51.98831842834072603, 6.57943264585350107 51.99226778795756587, 6.57943264585350107 51.99226778795756587)))</t>
  </si>
  <si>
    <t>MultiPolygon (((6.58288243639279891 51.99949147762616519, 6.59186056089364225 52.00305235521290115, 6.59270379457615086 52.0016819229547238, 6.59119140110107793 51.99820206944906431, 6.5878461453309578 51.99243897309734308, 6.57943264585350107 51.99226778795756587, 6.58384405464513822 51.99664092168280405, 6.58288243639279891 51.99949147762616519, 6.58288243639279891 51.99949147762616519)))</t>
  </si>
  <si>
    <t>MultiPolygon (((6.57676934620314668 51.99783148739946625, 6.58288243639279891 51.99949147762616519, 6.58384405464513822 51.99664092168280405, 6.57943264585350107 51.99226778795756587, 6.57682704921148531 51.99741750020084652, 6.57676934620314668 51.99783148739946625, 6.57676934620314668 51.99783148739946625)))</t>
  </si>
  <si>
    <t>MultiPolygon (((6.55261440318271404 51.98203676213663016, 6.55351633157158453 51.98148963243258436, 6.55360578386019377 51.97970539812247637, 6.55687112134380801 51.97754617072143901, 6.55236650952968347 51.9739248479859981, 6.54737457992118799 51.9741514987237494, 6.54619000701008602 51.97608937332826429, 6.55129161285067863 51.97839679111706346, 6.54935648177227936 51.97995981068493165, 6.55261440318271404 51.98203676213663016, 6.55261440318271404 51.98203676213663016)))</t>
  </si>
  <si>
    <t>MultiPolygon (((6.55188983364402855 51.98247629232525924, 6.55261440318271404 51.98203676213663016, 6.54935648177227936 51.97995981068493165, 6.55129161285067863 51.97839679111706346, 6.54619000701008602 51.97608937332826429, 6.54399294331333614 51.97916736348478395, 6.54512501682151626 51.9796079680099794, 6.54506097446604329 51.98069791508397941, 6.54653306855052985 51.97995948365934282, 6.55188983364402855 51.98247629232525924, 6.55188983364402855 51.98247629232525924)))</t>
  </si>
  <si>
    <t>MultiPolygon (((6.55549919612416954 51.98417045843532946, 6.55765505926127901 51.98518706618157381, 6.56258615913929777 51.98215109864922567, 6.56433608282636882 51.98224190567484726, 6.56471871364933968 51.97948972061778505, 6.5589400774971125 51.97920382395749783, 6.55687112134380801 51.97754617072143901, 6.55360578386019377 51.97970539812247637, 6.55351633157158453 51.98148963243258436, 6.55261440318271404 51.98203676213663016, 6.55188983364402855 51.98247629232525924, 6.55549919612416954 51.98417045843532946, 6.55549919612416954 51.98417045843532946)))</t>
  </si>
  <si>
    <t>MultiPolygon (((6.56359649054649008 51.98804746302928947, 6.56565531171578964 51.98593261804530385, 6.56433608282636882 51.98224190567484726, 6.56258615913929777 51.98215109864922567, 6.55765505926127901 51.98518706618157381, 6.56006136719930666 51.98632167022375938, 6.55985430211558196 51.98712416135749237, 6.5620761791342721 51.98828074020521939, 6.56359649054649008 51.98804746302928947, 6.56359649054649008 51.98804746302928947)))</t>
  </si>
  <si>
    <t>MultiPolygon (((6.56565531171578964 51.98593261804530385, 6.56755541501075069 51.98459859118895565, 6.5707139554234093 51.98421630768523016, 6.57273569834699778 51.98562162003867115, 6.57453246237881483 51.98166642362235734, 6.56526348168753948 51.9807555572704203, 6.56471871364933968 51.97948972061778505, 6.56433608282636882 51.98224190567484726, 6.56565531171578964 51.98593261804530385, 6.56565531171578964 51.98593261804530385)))</t>
  </si>
  <si>
    <t>MultiPolygon (((6.58743925136099229 51.98879180107267928, 6.58748602128695104 51.98825168880890146, 6.58362955864271715 51.98691372272114819, 6.58253930690899747 51.98321619165100316, 6.58426629572778843 51.98156129310865481, 6.57488325011430153 51.98039194456011813, 6.57453246237881483 51.98166642362235734, 6.57273569834699778 51.98562162003867115, 6.57430332419325936 51.98734547445904042, 6.58239873179713619 51.98750411281714179, 6.58743925136099229 51.98879180107267928, 6.58743925136099229 51.98879180107267928)))</t>
  </si>
  <si>
    <t>MultiPolygon (((6.56380195759509899 51.98880443864344869, 6.56671495044225662 51.99024667013657108, 6.5740692540479122 51.98831842834072603, 6.57430332419325936 51.98734547445904042, 6.57273569834699778 51.98562162003867115, 6.5707139554234093 51.98421630768523016, 6.56755541501075069 51.98459859118895565, 6.56565531171578964 51.98593261804530385, 6.56359649054649008 51.98804746302928947, 6.56380195759509899 51.98880443864344869, 6.56380195759509899 51.98880443864344869)))</t>
  </si>
  <si>
    <t>MultiPolygon (((6.57156735753392507 51.9958920710248762, 6.57682704921148531 51.99741750020084652, 6.57943264585350107 51.99226778795756587, 6.5740692540479122 51.98831842834072603, 6.56671495044225662 51.99024667013657108, 6.56866725777817972 51.9919414306861114, 6.57109171601240583 51.99269144527465158, 6.57156735753392507 51.9958920710248762, 6.57156735753392507 51.9958920710248762)))</t>
  </si>
  <si>
    <t>MultiPolygon (((6.55933456187183062 51.99203466254917316, 6.57156735753392507 51.9958920710248762, 6.57109171601240583 51.99269144527465158, 6.56866725777817972 51.9919414306861114, 6.56671495044225662 51.99024667013657108, 6.56380195759509899 51.98880443864344869, 6.56071740988312158 51.99180226302894425, 6.55933456187183062 51.99203466254917316, 6.55933456187183062 51.99203466254917316)))</t>
  </si>
  <si>
    <t>MultiPolygon (((6.55933456187183062 51.99203466254917316, 6.56071740988312158 51.99180226302894425, 6.56380195759509899 51.98880443864344869, 6.56359649054649008 51.98804746302928947, 6.5620761791342721 51.98828074020521939, 6.55985430211558196 51.98712416135749237, 6.56006136719930666 51.98632167022375938, 6.55765505926127901 51.98518706618157381, 6.55549919612416954 51.98417045843532946, 6.55094374898493026 51.98752309927686355, 6.5537765702797337 51.98983234407315024, 6.55933456187183062 51.99203466254917316, 6.55933456187183062 51.99203466254917316)))</t>
  </si>
  <si>
    <t>MultiPolygon (((6.55094374898493026 51.98752309927686355, 6.55549919612416954 51.98417045843532946, 6.55188983364402855 51.98247629232525924, 6.54653306855052985 51.97995948365934282, 6.54506097446604329 51.98069791508397941, 6.54492884148016252 51.98145235473139536, 6.55094374898493026 51.98752309927686355, 6.55094374898493026 51.98752309927686355)))</t>
  </si>
  <si>
    <t>MultiPolygon (((6.40221992268571771 51.93045285351069396, 6.42779346080686143 51.93583993040257951, 6.43063712385990982 51.93624000417049302, 6.4391130518807751 51.93478549663455368, 6.44858252110447605 51.93649532888949949, 6.46078141815592843 51.93147854646797867, 6.46195201703373812 51.92813913672492987, 6.47398651216942067 51.92813351434071478, 6.47996015503070222 51.92941494218611354, 6.48783246543571401 51.92990244140564471, 6.4894288029966436 51.92971107131670294, 6.49451894944793917 51.92712083437698567, 6.49235902228616801 51.92593000629388911, 6.49323361261274812 51.92021742211264268, 6.49257656908682801 51.91740971459075382, 6.49065927623746042 51.91717104769312385, 6.49117476568165497 51.91564133342975396, 6.4871125555982605 51.91408589505701343, 6.48866861902813863 51.91273170786121227, 6.48271010096708711 51.91025987472899317, 6.47235182293650624 51.9073533130867375, 6.47006836432613941 51.90897839868627983, 6.46689250578046337 51.90733388645750068, 6.46551782083034166 51.90493522590271169, 6.46329794691269743 51.90401920561089355, 6.46412717354778632 51.90587525025859605, 6.46301328048222068 51.90669614761048933, 6.4566750383383873 51.9046685857645258, 6.46076629529341329 51.9032298443569502, 6.46039266381632249 51.90131152203735354, 6.44526853469316485 51.89801989795431325, 6.43367552528600672 51.8932652415262865, 6.42830847421039309 51.89221943691221384, 6.42706654952351908 51.89080553950967101, 6.41630182032052776 51.89907603593145069, 6.4235058331023982 51.90185038448279897, 6.42579485873753065 51.90387065003571365, 6.42165939999588709 51.90546840053222866, 6.42433494389751125 51.90931565477156084, 6.42292119210514034 51.91664059175520407, 6.40221992268571771 51.93045285351069396, 6.40221992268571771 51.93045285351069396)))</t>
  </si>
  <si>
    <t>MultiPolygon (((6.43087908460449231 51.9637364579176122, 6.44354849154567511 51.96130418956960284, 6.45853385215784481 51.95623538708287725, 6.46653173472614995 51.95474563912365795, 6.48400421665431459 51.94675738287274669, 6.50345355938453551 51.94402280985546128, 6.50296602410550673 51.94128457831947543, 6.50097911433589726 51.9395042828080733, 6.50312750632040082 51.93931313215576751, 6.49557993288917856 51.93028759819829077, 6.49708941155620412 51.92959958359226391, 6.49451894944793917 51.92712083437698567, 6.4894288029966436 51.92971107131670294, 6.48783246543571401 51.92990244140564471, 6.47996015503070222 51.92941494218611354, 6.47398651216942067 51.92813351434071478, 6.46195201703373812 51.92813913672492987, 6.46078141815592843 51.93147854646797867, 6.44858252110447605 51.93649532888949949, 6.4391130518807751 51.93478549663455368, 6.43063712385990982 51.93624000417049302, 6.42779346080686143 51.93583993040257951, 6.43294310099447042 51.94434264037840165, 6.43116077688309407 51.94525652788524184, 6.43170513823539736 51.9471438477548233, 6.43318419652723872 51.94832087625722039, 6.43368728996935335 51.95567630917790325, 6.43103570098006294 51.95626814572759855, 6.43087908460449231 51.9637364579176122, 6.43087908460449231 51.9637364579176122),(6.46013332688045683 51.94670802514207963, 6.45890043418912452 51.95124321280511026, 6.44319031939107845 51.94843169861748322, 6.44332567932925127 51.94645658096857233, 6.44905807670619513 51.94596813302154459, 6.44674180929799423 51.9440949075197409, 6.4535020400866836 51.93636456069934582, 6.46354382252744131 51.93801406564542589, 6.47718874170080294 51.93579883127527097, 6.48194483835156721 51.93933060367272958, 6.48272793083563492 51.94285620022204597, 6.48028645459416808 51.94279276178195914, 6.47960887913332151 51.94073102833569777, 6.47820977821133148 51.94052860299248664, 6.47001054962962296 51.94859950864187681, 6.46296158653732977 51.94618694284237392, 6.46013332688045683 51.94670802514207963, 6.46013332688045683 51.94670802514207963)))</t>
  </si>
  <si>
    <t>MultiPolygon (((6.41608186559837357 51.97262191748109927, 6.42558782073545309 51.97259401179969274, 6.42692266771914777 51.97199695481072723, 6.43012342166702222 51.97182841250479157, 6.43480178534299707 51.97207539609075866, 6.43488748863954108 51.97097286192173726, 6.43704083162851415 51.97072436061813505, 6.437505354153644 51.97157480847602784, 6.43906139359702134 51.97155513824260709, 6.43935081512960394 51.972100742504864, 6.44129250597569936 51.97172976837332925, 6.4413363402728363 51.97085706201497857, 6.44750182689172124 51.96970831629542431, 6.45179053397004676 51.97179712178152045, 6.45309771429112278 51.97167183201993623, 6.46019426736712266 51.97355716656356606, 6.46151854572889128 51.97514779970877896, 6.46312910478989 51.9753050685496234, 6.46259472235778354 51.97621534195772597, 6.46671003127186594 51.97705641677276134, 6.46785048554855102 51.97821890933040834, 6.47319814614312428 51.97604014805396133, 6.48146985801746478 51.97388588678740717, 6.48296337569606873 51.9736865838027029, 6.48356604850106777 51.97428487648121376, 6.49479797119842139 51.97059108929647664, 6.50596673361054645 51.96913961775460677, 6.52464075648134223 51.96780087154826333, 6.52726941431148866 51.96602355563645403, 6.53282898200684237 51.96235348008142552, 6.51983224018889551 51.95556266249585065, 6.51861382011924029 51.95346769852886126, 6.51864176175211796 51.95117125789603563, 6.51718602329150176 51.94800762330215349, 6.5047805588803751 51.94598432311394731, 6.50345355938453551 51.94402280985546128, 6.48400421665431459 51.94675738287274669, 6.46653173472614995 51.95474563912365795, 6.45853385215784481 51.95623538708287725, 6.44354849154567511 51.96130418956960284, 6.43087908460449231 51.9637364579176122, 6.41560440136542987 51.96645533638918124, 6.41235216936701669 51.96511912047864712, 6.40997375716605777 51.96588678005610973, 6.41608186559837357 51.97262191748109927, 6.41608186559837357 51.97262191748109927),(6.464303335579344 51.97543067259917393, 6.46248862647368583 51.97410793845049426, 6.46410829677015908 51.96996891037212407, 6.46638271578007284 51.96935479289469839, 6.46719269938808594 51.97005410612602105, 6.46614082154923331 51.97376268525802345, 6.464303335579344 51.97543067259917393, 6.464303335579344 51.97543067259917393)))</t>
  </si>
  <si>
    <t>MultiPolygon (((6.40997375716605777 51.96588678005610973, 6.41235216936701669 51.96511912047864712, 6.41560440136542987 51.96645533638918124, 6.43087908460449231 51.9637364579176122, 6.43103570098006294 51.95626814572759855, 6.43368728996935335 51.95567630917790325, 6.43318419652723872 51.94832087625722039, 6.43170513823539736 51.9471438477548233, 6.43116077688309407 51.94525652788524184, 6.43294310099447042 51.94434264037840165, 6.42779346080686143 51.93583993040257951, 6.40221992268571771 51.93045285351069396, 6.40107393597785101 51.93553413774349536, 6.38439725607343878 51.9411346071977249, 6.38823064875521229 51.94497718615876636, 6.39629131134134798 51.95252567054349413, 6.40438701110962594 51.95873695041287732, 6.40997375716605777 51.96588678005610973, 6.40997375716605777 51.96588678005610973),(6.41684838427317228 51.95261429404509812, 6.41538692886077122 51.95258017438251841, 6.41204936677173265 51.95109582331235742, 6.40813417706860289 51.95088719153666545, 6.40762215438119132 51.94967084182934514, 6.40886832780134963 51.94831000837725554, 6.41540287773413009 51.94825556128368049, 6.4194000698125846 51.95097111652730604, 6.41684838427317228 51.95261429404509812, 6.41684838427317228 51.95261429404509812)))</t>
  </si>
  <si>
    <t>MultiPolygon (((6.464303335579344 51.97543067259917393, 6.46614082154923331 51.97376268525802345, 6.46719269938808594 51.97005410612602105, 6.46638271578007284 51.96935479289469839, 6.46410829677015908 51.96996891037212407, 6.46248862647368583 51.97410793845049426, 6.464303335579344 51.97543067259917393, 6.464303335579344 51.97543067259917393)))</t>
  </si>
  <si>
    <t>MultiPolygon (((6.46329794691269743 51.90401920561089355, 6.46114058693411675 51.90380541308505968, 6.46076629529341329 51.9032298443569502, 6.4566750383383873 51.9046685857645258, 6.46301328048222068 51.90669614761048933, 6.46412717354778632 51.90587525025859605, 6.46329794691269743 51.90401920561089355, 6.46329794691269743 51.90401920561089355)))</t>
  </si>
  <si>
    <t>MultiPolygon (((6.41684838427317228 51.95261429404509812, 6.4194000698125846 51.95097111652730604, 6.41540287773413009 51.94825556128368049, 6.40886832780134963 51.94831000837725554, 6.40762215438119132 51.94967084182934514, 6.40813417706860289 51.95088719153666545, 6.41204936677173265 51.95109582331235742, 6.41538692886077122 51.95258017438251841, 6.41684838427317228 51.95261429404509812, 6.41684838427317228 51.95261429404509812)))</t>
  </si>
  <si>
    <t>MultiPolygon (((6.46013332688045683 51.94670802514207963, 6.46296158653732977 51.94618694284237392, 6.47001054962962296 51.94859950864187681, 6.47820977821133148 51.94052860299248664, 6.47960887913332151 51.94073102833569777, 6.48028645459416808 51.94279276178195914, 6.48272793083563492 51.94285620022204597, 6.48194483835156721 51.93933060367272958, 6.47718874170080294 51.93579883127527097, 6.46354382252744131 51.93801406564542589, 6.4535020400866836 51.93636456069934582, 6.44674180929799423 51.9440949075197409, 6.44905807670619513 51.94596813302154459, 6.44332567932925127 51.94645658096857233, 6.44319031939107845 51.94843169861748322, 6.45890043418912452 51.95124321280511026, 6.46013332688045683 51.94670802514207963, 6.46013332688045683 51.94670802514207963)))</t>
  </si>
  <si>
    <t>MultiPolygon (((6.37882435120251579 51.92096151967818685, 6.38534046589128756 51.92367041441839604, 6.38608559023284705 51.92703320995035199, 6.40221992268571771 51.93045285351069396, 6.42292119210514034 51.91664059175520407, 6.42433494389751125 51.90931565477156084, 6.42165939999588709 51.90546840053222866, 6.42579485873753065 51.90387065003571365, 6.4235058331023982 51.90185038448279897, 6.41630182032052776 51.89907603593145069, 6.42706654952351908 51.89080553950967101, 6.4184435024473192 51.88574096549093895, 6.41628936895410718 51.88374454747723519, 6.40899445669157419 51.88057988059186698, 6.40654761360297798 51.88105059207411074, 6.40450949847621587 51.88231997196351841, 6.397975223557399 51.89135237488564201, 6.3984717678928531 51.89262491083686513, 6.39763697252532726 51.89445852398809222, 6.39210781856649835 51.8960405314893336, 6.392162517037276 51.89250536615302423, 6.38893655076519096 51.89219285461783926, 6.38667535144735687 51.8947455672068898, 6.38657869578742066 51.89745614988708411, 6.38535580657834867 51.90054163801562481, 6.38306043233723486 51.902924292649395, 6.38297254963886473 51.90482485750636954, 6.38526046909647071 51.904231870069097, 6.38701977299199264 51.90293100323335551, 6.40066737021133036 51.90703679150200855, 6.39779347802388365 51.91020652990003015, 6.39504588353234915 51.91166385669065875, 6.37992798385133675 51.9162403657083189, 6.38207576497532258 51.91863570185124388, 6.37882435120251579 51.92096151967818685, 6.37882435120251579 51.92096151967818685)))</t>
  </si>
  <si>
    <t>MultiPolygon (((6.36169862337256209 51.91885057579541041, 6.36566279447190464 51.9165145269391104, 6.36755287301456097 51.91719989854307471, 6.37000960342900857 51.91361361966510657, 6.3775093248045911 51.91075624449830173, 6.36969850657818082 51.90934113261409522, 6.36093859250774063 51.90866439998887216, 6.35979408939332913 51.90879837609774228, 6.35960686418563359 51.9094494277266989, 6.35964365399300036 51.91077895998228797, 6.34941167025892206 51.91374142500205124, 6.34862475672723825 51.91480135496364312, 6.34995519174536849 51.91582991300962391, 6.35396808767033416 51.91682257451731886, 6.35328736214800482 51.91727508643284494, 6.35617301953005231 51.91829767666512652, 6.36169862337256209 51.91885057579541041, 6.36169862337256209 51.91885057579541041)),((6.31460763781694912 51.93650246133633885, 6.31998236595818508 51.93596829633523981, 6.32173525287776439 51.93518796344436339, 6.32686510878019703 51.92928529350411537, 6.33132955149388188 51.92603631342463189, 6.33342089570291122 51.92546839647886259, 6.33476967720985762 51.9238835509503005, 6.33447497032317397 51.92167361007413717, 6.32713889347527658 51.9264847051092957, 6.32416840392892254 51.92720394233172243, 6.32323962224101965 51.92625982913803995, 6.32456125005800907 51.92170543735443289, 6.32234024393031113 51.92069251932144169, 6.32091429884030642 51.92073032225524543, 6.31814551702247673 51.9233798863236018, 6.31367139551435397 51.92490637434180201, 6.30790324577493244 51.92458899730311828, 6.30453352649049847 51.92819560311228599, 6.30677888509412732 51.9338649761010771, 6.30419454173850102 51.93554283486854928, 6.3059496592298343 51.93704533926902656, 6.30576280388550447 51.93882101911977145, 6.30860415510074102 51.93976399716944314, 6.31460763781694912 51.93650246133633885, 6.31460763781694912 51.93650246133633885)),((6.37882435120251579 51.92096151967818685, 6.37160593625690552 51.92760671754061974, 6.37684709609757849 51.93005098986325407, 6.38131182431684163 51.93331587966464724, 6.38176700586236123 51.93457104730605067, 6.37996324400455883 51.93628148953729351, 6.38439725607343878 51.9411346071977249, 6.40107393597785101 51.93553413774349536, 6.40221992268571771 51.93045285351069396, 6.38608559023284705 51.92703320995035199, 6.38534046589128756 51.92367041441839604, 6.37882435120251579 51.92096151967818685, 6.37882435120251579 51.92096151967818685)))</t>
  </si>
  <si>
    <t>MultiPolygon (((6.39611808290241601 51.89169107220717336, 6.392162517037276 51.89250536615302423, 6.39210781856649835 51.8960405314893336, 6.39763697252532726 51.89445852398809222, 6.3984717678928531 51.89262491083686513, 6.397975223557399 51.89135237488564201, 6.39611808290241601 51.89169107220717336, 6.39611808290241601 51.89169107220717336)))</t>
  </si>
  <si>
    <t>MultiPolygon (((6.37654591078237498 51.91737451988771568, 6.37992798385133675 51.9162403657083189, 6.39504588353234915 51.91166385669065875, 6.39779347802388365 51.91020652990003015, 6.40066737021133036 51.90703679150200855, 6.38701977299199264 51.90293100323335551, 6.38526046909647071 51.904231870069097, 6.38297254963886473 51.90482485750636954, 6.38171156422744268 51.90768318284197136, 6.37875481462533411 51.91040303129611999, 6.3775093248045911 51.91075624449830173, 6.37000960342900857 51.91361361966510657, 6.37654591078237498 51.91737451988771568, 6.37654591078237498 51.91737451988771568)))</t>
  </si>
  <si>
    <t>MultiPolygon (((6.36255395871091878 51.92377118093930477, 6.37160593625690552 51.92760671754061974, 6.37882435120251579 51.92096151967818685, 6.38207576497532258 51.91863570185124388, 6.37992798385133675 51.9162403657083189, 6.37654591078237498 51.91737451988771568, 6.36255395871091878 51.92377118093930477, 6.36255395871091878 51.92377118093930477)))</t>
  </si>
  <si>
    <t>MultiPolygon (((6.33342089570291122 51.92546839647886259, 6.33684319421766595 51.92610510717430827, 6.33803911850711987 51.92489148831805323, 6.33893900826675605 51.92483320083441356, 6.34005149898977383 51.92568960057796801, 6.34858891935512215 51.92455915752127282, 6.34917180651079427 51.9237139170497386, 6.35558339329661148 51.92364074920403283, 6.35839626698964544 51.9228719126920879, 6.36084529933482568 51.92296657975476393, 6.36255395871091878 51.92377118093930477, 6.37654591078237498 51.91737451988771568, 6.37000960342900857 51.91361361966510657, 6.36755287301456097 51.91719989854307471, 6.36566279447190464 51.9165145269391104, 6.36169862337256209 51.91885057579541041, 6.35617301953005231 51.91829767666512652, 6.35328736214800482 51.91727508643284494, 6.35396808767033416 51.91682257451731886, 6.34995519174536849 51.91582991300962391, 6.34808150077267097 51.91803322809005294, 6.34013930649195601 51.9222134278898082, 6.33848437127499142 51.92201560132654237, 6.33476967720985762 51.9238835509503005, 6.33342089570291122 51.92546839647886259, 6.33342089570291122 51.92546839647886259)))</t>
  </si>
  <si>
    <t>MultiPolygon (((6.46329794691269743 51.90401920561089355, 6.46551782083034166 51.90493522590271169, 6.46689250578046337 51.90733388645750068, 6.47006836432613941 51.90897839868627983, 6.47235182293650624 51.9073533130867375, 6.47606439946600876 51.90197250804912699, 6.47999400459938624 51.89433633406081015, 6.47917018267115541 51.88924249350127837, 6.48060892482439588 51.88426264193766002, 6.4819009684041502 51.88341539163504024, 6.48420748498798538 51.87896844436585297, 6.4834995911056934 51.87741631639402584, 6.48097482048069562 51.87407435886252927, 6.47846787650324263 51.87230910566429998, 6.47797907990454469 51.87185195782486602, 6.47787264894639758 51.87175825363166837, 6.47531421847040178 51.87066062251637533, 6.47432509025802982 51.86945631439375859, 6.47183479907663806 51.86896255112124265, 6.47186709391455572 51.86607564896712574, 6.47128548535766601 51.86452598552052251, 6.46840211293551715 51.86417626951207893, 6.468127068120606 51.86034683320025351, 6.46438372510401482 51.8552872884941678, 6.45831486850461189 51.85868462995662043, 6.45108907657972086 51.86524599742340058, 6.44978909870842898 51.867141220288417, 6.43216233368582557 51.87454003659663471, 6.434062046771583 51.87767008977800742, 6.44350134519478068 51.88498430605300626, 6.43277393734285496 51.88710731346493787, 6.43317564159865363 51.88776891664993229, 6.42706654952351908 51.89080553950967101, 6.42830847421039309 51.89221943691221384, 6.43367552528600672 51.8932652415262865, 6.44526853469316485 51.89801989795431325, 6.46039266381632249 51.90131152203735354, 6.46076629529341329 51.9032298443569502, 6.46114058693411675 51.90380541308505968, 6.46329794691269743 51.90401920561089355, 6.46329794691269743 51.90401920561089355),(6.46823686692323641 51.8767455272001925, 6.46760197763940514 51.87716317883077721, 6.46616270216241684 51.87607076648698978, 6.47117735963480722 51.87159211738841691, 6.47381342098407053 51.87069480303069469, 6.47765278982957327 51.87245546530670026, 6.47794020666444315 51.87312429430220817, 6.47281669920243985 51.87418420748236514, 6.47215023474611062 51.8759478697948353, 6.46823686692323641 51.8767455272001925, 6.46823686692323641 51.8767455272001925)))</t>
  </si>
  <si>
    <t>MultiPolygon (((6.39611808290241601 51.89169107220717336, 6.397975223557399 51.89135237488564201, 6.40450949847621587 51.88231997196351841, 6.40654761360297798 51.88105059207411074, 6.40899445669157419 51.88057988059186698, 6.41628936895410718 51.88374454747723519, 6.4184435024473192 51.88574096549093895, 6.42706654952351908 51.89080553950967101, 6.43317564159865363 51.88776891664993229, 6.43277393734285496 51.88710731346493787, 6.44350134519478068 51.88498430605300626, 6.434062046771583 51.87767008977800742, 6.43216233368582557 51.87454003659663471, 6.44978909870842898 51.867141220288417, 6.45108907657972086 51.86524599742340058, 6.44847020255601322 51.86550555482041602, 6.44667261689622961 51.86500555407241109, 6.4436739747618903 51.86266711965628673, 6.4413772973243022 51.86185846122013743, 6.43873302128107738 51.86209969212647053, 6.43236275851516481 51.85938292753169065, 6.42943613434153871 51.86071453214216831, 6.42860562525641388 51.86508363270543498, 6.42736064815662544 51.86586176028175998, 6.42612544879669922 51.86625022464822621, 6.4243250832062424 51.86597329214399821, 6.42179406252797236 51.86698848027831588, 6.42021807226839059 51.86678120309617412, 6.41857439679208852 51.86724752845430686, 6.4151825715834887 51.86873049089106047, 6.4122533570637934 51.87109641510755154, 6.41017020774717317 51.86955456459535441, 6.40875176284656689 51.869463722218633, 6.40675401798881783 51.87076769198989723, 6.40431439380496759 51.87024218003420373, 6.4024749671300345 51.86913735351402721, 6.40131241742077517 51.86945035452696828, 6.40060447104909791 51.87043713114500321, 6.39912748853845148 51.8703005915630655, 6.39837193956291639 51.87097664929346763, 6.39674591224667921 51.87033388531900613, 6.39228424647862514 51.87403112494298085, 6.39056608922339997 51.87396806611105404, 6.39115439630244797 51.87294974544357018, 6.38839220338486058 51.86720088677414964, 6.38457391900875404 51.86995328171610709, 6.38448126834864116 51.8712700988331008, 6.38710699361019429 51.87605233189577802, 6.38905066931404964 51.87659756975885728, 6.39030573534236712 51.87830541882257052, 6.39005878934227489 51.87987075235353984, 6.38832270040576233 51.88082855760180223, 6.38762584168521119 51.88305643704861581, 6.38724517759346444 51.88566645562585933, 6.38808251627733092 51.88733125415781444, 6.39517466466773055 51.88921753289288574, 6.39681518325348719 51.89027311900790806, 6.39611808290241601 51.89169107220717336, 6.39611808290241601 51.89169107220717336)))</t>
  </si>
  <si>
    <t>MultiPolygon (((6.34378552633389159 51.88239701342966015, 6.34392754889523669 51.88245877826819452, 6.34444990481294635 51.88209244021987843, 6.35146028105432325 51.87771847160457384, 6.355755524372384 51.87383954106524442, 6.35129595703214189 51.87106806962345473, 6.34902999753806441 51.86859589842439533, 6.34770901225178008 51.86657242250298339, 6.34762489810197472 51.86439612046643788, 6.35071476348860919 51.86339185841097077, 6.35494534494044316 51.86047977861876035, 6.35016830440933688 51.85407488551012989, 6.34871459713738862 51.85009284508603855, 6.34517957837452684 51.85095746833658836, 6.33942213823415202 51.85073998332151746, 6.33314079165665422 51.85159132291349948, 6.32050366124787644 51.85168376954376868, 6.31776331887678388 51.85122338420618604, 6.31739023232072316 51.85890301947455328, 6.3083174671941169 51.85863635870676802, 6.30706407711998018 51.85455543107352838, 6.30828149558838192 51.84980998057967838, 6.30620300093982777 51.84907820061847872, 6.30375873932998942 51.8535736325067802, 6.30068346171692095 51.86203744786818959, 6.30050410082751 51.86450946261253847, 6.29822240293490054 51.86594334151215691, 6.29900631678628198 51.86782621680683292, 6.29916034505107536 51.86838858240109573, 6.30175200019201753 51.86874047806846022, 6.30958251198425302 51.86916952268921222, 6.31194476884926026 51.86920201447118473, 6.31221003237655154 51.86848747127444881, 6.32249264602545313 51.86867042970982311, 6.32457655060728463 51.86902982162190057, 6.32925094480806383 51.871233494380526, 6.3272264911041578 51.87245850226692312, 6.32720315321126314 51.87362111530308084, 6.33163291933599659 51.87482074950319344, 6.32653984211632547 51.8790292368679431, 6.32944275989101612 51.88033627051648722, 6.32690026692253404 51.88478183421175061, 6.33347121038658223 51.88542076855049601, 6.33901249226686048 51.88047454725531082, 6.34378552633389159 51.88239701342966015, 6.34378552633389159 51.88239701342966015)))</t>
  </si>
  <si>
    <t>MultiPolygon (((6.35614000164037041 51.87746786716049741, 6.36700644873532706 51.87614088379863375, 6.36826877431877048 51.87781491330402162, 6.37241230212970144 51.87775578235933693, 6.37308111474318117 51.87658648164191533, 6.3686783769498545 51.87639012433009356, 6.36783124699192182 51.87061117791715503, 6.37339153619985499 51.86835951818489576, 6.37830608776477614 51.86767458593529767, 6.3819775310352771 51.86797808848174896, 6.38696723412044243 51.86495537616752216, 6.38803447702573379 51.86189912183292705, 6.39138796950828336 51.86139806207461334, 6.39200057699178803 51.86033637081762748, 6.39550274785376072 51.85906228017319819, 6.37424020619124843 51.85111449364928404, 6.36064054866961026 51.84906708677691256, 6.35774703433150634 51.8474844078221011, 6.34871459713738862 51.85009284508603855, 6.35016830440933688 51.85407488551012989, 6.35494534494044316 51.86047977861876035, 6.35071476348860919 51.86339185841097077, 6.34762489810197472 51.86439612046643788, 6.34770901225178008 51.86657242250298339, 6.34902999753806441 51.86859589842439533, 6.35787687977617022 51.86844499636980999, 6.36099383624652415 51.8709017978671838, 6.3611137340714432 51.87261486710430347, 6.35614000164037041 51.87746786716049741, 6.35614000164037041 51.87746786716049741)))</t>
  </si>
  <si>
    <t>MultiPolygon (((6.35774703433150634 51.8474844078221011, 6.36064054866961026 51.84906708677691256, 6.37424020619124843 51.85111449364928404, 6.39550274785376072 51.85906228017319819, 6.40043265670069239 51.85583293525873927, 6.40771036911643055 51.85436449437958117, 6.40895320840730331 51.85334615653383139, 6.40905546005401217 51.85248570752853681, 6.40503340750216132 51.84890889720365692, 6.40518545335187461 51.84738689166835002, 6.40237740102867203 51.84454099019672668, 6.40243716531958107 51.8432229183298503, 6.40666533797637072 51.83855041824426735, 6.40808920578138075 51.83588069624943273, 6.40295357352700822 51.836544332907593, 6.40749114221222626 51.82808947115938736, 6.4018183596781677 51.82726265344455641, 6.40021432880456143 51.82853302657021288, 6.39268288238047244 51.83113283774495983, 6.39227820555196757 51.83195151433643844, 6.38954374172873951 51.8332951454384343, 6.3822242331096275 51.83478177457262603, 6.37370473994015896 51.834759431881956, 6.36872291817478331 51.83325738894787094, 6.36333056149938603 51.835155875580611, 6.36284911807463782 51.83582355768240291, 6.36406121098648381 51.83844058113069053, 6.36251630747037922 51.84277255455817368, 6.36025749857754708 51.84579907086521899, 6.35774703433150634 51.8474844078221011, 6.35774703433150634 51.8474844078221011),(6.39430243702984757 51.84001970017281025, 6.39055288688129597 51.84223809576013053, 6.38917870384210751 51.84166358996225199, 6.38917326982344758 51.835417448851139, 6.39702098139081166 51.83500297818306279, 6.39799764562056072 51.83804294672214041, 6.39430243702984757 51.84001970017281025, 6.39430243702984757 51.84001970017281025)))</t>
  </si>
  <si>
    <t>MultiPolygon (((6.46823686692323641 51.8767455272001925, 6.47215023474611062 51.8759478697948353, 6.47281669920243985 51.87418420748236514, 6.47794020666444315 51.87312429430220817, 6.47765278982957327 51.87245546530670026, 6.47381342098407053 51.87069480303069469, 6.47117735963480722 51.87159211738841691, 6.46616270216241684 51.87607076648698978, 6.46760197763940514 51.87716317883077721, 6.46823686692323641 51.8767455272001925, 6.46823686692323641 51.8767455272001925)))</t>
  </si>
  <si>
    <t>MultiPolygon (((6.35146028105432325 51.87771847160457384, 6.35604830615951588 51.87947931714322181, 6.35675067138371563 51.87851087027957675, 6.35614000164037041 51.87746786716049741, 6.3611137340714432 51.87261486710430347, 6.36099383624652415 51.8709017978671838, 6.35787687977617022 51.86844499636980999, 6.34902999753806441 51.86859589842439533, 6.35129595703214189 51.87106806962345473, 6.355755524372384 51.87383954106524442, 6.35146028105432325 51.87771847160457384, 6.35146028105432325 51.87771847160457384)))</t>
  </si>
  <si>
    <t>MultiPolygon (((6.31776331887678388 51.85122338420618604, 6.31250871579187933 51.85027708059281792, 6.30828149558838192 51.84980998057967838, 6.30706407711998018 51.85455543107352838, 6.3083174671941169 51.85863635870676802, 6.31739023232072316 51.85890301947455328, 6.31776331887678388 51.85122338420618604, 6.31776331887678388 51.85122338420618604)))</t>
  </si>
  <si>
    <t>MultiPolygon (((6.39430243702984757 51.84001970017281025, 6.39799764562056072 51.83804294672214041, 6.39702098139081166 51.83500297818306279, 6.38917326982344758 51.835417448851139, 6.38917870384210751 51.84166358996225199, 6.39055288688129597 51.84223809576013053, 6.39430243702984757 51.84001970017281025, 6.39430243702984757 51.84001970017281025)))</t>
  </si>
  <si>
    <t>MultiPolygon (((6.37308111474318117 51.87658648164191533, 6.37964129317564321 51.87754297170877038, 6.38248773385495483 51.87939262996958689, 6.38508991461429076 51.87975321535196827, 6.38673754103671598 51.87949795285213384, 6.38570883684426782 51.87633787611757441, 6.38710699361019429 51.87605233189577802, 6.38448126834864116 51.8712700988331008, 6.38457391900875404 51.86995328171610709, 6.38839220338486058 51.86720088677414964, 6.38696723412044243 51.86495537616752216, 6.3819775310352771 51.86797808848174896, 6.37830608776477614 51.86767458593529767, 6.37339153619985499 51.86835951818489576, 6.36783124699192182 51.87061117791715503, 6.3686783769498545 51.87639012433009356, 6.37308111474318117 51.87658648164191533, 6.37308111474318117 51.87658648164191533)))</t>
  </si>
  <si>
    <t>MultiPolygon (((6.35960686418563359 51.9094494277266989, 6.35979408939332913 51.90879837609774228, 6.36093859250774063 51.90866439998887216, 6.36969850657818082 51.90934113261409522, 6.3775093248045911 51.91075624449830173, 6.37875481462533411 51.91040303129611999, 6.38171156422744268 51.90768318284197136, 6.38297254963886473 51.90482485750636954, 6.38306043233723486 51.902924292649395, 6.38535580657834867 51.90054163801562481, 6.38657869578742066 51.89745614988708411, 6.38667535144735687 51.8947455672068898, 6.38294481190265017 51.89730959478355743, 6.3745964379036284 51.90301692323886584, 6.36652809406077225 51.90582760659100359, 6.36345898491489947 51.90219699885804516, 6.36993840316970594 51.89952702171937915, 6.36895078359810718 51.89185831094047074, 6.36654685348025229 51.8910147143002618, 6.36570622991025648 51.88994699692513279, 6.36295674372696496 51.89197252056835197, 6.35672232039954732 51.89889246342005436, 6.35815268811161705 51.90732480978687846, 6.35960686418563359 51.9094494277266989, 6.35960686418563359 51.9094494277266989)))</t>
  </si>
  <si>
    <t>MultiPolygon (((6.3059496592298343 51.93704533926902656, 6.30419454173850102 51.93554283486854928, 6.30677888509412732 51.9338649761010771, 6.30453352649049847 51.92819560311228599, 6.30790324577493244 51.92458899730311828, 6.31367139551435397 51.92490637434180201, 6.31814551702247673 51.9233798863236018, 6.32091429884030642 51.92073032225524543, 6.32234024393031113 51.92069251932144169, 6.32456125005800907 51.92170543735443289, 6.32323962224101965 51.92625982913803995, 6.32416840392892254 51.92720394233172243, 6.32713889347527658 51.9264847051092957, 6.33447497032317397 51.92167361007413717, 6.33476967720985762 51.9238835509503005, 6.33848437127499142 51.92201560132654237, 6.34013930649195601 51.9222134278898082, 6.34808150077267097 51.91803322809005294, 6.34995519174536849 51.91582991300962391, 6.34862475672723825 51.91480135496364312, 6.34941167025892206 51.91374142500205124, 6.35964365399300036 51.91077895998228797, 6.35960686418563359 51.9094494277266989, 6.35815268811161705 51.90732480978687846, 6.35672232039954732 51.89889246342005436, 6.34684508681326864 51.89610895078460828, 6.32516033114835263 51.88777842741136226, 6.32432437203736697 51.88896143655048832, 6.33107026114311022 51.89207612277868975, 6.33227917101889037 51.89326778257613881, 6.32958657873651109 51.89477746115719015, 6.32261253971298576 51.89599032085286723, 6.31855398380743072 51.89774392677995252, 6.31579221810985381 51.89784267429536158, 6.31086613525843987 51.9000352091851056, 6.30682472211825917 51.90453521990615826, 6.30595180803912925 51.90688469369599289, 6.3062834327292645 51.90821075588559808, 6.30728842278282809 51.91026176530560576, 6.30874059805818987 51.91071801452456214, 6.30796304834275379 51.91139170656552437, 6.30902215631842012 51.91178471336032629, 6.31099682844799492 51.91058979568148857, 6.31614272073023031 51.91273716642090363, 6.31687570433467993 51.91620295652364092, 6.31576490667896806 51.91828275183196695, 6.31129487837773251 51.92063836001965171, 6.30177143868936174 51.91988882992006182, 6.29497903173105833 51.92089386963854736, 6.29114791585853261 51.92241514860013751, 6.28965309628571934 51.92548890935920269, 6.29102638272379444 51.92899166051889637, 6.29288709679289493 51.93131436669884948, 6.29601182412583782 51.93285729284010444, 6.29566905645791941 51.93534180087996788, 6.29648794784201904 51.93641537286124077, 6.29983031968768437 51.93846835070824142, 6.3039802363539037 51.93806125056379841, 6.3059496592298343 51.93704533926902656, 6.3059496592298343 51.93704533926902656),(6.33380136549531336 51.92049886860236541, 6.33142563778665579 51.92073886437027141, 6.32864111589398526 51.9189248748742358, 6.33339038310685876 51.91568503306341142, 6.33751292870560867 51.9141882738280529, 6.34001740459239205 51.91185983473482679, 6.34457923038139171 51.91080954155756189, 6.34596185438182392 51.91420418823133787, 6.3418794625844912 51.91741131038938306, 6.33629984619900899 51.92006522962990545, 6.33380136549531336 51.92049886860236541, 6.33380136549531336 51.92049886860236541)))</t>
  </si>
  <si>
    <t>MultiPolygon (((6.35672232039954732 51.89889246342005436, 6.36295674372696496 51.89197252056835197, 6.36570622991025648 51.88994699692513279, 6.36992827612063728 51.88564550645890705, 6.3701796035183289 51.88108015106826798, 6.3815666806918161 51.88262783777477694, 6.38762584168521119 51.88305643704861581, 6.38832270040576233 51.88082855760180223, 6.39005878934227489 51.87987075235353984, 6.39030573534236712 51.87830541882257052, 6.38905066931404964 51.87659756975885728, 6.38710699361019429 51.87605233189577802, 6.38570883684426782 51.87633787611757441, 6.38673754103671598 51.87949795285213384, 6.38508991461429076 51.87975321535196827, 6.38248773385495483 51.87939262996958689, 6.37964129317564321 51.87754297170877038, 6.37308111474318117 51.87658648164191533, 6.37241230212970144 51.87775578235933693, 6.36826877431877048 51.87781491330402162, 6.36700644873532706 51.87614088379863375, 6.35614000164037041 51.87746786716049741, 6.35675067138371563 51.87851087027957675, 6.35604830615951588 51.87947931714322181, 6.35146028105432325 51.87771847160457384, 6.34444990481294635 51.88209244021987843, 6.35045536319301984 51.88362705328793822, 6.35838867680128672 51.88421873991102018, 6.36535211888356312 51.88717443073920066, 6.36169836396893373 51.89142200797157045, 6.36002461784629247 51.89215134002444074, 6.35714232244793731 51.89235776475834427, 6.35395598390305683 51.89119919410523352, 6.3535145914138802 51.89026433631073587, 6.35644918338588472 51.88844603789800658, 6.35437635226777076 51.88635440039041669, 6.34847978966531112 51.88708147200615173, 6.34196542608853164 51.88642899031401612, 6.34188647795194704 51.88401444586033762, 6.34378552633389159 51.88239701342966015, 6.33901249226686048 51.88047454725531082, 6.33347121038658223 51.88542076855049601, 6.32690026692253404 51.88478183421175061, 6.32516033114835263 51.88777842741136226, 6.34684508681326864 51.89610895078460828, 6.35672232039954732 51.89889246342005436, 6.35672232039954732 51.89889246342005436)))</t>
  </si>
  <si>
    <t>MultiPolygon (((6.34378552633389159 51.88239701342966015, 6.34188647795194704 51.88401444586033762, 6.34196542608853164 51.88642899031401612, 6.34847978966531112 51.88708147200615173, 6.35437635226777076 51.88635440039041669, 6.35644918338588472 51.88844603789800658, 6.3535145914138802 51.89026433631073587, 6.35395598390305683 51.89119919410523352, 6.35714232244793731 51.89235776475834427, 6.36002461784629247 51.89215134002444074, 6.36169836396893373 51.89142200797157045, 6.36535211888356312 51.88717443073920066, 6.35838867680128672 51.88421873991102018, 6.35045536319301984 51.88362705328793822, 6.34444990481294635 51.88209244021987843, 6.34392754889523669 51.88245877826819452, 6.34378552633389159 51.88239701342966015, 6.34378552633389159 51.88239701342966015)))</t>
  </si>
  <si>
    <t>MultiPolygon (((6.33380136549531336 51.92049886860236541, 6.33629984619900899 51.92006522962990545, 6.3418794625844912 51.91741131038938306, 6.34596185438182392 51.91420418823133787, 6.34457923038139171 51.91080954155756189, 6.34001740459239205 51.91185983473482679, 6.33751292870560867 51.9141882738280529, 6.33339038310685876 51.91568503306341142, 6.32864111589398526 51.9189248748742358, 6.33142563778665579 51.92073886437027141, 6.33380136549531336 51.92049886860236541, 6.33380136549531336 51.92049886860236541)))</t>
  </si>
  <si>
    <t>MultiPolygon (((6.36993840316970594 51.89952702171937915, 6.36345898491489947 51.90219699885804516, 6.36652809406077225 51.90582760659100359, 6.3745964379036284 51.90301692323886584, 6.38294481190265017 51.89730959478355743, 6.37959575756886732 51.89442105338295619, 6.37642777816767836 51.89458429654867899, 6.37605171543058624 51.89565180071164718, 6.36993840316970594 51.89952702171937915, 6.36993840316970594 51.89952702171937915)))</t>
  </si>
  <si>
    <t>MultiPolygon (((6.36993840316970594 51.89952702171937915, 6.37605171543058624 51.89565180071164718, 6.37642777816767836 51.89458429654867899, 6.37621013196379671 51.89241981421029237, 6.38099482187444433 51.89106255552710678, 6.37981719917710244 51.88734129145428398, 6.3815666806918161 51.88262783777477694, 6.3701796035183289 51.88108015106826798, 6.36992827612063728 51.88564550645890705, 6.36570622991025648 51.88994699692513279, 6.36654685348025229 51.8910147143002618, 6.36895078359810718 51.89185831094047074, 6.36993840316970594 51.89952702171937915, 6.36993840316970594 51.89952702171937915)))</t>
  </si>
  <si>
    <t>MultiPolygon (((6.38294481190265017 51.89730959478355743, 6.38667535144735687 51.8947455672068898, 6.38893655076519096 51.89219285461783926, 6.392162517037276 51.89250536615302423, 6.39611808290241601 51.89169107220717336, 6.39681518325348719 51.89027311900790806, 6.39517466466773055 51.88921753289288574, 6.38808251627733092 51.88733125415781444, 6.38724517759346444 51.88566645562585933, 6.38762584168521119 51.88305643704861581, 6.3815666806918161 51.88262783777477694, 6.37981719917710244 51.88734129145428398, 6.38099482187444433 51.89106255552710678, 6.37621013196379671 51.89241981421029237, 6.37642777816767836 51.89458429654867899, 6.37959575756886732 51.89442105338295619, 6.38294481190265017 51.89730959478355743, 6.38294481190265017 51.89730959478355743)))</t>
  </si>
  <si>
    <t>MultiPolygon (((6.11464891310300818 51.51454322680840647, 6.1219911253273418 51.51017649039643231, 6.12687085091273342 51.51437995075627896, 6.13199843505342201 51.5114734490238817, 6.1314981573458498 51.51098313115031146, 6.13951900808517692 51.50833134185414508, 6.14075245225592781 51.50142569414504834, 6.1442545323359079 51.49397411421787041, 6.13946957526866388 51.48980380955028124, 6.11221857091540688 51.47065903658450026, 6.09311961734680807 51.48449295175483087, 6.1036998840286012 51.49117616492576133, 6.10392024846252212 51.49538592567555639, 6.10684810832710667 51.4995736947844307, 6.10854430788369918 51.50298688950676507, 6.10922290925134259 51.50837570846793056, 6.11120636076326385 51.51227800072450691, 6.11464891310300818 51.51454322680840647, 6.11464891310300818 51.51454322680840647),(6.11756034385750436 51.49462437958737127, 6.11372757863540528 51.49046691687208011, 6.11094682027026881 51.49013829159533628, 6.11387453968122507 51.48922429744470719, 6.11932362522447715 51.48890879122997433, 6.12272180955961076 51.49134046000850873, 6.12516819290209114 51.49442892520350057, 6.12157646541095879 51.49400970728220983, 6.11756034385750436 51.49462437958737127, 6.11756034385750436 51.49462437958737127)))</t>
  </si>
  <si>
    <t>MultiPolygon (((6.11756034385750436 51.49462437958737127, 6.12157646541095879 51.49400970728220983, 6.12516819290209114 51.49442892520350057, 6.12272180955961076 51.49134046000850873, 6.11932362522447715 51.48890879122997433, 6.11387453968122507 51.48922429744470719, 6.11094682027026881 51.49013829159533628, 6.11372757863540528 51.49046691687208011, 6.11756034385750436 51.49462437958737127, 6.11756034385750436 51.49462437958737127)))</t>
  </si>
  <si>
    <t>MultiPolygon (((6.07270450513598981 51.49726312845912446, 6.07563366186643083 51.49585002872974826, 6.07694469190547615 51.49846889652340565, 6.08225920113013974 51.50039223847733183, 6.08305416474156946 51.49821371114652635, 6.0951009208502569 51.50019151845663146, 6.10019248178225659 51.49955634115422498, 6.10684810832710667 51.4995736947844307, 6.10392024846252212 51.49538592567555639, 6.1036998840286012 51.49117616492576133, 6.09311961734680807 51.48449295175483087, 6.09016246151399177 51.48457972178626818, 6.07097779685259464 51.48503478908019559, 6.06839410389108913 51.48789974500920152, 6.06808156872018678 51.48836966660979186, 6.07375597502989084 51.4951726705757693, 6.07270450513598981 51.49726312845912446, 6.07270450513598981 51.49726312845912446),(6.09649215856647686 51.49751951827823859, 6.09548931927085302 51.49858533902992974, 6.09211991155667576 51.49790361901761315, 6.08983522398615751 51.49353266469796608, 6.09067981020186533 51.49278014774039747, 6.09591708030413848 51.49122486753347516, 6.1012215547197064 51.49411471799056272, 6.1014730315381982 51.49499762743534603, 6.10113594837402839 51.49557731985021292, 6.09767468661077316 51.49526228808100115, 6.09649215856647686 51.49751951827823859, 6.09649215856647686 51.49751951827823859)))</t>
  </si>
  <si>
    <t>MultiPolygon (((6.09649215856647686 51.49751951827823859, 6.09767468661077316 51.49526228808100115, 6.10113594837402839 51.49557731985021292, 6.1014730315381982 51.49499762743534603, 6.1012215547197064 51.49411471799056272, 6.09591708030413848 51.49122486753347516, 6.09067981020186533 51.49278014774039747, 6.08983522398615751 51.49353266469796608, 6.09211991155667576 51.49790361901761315, 6.09548931927085302 51.49858533902992974, 6.09649215856647686 51.49751951827823859, 6.09649215856647686 51.49751951827823859)))</t>
  </si>
  <si>
    <t>MultiPolygon (((6.06677382809571775 51.52369369633241547, 6.07676445874873661 51.52477734573039214, 6.0799285832313501 51.52295247857786364, 6.08716922616194989 51.52356612257377577, 6.09377193979982046 51.52272053772451699, 6.0956286551084089 51.52159595711507478, 6.10100066921732509 51.52271419418497089, 6.10712411477961847 51.52179514954990225, 6.10661214780747841 51.51830162019398784, 6.11464891310300818 51.51454322680840647, 6.11120636076326385 51.51227800072450691, 6.10922290925134259 51.50837570846793056, 6.10854430788369918 51.50298688950676507, 6.10684810832710667 51.4995736947844307, 6.10019248178225659 51.49955634115422498, 6.0951009208502569 51.50019151845663146, 6.08305416474156946 51.49821371114652635, 6.08225920113013974 51.50039223847733183, 6.07694469190547615 51.49846889652340565, 6.07563366186643083 51.49585002872974826, 6.07270450513598981 51.49726312845912446, 6.06625931061714052 51.507947505244843, 6.06460218249903882 51.51606637855041271, 6.06677382809571775 51.52369369633241547, 6.06677382809571775 51.52369369633241547),(6.08434236935666739 51.51610958007051266, 6.07972448750346484 51.51485729974172045, 6.07972667477456863 51.51220637497741706, 6.08256209802768133 51.50977583709974539, 6.08792057347321602 51.50775943262788559, 6.08755469782445413 51.50593224840922346, 6.08878533376467512 51.50600718895532282, 6.09059754332563763 51.50671012195435594, 6.09179507380313456 51.51197312492026015, 6.09310212357315262 51.51382830734467433, 6.08434236935666739 51.51610958007051266, 6.08434236935666739 51.51610958007051266)))</t>
  </si>
  <si>
    <t>MultiPolygon (((6.08434236935666739 51.51610958007051266, 6.09310212357315262 51.51382830734467433, 6.09179507380313456 51.51197312492026015, 6.09059754332563763 51.50671012195435594, 6.08878533376467512 51.50600718895532282, 6.08755469782445413 51.50593224840922346, 6.08792057347321602 51.50775943262788559, 6.08256209802768133 51.50977583709974539, 6.07972667477456863 51.51220637497741706, 6.07972448750346484 51.51485729974172045, 6.08434236935666739 51.51610958007051266, 6.08434236935666739 51.51610958007051266)))</t>
  </si>
  <si>
    <t>MultiPolygon (((5.9249863753708043 51.41889899012205234, 5.95486752746021075 51.42201452145270935, 5.96384842041363683 51.40898409258677049, 5.96741241237384479 51.40983338515691514, 5.96835950732172638 51.40842843291220277, 5.96464942056802183 51.40763212598216825, 5.97095542401280088 51.39836223660036296, 5.96756283714087576 51.39821595081063776, 5.96516280019323553 51.39422963402876121, 5.96263760131347453 51.38729341798214989, 5.96645311166415215 51.38676680332308422, 5.96636391557172541 51.38669579390444397, 5.964450238722935 51.38516054705623048, 5.96110127808160151 51.38247407350171159, 5.96993786920488745 51.37866124930265244, 5.97390299811454017 51.38071809429108328, 5.97911817505698817 51.38101721558828672, 5.98354485210620179 51.38026870769268584, 5.98210924306582292 51.37814906426263661, 5.95780479398512686 51.37809387063476407, 5.94732735968647042 51.38313401448173323, 5.93128751580858538 51.38475267654868617, 5.92000212843533813 51.39789014349980079, 5.90290770699352585 51.41661497189934948, 5.9249863753708043 51.41889899012205234, 5.9249863753708043 51.41889899012205234),(5.96132003624393292 51.40735784485728033, 5.95515300031408579 51.40692999959520648, 5.95685514036462038 51.40315807577688645, 5.95555528443494175 51.40066191573500021, 5.96027788431769867 51.4021202409417981, 5.96243680526131037 51.40572164716412118, 5.96132003624393292 51.40735784485728033, 5.96132003624393292 51.40735784485728033)))</t>
  </si>
  <si>
    <t>MultiPolygon (((5.96132003624393292 51.40735784485728033, 5.96243680526131037 51.40572164716412118, 5.96027788431769867 51.4021202409417981, 5.95555528443494175 51.40066191573500021, 5.95685514036462038 51.40315807577688645, 5.95515300031408579 51.40692999959520648, 5.96132003624393292 51.40735784485728033, 5.96132003624393292 51.40735784485728033)))</t>
  </si>
  <si>
    <t>MultiPolygon (((5.99912555845618467 51.42548851601107884, 6.01365022797465087 51.42601681999307317, 6.01309288547856813 51.42019596673067383, 6.01380423804281694 51.41758812860827277, 6.01185497982323636 51.41747321132406512, 6.01184143790566416 51.4165059955960615, 6.01377531029927681 51.41512298434379602, 6.01471258823802657 51.41579760432457391, 6.01720226191734664 51.41468467024014899, 6.01551034301525966 51.41355584771836362, 6.01258077715653183 51.41446398462530709, 6.00991134263652782 51.41451851625773628, 6.00855093884754421 51.41362104049033377, 6.0079008597303627 51.41143898348131813, 6.00908262237225088 51.4079091103211141, 6.00369750239902622 51.40786359219166712, 6.00968351219112407 51.40406463273469484, 6.00616060873530699 51.40283219832613781, 6.00476557050472692 51.40484827048770455, 6.00211473124798722 51.4061819293413933, 5.99793153704936355 51.40489264607643349, 5.99616890419071158 51.40499039078228094, 5.99553713355482643 51.40620074749909918, 5.99415490771354609 51.40660391432434295, 5.98420160275282687 51.40573911273956043, 5.97329135363434727 51.40311630105681928, 5.97667103276759804 51.3980109845293569, 5.97214566078502607 51.3970085375763901, 5.97095542401280088 51.39836223660036296, 5.96464942056802183 51.40763212598216825, 5.96835950732172638 51.40842843291220277, 5.96741241237384479 51.40983338515691514, 5.96384842041363683 51.40898409258677049, 5.95486752746021075 51.42201452145270935, 5.99912555845618467 51.42548851601107884, 5.99912555845618467 51.42548851601107884),(6.00332496883871158 51.41764697520079608, 5.99643865365779671 51.41550474495190315, 5.995403954121028 51.41453647825635187, 5.99702782481609553 51.41281408024832444, 6.0016352044095278 51.41501633382197411, 6.00542449947182977 51.41514422265186113, 6.00550190174968179 51.41601172761209426, 6.00332496883871158 51.41764697520079608, 6.00332496883871158 51.41764697520079608)))</t>
  </si>
  <si>
    <t>MultiPolygon (((6.00332496883871158 51.41764697520079608, 6.00550190174968179 51.41601172761209426, 6.00542449947182977 51.41514422265186113, 6.0016352044095278 51.41501633382197411, 5.99702782481609553 51.41281408024832444, 5.995403954121028 51.41453647825635187, 5.99643865365779671 51.41550474495190315, 6.00332496883871158 51.41764697520079608, 6.00332496883871158 51.41764697520079608)))</t>
  </si>
  <si>
    <t>MultiPolygon (((6.01365022797465087 51.42601681999307317, 6.03640687488796068 51.42684393341829718, 6.04364285457071126 51.4264762785296341, 6.04703612988828798 51.42700504587064358, 6.05720144958873075 51.42388361124227458, 6.07761153790735076 51.41960977506156638, 6.07686379422487999 51.40965531918071463, 6.07336596656348693 51.40610569837895838, 6.07401175760252698 51.40546513460618883, 6.07190494050754648 51.40162637589605765, 6.07207736248466112 51.39830289545388808, 6.07312618836923335 51.39572924336427207, 6.01876589164700437 51.38225664175082841, 6.00685684488326377 51.37997490107448328, 5.98983317741907673 51.37822111978110939, 5.98210924306582292 51.37814906426263661, 5.98354485210620179 51.38026870769268584, 5.97911817505698817 51.38101721558828672, 5.97390299811454017 51.38071809429108328, 5.96993786920488745 51.37866124930265244, 5.96110127808160151 51.38247407350171159, 5.964450238722935 51.38516054705623048, 5.96824456095185329 51.38332070835463838, 5.97161558623435784 51.38604874684416046, 5.96645311166415215 51.38676680332308422, 5.96263760131347453 51.38729341798214989, 5.96516280019323553 51.39422963402876121, 5.96756283714087576 51.39821595081063776, 5.97095542401280088 51.39836223660036296, 5.97214566078502607 51.3970085375763901, 5.97667103276759804 51.3980109845293569, 5.97329135363434727 51.40311630105681928, 5.98420160275282687 51.40573911273956043, 5.99415490771354609 51.40660391432434295, 5.99553713355482643 51.40620074749909918, 5.99616890419071158 51.40499039078228094, 5.99793153704936355 51.40489264607643349, 6.00211473124798722 51.4061819293413933, 6.00476557050472692 51.40484827048770455, 6.00616060873530699 51.40283219832613781, 6.00968351219112407 51.40406463273469484, 6.00369750239902622 51.40786359219166712, 6.00908262237225088 51.4079091103211141, 6.0079008597303627 51.41143898348131813, 6.00855093884754421 51.41362104049033377, 6.00991134263652782 51.41451851625773628, 6.01258077715653183 51.41446398462530709, 6.01551034301525966 51.41355584771836362, 6.01720226191734664 51.41468467024014899, 6.01471258823802657 51.41579760432457391, 6.01377531029927681 51.41512298434379602, 6.01184143790566416 51.4165059955960615, 6.01185497982323636 51.41747321132406512, 6.01380423804281694 51.41758812860827277, 6.01309288547856813 51.42019596673067383, 6.01365022797465087 51.42601681999307317, 6.01365022797465087 51.42601681999307317),(6.03455107353926312 51.41885821942188528, 6.03500790031669965 51.41839917911772062, 6.03278036307490328 51.41479103569540854, 6.02787658390745662 51.41586172899872054, 6.02551759952994459 51.41201968694831237, 6.02907724567685577 51.40861293235908391, 6.03565500124149068 51.40504018835629552, 6.03739270039567621 51.4027022926127799, 6.04033265162706634 51.40305956256928965, 6.04089850243950455 51.4072855448744761, 6.04617081572714188 51.40974800905195963, 6.04823007404413282 51.41138717038037953, 6.04344354333507461 51.41441260968365157, 6.04601192807113019 51.4149808861019082, 6.05164232301140004 51.41455955865519911, 6.05192463472377007 51.41515303563068784, 6.0497096891491724 51.41686049112142598, 6.0472194590103383 51.41677111576206727, 6.04591598413797371 51.41510993416506636, 6.04260647433401754 51.41470364326533371, 6.0360942901783563 51.41547607664977448, 6.03514043113040977 51.41702349634968527, 6.03607811182303333 51.41736312382322183, 6.03676095225926712 51.41950989689276952, 6.03402451824770303 51.41951326187505344, 6.03455107353926312 51.41885821942188528, 6.03455107353926312 51.41885821942188528)))</t>
  </si>
  <si>
    <t>MultiPolygon (((5.964450238722935 51.38516054705623048, 5.96636391557172541 51.38669579390444397, 5.96645311166415215 51.38676680332308422, 5.97161558623435784 51.38604874684416046, 5.96824456095185329 51.38332070835463838, 5.964450238722935 51.38516054705623048, 5.964450238722935 51.38516054705623048)))</t>
  </si>
  <si>
    <t>MultiPolygon (((6.03455107353926312 51.41885821942188528, 6.03402451824770303 51.41951326187505344, 6.03676095225926712 51.41950989689276952, 6.03607811182303333 51.41736312382322183, 6.03514043113040977 51.41702349634968527, 6.0360942901783563 51.41547607664977448, 6.04260647433401754 51.41470364326533371, 6.04591598413797371 51.41510993416506636, 6.0472194590103383 51.41677111576206727, 6.0497096891491724 51.41686049112142598, 6.05192463472377007 51.41515303563068784, 6.05164232301140004 51.41455955865519911, 6.04601192807113019 51.4149808861019082, 6.04344354333507461 51.41441260968365157, 6.04823007404413282 51.41138717038037953, 6.04617081572714188 51.40974800905195963, 6.04089850243950455 51.4072855448744761, 6.04033265162706634 51.40305956256928965, 6.03739270039567621 51.4027022926127799, 6.03565500124149068 51.40504018835629552, 6.02907724567685577 51.40861293235908391, 6.02551759952994459 51.41201968694831237, 6.02787658390745662 51.41586172899872054, 6.03278036307490328 51.41479103569540854, 6.03500790031669965 51.41839917911772062, 6.03455107353926312 51.41885821942188528, 6.03455107353926312 51.41885821942188528)))</t>
  </si>
  <si>
    <t>MultiPolygon (((6.16660177039526669 51.48979550924283899, 6.1665576190439868 51.48819618961886135, 6.16710772777200766 51.48578841504788528, 6.17053604386242238 51.48120657462099103, 6.17463795975534779 51.47727602125869595, 6.14964611934878658 51.47056958637582369, 6.12972279981155577 51.47152737547686741, 6.12309463494464179 51.46932257085754259, 6.11620604555028891 51.4678453824493829, 6.11221857091540688 51.47065903658450026, 6.13946957526866388 51.48980380955028124, 6.14923061526072523 51.48684670069089719, 6.15077220552395421 51.48818579254480454, 6.16660177039526669 51.48979550924283899, 6.16660177039526669 51.48979550924283899),(6.16520792448932475 51.48915702961159724, 6.16334710053461876 51.48918640767922739, 6.15731122684225163 51.48716403933686792, 6.15765430118042811 51.48544461814180551, 6.16006869549416258 51.48572009796560423, 6.16226698796675354 51.48478786455856948, 6.16165879525667837 51.48316559221856181, 6.16251552451957973 51.48232121114472903, 6.16566763541493579 51.48261090516869132, 6.16520792448932475 51.48915702961159724, 6.16520792448932475 51.48915702961159724)))</t>
  </si>
  <si>
    <t>MultiPolygon (((6.16520792448932475 51.48915702961159724, 6.16566763541493579 51.48261090516869132, 6.16251552451957973 51.48232121114472903, 6.16165879525667837 51.48316559221856181, 6.16226698796675354 51.48478786455856948, 6.16006869549416258 51.48572009796560423, 6.15765430118042811 51.48544461814180551, 6.15731122684225163 51.48716403933686792, 6.16334710053461876 51.48918640767922739, 6.16520792448932475 51.48915702961159724, 6.16520792448932475 51.48915702961159724)))</t>
  </si>
  <si>
    <t>MultiPolygon (((6.09161252084947069 51.44513563489373098, 6.09356063004119086 51.44791043483316173, 6.09431212417557955 51.44818574304986925, 6.09634407165957448 51.44703614237768363, 6.10051875743295913 51.44445955890502375, 6.13154149661334991 51.4347542532468438, 6.15461158767464145 51.43470166343426087, 6.15782750630468101 51.42666732236581595, 6.15837952021405144 51.42272657607330899, 6.15682459474572141 51.4191198970515444, 6.15137549071239498 51.41461237778013071, 6.14964819553135023 51.4112172939459029, 6.14899519000476591 51.40777515943052123, 6.15304138982991766 51.39592525406946777, 6.14078010756788117 51.39486198457080945, 6.135270778769363 51.41610927841679057, 6.13409105491518059 51.41613642905005577, 6.1326069244994148 51.41377929978026629, 6.13117058848453933 51.41470448187484266, 6.12819785921437354 51.41389109454426887, 6.12773303612177056 51.41478606339584445, 6.12455587409045688 51.41480061878718288, 6.12450521982264462 51.41544080360227298, 6.12194632373773207 51.41585913528095375, 6.12080398263757886 51.41715039261128339, 6.11619227910840824 51.4212560694764349, 6.10947952958904228 51.42046481924871415, 6.10895947120101912 51.4194261878231913, 6.10764214971682318 51.42024816951218469, 6.10175766675780906 51.41955410912856195, 6.08181748555011303 51.42058196573838558, 6.07769616151476377 51.4201708046921695, 6.07866719011632739 51.42464112288866573, 6.09161252084947069 51.44513563489373098, 6.09161252084947069 51.44513563489373098),(6.14037585147916865 51.42286036060449561, 6.13767188720701373 51.4241146810493035, 6.13659304667483596 51.42275889072966066, 6.13538424619336542 51.42333246324986362, 6.13468950468961349 51.42285731038771956, 6.13571136020209984 51.4178861327662986, 6.13697999391146443 51.4125734758253401, 6.14438847205941308 51.41244700813461321, 6.14499495734262968 51.4141375167540744, 6.14596187926899074 51.41420976041972324, 6.14935615206151276 51.41664602509189308, 6.14837526285614544 51.41387381421312597, 6.1493534456693828 51.41367001641390289, 6.15107264144996169 51.4158888522656099, 6.15128061669240989 51.42016587420874174, 6.14969001059147402 51.42275729147600316, 6.15010505556448184 51.4248075987793527, 6.14817571563818088 51.42612342714717499, 6.14327339571552766 51.42669088879503647, 6.14037585147916865 51.42286036060449561, 6.14037585147916865 51.42286036060449561)))</t>
  </si>
  <si>
    <t>MultiPolygon (((6.13659304667483596 51.42275889072966066, 6.14359113165075055 51.4208697105234549, 6.14076142648475365 51.41894501286103036, 6.13571136020209984 51.4178861327662986, 6.13468950468961349 51.42285731038771956, 6.13538424619336542 51.42333246324986362, 6.13659304667483596 51.42275889072966066, 6.13659304667483596 51.42275889072966066)))</t>
  </si>
  <si>
    <t>MultiPolygon (((6.13571136020209984 51.4178861327662986, 6.14076142648475365 51.41894501286103036, 6.14221897577722942 51.41670460641697105, 6.14596187926899074 51.41420976041972324, 6.14499495734262968 51.4141375167540744, 6.14438847205941308 51.41244700813461321, 6.13697999391146443 51.4125734758253401, 6.13571136020209984 51.4178861327662986, 6.13571136020209984 51.4178861327662986)))</t>
  </si>
  <si>
    <t>MultiPolygon (((6.14076142648475365 51.41894501286103036, 6.14359113165075055 51.4208697105234549, 6.14939402709897731 51.41815804558205372, 6.14935615206151276 51.41664602509189308, 6.14596187926899074 51.41420976041972324, 6.14221897577722942 51.41670460641697105, 6.14076142648475365 51.41894501286103036, 6.14076142648475365 51.41894501286103036)))</t>
  </si>
  <si>
    <t>MultiPolygon (((6.14037585147916865 51.42286036060449561, 6.14327339571552766 51.42669088879503647, 6.14817571563818088 51.42612342714717499, 6.15010505556448184 51.4248075987793527, 6.14969001059147402 51.42275729147600316, 6.14613974042461741 51.4229497675556857, 6.14037585147916865 51.42286036060449561, 6.14037585147916865 51.42286036060449561)))</t>
  </si>
  <si>
    <t>MultiPolygon (((6.14037585147916865 51.42286036060449561, 6.14613974042461741 51.4229497675556857, 6.14969001059147402 51.42275729147600316, 6.15128061669240989 51.42016587420874174, 6.15107264144996169 51.4158888522656099, 6.1493534456693828 51.41367001641390289, 6.14837526285614544 51.41387381421312597, 6.14935615206151276 51.41664602509189308, 6.14939402709897731 51.41815804558205372, 6.14359113165075055 51.4208697105234549, 6.13659304667483596 51.42275889072966066, 6.13767188720701373 51.4241146810493035, 6.14037585147916865 51.42286036060449561, 6.14037585147916865 51.42286036060449561)))</t>
  </si>
  <si>
    <t>MultiPolygon (((6.17463795975534779 51.47727602125869595, 6.17760922923802447 51.47382982849995159, 6.1786887178140697 51.47038523496125606, 6.1786403815881954 51.46580766787533889, 6.17604269831724206 51.46146664005652838, 6.16484519728343106 51.45257015434775383, 6.15687688586711523 51.44493236716113671, 6.15426382663981375 51.44008363666870309, 6.15435503287104346 51.43536780371893968, 6.15461158767464145 51.43470166343426087, 6.13154149661334991 51.4347542532468438, 6.10051875743295913 51.44445955890502375, 6.09634407165957448 51.44703614237768363, 6.10353968509061762 51.45556277801863843, 6.11694030900824792 51.46661179338661185, 6.11620604555028891 51.4678453824493829, 6.12309463494464179 51.46932257085754259, 6.12972279981155577 51.47152737547686741, 6.14964611934878658 51.47056958637582369, 6.17463795975534779 51.47727602125869595, 6.17463795975534779 51.47727602125869595),(6.1648437446831057 51.46634962372353783, 6.16284007188146354 51.46687431690986614, 6.16275045988586534 51.46512080303943293, 6.15763472907166332 51.46440108317721496, 6.15489939343665426 51.46091485145726097, 6.15487719688241786 51.45909542711144979, 6.158679819826399 51.45658777087660951, 6.16411040445564407 51.46018962501891281, 6.1648437446831057 51.46634962372353783, 6.1648437446831057 51.46634962372353783)))</t>
  </si>
  <si>
    <t>MultiPolygon (((6.1648437446831057 51.46634962372353783, 6.16411040445564407 51.46018962501891281, 6.158679819826399 51.45658777087660951, 6.15487719688241786 51.45909542711144979, 6.15489939343665426 51.46091485145726097, 6.15763472907166332 51.46440108317721496, 6.16275045988586534 51.46512080303943293, 6.16284007188146354 51.46687431690986614, 6.1648437446831057 51.46634962372353783, 6.1648437446831057 51.46634962372353783)))</t>
  </si>
  <si>
    <t>MultiPolygon (((6.13199843505342201 51.5114734490238817, 6.14109404327271946 51.51951956940744992, 6.14630010264831572 51.51688098412987671, 6.15778529150551179 51.51362013281416807, 6.16166955908082326 51.51188332669487835, 6.16664090970258982 51.50786362899123105, 6.16919343792855379 51.50308165641622082, 6.16922623703414796 51.49923273489878994, 6.16660177039526669 51.48979550924283899, 6.15077220552395421 51.48818579254480454, 6.14923061526072523 51.48684670069089719, 6.13946957526866388 51.48980380955028124, 6.1442545323359079 51.49397411421787041, 6.14075245225592781 51.50142569414504834, 6.13951900808517692 51.50833134185414508, 6.1314981573458498 51.51098313115031146, 6.13199843505342201 51.5114734490238817, 6.13199843505342201 51.5114734490238817),(6.16218476557699457 51.49750083363656472, 6.15886467411505656 51.49799589730193361, 6.15197246330492575 51.49672516404833544, 6.15143207564262173 51.49400271462914702, 6.15772128269843932 51.49307440587273987, 6.15851692336451073 51.49139131240779221, 6.16250350647367018 51.49219399685577514, 6.16370628455301439 51.49282776738287026, 6.16218476557699457 51.49750083363656472, 6.16218476557699457 51.49750083363656472)))</t>
  </si>
  <si>
    <t>MultiPolygon (((6.16218476557699457 51.49750083363656472, 6.16370628455301439 51.49282776738287026, 6.16250350647367018 51.49219399685577514, 6.15851692336451073 51.49139131240779221, 6.15772128269843932 51.49307440587273987, 6.15143207564262173 51.49400271462914702, 6.15197246330492575 51.49672516404833544, 6.15886467411505656 51.49799589730193361, 6.16218476557699457 51.49750083363656472, 6.16218476557699457 51.49750083363656472)))</t>
  </si>
  <si>
    <t>MultiPolygon (((6.09016246151399177 51.48457972178626818, 6.09311961734680807 51.48449295175483087, 6.11221857091540688 51.47065903658450026, 6.11620604555028891 51.4678453824493829, 6.11694030900824792 51.46661179338661185, 6.10353968509061762 51.45556277801863843, 6.09634407165957448 51.44703614237768363, 6.09431212417557955 51.44818574304986925, 6.09356063004119086 51.44791043483316173, 6.09161252084947069 51.44513563489373098, 6.08100964308477021 51.44796167467857373, 6.07503968084858759 51.4502885034756261, 6.06779092241425744 51.45671218917825485, 6.06332941804668124 51.46260396776927593, 6.07575885739227495 51.47291025938568509, 6.08351169116696955 51.47503358989426658, 6.09016246151399177 51.48457972178626818, 6.09016246151399177 51.48457972178626818),(6.09082853255021206 51.46355932654172705, 6.08888773896339863 51.46380420642779541, 6.08068178207440191 51.46252973740356396, 6.08012705646081386 51.45902728303547491, 6.08432849069922099 51.45592034537089177, 6.08661858656630628 51.45644635315841953, 6.08821072369474248 51.45757049248314274, 6.08978661928498077 51.46000354466172411, 6.08897898039829499 51.46127758274837305, 6.08996367462371246 51.46343072966704568, 6.09082853255021206 51.46355932654172705, 6.09082853255021206 51.46355932654172705)))</t>
  </si>
  <si>
    <t>MultiPolygon (((6.09082853255021206 51.46355932654172705, 6.08996367462371246 51.46343072966704568, 6.08897898039829499 51.46127758274837305, 6.08978661928498077 51.46000354466172411, 6.08821072369474248 51.45757049248314274, 6.08661858656630628 51.45644635315841953, 6.08432849069922099 51.45592034537089177, 6.08012705646081386 51.45902728303547491, 6.08068178207440191 51.46252973740356396, 6.08888773896339863 51.46380420642779541, 6.09082853255021206 51.46355932654172705, 6.09082853255021206 51.46355932654172705)))</t>
  </si>
  <si>
    <t>MultiPolygon (((6.06839410389108913 51.48789974500920152, 6.07097779685259464 51.48503478908019559, 6.09016246151399177 51.48457972178626818, 6.08351169116696955 51.47503358989426658, 6.07575885739227495 51.47291025938568509, 6.06332941804668124 51.46260396776927593, 6.06779092241425744 51.45671218917825485, 6.07503968084858759 51.4502885034756261, 6.08100964308477021 51.44796167467857373, 6.09161252084947069 51.44513563489373098, 6.07866719011632739 51.42464112288866573, 6.07033357450250843 51.42638640785342119, 6.06583347878230139 51.42982138529627889, 6.05967398917334421 51.43270359791903701, 6.04918922583602292 51.43478801311986359, 6.04981579523038349 51.43672408611249125, 6.05103402675176216 51.43618633180249589, 6.05620847877068336 51.43988376729852519, 6.05655314904629893 51.44279105545844999, 6.06089496933142602 51.44374687981167682, 6.06429816305508318 51.44546220310711959, 6.06523023546007778 51.44716650131211111, 6.06896384748938811 51.44701029150895977, 6.06794402216016682 51.44960357997315015, 6.06334723795645836 51.45542641710103027, 6.05883718593975829 51.46246794367510091, 6.05727181972550532 51.46269751494847355, 6.05634105517253651 51.46389656810705304, 6.05298717000162956 51.46720693168388294, 6.04835177764636001 51.46600347999203251, 6.04807119407979688 51.46373586344965645, 6.03884873005546829 51.4609914048569479, 6.0399966087508421 51.45811922392721982, 6.03770137510423321 51.45796916395789111, 6.03801983156548605 51.4566392057172024, 6.03517341043329569 51.45581176155434378, 6.03784088712584399 51.44883977099057404, 6.04365433669466068 51.44954507844865077, 6.04425764117794362 51.44692748066304233, 6.04131840197786207 51.44671462795509598, 6.04123276730464021 51.44545017264074005, 6.049203429094276 51.44616923218739402, 6.05207445401681365 51.44654697569414736, 6.05238252029623247 51.44569755406831035, 6.05003081306163892 51.44332366563703118, 6.04897594769894553 51.43897787687588874, 6.04777784449378242 51.43901922351260936, 6.04876146431369843 51.44544939851251542, 6.04186001356758862 51.44445435209673434, 6.0399605305435129 51.44470027422052283, 6.03466896178065593 51.44319409116838671, 6.03398276234596409 51.44380770578167272, 6.03076431729196294 51.44697567229913204, 6.03538009122338348 51.45018928727681384, 6.03239234230532961 51.45482603530873433, 6.03349786679194899 51.45765610566222392, 6.03525873147117053 51.45834239337695948, 6.03843718258277473 51.45840650155544438, 6.03566618949806966 51.46571554690454064, 6.02474169872033016 51.47970167221886584, 6.03021096702869208 51.4798492256242497, 6.03520942869165022 51.48234835585552105, 6.03619453573076026 51.48472021112209518, 6.03979412024677575 51.48639023130182579, 6.03994266806787383 51.48791588608774106, 6.04947353645089425 51.49040429118482365, 6.05918971988519317 51.48843291320908122, 6.06165748208328914 51.48727097436811562, 6.06388961004928273 51.48805413031116984, 6.06839410389108913 51.48789974500920152, 6.06839410389108913 51.48789974500920152)))</t>
  </si>
  <si>
    <t>MultiPolygon (((6.06294448580270551 51.44775972229765415, 6.06523023546007778 51.44716650131211111, 6.06429816305508318 51.44546220310711959, 6.06089496933142602 51.44374687981167682, 6.05655314904629893 51.44279105545844999, 6.05620847877068336 51.43988376729852519, 6.05103402675176216 51.43618633180249589, 6.04981579523038349 51.43672408611249125, 6.04897594769894553 51.43897787687588874, 6.05003081306163892 51.44332366563703118, 6.05238252029623247 51.44569755406831035, 6.05937461012406597 51.445575059258843, 6.06294448580270551 51.44775972229765415, 6.06294448580270551 51.44775972229765415)))</t>
  </si>
  <si>
    <t>MultiPolygon (((6.0399966087508421 51.45811922392721982, 6.04228582575192963 51.45816355125295871, 6.04678927331945015 51.45681934675867097, 6.04572254239305185 51.45451405846728932, 6.04697334995651747 51.45044933702102696, 6.049203429094276 51.44616923218739402, 6.04123276730464021 51.44545017264074005, 6.04131840197786207 51.44671462795509598, 6.04425764117794362 51.44692748066304233, 6.04365433669466068 51.44954507844865077, 6.03784088712584399 51.44883977099057404, 6.03517341043329569 51.45581176155434378, 6.03801983156548605 51.4566392057172024, 6.03770137510423321 51.45796916395789111, 6.0399966087508421 51.45811922392721982, 6.0399966087508421 51.45811922392721982)))</t>
  </si>
  <si>
    <t>MultiPolygon (((6.05213943902942564 51.45671713626936139, 6.05634105517253651 51.46389656810705304, 6.05727181972550532 51.46269751494847355, 6.05883718593975829 51.46246794367510091, 6.06334723795645836 51.45542641710103027, 6.05661309431104211 51.45494881441117485, 6.05213943902942564 51.45671713626936139, 6.05213943902942564 51.45671713626936139)))</t>
  </si>
  <si>
    <t>MultiPolygon (((6.05661309431104211 51.45494881441117485, 6.06334723795645836 51.45542641710103027, 6.06794402216016682 51.44960357997315015, 6.06321957361102726 51.4508497223475274, 6.05810946819986729 51.44973538380765632, 6.05655060564973802 51.45273666479370434, 6.05661309431104211 51.45494881441117485, 6.05661309431104211 51.45494881441117485)))</t>
  </si>
  <si>
    <t>MultiPolygon (((6.05810946819986729 51.44973538380765632, 6.06321957361102726 51.4508497223475274, 6.06794402216016682 51.44960357997315015, 6.06896384748938811 51.44701029150895977, 6.06523023546007778 51.44716650131211111, 6.06294448580270551 51.44775972229765415, 6.05764103665139686 51.44930955043602694, 6.05810946819986729 51.44973538380765632, 6.05810946819986729 51.44973538380765632)))</t>
  </si>
  <si>
    <t>MultiPolygon (((6.05764103665139686 51.44930955043602694, 6.06294448580270551 51.44775972229765415, 6.05937461012406597 51.445575059258843, 6.05238252029623247 51.44569755406831035, 6.05207445401681365 51.44654697569414736, 6.05506669263924469 51.44758244166865069, 6.05764103665139686 51.44930955043602694, 6.05764103665139686 51.44930955043602694)))</t>
  </si>
  <si>
    <t>MultiPolygon (((6.04697334995651747 51.45044933702102696, 6.05051409194751955 51.45133589373982375, 6.04969527185462752 51.44906313062322312, 6.05285118595257288 51.44871773275645666, 6.05506669263924469 51.44758244166865069, 6.05207445401681365 51.44654697569414736, 6.049203429094276 51.44616923218739402, 6.04697334995651747 51.45044933702102696, 6.04697334995651747 51.45044933702102696)))</t>
  </si>
  <si>
    <t>MultiPolygon (((6.04572254239305185 51.45451405846728932, 6.05092018675448706 51.45395387280035493, 6.05051409194751955 51.45133589373982375, 6.04697334995651747 51.45044933702102696, 6.04572254239305185 51.45451405846728932, 6.04572254239305185 51.45451405846728932)))</t>
  </si>
  <si>
    <t>MultiPolygon (((6.04678927331945015 51.45681934675867097, 6.05074505603171886 51.4565191503531949, 6.05092018675448706 51.45395387280035493, 6.04572254239305185 51.45451405846728932, 6.04678927331945015 51.45681934675867097, 6.04678927331945015 51.45681934675867097)))</t>
  </si>
  <si>
    <t>MultiPolygon (((6.0399966087508421 51.45811922392721982, 6.03884873005546829 51.4609914048569479, 6.04807119407979688 51.46373586344965645, 6.04835177764636001 51.46600347999203251, 6.05298717000162956 51.46720693168388294, 6.05634105517253651 51.46389656810705304, 6.05213943902942564 51.45671713626936139, 6.05074505603171886 51.4565191503531949, 6.04678927331945015 51.45681934675867097, 6.04228582575192963 51.45816355125295871, 6.0399966087508421 51.45811922392721982, 6.0399966087508421 51.45811922392721982)))</t>
  </si>
  <si>
    <t>MultiPolygon (((6.05074505603171886 51.4565191503531949, 6.05213943902942564 51.45671713626936139, 6.05661309431104211 51.45494881441117485, 6.05655060564973802 51.45273666479370434, 6.05810946819986729 51.44973538380765632, 6.05764103665139686 51.44930955043602694, 6.05506669263924469 51.44758244166865069, 6.05285118595257288 51.44871773275645666, 6.04969527185462752 51.44906313062322312, 6.05051409194751955 51.45133589373982375, 6.05092018675448706 51.45395387280035493, 6.05074505603171886 51.4565191503531949, 6.05074505603171886 51.4565191503531949)))</t>
  </si>
  <si>
    <t>MultiPolygon (((6.03398276234596409 51.44380770578167272, 6.03466896178065593 51.44319409116838671, 6.0399605305435129 51.44470027422052283, 6.04186001356758862 51.44445435209673434, 6.04876146431369843 51.44544939851251542, 6.04777784449378242 51.43901922351260936, 6.04897594769894553 51.43897787687588874, 6.04981579523038349 51.43672408611249125, 6.04918922583602292 51.43478801311986359, 6.05967398917334421 51.43270359791903701, 6.06583347878230139 51.42982138529627889, 6.07033357450250843 51.42638640785342119, 6.07866719011632739 51.42464112288866573, 6.07769616151476377 51.4201708046921695, 6.07761153790735076 51.41960977506156638, 6.05720144958873075 51.42388361124227458, 6.04703612988828798 51.42700504587064358, 6.04364285457071126 51.4264762785296341, 6.03640687488796068 51.42684393341829718, 6.01365022797465087 51.42601681999307317, 5.99912555845618467 51.42548851601107884, 5.99919250680663918 51.43029806638427459, 6.00510155451937599 51.43496077304578051, 6.01104937898510272 51.43314608783542496, 6.02749600264264718 51.43853949179639784, 6.02731839315533602 51.44077712465406904, 6.03003057556171029 51.44247899139342195, 6.03398276234596409 51.44380770578167272, 6.03398276234596409 51.44380770578167272),(6.04559674510062806 51.44192030566198071, 6.03862998775385584 51.44185623471761915, 6.03372871079812167 51.43794154498421278, 6.03632945778175678 51.43556793718410347, 6.04233900406382585 51.43540800966451343, 6.04407816464659842 51.43722421259104749, 6.04396759398310568 51.43918977290719852, 6.04559674510062806 51.44192030566198071, 6.04559674510062806 51.44192030566198071)))</t>
  </si>
  <si>
    <t>MultiPolygon (((6.04559674510062806 51.44192030566198071, 6.04396759398310568 51.43918977290719852, 6.04407816464659842 51.43722421259104749, 6.04233900406382585 51.43540800966451343, 6.03632945778175678 51.43556793718410347, 6.03372871079812167 51.43794154498421278, 6.03862998775385584 51.44185623471761915, 6.04559674510062806 51.44192030566198071, 6.04559674510062806 51.44192030566198071)))</t>
  </si>
  <si>
    <t>MultiPolygon (((5.99187995765558146 51.47451102649377219, 5.9943529983513324 51.47524638160484045, 6.01326961805252758 51.4769922890221423, 6.02474169872033016 51.47970167221886584, 6.03566618949806966 51.46571554690454064, 6.03843718258277473 51.45840650155544438, 6.03525873147117053 51.45834239337695948, 6.03349786679194899 51.45765610566222392, 6.03239234230532961 51.45482603530873433, 6.03538009122338348 51.45018928727681384, 6.03076431729196294 51.44697567229913204, 6.03398276234596409 51.44380770578167272, 6.03003057556171029 51.44247899139342195, 6.02731839315533602 51.44077712465406904, 6.02749600264264718 51.43853949179639784, 6.01104937898510272 51.43314608783542496, 6.00510155451937599 51.43496077304578051, 6.01254756479875851 51.44053795556634867, 6.01372795990691511 51.44283283382258531, 6.01011068614133581 51.45118452262466491, 5.99901512389445912 51.45176430594651151, 5.99029453433221182 51.45070567817153773, 5.98369276168017095 51.46934427129480838, 5.98202943463465875 51.47140297648351037, 5.99186772952323921 51.47450719678070641, 5.99187995765558146 51.47451102649377219, 5.99187995765558146 51.47451102649377219),(6.02329713291116153 51.45764893111029181, 6.01916468237934499 51.4563904986188092, 6.02062734496910945 51.45323297137592533, 6.02558273904420894 51.45343658696636169, 6.02955288441744575 51.45532411576536447, 6.02841460652628314 51.45668618121310089, 6.02428652500195128 51.45661771847683497, 6.02329713291116153 51.45764893111029181, 6.02329713291116153 51.45764893111029181)))</t>
  </si>
  <si>
    <t>MultiPolygon (((6.02329713291116153 51.45764893111029181, 6.02428652500195128 51.45661771847683497, 6.02841460652628314 51.45668618121310089, 6.02955288441744575 51.45532411576536447, 6.02558273904420894 51.45343658696636169, 6.02062734496910945 51.45323297137592533, 6.01916468237934499 51.4563904986188092, 6.02329713291116153 51.45764893111029181, 6.02329713291116153 51.45764893111029181)))</t>
  </si>
  <si>
    <t>MultiPolygon (((5.94144452556980873 51.46104640713264189, 5.95294356243217049 51.46352792523446595, 5.98202943463465875 51.47140297648351037, 5.98369276168017095 51.46934427129480838, 5.99029453433221182 51.45070567817153773, 5.99901512389445912 51.45176430594651151, 6.01011068614133581 51.45118452262466491, 6.01372795990691511 51.44283283382258531, 6.01254756479875851 51.44053795556634867, 6.00510155451937599 51.43496077304578051, 5.99919250680663918 51.43029806638427459, 5.99912555845618467 51.42548851601107884, 5.95486752746021075 51.42201452145270935, 5.9249863753708043 51.41889899012205234, 5.92369723480283383 51.42343048152984153, 5.92847488896772923 51.43215332278824548, 5.91638236893277547 51.45562563074049223, 5.94144452556980873 51.46104640713264189, 5.94144452556980873 51.46104640713264189),(5.95439714839627854 51.45923007320925535, 5.95049768430122938 51.45904144450543782, 5.94948964266935931 51.45800044592673572, 5.9427923649102441 51.45731178152946228, 5.94715326296104951 51.45359953396348374, 5.96266568147461573 51.45220316902729962, 5.96305224732268346 51.45401374849272713, 5.95939489977367565 51.45436627542832753, 5.96090815683953057 51.45867981410771819, 5.96008368782222142 51.4590889657459627, 5.95563053964686162 51.45863153633455056, 5.95439714839627854 51.45923007320925535, 5.95439714839627854 51.45923007320925535),(5.96623038886963641 51.44973206243830788, 5.95692032179459208 51.45062588884557186, 5.95554958998611816 51.4450730206855269, 5.96033367631606659 51.44348267988120682, 5.96945122404462047 51.44631379607973543, 5.96623038886963641 51.44973206243830788, 5.96623038886963641 51.44973206243830788),(5.97832501453004106 51.44118885238124506, 5.97535414213728533 51.44059497572104789, 5.97338413951698399 51.43772597235885513, 5.97596787558243214 51.43604457755723303, 5.98473032882135669 51.43521409144392464, 5.98753500872398359 51.43637582907523154, 5.98547801245881494 51.43863078287547097, 5.97832501453004106 51.44118885238124506, 5.97832501453004106 51.44118885238124506)))</t>
  </si>
  <si>
    <t>MultiPolygon (((5.96623038886963641 51.44973206243830788, 5.96945122404462047 51.44631379607973543, 5.96033367631606659 51.44348267988120682, 5.95554958998611816 51.4450730206855269, 5.95692032179459208 51.45062588884557186, 5.96623038886963641 51.44973206243830788, 5.96623038886963641 51.44973206243830788)))</t>
  </si>
  <si>
    <t>MultiPolygon (((5.95439714839627854 51.45923007320925535, 5.95563053964686162 51.45863153633455056, 5.96008368782222142 51.4590889657459627, 5.96090815683953057 51.45867981410771819, 5.95939489977367565 51.45436627542832753, 5.96305224732268346 51.45401374849272713, 5.96266568147461573 51.45220316902729962, 5.94715326296104951 51.45359953396348374, 5.9427923649102441 51.45731178152946228, 5.94948964266935931 51.45800044592673572, 5.95049768430122938 51.45904144450543782, 5.95439714839627854 51.45923007320925535, 5.95439714839627854 51.45923007320925535)))</t>
  </si>
  <si>
    <t>MultiPolygon (((5.97832501453004106 51.44118885238124506, 5.98547801245881494 51.43863078287547097, 5.98753500872398359 51.43637582907523154, 5.98473032882135669 51.43521409144392464, 5.97596787558243214 51.43604457755723303, 5.97338413951698399 51.43772597235885513, 5.97535414213728533 51.44059497572104789, 5.97832501453004106 51.44118885238124506, 5.97832501453004106 51.44118885238124506)))</t>
  </si>
  <si>
    <t>MultiPolygon (((5.87496589337890995 51.44655772195860521, 5.91638236893277547 51.45562563074049223, 5.92847488896772923 51.43215332278824548, 5.92369723480283383 51.42343048152984153, 5.9249863753708043 51.41889899012205234, 5.90290770699352585 51.41661497189934948, 5.87991669850760346 51.44124748034629846, 5.88132648382818157 51.44176156367054631, 5.88332037170320987 51.43974181793743128, 5.8933785493740114 51.44073405019442191, 5.892924017509797 51.44256226360784723, 5.88987712039532418 51.44227445440965596, 5.88925271384102356 51.44450600320202938, 5.88005792100500457 51.44545796590783482, 5.8765913619974075 51.44481580580766433, 5.87536422653905266 51.44613091517297221, 5.87496589337890995 51.44655772195860521, 5.87496589337890995 51.44655772195860521)))</t>
  </si>
  <si>
    <t>MultiPolygon (((5.87991669850760346 51.44124748034629846, 5.87666065755348299 51.44474153348288326, 5.8765913619974075 51.44481580580766433, 5.88005792100500457 51.44545796590783482, 5.88925271384102356 51.44450600320202938, 5.88987712039532418 51.44227445440965596, 5.892924017509797 51.44256226360784723, 5.8933785493740114 51.44073405019442191, 5.88332037170320987 51.43974181793743128, 5.88132648382818157 51.44176156367054631, 5.87991669850760346 51.44124748034629846, 5.87991669850760346 51.44124748034629846)))</t>
  </si>
  <si>
    <t>MultiPolygon (((5.86290317990326404 50.86772940711023949, 5.86175931843870934 50.87022678243516793, 5.86801948859069977 50.87300150135944676, 5.86913149644163656 50.87219609770924933, 5.8706711171646857 50.87075499452078731, 5.86906178956849001 50.86875671784029862, 5.87014165308212732 50.86864126244572049, 5.87040809510259454 50.86771677242278145, 5.87133255471988047 50.86781010240435563, 5.87310361968893524 50.86466073397306076, 5.87142313595112153 50.8630123505090026, 5.87130416779321429 50.86087649048352688, 5.86948178202024362 50.85841355767500716, 5.86781985165937314 50.85692670851444319, 5.86209519947573821 50.85772163594948836, 5.86370974309258752 50.86536760627326714, 5.86290317990326404 50.86772940711023949, 5.86290317990326404 50.86772940711023949)))</t>
  </si>
  <si>
    <t>MultiPolygon (((5.80382964946117674 50.86581800997671365, 5.81035354189892406 50.86647820403507581, 5.81244897194700449 50.8625523082088975, 5.81616553856316809 50.86211912708284899, 5.81580025770643871 50.86062853352802904, 5.8070475645137245 50.86152204759652307, 5.8013865136665288 50.86019389594351026, 5.79830248188449371 50.86083160738374431, 5.80382964946117674 50.86581800997671365, 5.80382964946117674 50.86581800997671365)))</t>
  </si>
  <si>
    <t>MultiPolygon (((5.79867463743543254 50.86661835253641328, 5.80382964946117674 50.86581800997671365, 5.79830248188449371 50.86083160738374431, 5.79209192945705631 50.86158787400774628, 5.79051432452438597 50.86497082476650178, 5.79153029786216589 50.86720848543153295, 5.79867463743543254 50.86661835253641328, 5.79867463743543254 50.86661835253641328)))</t>
  </si>
  <si>
    <t>MultiPolygon (((5.76266038566535244 50.86651034822879325, 5.76462997903554353 50.86684040327170209, 5.77025322682308328 50.86671961388627494, 5.77255117573140275 50.86359535228652362, 5.7698890393201534 50.85915943174276066, 5.76964377278181484 50.85634477210921744, 5.77112817978618331 50.85591885469350615, 5.76903249893024483 50.85296068133467884, 5.7641822667978575 50.85454572217074798, 5.75734037422391953 50.85529059102324823, 5.74932909271080561 50.85705293946480765, 5.75294225605057985 50.85851557902189768, 5.75287887063904968 50.85945230100960401, 5.76292477928388269 50.86413783328640648, 5.76266038566535244 50.86651034822879325, 5.76266038566535244 50.86651034822879325)))</t>
  </si>
  <si>
    <t>MultiPolygon (((5.77333183433184782 50.87259994519568806, 5.77779919437306066 50.87040494154805259, 5.7795782471751922 50.87057987526915781, 5.78536096113248544 50.86898127533704184, 5.79364815188475379 50.86780108919580101, 5.79834942394809616 50.86827947038809583, 5.79867463743543254 50.86661835253641328, 5.79153029786216589 50.86720848543153295, 5.79051432452438597 50.86497082476650178, 5.78077418854458713 50.86765715543037913, 5.77754762430682955 50.86786928375975947, 5.77577611850506223 50.86742443275720404, 5.77360914055945962 50.86581935437517643, 5.77025322682308328 50.86671961388627494, 5.76462997903554353 50.86684040327170209, 5.76506515862226632 50.86867219923108507, 5.76426929262811605 50.86977260688597369, 5.7670013444325523 50.87320323381852205, 5.77081467840284024 50.87238935979762999, 5.77333183433184782 50.87259994519568806, 5.77333183433184782 50.87259994519568806)))</t>
  </si>
  <si>
    <t>MultiPolygon (((5.8013865136665288 50.86019389594351026, 5.8070475645137245 50.86152204759652307, 5.81580025770643871 50.86062853352802904, 5.81974598184212777 50.85892183374750175, 5.8193964370044915 50.8564203946537603, 5.81479945098890116 50.85680200788821992, 5.81393437130235391 50.85497667158047364, 5.81178435131192206 50.85356662637463643, 5.80376868678830515 50.85130871268501807, 5.79824918567561021 50.85456948667822985, 5.79879871658754364 50.85668401491410862, 5.8013865136665288 50.86019389594351026, 5.8013865136665288 50.86019389594351026)))</t>
  </si>
  <si>
    <t>MultiPolygon (((5.77112817978618331 50.85591885469350615, 5.77193302315084011 50.85723434009562993, 5.7746988461065758 50.85877137905143996, 5.78542058116540225 50.85942734463068859, 5.79820054220353853 50.85805949260384295, 5.79879871658754364 50.85668401491410862, 5.79824918567561021 50.85456948667822985, 5.80376868678830515 50.85130871268501807, 5.80163782272184125 50.84987502027796324, 5.80066716760219947 50.8483503974721458, 5.7974195898183476 50.84839595585556538, 5.79503216902416085 50.8485701410558022, 5.79138486494995686 50.84987116508024485, 5.78270268340808347 50.84924894912536075, 5.78041859517257262 50.84945365211961388, 5.77940576001013007 50.85021032570275423, 5.77878072688980193 50.85230446559189943, 5.7757923290469213 50.8533940588260549, 5.77461345426379591 50.85257188581924481, 5.77075291717557182 50.85239542812707469, 5.76903249893024483 50.85296068133467884, 5.77112817978618331 50.85591885469350615, 5.77112817978618331 50.85591885469350615)))</t>
  </si>
  <si>
    <t>MultiPolygon (((5.77025322682308328 50.86671961388627494, 5.77360914055945962 50.86581935437517643, 5.77577611850506223 50.86742443275720404, 5.77754762430682955 50.86786928375975947, 5.78077418854458713 50.86765715543037913, 5.79051432452438597 50.86497082476650178, 5.79209192945705631 50.86158787400774628, 5.79830248188449371 50.86083160738374431, 5.8013865136665288 50.86019389594351026, 5.79879871658754364 50.85668401491410862, 5.79820054220353853 50.85805949260384295, 5.78542058116540225 50.85942734463068859, 5.7746988461065758 50.85877137905143996, 5.77193302315084011 50.85723434009562993, 5.77112817978618331 50.85591885469350615, 5.76964377278181484 50.85634477210921744, 5.7698890393201534 50.85915943174276066, 5.77255117573140275 50.86359535228652362, 5.77025322682308328 50.86671961388627494, 5.77025322682308328 50.86671961388627494)))</t>
  </si>
  <si>
    <t>MultiPolygon (((5.8193964370044915 50.8564203946537603, 5.82058158013768789 50.85645903602016205, 5.81888606025665567 50.85379334441298482, 5.82151404949078533 50.85240919224888501, 5.82112425253432253 50.8514091752464239, 5.81744924147870979 50.84749726424480087, 5.80936922572698666 50.84296900737615488, 5.80782903238452963 50.84147457617538635, 5.80530124545146098 50.84342692739294733, 5.80163782272184125 50.84987502027796324, 5.80376868678830515 50.85130871268501807, 5.81178435131192206 50.85356662637463643, 5.81393437130235391 50.85497667158047364, 5.81479945098890116 50.85680200788821992, 5.8193964370044915 50.8564203946537603, 5.8193964370044915 50.8564203946537603)))</t>
  </si>
  <si>
    <t>MultiPolygon (((5.8184285179542492 50.83938295870547108, 5.82322740271050243 50.83964198691847969, 5.82981557307693876 50.84122706382400736, 5.83868639734060313 50.84246935503173859, 5.84322735401871984 50.8420025585499431, 5.84099700528289034 50.83944878569009518, 5.84407440149707735 50.83832296862129141, 5.84543865216106617 50.83691381390726605, 5.84493419607522213 50.83345387450799535, 5.8440065622911419 50.83371703084258542, 5.84325520536532395 50.83317651764392764, 5.83609081838805377 50.83596218773521969, 5.83645892685595591 50.83272785112115599, 5.83736446053542135 50.83135801682269772, 5.83628489694095887 50.82999815596717497, 5.83174473262633875 50.8295488087174121, 5.8273058978836092 50.82998786343320319, 5.82360977594585005 50.83035795763040454, 5.82089235854508669 50.83238229503138683, 5.82123905621266946 50.83876111311943191, 5.8184285179542492 50.83938295870547108, 5.8184285179542492 50.83938295870547108)))</t>
  </si>
  <si>
    <t>MultiPolygon (((5.82112425253432253 50.8514091752464239, 5.8280886723582892 50.8519118373768606, 5.83268465850762485 50.85299594749145768, 5.8368659870381574 50.85640270014818753, 5.83974176255727695 50.85456530955453758, 5.8449210912919094 50.85084061472151973, 5.84337422944669349 50.84744181016260001, 5.84395656142473641 50.84494404954460833, 5.84501597726712419 50.84415369061269274, 5.84322735401871984 50.8420025585499431, 5.83868639734060313 50.84246935503173859, 5.82981557307693876 50.84122706382400736, 5.82322740271050243 50.83964198691847969, 5.8184285179542492 50.83938295870547108, 5.81286988305007046 50.84123121957863845, 5.81082095344734206 50.84048304870699297, 5.80782903238452963 50.84147457617538635, 5.80936922572698666 50.84296900737615488, 5.81744924147870979 50.84749726424480087, 5.82112425253432253 50.8514091752464239, 5.82112425253432253 50.8514091752464239)))</t>
  </si>
  <si>
    <t>MultiPolygon (((5.84902345020204351 50.86002940469132483, 5.85592476423394093 50.86087877713768535, 5.86370974309258752 50.86536760627326714, 5.86209519947573821 50.85772163594948836, 5.85982241561016082 50.85804002876967189, 5.84902345020204351 50.86002940469132483, 5.84902345020204351 50.86002940469132483)))</t>
  </si>
  <si>
    <t>MultiPolygon (((5.86963157072268338 50.85044315014527427, 5.87255703194953593 50.84847760884535717, 5.87591890740624656 50.84790882906721521, 5.87564638561757047 50.84711149529815088, 5.87476527966701401 50.84668349593410142, 5.8748410501464905 50.84537712392823749, 5.877578744272415 50.84131904051973549, 5.87655021716989623 50.84024073075466532, 5.87395147212604307 50.83792351493292472, 5.87108725287450017 50.83651806417800145, 5.87025907865116903 50.83653494014134822, 5.87100282550019781 50.83829307891241456, 5.86712242725060484 50.83866479542143679, 5.86700436377170043 50.84714603321548765, 5.86963157072268338 50.85044315014527427, 5.86963157072268338 50.85044315014527427)))</t>
  </si>
  <si>
    <t>MultiPolygon (((5.8449210912919094 50.85084061472151973, 5.84542282640684796 50.85156422384496011, 5.84869780426235408 50.85057738162073093, 5.85099788528610709 50.85305584395997158, 5.85261661748618423 50.85350024090292465, 5.85785555634142074 50.85140646246387774, 5.85891823151012314 50.8507488382264512, 5.86090311096351879 50.85171569443534167, 5.86294393122935986 50.85143734874218779, 5.86668300905749351 50.84915130979883457, 5.86700436377170043 50.84714603321548765, 5.86712242725060484 50.83866479542143679, 5.86621358697091289 50.83871181139254247, 5.86593042717586233 50.83757465716864488, 5.8594608653444693 50.8336841919653466, 5.85742106354575665 50.83210905284078507, 5.85392325735308194 50.83173692567670088, 5.85350912213388419 50.83255159791919198, 5.84991893890053838 50.83195422698455701, 5.84493419607522213 50.83345387450799535, 5.84543865216106617 50.83691381390726605, 5.84407440149707735 50.83832296862129141, 5.84099700528289034 50.83944878569009518, 5.84322735401871984 50.8420025585499431, 5.84501597726712419 50.84415369061269274, 5.84395656142473641 50.84494404954460833, 5.84337422944669349 50.84744181016260001, 5.8449210912919094 50.85084061472151973, 5.8449210912919094 50.85084061472151973)))</t>
  </si>
  <si>
    <t>MultiPolygon (((5.85785555634142074 50.85140646246387774, 5.86067589199389172 50.85343494109477547, 5.86928867673659127 50.85155410294381539, 5.87014368617239946 50.85089217752028645, 5.86963157072268338 50.85044315014527427, 5.86700436377170043 50.84714603321548765, 5.86668300905749351 50.84915130979883457, 5.86294393122935986 50.85143734874218779, 5.86090311096351879 50.85171569443534167, 5.85891823151012314 50.8507488382264512, 5.85785555634142074 50.85140646246387774, 5.85785555634142074 50.85140646246387774)))</t>
  </si>
  <si>
    <t>MultiPolygon (((5.84902345020204351 50.86002940469132483, 5.85982241561016082 50.85804002876967189, 5.86037510694595287 50.85625695487420472, 5.86290637815643034 50.85690009310877002, 5.86067589199389172 50.85343494109477547, 5.85785555634142074 50.85140646246387774, 5.85261661748618423 50.85350024090292465, 5.85099788528610709 50.85305584395997158, 5.84869780426235408 50.85057738162073093, 5.84542282640684796 50.85156422384496011, 5.8449210912919094 50.85084061472151973, 5.83974176255727695 50.85456530955453758, 5.84902345020204351 50.86002940469132483, 5.84902345020204351 50.86002940469132483)))</t>
  </si>
  <si>
    <t>MultiPolygon (((5.87591890740624656 50.84790882906721521, 5.87659677721118801 50.84959350568828285, 5.87449087729547426 50.85255369130347702, 5.87664173368810516 50.85502768433948262, 5.88367171330199223 50.8516774258594566, 5.88799257196251968 50.84703370284145052, 5.88512283902898936 50.84748246708243613, 5.88138677032834156 50.84668708827660311, 5.87615562159017468 50.84629954049454881, 5.87564638561757047 50.84711149529815088, 5.87591890740624656 50.84790882906721521, 5.87591890740624656 50.84790882906721521)))</t>
  </si>
  <si>
    <t>MultiPolygon (((5.85982241561016082 50.85804002876967189, 5.86209519947573821 50.85772163594948836, 5.86781985165937314 50.85692670851444319, 5.86948178202024362 50.85841355767500716, 5.8690327183738793 50.85667944918817085, 5.8743072667617815 50.85724320634112416, 5.87663926206787313 50.8565878902548576, 5.87572745061910506 50.85552734307391631, 5.87664173368810516 50.85502768433948262, 5.87449087729547426 50.85255369130347702, 5.87659677721118801 50.84959350568828285, 5.87591890740624656 50.84790882906721521, 5.87255703194953593 50.84847760884535717, 5.86963157072268338 50.85044315014527427, 5.87014368617239946 50.85089217752028645, 5.86928867673659127 50.85155410294381539, 5.86067589199389172 50.85343494109477547, 5.86290637815643034 50.85690009310877002, 5.86037510694595287 50.85625695487420472, 5.85982241561016082 50.85804002876967189, 5.85982241561016082 50.85804002876967189)))</t>
  </si>
  <si>
    <t>MultiPolygon (((5.8172744927082336 50.88477615498057816, 5.81913933782304493 50.88386711805157603, 5.82023195711857078 50.88543783118554131, 5.82422672511525352 50.88699735245381817, 5.82776542329343261 50.88954445731850029, 5.83322862587835367 50.89218873976705737, 5.83664771325776677 50.89159989491042069, 5.83271679555080791 50.88577384967093309, 5.83359627251291268 50.88240295434778915, 5.83493717637017895 50.88232552154899224, 5.83468733013681984 50.88064824404116848, 5.83454487325759086 50.87991748484854782, 5.82372884739474195 50.87572246512338126, 5.81346214750535495 50.87426962565525201, 5.8134238871516466 50.87584696857122424, 5.8167887669609577 50.88250380904153758, 5.81547016891568713 50.883373253381734, 5.8172744927082336 50.88477615498057816, 5.8172744927082336 50.88477615498057816)))</t>
  </si>
  <si>
    <t>MultiPolygon (((5.79984206483522691 50.88567287683200391, 5.80236711144303907 50.88707880622121849, 5.80986588876596333 50.88784736694535837, 5.81408145866328852 50.88607340641559773, 5.81498976898004383 50.88623892436289253, 5.8172744927082336 50.88477615498057816, 5.81547016891568713 50.883373253381734, 5.8167887669609577 50.88250380904153758, 5.8134238871516466 50.87584696857122424, 5.81346214750535495 50.87426962565525201, 5.81346139304417786 50.87424508609147722, 5.80179956445863443 50.87527079413024467, 5.79236783561301749 50.87658665534149094, 5.7834374552424066 50.87757616859606458, 5.77270356437703569 50.87682974224598809, 5.7738476329404369 50.87899544142959485, 5.77766288110163639 50.88372732023513834, 5.78040367952692336 50.88274860213781636, 5.78158404118385771 50.88362781095835174, 5.78418667603638603 50.88240190268547281, 5.7854451363382644 50.88244174967900335, 5.7867570511383688 50.8835612080462667, 5.7891010702946577 50.88388857726288705, 5.78951060895517156 50.88257038140979915, 5.79837167254561781 50.88285024919814958, 5.79984206483522691 50.88567287683200391, 5.79984206483522691 50.88567287683200391)))</t>
  </si>
  <si>
    <t>MultiPolygon (((5.80179956445863443 50.87527079413024467, 5.81346139304417786 50.87424508609147722, 5.81440548082464836 50.87288570274029809, 5.81396816684823303 50.87010082267736522, 5.81297822933184172 50.8687177729205473, 5.81121330759147181 50.87010265503097628, 5.80294295431356044 50.87059054655844648, 5.80167831868498762 50.8732649735825504, 5.80179956445863443 50.87527079413024467, 5.80179956445863443 50.87527079413024467)))</t>
  </si>
  <si>
    <t>MultiPolygon (((5.77270356437703569 50.87682974224598809, 5.7834374552424066 50.87757616859606458, 5.79236783561301749 50.87658665534149094, 5.7896073591006969 50.87105139849776236, 5.78639312469405631 50.8701921024698791, 5.78536096113248544 50.86898127533704184, 5.7795782471751922 50.87057987526915781, 5.77779919437306066 50.87040494154805259, 5.77333183433184782 50.87259994519568806, 5.77422501087186735 50.87346299549783168, 5.77259491253890378 50.87373585900383688, 5.77399812347859864 50.87445135218818137, 5.77281012024776441 50.87487411136474691, 5.77270356437703569 50.87682974224598809, 5.77270356437703569 50.87682974224598809)))</t>
  </si>
  <si>
    <t>MultiPolygon (((5.79236783561301749 50.87658665534149094, 5.80179956445863443 50.87527079413024467, 5.80167831868498762 50.8732649735825504, 5.80294295431356044 50.87059054655844648, 5.81121330759147181 50.87010265503097628, 5.81297822933184172 50.8687177729205473, 5.81035354189892406 50.86647820403507581, 5.80382964946117674 50.86581800997671365, 5.79867463743543254 50.86661835253641328, 5.79834942394809616 50.86827947038809583, 5.79364815188475379 50.86780108919580101, 5.78536096113248544 50.86898127533704184, 5.78639312469405631 50.8701921024698791, 5.7896073591006969 50.87105139849776236, 5.79236783561301749 50.87658665534149094, 5.79236783561301749 50.87658665534149094)))</t>
  </si>
  <si>
    <t>MultiPolygon (((5.8488892120195457 50.86877656210920406, 5.85285988262354184 50.86884866829008445, 5.85978871125183254 50.86756877023547929, 5.86290317990326404 50.86772940711023949, 5.86370974309258752 50.86536760627326714, 5.85592476423394093 50.86087877713768535, 5.84902345020204351 50.86002940469132483, 5.8449566165346063 50.86155361434000355, 5.83926999130860214 50.86512454716239517, 5.84266438842862179 50.8677964544484098, 5.8488892120195457 50.86877656210920406, 5.8488892120195457 50.86877656210920406)))</t>
  </si>
  <si>
    <t>MultiPolygon (((5.81297822933184172 50.8687177729205473, 5.81396816684823303 50.87010082267736522, 5.81401243724311989 50.86937418685162982, 5.82451261985077728 50.86675025465705602, 5.82685789398469467 50.86685720271305655, 5.82877366173692302 50.86629061507780136, 5.82909350960455441 50.86540282441737304, 5.82743257633935396 50.86348893031444618, 5.82198683724038712 50.86265292460331722, 5.82080793530483653 50.8618846497577195, 5.82251869976172998 50.85987324031246715, 5.82058158013768789 50.85645903602016205, 5.8193964370044915 50.8564203946537603, 5.81974598184212777 50.85892183374750175, 5.81580025770643871 50.86062853352802904, 5.81616553856316809 50.86211912708284899, 5.81244897194700449 50.8625523082088975, 5.81035354189892406 50.86647820403507581, 5.81297822933184172 50.8687177729205473, 5.81297822933184172 50.8687177729205473)))</t>
  </si>
  <si>
    <t>MultiPolygon (((5.83996487623878924 50.87153249892354978, 5.84587530794603527 50.87252898427774994, 5.8488892120195457 50.86877656210920406, 5.84266438842862179 50.8677964544484098, 5.83926999130860214 50.86512454716239517, 5.83426523353445159 50.86838709169068551, 5.83996487623878924 50.87153249892354978, 5.83996487623878924 50.87153249892354978)))</t>
  </si>
  <si>
    <t>MultiPolygon (((5.81346214750535495 50.87426962565525201, 5.82372884739474195 50.87572246512338126, 5.82393899063310894 50.87232907588191466, 5.81440548082464836 50.87288570274029809, 5.81346139304417786 50.87424508609147722, 5.81346214750535495 50.87426962565525201, 5.81346214750535495 50.87426962565525201)))</t>
  </si>
  <si>
    <t>MultiPolygon (((5.85166515102081863 50.88219973599098012, 5.85697773157922175 50.8819153790734191, 5.86161843437493957 50.88241751284662229, 5.86275102840016427 50.88018249706060914, 5.86183965582369826 50.87994119454156561, 5.86279413084995227 50.87974351723320154, 5.86389164879479008 50.87709568384406822, 5.86534910947227139 50.87584062177892719, 5.87006849666637365 50.873018853021712, 5.86913149644163656 50.87219609770924933, 5.86801948859069977 50.87300150135944676, 5.86175931843870934 50.87022678243516793, 5.86290317990326404 50.86772940711023949, 5.85978871125183254 50.86756877023547929, 5.85285988262354184 50.86884866829008445, 5.8488892120195457 50.86877656210920406, 5.84587530794603527 50.87252898427774994, 5.84831017679416298 50.87326678204900787, 5.8519920903553313 50.8777606253103869, 5.85166515102081863 50.88219973599098012, 5.85166515102081863 50.88219973599098012)))</t>
  </si>
  <si>
    <t>MultiPolygon (((5.84199212206265717 50.88242845380653989, 5.85012939969222856 50.88366686182698828, 5.85166515102081863 50.88219973599098012, 5.8519920903553313 50.8777606253103869, 5.84831017679416298 50.87326678204900787, 5.84587530794603527 50.87252898427774994, 5.83996487623878924 50.87153249892354978, 5.83892286581277009 50.8737087641765271, 5.83643558842881394 50.87412783527586413, 5.83590757861480025 50.87655949616757312, 5.84199212206265717 50.88242845380653989, 5.84199212206265717 50.88242845380653989)))</t>
  </si>
  <si>
    <t>MultiPolygon (((5.83468733013681984 50.88064824404116848, 5.83582982368969816 50.88151413126825418, 5.84199212206265717 50.88242845380653989, 5.83590757861480025 50.87655949616757312, 5.83643558842881394 50.87412783527586413, 5.83892286581277009 50.8737087641765271, 5.83996487623878924 50.87153249892354978, 5.83426523353445159 50.86838709169068551, 5.8309801832451873 50.87022408260504847, 5.82393899063310894 50.87232907588191466, 5.82372884739474195 50.87572246512338126, 5.83454487325759086 50.87991748484854782, 5.83468733013681984 50.88064824404116848, 5.83468733013681984 50.88064824404116848)))</t>
  </si>
  <si>
    <t>MultiPolygon (((5.81440548082464836 50.87288570274029809, 5.82393899063310894 50.87232907588191466, 5.8309801832451873 50.87022408260504847, 5.82685789398469467 50.86685720271305655, 5.82451261985077728 50.86675025465705602, 5.81401243724311989 50.86937418685162982, 5.81396816684823303 50.87010082267736522, 5.81440548082464836 50.87288570274029809, 5.81440548082464836 50.87288570274029809)))</t>
  </si>
  <si>
    <t>MultiPolygon (((5.8309801832451873 50.87022408260504847, 5.83426523353445159 50.86838709169068551, 5.83926999130860214 50.86512454716239517, 5.8449566165346063 50.86155361434000355, 5.84902345020204351 50.86002940469132483, 5.83974176255727695 50.85456530955453758, 5.8368659870381574 50.85640270014818753, 5.83268465850762485 50.85299594749145768, 5.8280886723582892 50.8519118373768606, 5.82112425253432253 50.8514091752464239, 5.82151404949078533 50.85240919224888501, 5.81888606025665567 50.85379334441298482, 5.82058158013768789 50.85645903602016205, 5.82251869976172998 50.85987324031246715, 5.82080793530483653 50.8618846497577195, 5.82198683724038712 50.86265292460331722, 5.82743257633935396 50.86348893031444618, 5.82909350960455441 50.86540282441737304, 5.82877366173692302 50.86629061507780136, 5.82685789398469467 50.86685720271305655, 5.8309801832451873 50.87022408260504847, 5.8309801832451873 50.87022408260504847)))</t>
  </si>
  <si>
    <t>MultiPolygon (((5.72218766757413011 51.20450116031307175, 5.7251716090511362 51.20474932100538012, 5.72740322237242072 51.2062656073246032, 5.73096799111921928 51.20739964529644084, 5.73509948850058393 51.20560687505324893, 5.74364649542509387 51.20533155716182705, 5.74920748046326135 51.20847696362003632, 5.75154367414835122 51.20750351372586806, 5.75334391923345123 51.20794217381912006, 5.75585659374272041 51.20683005697480894, 5.75290918173743115 51.20517920239292664, 5.7536420385905922 51.20318478477470592, 5.75182680895901655 51.2000881111147379, 5.74581951574826899 51.19384565394029352, 5.74736867400195983 51.19242389528497483, 5.7468369394513461 51.19244046410432958, 5.74654695806989224 51.19055756836448268, 5.74569811861407675 51.19057484283302273, 5.74564121935557726 51.18949896330355642, 5.74328213864814341 51.18826036415181591, 5.74307511147994809 51.18753469962987879, 5.74218032224375374 51.1876586538758076, 5.74009826426481951 51.18655141262828323, 5.73963434751090773 51.18475604037988802, 5.73850743359283033 51.18639669168892681, 5.73385971497949587 51.18620695885043403, 5.73348098162346709 51.18531828275142459, 5.72993501378730308 51.18497454936163393, 5.72953552944641142 51.1855236738260686, 5.7265435835001961 51.18548365719345838, 5.72676197719760705 51.18495830427934834, 5.72542995483697226 51.18466865996778381, 5.72519036900515843 51.18526836479855291, 5.71778336644864726 51.18437902238960646, 5.71447898019900613 51.18350882224570597, 5.70933921119295462 51.18042069405305483, 5.70800373397955063 51.18205469565953791, 5.70128804736791128 51.18247835711974147, 5.70161127140100987 51.1837929983500004, 5.69643605973209777 51.18393705049567188, 5.69529476636751841 51.18255894961423991, 5.6917647732361214 51.1836407171393688, 5.68969508427517123 51.18537665523424351, 5.68787147744711596 51.18540026679163191, 5.6872162668317694 51.18476681049654786, 5.68283549390520371 51.18392929173462136, 5.68115686995135061 51.18444513340517688, 5.68049407465663947 51.18348157721055713, 5.67654101796948396 51.18272556639901438, 5.67635953347343847 51.18442877138556213, 5.67246936229714382 51.18560010685819606, 5.66449508798075474 51.18629438955009903, 5.65804365262262365 51.18474501947812172, 5.6497399564110431 51.19361771005551276, 5.65408314288704972 51.19424170428324317, 5.69013138630088466 51.19924170179417899, 5.70776398003732233 51.20098508904121815, 5.70615219537189322 51.19466673325321437, 5.70397754222399467 51.19367867163875729, 5.70459810748758223 51.19259220548058664, 5.71504988934279634 51.18901141095252427, 5.71951464451980041 51.1903928936905146, 5.72340112001146206 51.18993876652832142, 5.73152683613279113 51.19061542417126986, 5.73272714892070301 51.19196289768132857, 5.72968658276229181 51.19412406408370941, 5.72771913862820803 51.19471127104488062, 5.72469085381104215 51.19726378133888289, 5.72586981493394287 51.19737634158119022, 5.72474246713277601 51.19989212689443292, 5.72207315449101461 51.20131553214421416, 5.72218766757413011 51.20450116031307175, 5.72218766757413011 51.20450116031307175)))</t>
  </si>
  <si>
    <t>MultiPolygon (((5.71941925850346866 51.20447744496929232, 5.72218766757413011 51.20450116031307175, 5.72207315449101461 51.20131553214421416, 5.72474246713277601 51.19989212689443292, 5.72586981493394287 51.19737634158119022, 5.72469085381104215 51.19726378133888289, 5.72771913862820803 51.19471127104488062, 5.72968658276229181 51.19412406408370941, 5.73272714892070301 51.19196289768132857, 5.73152683613279113 51.19061542417126986, 5.72340112001146206 51.18993876652832142, 5.71951464451980041 51.1903928936905146, 5.71504988934279634 51.18901141095252427, 5.70459810748758223 51.19259220548058664, 5.70397754222399467 51.19367867163875729, 5.70615219537189322 51.19466673325321437, 5.70776398003732233 51.20098508904121815, 5.71840106341320098 51.20336345856217264, 5.71941925850346866 51.20447744496929232, 5.71941925850346866 51.20447744496929232)))</t>
  </si>
  <si>
    <t>MultiPolygon (((5.75035244881293295 51.24570252508215162, 5.78634325998222998 51.24297732568284403, 5.79177000556443922 51.23753696961104254, 5.79005070106821851 51.23649870461027689, 5.78973779168890523 51.23388325807823662, 5.78176662009954434 51.22013878815588583, 5.77584513318323278 51.2190059823573236, 5.77477849859417525 51.21800247796023342, 5.77458103444895343 51.21592943443275203, 5.77318824250835938 51.21512857738941449, 5.76851444902552668 51.21484703300374264, 5.76439326271967811 51.21587935049154794, 5.76377669121248193 51.21855818556316109, 5.76012289250291687 51.21887968703628502, 5.75708433780598039 51.22150707533243974, 5.75541363037385256 51.2197186382725036, 5.75278434427529106 51.22110413761036796, 5.75975651120107557 51.22444210906576245, 5.75872852265248181 51.23304420051275088, 5.75411980581081828 51.23458687030458236, 5.74637888825402321 51.23495992993567683, 5.74324993007843965 51.23833112881013108, 5.74421765745204116 51.24047755238422042, 5.75035244881293295 51.24570252508215162, 5.75035244881293295 51.24570252508215162),(5.77098571024370255 51.23322329363752914, 5.76749440834495708 51.2331596677483958, 5.76634516175830125 51.23073057680595355, 5.77125293425607921 51.22865722149350631, 5.77560420832564958 51.2282637699662331, 5.77859374266860559 51.23119338211469653, 5.77832904488872678 51.23241450621571147, 5.77755112270188054 51.23283566450624704, 5.77380212874103282 51.23198528324407164, 5.77091321263413448 51.23275907014765806, 5.77098571024370255 51.23322329363752914, 5.77098571024370255 51.23322329363752914)))</t>
  </si>
  <si>
    <t>MultiPolygon (((5.77098571024370255 51.23322329363752914, 5.77091321263413448 51.23275907014765806, 5.77380212874103282 51.23198528324407164, 5.77755112270188054 51.23283566450624704, 5.77832904488872678 51.23241450621571147, 5.77859374266860559 51.23119338211469653, 5.77560420832564958 51.2282637699662331, 5.77125293425607921 51.22865722149350631, 5.76634516175830125 51.23073057680595355, 5.76749440834495708 51.2331596677483958, 5.77098571024370255 51.23322329363752914, 5.77098571024370255 51.23322329363752914)))</t>
  </si>
  <si>
    <t>MultiPolygon (((5.71868892073583979 51.22682503472375259, 5.72619193012135863 51.22675640076942472, 5.73543318320650464 51.22511026301895498, 5.73900742816531562 51.22926983408445523, 5.74120542477003593 51.23286972467666089, 5.74097984511778403 51.23391149844587744, 5.74637888825402321 51.23495992993567683, 5.75411980581081828 51.23458687030458236, 5.75872852265248181 51.23304420051275088, 5.75975651120107557 51.22444210906576245, 5.75278434427529106 51.22110413761036796, 5.75541363037385256 51.2197186382725036, 5.75708433780598039 51.22150707533243974, 5.76012289250291687 51.21887968703628502, 5.76377669121248193 51.21855818556316109, 5.76439326271967811 51.21587935049154794, 5.76065152011422477 51.21646993006047666, 5.75686655895851374 51.21614334044379291, 5.75526425179486978 51.21543857696023139, 5.751776120635121 51.21361106551977826, 5.75083635357601253 51.20967945727007731, 5.74920748046326135 51.20847696362003632, 5.74364649542509387 51.20533155716182705, 5.73509948850058393 51.20560687505324893, 5.73096799111921928 51.20739964529644084, 5.72740322237242072 51.2062656073246032, 5.7251716090511362 51.20474932100538012, 5.72218766757413011 51.20450116031307175, 5.71941925850346866 51.20447744496929232, 5.71918030761656659 51.20598633399499278, 5.71533175911768687 51.20603884869684208, 5.70766642084275677 51.20331487492077116, 5.70642573522481467 51.20336454695679151, 5.70333313725405766 51.20869595363365079, 5.71174063813280597 51.22217742134774454, 5.71506693303305013 51.22566125073637977, 5.71552520934621455 51.22462560358124506, 5.71935899706353101 51.22495228646820919, 5.71868892073583979 51.22682503472375259, 5.71868892073583979 51.22682503472375259),(5.73035263341991374 51.21456831223002126, 5.72902295340684731 51.21529833758176409, 5.72377617204668798 51.21274917387258085, 5.72341102560336257 51.2111172841358453, 5.72854587920097202 51.20931673511240234, 5.73487391969761529 51.20854928402884099, 5.73599752885833336 51.20889044094520415, 5.73813489868036175 51.21151292059691684, 5.7371031126666221 51.21366082049803481, 5.73035263341991374 51.21456831223002126, 5.73035263341991374 51.21456831223002126)))</t>
  </si>
  <si>
    <t>MultiPolygon (((5.73035263341991374 51.21456831223002126, 5.7371031126666221 51.21366082049803481, 5.73813489868036175 51.21151292059691684, 5.73599752885833336 51.20889044094520415, 5.73487391969761529 51.20854928402884099, 5.72854587920097202 51.20931673511240234, 5.72341102560336257 51.2111172841358453, 5.72377617204668798 51.21274917387258085, 5.72902295340684731 51.21529833758176409, 5.73035263341991374 51.21456831223002126, 5.73035263341991374 51.21456831223002126)))</t>
  </si>
  <si>
    <t>MultiPolygon (((5.64700512362238527 51.23841669576641067, 5.6488506287992104 51.23701621751707336, 5.65571245917825838 51.23926363435245435, 5.65748084149752017 51.23815728279150505, 5.66643443608839359 51.23865172523133538, 5.67524426250794978 51.23599584125705064, 5.67731788095219958 51.23407239971997029, 5.68423385381140012 51.23169807425539091, 5.69478950223975389 51.23441514829151799, 5.69620145310748249 51.23442842727136792, 5.70403621807050154 51.23010808977992525, 5.70408498853202595 51.22757954562605676, 5.70552659916090654 51.22555965473389961, 5.70794710877952838 51.2271710432711771, 5.71506693303305013 51.22566125073637977, 5.71174063813280597 51.22217742134774454, 5.70333313725405766 51.20869595363365079, 5.70642573522481467 51.20336454695679151, 5.70766642084275677 51.20331487492077116, 5.71533175911768687 51.20603884869684208, 5.71918030761656659 51.20598633399499278, 5.71941925850346866 51.20447744496929232, 5.71840106341320098 51.20336345856217264, 5.70776398003732233 51.20098508904121815, 5.69013138630088466 51.19924170179417899, 5.65408314288704972 51.19424170428324317, 5.65273374880277135 51.19766099470511023, 5.64646759054634373 51.19994410529565698, 5.58314376648743238 51.21654800959947096, 5.64700512362238527 51.23841669576641067, 5.64700512362238527 51.23841669576641067),(5.68187507839698824 51.223238224958898, 5.67877189656614778 51.2233101135502622, 5.67562181807476396 51.22035134169764348, 5.67619001136391965 51.21865054052950228, 5.67760658566150056 51.21796918033678736, 5.68165691489009461 51.21838924631074264, 5.6868573392073225 51.22055881535208499, 5.68435387428990868 51.22201150864982822, 5.68268968907609384 51.22213846019002403, 5.68187507839698824 51.223238224958898, 5.68187507839698824 51.223238224958898)))</t>
  </si>
  <si>
    <t>MultiPolygon (((5.68187507839698824 51.223238224958898, 5.68268968907609384 51.22213846019002403, 5.68435387428990868 51.22201150864982822, 5.6868573392073225 51.22055881535208499, 5.68165691489009461 51.21838924631074264, 5.67760658566150056 51.21796918033678736, 5.67619001136391965 51.21865054052950228, 5.67562181807476396 51.22035134169764348, 5.67877189656614778 51.2233101135502622, 5.68187507839698824 51.223238224958898, 5.68187507839698824 51.223238224958898)))</t>
  </si>
  <si>
    <t>MultiPolygon (((5.68110912930028178 51.25008955743358996, 5.68975144718627668 51.24955573629354433, 5.68995399831290527 51.24926338363428613, 5.68317427382451523 51.24591905660229685, 5.67501865525262161 51.24333348104125463, 5.67246680163893569 51.24344358295376622, 5.67056565053835104 51.24502079759122353, 5.66683815424899517 51.24458368788472029, 5.66428914576132492 51.24251678805129018, 5.65571245917825838 51.23926363435245435, 5.6488506287992104 51.23701621751707336, 5.64700512362238527 51.23841669576641067, 5.68110912930028178 51.25008955743358996, 5.68110912930028178 51.25008955743358996)))</t>
  </si>
  <si>
    <t>MultiPolygon (((5.65571245917825838 51.23926363435245435, 5.66428914576132492 51.24251678805129018, 5.66683815424899517 51.24458368788472029, 5.67056565053835104 51.24502079759122353, 5.67246680163893569 51.24344358295376622, 5.67501865525262161 51.24333348104125463, 5.68317427382451523 51.24591905660229685, 5.68995399831290527 51.24926338363428613, 5.69478916923227896 51.24531739621209425, 5.69700364260816539 51.23996677473440542, 5.69956105913723299 51.23847904107493889, 5.69478950223975389 51.23441514829151799, 5.68423385381140012 51.23169807425539091, 5.67731788095219958 51.23407239971997029, 5.67524426250794978 51.23599584125705064, 5.66643443608839359 51.23865172523133538, 5.65748084149752017 51.23815728279150505, 5.65571245917825838 51.23926363435245435, 5.65571245917825838 51.23926363435245435)))</t>
  </si>
  <si>
    <t>MultiPolygon (((5.73669123238579726 51.25953055108279699, 5.73832315007522631 51.26236438474219881, 5.73729795678074073 51.2641780408149188, 5.7440974693883291 51.26530113367211072, 5.74961206567381211 51.26156641083973398, 5.76957084844889412 51.25415237823656867, 5.77786912469810154 51.25039991591069821, 5.7823599242386905 51.24737264933752101, 5.78634325998222998 51.24297732568284403, 5.75035244881293295 51.24570252508215162, 5.74608610206709081 51.24903717212663423, 5.74446608311870399 51.24916762652022584, 5.74379463596845774 51.24845966974054079, 5.73888098714373118 51.2492576521875165, 5.73827113484351603 51.25124298843461901, 5.74151852535406437 51.25173998225082528, 5.741817386997627 51.25486747993505787, 5.73981258351943691 51.25765300527136503, 5.73852049354586047 51.25766177370323362, 5.73669123238579726 51.25953055108279699, 5.73669123238579726 51.25953055108279699)))</t>
  </si>
  <si>
    <t>MultiPolygon (((5.74057623544338114 51.27036879734060193, 5.74066608239419107 51.27024909700013211, 5.7440974693883291 51.26530113367211072, 5.73729795678074073 51.2641780408149188, 5.73832315007522631 51.26236438474219881, 5.73669123238579726 51.25953055108279699, 5.73131829999312536 51.25935931432315584, 5.727928834140668 51.25839782182590199, 5.72702356946295321 51.26051845771977611, 5.72489932494275688 51.26228669042301078, 5.724086828544519 51.26202630649233072, 5.72543370058868017 51.26046750151993336, 5.72252821740031692 51.25956221151432857, 5.71679324842572978 51.26084626326916549, 5.71727595503510244 51.26171442836096759, 5.72218453466508326 51.26349385133121217, 5.72273603135325715 51.26426690889542215, 5.74057623544338114 51.27036879734060193, 5.74057623544338114 51.27036879734060193)))</t>
  </si>
  <si>
    <t>MultiPolygon (((5.727928834140668 51.25839782182590199, 5.73131829999312536 51.25935931432315584, 5.73669123238579726 51.25953055108279699, 5.73852049354586047 51.25766177370323362, 5.73981258351943691 51.25765300527136503, 5.741817386997627 51.25486747993505787, 5.74151852535406437 51.25173998225082528, 5.73827113484351603 51.25124298843461901, 5.73888098714373118 51.2492576521875165, 5.74379463596845774 51.24845966974054079, 5.74446608311870399 51.24916762652022584, 5.74608610206709081 51.24903717212663423, 5.75035244881293295 51.24570252508215162, 5.72713652886787994 51.24727175984825323, 5.72809070543418297 51.25211725127362428, 5.72862780308699993 51.25550146914964245, 5.727928834140668 51.25839782182590199, 5.727928834140668 51.25839782182590199)))</t>
  </si>
  <si>
    <t>MultiPolygon (((5.71475549059531129 51.24821406088906173, 5.72713652886787994 51.24727175984825323, 5.7252540592219372 51.24003682051889541, 5.72299381207588809 51.23909363875276313, 5.71773828151178254 51.23885379135784746, 5.71749832497934207 51.24197017535455956, 5.71475549059531129 51.24821406088906173, 5.71475549059531129 51.24821406088906173)))</t>
  </si>
  <si>
    <t>MultiPolygon (((5.72713652886787994 51.24727175984825323, 5.75035244881293295 51.24570252508215162, 5.74421765745204116 51.24047755238422042, 5.74324993007843965 51.23833112881013108, 5.74637888825402321 51.23495992993567683, 5.74097984511778403 51.23391149844587744, 5.74120542477003593 51.23286972467666089, 5.73900742816531562 51.22926983408445523, 5.73543318320650464 51.22511026301895498, 5.72619193012135863 51.22675640076942472, 5.71868892073583979 51.22682503472375259, 5.71487301040048656 51.22690793769591977, 5.71061568503326011 51.22791550955996343, 5.71035226265553408 51.23097796196563536, 5.7146250505785039 51.23132804716945543, 5.71173114850958452 51.23646583264534371, 5.70911614031380044 51.23920647986360422, 5.70929904375814523 51.23921005414146634, 5.71773828151178254 51.23885379135784746, 5.72299381207588809 51.23909363875276313, 5.7252540592219372 51.24003682051889541, 5.72713652886787994 51.24727175984825323, 5.72713652886787994 51.24727175984825323)))</t>
  </si>
  <si>
    <t>MultiPolygon (((5.7030944209658081 51.24878864833893033, 5.70627981293041131 51.24865580881057525, 5.71475549059531129 51.24821406088906173, 5.71749832497934207 51.24197017535455956, 5.71773828151178254 51.23885379135784746, 5.70929904375814523 51.23921005414146634, 5.70916948324522622 51.24014185545188838, 5.70672800073063069 51.23998830954027994, 5.70261175079141669 51.24832558752285649, 5.7030944209658081 51.24878864833893033, 5.7030944209658081 51.24878864833893033)))</t>
  </si>
  <si>
    <t>MultiPolygon (((5.69956105913723299 51.23847904107493889, 5.70911614031380044 51.23920647986360422, 5.71173114850958452 51.23646583264534371, 5.7146250505785039 51.23132804716945543, 5.71035226265553408 51.23097796196563536, 5.71061568503326011 51.22791550955996343, 5.71487301040048656 51.22690793769591977, 5.71868892073583979 51.22682503472375259, 5.71935899706353101 51.22495228646820919, 5.71552520934621455 51.22462560358124506, 5.71506693303305013 51.22566125073637977, 5.70794710877952838 51.2271710432711771, 5.70552659916090654 51.22555965473389961, 5.70408498853202595 51.22757954562605676, 5.70403621807050154 51.23010808977992525, 5.69620145310748249 51.23442842727136792, 5.69478950223975389 51.23441514829151799, 5.69956105913723299 51.23847904107493889, 5.69956105913723299 51.23847904107493889)))</t>
  </si>
  <si>
    <t>MultiPolygon (((5.68995399831290527 51.24926338363428613, 5.68975144718627668 51.24955573629354433, 5.69561196450086893 51.24914030394874231, 5.70223145236213558 51.24882351681785764, 5.7030944209658081 51.24878864833893033, 5.70261175079141669 51.24832558752285649, 5.70672800073063069 51.23998830954027994, 5.70916948324522622 51.24014185545188838, 5.70929904375814523 51.23921005414146634, 5.70911614031380044 51.23920647986360422, 5.69956105913723299 51.23847904107493889, 5.69700364260816539 51.23996677473440542, 5.69478916923227896 51.24531739621209425, 5.68995399831290527 51.24926338363428613, 5.68995399831290527 51.24926338363428613)))</t>
  </si>
  <si>
    <t>MultiPolygon (((5.68772849938545288 51.25236550103204536, 5.69572442192751982 51.25508127852776141, 5.69561196450086893 51.24914030394874231, 5.68975144718627668 51.24955573629354433, 5.68110912930028178 51.25008955743358996, 5.68772849938545288 51.25236550103204536, 5.68772849938545288 51.25236550103204536)))</t>
  </si>
  <si>
    <t>MultiPolygon (((5.69572442192751982 51.25508127852776141, 5.70190056870880468 51.25719592931069002, 5.70089780175764282 51.25442843839759632, 5.70348059278392228 51.25261509851487318, 5.70344987705040918 51.25125386901621027, 5.70184715289141142 51.24947554915350878, 5.70223145236213558 51.24882351681785764, 5.69561196450086893 51.24914030394874231, 5.69572442192751982 51.25508127852776141, 5.69572442192751982 51.25508127852776141)))</t>
  </si>
  <si>
    <t>MultiPolygon (((5.7153206799990377 51.25476579743936156, 5.72020973996328053 51.25355144908277083, 5.72809070543418297 51.25211725127362428, 5.72713652886787994 51.24727175984825323, 5.71475549059531129 51.24821406088906173, 5.71455400859878715 51.25136931347373093, 5.71587847538619798 51.25429282315845825, 5.7153206799990377 51.25476579743936156, 5.7153206799990377 51.25476579743936156)))</t>
  </si>
  <si>
    <t>MultiPolygon (((5.72252821740031692 51.25956221151432857, 5.72543370058868017 51.26046750151993336, 5.724086828544519 51.26202630649233072, 5.72489932494275688 51.26228669042301078, 5.72702356946295321 51.26051845771977611, 5.727928834140668 51.25839782182590199, 5.72862780308699993 51.25550146914964245, 5.72809070543418297 51.25211725127362428, 5.72020973996328053 51.25355144908277083, 5.72252821740031692 51.25956221151432857, 5.72252821740031692 51.25956221151432857)))</t>
  </si>
  <si>
    <t>MultiPolygon (((5.72273603135325715 51.26426690889542215, 5.72218453466508326 51.26349385133121217, 5.71727595503510244 51.26171442836096759, 5.71679324842572978 51.26084626326916549, 5.72252821740031692 51.25956221151432857, 5.72020973996328053 51.25355144908277083, 5.7153206799990377 51.25476579743936156, 5.71415954903917633 51.25554506583129921, 5.70885053722568703 51.25587209073108141, 5.7074701458734749 51.25680789748484756, 5.70852329163464045 51.25735081987331654, 5.70726642187500754 51.2590303768037856, 5.72273603135325715 51.26426690889542215, 5.72273603135325715 51.26426690889542215)))</t>
  </si>
  <si>
    <t>MultiPolygon (((5.70885053722568703 51.25587209073108141, 5.71415954903917633 51.25554506583129921, 5.7153206799990377 51.25476579743936156, 5.71587847538619798 51.25429282315845825, 5.71455400859878715 51.25136931347373093, 5.71475549059531129 51.24821406088906173, 5.70627981293041131 51.24865580881057525, 5.70636548403787547 51.25099212336044729, 5.70976341365575912 51.25223336937559537, 5.70885053722568703 51.25587209073108141, 5.70885053722568703 51.25587209073108141)))</t>
  </si>
  <si>
    <t>MultiPolygon (((5.70368040396852294 51.25780522791594507, 5.70726642187500754 51.2590303768037856, 5.70852329163464045 51.25735081987331654, 5.7074701458734749 51.25680789748484756, 5.70885053722568703 51.25587209073108141, 5.70976341365575912 51.25223336937559537, 5.70636548403787547 51.25099212336044729, 5.70627981293041131 51.24865580881057525, 5.7030944209658081 51.24878864833893033, 5.70223145236213558 51.24882351681785764, 5.70184715289141142 51.24947554915350878, 5.70344987705040918 51.25125386901621027, 5.70348059278392228 51.25261509851487318, 5.70089780175764282 51.25442843839759632, 5.70190056870880468 51.25719592931069002, 5.70368040396852294 51.25780522791594507, 5.70368040396852294 51.25780522791594507)))</t>
  </si>
  <si>
    <t>MultiPolygon (((5.72884533768244353 51.28142021003477424, 5.72961261219688378 51.28118338815123423, 5.73405197674019451 51.27894527207313047, 5.73707112347684944 51.27630771927560716, 5.71788886565002308 51.2699505145411365, 5.71678641155610467 51.26957732543040436, 5.71315749682771568 51.2722035591457086, 5.71970466099716823 51.27540891030274395, 5.72159922777792396 51.27583668849833742, 5.72224154258253215 51.27528736907682827, 5.7277623449687427 51.27928609337847377, 5.72718912293225912 51.27942174765048122, 5.72884533768244353 51.28142021003477424, 5.72884533768244353 51.28142021003477424)))</t>
  </si>
  <si>
    <t>MultiPolygon (((5.73707112347684944 51.27630771927560716, 5.74057623544338114 51.27036879734060193, 5.72273603135325715 51.26426690889542215, 5.71788886565002308 51.2699505145411365, 5.73707112347684944 51.27630771927560716, 5.73707112347684944 51.27630771927560716)))</t>
  </si>
  <si>
    <t>MultiPolygon (((5.71678641155610467 51.26957732543040436, 5.71788886565002308 51.2699505145411365, 5.72273603135325715 51.26426690889542215, 5.70726642187500754 51.2590303768037856, 5.70368040396852294 51.25780522791594507, 5.69874419073410188 51.26108897574007983, 5.70001354336808141 51.26208819444376275, 5.70640828480519335 51.26583468798553866, 5.71242058767306826 51.26804292405834929, 5.71678641155610467 51.26957732543040436, 5.71678641155610467 51.26957732543040436)))</t>
  </si>
  <si>
    <t>MultiPolygon (((5.69939509404532529 51.27091996630377224, 5.70248411938763589 51.26908454790844871, 5.70718559930883007 51.27150084996240764, 5.71242058767306826 51.26804292405834929, 5.70640828480519335 51.26583468798553866, 5.70001354336808141 51.26208819444376275, 5.6920759139696635 51.26561697980372401, 5.69587533993697015 51.26693282774538574, 5.69698261625132929 51.26902950824538152, 5.69939509404532529 51.27091996630377224, 5.69939509404532529 51.27091996630377224)))</t>
  </si>
  <si>
    <t>MultiPolygon (((5.66403414500649127 51.27843420351547365, 5.66904101646026426 51.27732599384597023, 5.67451177185207545 51.27704929024702096, 5.68656714169882083 51.28071774120489579, 5.68772068441153333 51.27906720106750527, 5.68659643447020002 51.27852689903921402, 5.69170800484203188 51.27438566386547336, 5.69717240463572949 51.27290510587231864, 5.69939509404532529 51.27091996630377224, 5.69698261625132929 51.26902950824538152, 5.69587533993697015 51.26693282774538574, 5.6920759139696635 51.26561697980372401, 5.68732229856514593 51.26603433672098475, 5.68262557636182475 51.26813869794435874, 5.67287478348283436 51.27119180904392692, 5.66660635640208188 51.27417784456482508, 5.66477351147724306 51.27584022576913725, 5.66403414500649127 51.27843420351547365, 5.66403414500649127 51.27843420351547365)))</t>
  </si>
  <si>
    <t>MultiPolygon (((5.68656714169882083 51.28071774120489579, 5.69805840819176179 51.28285490679444081, 5.70887356037590177 51.28356564920142802, 5.72214196667511565 51.28282345172938506, 5.72884533768244353 51.28142021003477424, 5.72718912293225912 51.27942174765048122, 5.7277623449687427 51.27928609337847377, 5.72224154258253215 51.27528736907682827, 5.72159922777792396 51.27583668849833742, 5.71970466099716823 51.27540891030274395, 5.71315749682771568 51.2722035591457086, 5.71678641155610467 51.26957732543040436, 5.71242058767306826 51.26804292405834929, 5.70718559930883007 51.27150084996240764, 5.70248411938763589 51.26908454790844871, 5.69939509404532529 51.27091996630377224, 5.69717240463572949 51.27290510587231864, 5.69170800484203188 51.27438566386547336, 5.68659643447020002 51.27852689903921402, 5.68772068441153333 51.27906720106750527, 5.68656714169882083 51.28071774120489579, 5.68656714169882083 51.28071774120489579),(5.70528842747922749 51.27795377392334331, 5.70233222736308765 51.27624128213429344, 5.70149958005204027 51.27465247929910674, 5.70274707296737571 51.27237457329927395, 5.70386832594309734 51.27201461162584195, 5.70624862505694885 51.27208863432213093, 5.71062359078249226 51.27449003575864594, 5.70664191812915522 51.27763082167598441, 5.70528842747922749 51.27795377392334331, 5.70528842747922749 51.27795377392334331)))</t>
  </si>
  <si>
    <t>MultiPolygon (((5.68732229856514593 51.26603433672098475, 5.6920759139696635 51.26561697980372401, 5.70001354336808141 51.26208819444376275, 5.69874419073410188 51.26108897574007983, 5.68732229856514593 51.26603433672098475, 5.68732229856514593 51.26603433672098475)))</t>
  </si>
  <si>
    <t>MultiPolygon (((5.70528842747922749 51.27795377392334331, 5.70664191812915522 51.27763082167598441, 5.71062359078249226 51.27449003575864594, 5.70624862505694885 51.27208863432213093, 5.70386832594309734 51.27201461162584195, 5.70274707296737571 51.27237457329927395, 5.70149958005204027 51.27465247929910674, 5.70233222736308765 51.27624128213429344, 5.70528842747922749 51.27795377392334331, 5.70528842747922749 51.27795377392334331)))</t>
  </si>
  <si>
    <t>MultiPolygon (((5.68061525589433014 51.25013149184913175, 5.68110912930028178 51.25008955743358996, 5.64700512362238527 51.23841669576641067, 5.58314376648743238 51.21654800959947096, 5.56604527370337987 51.22090940690335259, 5.59432058298139534 51.22607368988148124, 5.59441437519181939 51.22418039344110952, 5.60219561360228013 51.22585602118630987, 5.6187815626398967 51.22942527863342121, 5.62346737466645763 51.24899791641887248, 5.68061525589433014 51.25013149184913175, 5.68061525589433014 51.25013149184913175)))</t>
  </si>
  <si>
    <t>MultiPolygon (((5.64399670834996048 51.29057548978200032, 5.64874882782821963 51.28519012929320553, 5.65695840204109146 51.27973161520915824, 5.659549975823432 51.2788382379354033, 5.66403414500649127 51.27843420351547365, 5.66477351147724306 51.27584022576913725, 5.66660635640208188 51.27417784456482508, 5.67287478348283436 51.27119180904392692, 5.68262557636182475 51.26813869794435874, 5.68186511789840409 51.26671487991789888, 5.6792054163265302 51.2650739898221488, 5.67810284986924074 51.26545245553695196, 5.67616011908520424 51.26441062152117212, 5.67416554200268841 51.26224673273144816, 5.67058738964645137 51.2612108395093955, 5.66981153035802343 51.26216842615998104, 5.66449961994875473 51.26002282464725113, 5.66838852876986987 51.25503988106645181, 5.67116142861910966 51.25282648026101384, 5.675987980635262 51.25084323414127851, 5.68061525589433014 51.25013149184913175, 5.62346737466645763 51.24899791641887248, 5.62348058231187498 51.24910878249394841, 5.62597219505678581 51.27360160140783307, 5.64399670834996048 51.29057548978200032, 5.64399670834996048 51.29057548978200032)))</t>
  </si>
  <si>
    <t>MultiPolygon (((5.69874419073410188 51.26108897574007983, 5.70368040396852294 51.25780522791594507, 5.70190056870880468 51.25719592931069002, 5.69572442192751982 51.25508127852776141, 5.68772849938545288 51.25236550103204536, 5.68646689505614678 51.25392234603065589, 5.68631044114557405 51.25543023393731801, 5.68740855052763727 51.25661480754106236, 5.69874419073410188 51.26108897574007983, 5.69874419073410188 51.26108897574007983)))</t>
  </si>
  <si>
    <t>MultiPolygon (((5.67416554200268841 51.26224673273144816, 5.67650248581648675 51.2610571075585284, 5.67924764343903732 51.25765021165214819, 5.68330929652776362 51.25431297990711954, 5.68530181034496884 51.25359075309672363, 5.68646689505614678 51.25392234603065589, 5.68772849938545288 51.25236550103204536, 5.68110912930028178 51.25008955743358996, 5.68061525589433014 51.25013149184913175, 5.675987980635262 51.25084323414127851, 5.67116142861910966 51.25282648026101384, 5.66838852876986987 51.25503988106645181, 5.66449961994875473 51.26002282464725113, 5.66981153035802343 51.26216842615998104, 5.67058738964645137 51.2612108395093955, 5.67416554200268841 51.26224673273144816, 5.67416554200268841 51.26224673273144816)))</t>
  </si>
  <si>
    <t>MultiPolygon (((5.68262557636182475 51.26813869794435874, 5.68732229856514593 51.26603433672098475, 5.69874419073410188 51.26108897574007983, 5.68740855052763727 51.25661480754106236, 5.68631044114557405 51.25543023393731801, 5.68646689505614678 51.25392234603065589, 5.68530181034496884 51.25359075309672363, 5.68330929652776362 51.25431297990711954, 5.67924764343903732 51.25765021165214819, 5.67650248581648675 51.2610571075585284, 5.67416554200268841 51.26224673273144816, 5.67616011908520424 51.26441062152117212, 5.67810284986924074 51.26545245553695196, 5.6792054163265302 51.2650739898221488, 5.68186511789840409 51.26671487991789888, 5.68262557636182475 51.26813869794435874, 5.68262557636182475 51.26813869794435874)))</t>
  </si>
  <si>
    <t>MultiPolygon (((5.92340497708512803 50.90440574582955691, 5.9241806252115472 50.9048442876796372, 5.9252970350468317 50.90394910457695232, 5.92548481329453214 50.9026089494450531, 5.92869608987269814 50.90054859552824951, 5.93890555645220708 50.89033116427786752, 5.94639795376298697 50.88420938741493416, 5.95262853606692666 50.8778822727253015, 5.94542277973527877 50.87605648408158032, 5.94126330723363605 50.87916817376150647, 5.93932868867302144 50.88165802965052364, 5.93756417110730084 50.88113679564013836, 5.93185022987633026 50.88736985050390871, 5.91739957747574596 50.88230116958175842, 5.91912717935389665 50.87933590540700379, 5.91519980859262606 50.87725380814187304, 5.9172824071260921 50.87647536688627525, 5.92040473733916173 50.87645433742568457, 5.92043932506677351 50.87444881255174067, 5.92146678974957918 50.87382341425443855, 5.92702954135314464 50.87219637538080264, 5.93098704742485427 50.87185292803084025, 5.9359752053467929 50.8736994873443038, 5.93911976114384998 50.87391384707984798, 5.93989971787032545 50.87282072461815119, 5.94284945216536986 50.87336690601514277, 5.9456502784095262 50.87401624169620362, 5.94792440297698999 50.87545391562163388, 5.95402856353759535 50.87650331778474566, 5.961596719381137 50.86957587261003511, 5.96873954579333255 50.86092965164626634, 5.96936233249459658 50.86008040196934132, 5.96480618785375949 50.85514574906967766, 5.96133498898104275 50.85405104221091932, 5.96072011893880482 50.85487050769743433, 5.95738501811195853 50.85306124805162398, 5.95477623497718689 50.8525863699399423, 5.95344103807441716 50.85539843591558196, 5.9535911136174402 50.85737967701926721, 5.94895579670063945 50.85660442328993724, 5.9449489908565285 50.85749597622127283, 5.94343279722181617 50.85687394640693526, 5.94166429981802402 50.85430520259204457, 5.93967877155178048 50.85334137699347679, 5.94021448340985003 50.85164520686850409, 5.94285585964502694 50.85175050198640179, 5.94989684156706566 50.8500776508552832, 5.95360940336598254 50.85004782429348325, 5.95380343780209209 50.85049351669186279, 5.9532638296756959 50.84821745988104169, 5.95529556928768944 50.84692069664294678, 5.95481621414463014 50.84592411772832321, 5.95089221152852677 50.84456957228366036, 5.9468016879321457 50.84468629851173205, 5.94823869164684105 50.84555313520218078, 5.94739394127506849 50.84654314402146014, 5.94576362835268935 50.84634847012428338, 5.94610843715199522 50.84428725778303715, 5.94534675843890525 50.84389395472970818, 5.9404139129975384 50.84151575771549858, 5.93580694129328812 50.84013681798052176, 5.93318719866196354 50.83966094178537531, 5.92960858954904868 50.84024770433043727, 5.92910849128027362 50.84304269233293638, 5.92500241107350778 50.84884125352320439, 5.91616940558581028 50.84881890876017962, 5.90325788535755258 50.84570609571882471, 5.89877166057733771 50.8433508951030646, 5.89158946172933451 50.84284692543902651, 5.89244796773418678 50.84571284555265436, 5.89179734536509869 50.84664451340839975, 5.88945681034101121 50.84521099544621592, 5.88799257196251968 50.84703370284145052, 5.88367171330199223 50.8516774258594566, 5.87664173368810516 50.85502768433948262, 5.87572745061910506 50.85552734307391631, 5.87663926206787313 50.8565878902548576, 5.8743072667617815 50.85724320634112416, 5.8690327183738793 50.85667944918817085, 5.86948178202024362 50.85841355767500716, 5.87130416779321429 50.86087649048352688, 5.87142313595112153 50.8630123505090026, 5.87310361968893524 50.86466073397306076, 5.87133255471988047 50.86781010240435563, 5.87040809510259454 50.86771677242278145, 5.87014165308212732 50.86864126244572049, 5.86906178956849001 50.86875671784029862, 5.8706711171646857 50.87075499452078731, 5.86913149644163656 50.87219609770924933, 5.87006849666637365 50.873018853021712, 5.86534910947227139 50.87584062177892719, 5.86389164879479008 50.87709568384406822, 5.86279413084995227 50.87974351723320154, 5.86183965582369826 50.87994119454156561, 5.86275102840016427 50.88018249706060914, 5.86161843437493957 50.88241751284662229, 5.87145602078456985 50.88345921056821197, 5.88078644512431925 50.88253015955595515, 5.88585981515522239 50.88430506548048271, 5.88709860781109562 50.88371833202465666, 5.88859811430085944 50.88434545392473751, 5.88960524086729986 50.88563649347317153, 5.89046165259722621 50.8850769758490884, 5.89400729718114391 50.88560206019688792, 5.8903900555033557 50.88841307320370788, 5.90366611275780073 50.89423845354868092, 5.90157234538131803 50.89579345722454207, 5.91470710716030723 50.90172167775030232, 5.91339270175608345 50.90272496890410991, 5.91724213200787741 50.90426455995316246, 5.9205434049220802 50.90306370083373366, 5.92340497708512803 50.90440574582955691),(5.91801088229413175 50.90151221683599658, 5.91755527472881315 50.90193904036996031, 5.91320179825698933 50.89997200281884204, 5.91154136014892195 50.89893880129714887, 5.91143358310351807 50.89771175109863321, 5.91501829623884756 50.89752835576178569, 5.9168711558213456 50.8985183875119489, 5.91801088229413175 50.90151221683599658),(5.91817725469094569 50.89463725708881014, 5.91247842279297231 50.89248013315535246, 5.9140766786603729 50.89080485203275117, 5.91917279986196299 50.89252993162489247, 5.9208071786590688 50.89367843035284267, 5.91817725469094569 50.89463725708881014),(5.88513698987558875 50.87300108787319886, 5.88236841922259224 50.86874000542475471, 5.88136748307203039 50.86921123482598261, 5.87958112217098172 50.86831181009606695, 5.87803304501632784 50.86464282579744633, 5.87894713457088613 50.8641609210771648, 5.88131495825504835 50.86524519875393935, 5.88144115599951256 50.86583022434054158, 5.87991286658137824 50.86664314810624177, 5.8822550031896732 50.86790799957169185, 5.88810348785437832 50.86827906354616147, 5.88901435225912451 50.86672653598294858, 5.88724182055006029 50.86587768807432042, 5.88749023262515436 50.86520924012889111, 5.89330157425173784 50.86828181118336545, 5.88876083685434981 50.86977207654767597, 5.88732825327686538 50.87265157139308513, 5.88973449779324554 50.87363077547535539, 5.89089914548962756 50.87647594313549604, 5.88654689500659423 50.87672048529280744, 5.88419856619058734 50.87857601717460909, 5.87984319563264712 50.87917799879384972, 5.87792752353054482 50.88008451938779331, 5.87889121239277657 50.88088775138410824, 5.87697680721890769 50.88226817330141216, 5.87053308912876037 50.88288360285726242, 5.87509641095302548 50.87887679488726889, 5.87614163846749538 50.87588528369858665, 5.8745222026228463 50.875584275364929, 5.87602949608294001 50.87241227923980347, 5.87736033536933089 50.87233022180706854, 5.88075665645444801 50.87378981291012536, 5.88363853513562507 50.87281965419735741, 5.88513698987558875 50.87300108787319886),(5.90077355612139964 50.87974846491655967, 5.894551277781507 50.87949349688710754, 5.89153964286461473 50.8768820927646388, 5.89135904983080749 50.87559720339440616, 5.89374806106967153 50.87400450564568644, 5.89766640568092537 50.87584722879183374, 5.89542356468033191 50.87617465034507092, 5.8964274251315496 50.87735443544838176, 5.89917813077749731 50.87868294307911299, 5.89987813300353103 50.87802556563314482, 5.90103108959855582 50.87817910317554748, 5.90077355612139964 50.87974846491655967),(5.94780394346335406 50.87357594218951107, 5.94582549024960105 50.87311654379072934, 5.94572788911194916 50.86968252470097696, 5.94690856164915704 50.86961060314227723, 5.94741734783728937 50.87063238601027848, 5.94601110108260755 50.87302387064372766, 5.94780394346335406 50.87357594218951107),(5.9016968998895063 50.86708053200673163, 5.89447472575196674 50.8651506542683336, 5.89255069168766177 50.866975379615603, 5.88412432665622731 50.86312669299357481, 5.88723940689996716 50.86163986359360223, 5.893194263256607 50.86233956905844167, 5.90417986816491336 50.86560935814532769, 5.90415610595897178 50.86697847836278186, 5.9016968998895063 50.86708053200673163),(5.931481843265896 50.86432311155359542, 5.9305165752300848 50.86452253624960207, 5.92977662411054496 50.86341314813297743, 5.93085953244794162 50.8623098369221438, 5.93303217432858343 50.86137360772171689, 5.9345445367028935 50.86145015135054592, 5.931481843265896 50.86432311155359542),(5.86369892988249486 50.8812521766815351, 5.86332764218910363 50.88204979967612474, 5.86230997360323247 50.88176999117163746, 5.86325077661363103 50.8790030655433867, 5.86456785924308832 50.87871275340162214, 5.86718246926253517 50.87926937297319796, 5.86690743034896034 50.88021882454314238, 5.86369892988249486 50.8812521766815351),(5.93182697128132741 50.85389568572384889, 5.9309973775639877 50.85409350142865748, 5.93070170211120296 50.85118482958424835, 5.93472037552488274 50.85094955395362604, 5.93733703656213319 50.85243111276514583, 5.93621667967347744 50.85401709120836244, 5.93519489726357108 50.85401341767527583, 5.93592241886405958 50.85293448432227592, 5.93392033279272191 50.85282147861507696, 5.93214827657004307 50.85309903748099458, 5.93182697128132741 50.85389568572384889)))</t>
  </si>
  <si>
    <t>MultiPolygon (((5.9016968998895063 50.86708053200673163, 5.90415610595897178 50.86697847836278186, 5.90417986816491336 50.86560935814532769, 5.893194263256607 50.86233956905844167, 5.88723940689996716 50.86163986359360223, 5.88412432665622731 50.86312669299357481, 5.89255069168766177 50.866975379615603, 5.89447472575196674 50.8651506542683336, 5.9016968998895063 50.86708053200673163, 5.9016968998895063 50.86708053200673163)))</t>
  </si>
  <si>
    <t>MultiPolygon (((5.91801088229413175 50.90151221683599658, 5.9168711558213456 50.8985183875119489, 5.91501829623884756 50.89752835576178569, 5.91143358310351807 50.89771175109863321, 5.91154136014892195 50.89893880129714887, 5.91320179825698933 50.89997200281884204, 5.91755527472881315 50.90193904036996031, 5.91801088229413175 50.90151221683599658, 5.91801088229413175 50.90151221683599658)))</t>
  </si>
  <si>
    <t>MultiPolygon (((5.88513698987558875 50.87300108787319886, 5.88656267267800981 50.8737076633644989, 5.88732825327686538 50.87265157139308513, 5.88876083685434981 50.86977207654767597, 5.89330157425173784 50.86828181118336545, 5.88749023262515436 50.86520924012889111, 5.88724182055006029 50.86587768807432042, 5.88901435225912451 50.86672653598294858, 5.88810348785437832 50.86827906354616147, 5.8822550031896732 50.86790799957169185, 5.87991286658137824 50.86664314810624177, 5.88144115599951256 50.86583022434054158, 5.88131495825504835 50.86524519875393935, 5.87894713457088613 50.8641609210771648, 5.87803304501632784 50.86464282579744633, 5.87958112217098172 50.86831181009606695, 5.88136748307203039 50.86921123482598261, 5.88236841922259224 50.86874000542475471, 5.88513698987558875 50.87300108787319886, 5.88513698987558875 50.87300108787319886)))</t>
  </si>
  <si>
    <t>MultiPolygon (((5.91817725469094569 50.89463725708881014, 5.9208071786590688 50.89367843035284267, 5.91917279986196299 50.89252993162489247, 5.9140766786603729 50.89080485203275117, 5.91247842279297231 50.89248013315535246, 5.91817725469094569 50.89463725708881014, 5.91817725469094569 50.89463725708881014)))</t>
  </si>
  <si>
    <t>MultiPolygon (((5.86369892988249486 50.8812521766815351, 5.86690743034896034 50.88021882454314238, 5.86718246926253517 50.87926937297319796, 5.86456785924308832 50.87871275340162214, 5.86325077661363103 50.8790030655433867, 5.86230997360323247 50.88176999117163746, 5.86332764218910363 50.88204979967612474, 5.86369892988249486 50.8812521766815351, 5.86369892988249486 50.8812521766815351)))</t>
  </si>
  <si>
    <t>MultiPolygon (((5.90077355612139964 50.87974846491655967, 5.90103108959855582 50.87817910317554748, 5.89987813300353103 50.87802556563314482, 5.89917813077749731 50.87868294307911299, 5.8964274251315496 50.87735443544838176, 5.89542356468033191 50.87617465034507092, 5.89766640568092537 50.87584722879183374, 5.89374806106967153 50.87400450564568644, 5.89135904983080749 50.87559720339440616, 5.89153964286461473 50.8768820927646388, 5.894551277781507 50.87949349688710754, 5.90077355612139964 50.87974846491655967, 5.90077355612139964 50.87974846491655967)))</t>
  </si>
  <si>
    <t>MultiPolygon (((5.88513698987558875 50.87300108787319886, 5.88363853513562507 50.87281965419735741, 5.88075665645444801 50.87378981291012536, 5.87736033536933089 50.87233022180706854, 5.87602949608294001 50.87241227923980347, 5.8745222026228463 50.875584275364929, 5.87614163846749538 50.87588528369858665, 5.87509641095302548 50.87887679488726889, 5.87053308912876037 50.88288360285726242, 5.87697680721890769 50.88226817330141216, 5.87889121239277657 50.88088775138410824, 5.87792752353054482 50.88008451938779331, 5.87984319563264712 50.87917799879384972, 5.88419856619058734 50.87857601717460909, 5.88654689500659423 50.87672048529280744, 5.89089914548962756 50.87647594313549604, 5.88973449779324554 50.87363077547535539, 5.88732825327686538 50.87265157139308513, 5.88656267267800981 50.8737076633644989, 5.88513698987558875 50.87300108787319886, 5.88513698987558875 50.87300108787319886)))</t>
  </si>
  <si>
    <t>MultiPolygon (((5.94610843715199522 50.84428725778303715, 5.94576362835268935 50.84634847012428338, 5.94739394127506849 50.84654314402146014, 5.94823869164684105 50.84555313520218078, 5.9468016879321457 50.84468629851173205, 5.94636736475144811 50.84442746731311047, 5.94610843715199522 50.84428725778303715, 5.94610843715199522 50.84428725778303715)))</t>
  </si>
  <si>
    <t>MultiPolygon (((5.93182697128132741 50.85389568572384889, 5.93214827657004307 50.85309903748099458, 5.93392033279272191 50.85282147861507696, 5.93592241886405958 50.85293448432227592, 5.93519489726357108 50.85401341767527583, 5.93621667967347744 50.85401709120836244, 5.93733703656213319 50.85243111276514583, 5.93472037552488274 50.85094955395362604, 5.93070170211120296 50.85118482958424835, 5.9309973775639877 50.85409350142865748, 5.93182697128132741 50.85389568572384889, 5.93182697128132741 50.85389568572384889)))</t>
  </si>
  <si>
    <t>MultiPolygon (((5.95477623497718689 50.8525863699399423, 5.95502167728046405 50.85186493516847861, 5.95416241839168947 50.85154004880948264, 5.95380343780209209 50.85049351669186279, 5.95360940336598254 50.85004782429348325, 5.94989684156706566 50.8500776508552832, 5.94285585964502694 50.85175050198640179, 5.94021448340985003 50.85164520686850409, 5.93967877155178048 50.85334137699347679, 5.94166429981802402 50.85430520259204457, 5.94343279722181617 50.85687394640693526, 5.9449489908565285 50.85749597622127283, 5.94895579670063945 50.85660442328993724, 5.9535911136174402 50.85737967701926721, 5.95344103807441716 50.85539843591558196, 5.95477623497718689 50.8525863699399423, 5.95477623497718689 50.8525863699399423)))</t>
  </si>
  <si>
    <t>MultiPolygon (((5.931481843265896 50.86432311155359542, 5.9345445367028935 50.86145015135054592, 5.93303217432858343 50.86137360772171689, 5.93085953244794162 50.8623098369221438, 5.92977662411054496 50.86341314813297743, 5.9305165752300848 50.86452253624960207, 5.931481843265896 50.86432311155359542, 5.931481843265896 50.86432311155359542)))</t>
  </si>
  <si>
    <t>MultiPolygon (((5.94780394346335406 50.87357594218951107, 5.94601110108260755 50.87302387064372766, 5.94741734783728937 50.87063238601027848, 5.94690856164915704 50.86961060314227723, 5.94572788911194916 50.86968252470097696, 5.94582549024960105 50.87311654379072934, 5.94780394346335406 50.87357594218951107, 5.94780394346335406 50.87357594218951107)))</t>
  </si>
  <si>
    <t>MultiPolygon (((5.95262853606692666 50.8778822727253015, 5.95402856353759535 50.87650331778474566, 5.94792440297698999 50.87545391562163388, 5.9456502784095262 50.87401624169620362, 5.94284945216536986 50.87336690601514277, 5.93989971787032545 50.87282072461815119, 5.93911976114384998 50.87391384707984798, 5.9359752053467929 50.8736994873443038, 5.93098704742485427 50.87185292803084025, 5.92702954135314464 50.87219637538080264, 5.92146678974957918 50.87382341425443855, 5.92043932506677351 50.87444881255174067, 5.92040473733916173 50.87645433742568457, 5.925018606140104 50.87775255695456877, 5.93201222864612721 50.87859066325246005, 5.93288463807405009 50.87779685734510338, 5.93234382669801086 50.87891166637292173, 5.93756417110730084 50.88113679564013836, 5.93932868867302144 50.88165802965052364, 5.94126330723363605 50.87916817376150647, 5.94542277973527877 50.87605648408158032, 5.95262853606692666 50.8778822727253015, 5.95262853606692666 50.8778822727253015)))</t>
  </si>
  <si>
    <t>MultiPolygon (((5.88945681034101121 50.84521099544621592, 5.89179734536509869 50.84664451340839975, 5.89244796773418678 50.84571284555265436, 5.89158946172933451 50.84284692543902651, 5.89124581395988134 50.84274709519408475, 5.88945681034101121 50.84521099544621592, 5.88945681034101121 50.84521099544621592)))</t>
  </si>
  <si>
    <t>MultiPolygon (((5.92040473733916173 50.87645433742568457, 5.9172824071260921 50.87647536688627525, 5.91519980859262606 50.87725380814187304, 5.91912717935389665 50.87933590540700379, 5.91739957747574596 50.88230116958175842, 5.93185022987633026 50.88736985050390871, 5.93756417110730084 50.88113679564013836, 5.93234382669801086 50.87891166637292173, 5.93288463807405009 50.87779685734510338, 5.93201222864612721 50.87859066325246005, 5.925018606140104 50.87775255695456877, 5.92040473733916173 50.87645433742568457, 5.92040473733916173 50.87645433742568457)))</t>
  </si>
  <si>
    <t>MultiPolygon (((6.10459077383090154 51.54821614405602048, 6.10832885316122898 51.54760925438107222, 6.11191638761896794 51.5462549413478186, 6.11382249772273489 51.54432814652060557, 6.11463122698604433 51.54205342966906045, 6.11605680804703766 51.53729095662901472, 6.11968259039141227 51.53184501065645406, 6.1312057333399359 51.52584715562475992, 6.14109404327271946 51.51951956940744992, 6.13199843505342201 51.5114734490238817, 6.12687085091273342 51.51437995075627896, 6.1219911253273418 51.51017649039643231, 6.11464891310300818 51.51454322680840647, 6.10661214780747841 51.51830162019398784, 6.10712411477961847 51.52179514954990225, 6.10100066921732509 51.52271419418497089, 6.0956286551084089 51.52159595711507478, 6.09377193979982046 51.52272053772451699, 6.08716922616194989 51.52356612257377577, 6.0900835668515354 51.5248868239790454, 6.09190026511167471 51.52689403922117606, 6.09753007837329264 51.53689677334541841, 6.09667358404295534 51.53742665263942513, 6.10033025546762797 51.54014470702977491, 6.10242202830789093 51.53966193328290046, 6.10532601079042614 51.54007317463702265, 6.10679499672330905 51.54157363285159477, 6.10663386941046937 51.54299742755929259, 6.1047625329452142 51.54483863981929659, 6.10459077383090154 51.54821614405602048, 6.10459077383090154 51.54821614405602048)))</t>
  </si>
  <si>
    <t>MultiPolygon (((6.0316688323159342 51.55233883126609129, 6.0336876787776168 51.55544747689974372, 6.03273517003119242 51.55668521327505971, 6.03432057215360107 51.55749726835549041, 6.03730785041658624 51.55814927509746326, 6.04091285715874005 51.55663044944834894, 6.0443276714172729 51.55744752616566728, 6.04286607849177404 51.55869462600014685, 6.04458189033036586 51.55901529814522632, 6.04642502264811288 51.55764101662243348, 6.04812069876189451 51.55846254651546445, 6.05650948702351855 51.55758052732458907, 6.06213181950915203 51.55587512222763991, 6.07375743930223422 51.54924230233005744, 6.07175374627210562 51.54911729572347667, 6.06453910072838553 51.54438165227502822, 6.06700500489222971 51.538278079952903, 6.05906435168144863 51.53746989308346826, 6.0473511837944649 51.53341542850051127, 6.0440730372467506 51.5354721555620614, 6.03651576433070503 51.54306758188646853, 6.0316688323159342 51.55233883126609129, 6.0316688323159342 51.55233883126609129)))</t>
  </si>
  <si>
    <t>MultiPolygon (((6.07375743930223422 51.54924230233005744, 6.08071758118105077 51.54693802246889334, 6.10459077383090154 51.54821614405602048, 6.1047625329452142 51.54483863981929659, 6.10663386941046937 51.54299742755929259, 6.10679499672330905 51.54157363285159477, 6.10532601079042614 51.54007317463702265, 6.10242202830789093 51.53966193328290046, 6.10033025546762797 51.54014470702977491, 6.09667358404295534 51.53742665263942513, 6.09753007837329264 51.53689677334541841, 6.09190026511167471 51.52689403922117606, 6.0900835668515354 51.5248868239790454, 6.08716922616194989 51.52356612257377577, 6.0799285832313501 51.52295247857786364, 6.07676445874873661 51.52477734573039214, 6.06677382809571775 51.52369369633241547, 6.05918486206355844 51.52710011029986958, 6.05416853182091863 51.5291743950034018, 6.0473511837944649 51.53341542850051127, 6.05906435168144863 51.53746989308346826, 6.06700500489222971 51.538278079952903, 6.06453910072838553 51.54438165227502822, 6.07175374627210562 51.54911729572347667, 6.07375743930223422 51.54924230233005744, 6.07375743930223422 51.54924230233005744)))</t>
  </si>
  <si>
    <t>MultiPolygon (((5.99111206422573517 51.5287783557277379, 5.9995622741386212 51.52883646464858458, 6.00025208809670829 51.52481920266181703, 5.99036014976579878 51.52362721644626475, 5.98495276279076016 51.52215305014409807, 5.98472047842578547 51.52318118626540411, 5.98315599665482711 51.52886781180893649, 5.99111206422573517 51.5287783557277379, 5.99111206422573517 51.5287783557277379)))</t>
  </si>
  <si>
    <t>MultiPolygon (((5.95238137907928344 51.55697332080303141, 5.97338678481244667 51.56106333383997509, 5.98036991609744195 51.55363537631470905, 5.98165623617178532 51.55226679965141301, 5.96972606408097839 51.54779296041716918, 5.97148183323595294 51.54199070636644109, 5.96786309378593582 51.53839684106922903, 5.96903787258516871 51.53493768146051934, 5.97164492849566386 51.53180982365962848, 5.96630926844373466 51.53189616074714507, 5.9595459905639343 51.53317917981900109, 5.94623206014927774 51.53712818729155032, 5.95428922241219194 51.54190741439025913, 5.95238137907928344 51.55697332080303141, 5.95238137907928344 51.55697332080303141)))</t>
  </si>
  <si>
    <t>MultiPolygon (((5.98036991609744195 51.55363537631470905, 5.98283762703775412 51.55466445240423212, 5.98744702894691816 51.55368829048128276, 5.99095447432686345 51.55217649943313774, 5.99419289511662345 51.54900072300031155, 5.9963472436192049 51.54957553556906902, 5.99881173393693068 51.54800425711292178, 5.99567678774861168 51.54654868221546593, 5.99464096291757276 51.54563708713048698, 5.9933078235330326 51.54549716152580174, 5.98516934951052271 51.53812380412466609, 5.98415613329244955 51.53650640638019809, 5.98450654772455604 51.53200059202777794, 5.9786636223171632 51.53205825812280949, 5.97164492849566386 51.53180982365962848, 5.96903787258516871 51.53493768146051934, 5.96786309378593582 51.53839684106922903, 5.97148183323595294 51.54199070636644109, 5.96972606408097839 51.54779296041716918, 5.98165623617178532 51.55226679965141301, 5.98036991609744195 51.55363537631470905, 5.98036991609744195 51.55363537631470905)))</t>
  </si>
  <si>
    <t>MultiPolygon (((5.99464096291757276 51.54563708713048698, 5.99806423661011578 51.53897172549832106, 5.98786505498949584 51.53688271961167544, 5.98516934951052271 51.53812380412466609, 5.9933078235330326 51.54549716152580174, 5.99464096291757276 51.54563708713048698, 5.99464096291757276 51.54563708713048698)))</t>
  </si>
  <si>
    <t>MultiPolygon (((5.99806423661011578 51.53897172549832106, 5.99860009150193196 51.53730270495866961, 5.99593559140696009 51.53559924558739169, 5.99527675220780765 51.5342438986184348, 5.98991443223121145 51.531920242974941, 5.99017493148541469 51.53281734996635066, 5.98913232383609273 51.53401043119376368, 5.98415613329244955 51.53650640638019809, 5.98516934951052271 51.53812380412466609, 5.98786505498949584 51.53688271961167544, 5.99806423661011578 51.53897172549832106, 5.99806423661011578 51.53897172549832106)))</t>
  </si>
  <si>
    <t>MultiPolygon (((5.98991443223121145 51.531920242974941, 5.99527675220780765 51.5342438986184348, 5.99593559140696009 51.53559924558739169, 5.99860009150193196 51.53730270495866961, 5.9995622741386212 51.52883646464858458, 5.99111206422573517 51.5287783557277379, 5.98991443223121145 51.531920242974941, 5.98991443223121145 51.531920242974941)))</t>
  </si>
  <si>
    <t>MultiPolygon (((5.98450654772455604 51.53200059202777794, 5.98415613329244955 51.53650640638019809, 5.98913232383609273 51.53401043119376368, 5.99017493148541469 51.53281734996635066, 5.98991443223121145 51.531920242974941, 5.99111206422573517 51.5287783557277379, 5.98315599665482711 51.52886781180893649, 5.98450654772455604 51.53200059202777794, 5.98450654772455604 51.53200059202777794)))</t>
  </si>
  <si>
    <t>MultiPolygon (((5.99036014976579878 51.52362721644626475, 6.00025208809670829 51.52481920266181703, 6.00229387544181581 51.52103351910746909, 5.99183510295669297 51.51831526533499783, 5.99324631229416838 51.51977689685855211, 5.99036014976579878 51.52362721644626475, 5.99036014976579878 51.52362721644626475)))</t>
  </si>
  <si>
    <t>MultiPolygon (((5.98495276279076016 51.52215305014409807, 5.99036014976579878 51.52362721644626475, 5.99324631229416838 51.51977689685855211, 5.99183510295669297 51.51831526533499783, 5.98508385226354545 51.51647416711990957, 5.98193532109745885 51.51599189684397118, 5.98018742061835606 51.51630453763819162, 5.97889030242147523 51.51918181780397532, 5.98447914802451919 51.52119453127522064, 5.98495276279076016 51.52215305014409807, 5.98495276279076016 51.52215305014409807)))</t>
  </si>
  <si>
    <t>MultiPolygon (((5.94124064102535687 51.52090769941723636, 5.94712936794672054 51.51981320364269124, 5.95185137126023101 51.51823619086268735, 5.95830742261053192 51.52073238533884592, 5.96127878358105612 51.51847237069494412, 5.96436218663875017 51.51460740976464336, 5.96334658771578852 51.51376469955255999, 5.96306007499829871 51.51381801451059061, 5.95010243069394917 51.5124916418300387, 5.94778756200829939 51.51421200276390522, 5.94732718528978399 51.51583554256890096, 5.94124064102535687 51.52090769941723636, 5.94124064102535687 51.52090769941723636)))</t>
  </si>
  <si>
    <t>MultiPolygon (((5.95830742261053192 51.52073238533884592, 5.96625703100590421 51.52373926644882118, 5.96712103940652039 51.52164382743386994, 5.97064577849962408 51.51933758921909146, 5.97021065995167799 51.51523146398415065, 5.97321660377139008 51.51448506645789394, 5.96334658771578852 51.51376469955255999, 5.96436218663875017 51.51460740976464336, 5.96127878358105612 51.51847237069494412, 5.95830742261053192 51.52073238533884592, 5.95830742261053192 51.52073238533884592)))</t>
  </si>
  <si>
    <t>MultiPolygon (((5.94623206014927774 51.53712818729155032, 5.9595459905639343 51.53317917981900109, 5.96630926844373466 51.53189616074714507, 5.96560280254936259 51.52862892838550835, 5.96648740692328605 51.52633994576414977, 5.96625703100590421 51.52373926644882118, 5.95830742261053192 51.52073238533884592, 5.95185137126023101 51.51823619086268735, 5.94712936794672054 51.51981320364269124, 5.94124064102535687 51.52090769941723636, 5.94554320926320301 51.52617606628268732, 5.94551185549305661 51.52999960380627442, 5.94162511540429783 51.53098627722399527, 5.94481334718509213 51.53638932956287988, 5.94623206014927774 51.53712818729155032, 5.94623206014927774 51.53712818729155032)))</t>
  </si>
  <si>
    <t>MultiPolygon (((5.97345373545581193 51.52205699852815002, 5.97633513123920057 51.52243018676927733, 5.97889030242147523 51.51918181780397532, 5.98018742061835606 51.51630453763819162, 5.98048138845868404 51.51543085761856844, 5.97321660377139008 51.51448506645789394, 5.97021065995167799 51.51523146398415065, 5.97064577849962408 51.51933758921909146, 5.97345373545581193 51.52205699852815002, 5.97345373545581193 51.52205699852815002)))</t>
  </si>
  <si>
    <t>MultiPolygon (((5.96648740692328605 51.52633994576414977, 5.9707221692455974 51.52581331372048368, 5.97019502388316425 51.52348886543167339, 5.97110229429959638 51.52260163879071797, 5.97345373545581193 51.52205699852815002, 5.97064577849962408 51.51933758921909146, 5.96712103940652039 51.52164382743386994, 5.96625703100590421 51.52373926644882118, 5.96648740692328605 51.52633994576414977, 5.96648740692328605 51.52633994576414977)))</t>
  </si>
  <si>
    <t>MultiPolygon (((5.96630926844373466 51.53189616074714507, 5.97164492849566386 51.53180982365962848, 5.9727616742453371 51.53008006625278625, 5.97083925727081066 51.52823366983752607, 5.9707221692455974 51.52581331372048368, 5.96648740692328605 51.52633994576414977, 5.96560280254936259 51.52862892838550835, 5.96630926844373466 51.53189616074714507, 5.96630926844373466 51.53189616074714507)))</t>
  </si>
  <si>
    <t>MultiPolygon (((5.9776403002963967 51.52279254113827989, 5.98472047842578547 51.52318118626540411, 5.98495276279076016 51.52215305014409807, 5.98447914802451919 51.52119453127522064, 5.97889030242147523 51.51918181780397532, 5.97633513123920057 51.52243018676927733, 5.9776403002963967 51.52279254113827989, 5.9776403002963967 51.52279254113827989)))</t>
  </si>
  <si>
    <t>MultiPolygon (((5.97698931084429663 51.52826261048440415, 5.98315599665482711 51.52886781180893649, 5.98472047842578547 51.52318118626540411, 5.9776403002963967 51.52279254113827989, 5.97698931084429663 51.52826261048440415, 5.97698931084429663 51.52826261048440415)))</t>
  </si>
  <si>
    <t>MultiPolygon (((5.9786636223171632 51.53205825812280949, 5.98450654772455604 51.53200059202777794, 5.98315599665482711 51.52886781180893649, 5.97698931084429663 51.52826261048440415, 5.9786636223171632 51.53205825812280949, 5.9786636223171632 51.53205825812280949)))</t>
  </si>
  <si>
    <t>MultiPolygon (((5.97164492849566386 51.53180982365962848, 5.9786636223171632 51.53205825812280949, 5.97698931084429663 51.52826261048440415, 5.9776403002963967 51.52279254113827989, 5.97633513123920057 51.52243018676927733, 5.97345373545581193 51.52205699852815002, 5.97110229429959638 51.52260163879071797, 5.97019502388316425 51.52348886543167339, 5.9707221692455974 51.52581331372048368, 5.97083925727081066 51.52823366983752607, 5.9727616742453371 51.53008006625278625, 5.97164492849566386 51.53180982365962848, 5.97164492849566386 51.53180982365962848)))</t>
  </si>
  <si>
    <t>MultiPolygon (((5.99183510295669297 51.51831526533499783, 6.00229387544181581 51.52103351910746909, 6.00551719049414245 51.5161651496994466, 6.00241528805439728 51.50014426445276428, 6.00073065538081973 51.49854971674218262, 5.99928026558558702 51.49752256841865261, 5.99826457381309108 51.49532940432091976, 5.99580046949768608 51.49543021527320974, 5.99564548342707848 51.49437574913801541, 5.99960686676181876 51.49166188782434261, 6.00108524694369194 51.48806844471005917, 5.99187995765558146 51.47451102649377219, 5.99186772952323921 51.47450719678070641, 5.98932143835031194 51.47643196410609079, 5.98587528501145183 51.47579915326179645, 5.97983124642204267 51.48165238601755078, 5.98274989729246354 51.4864049120615519, 5.97970587593400449 51.48669688489691509, 5.9766896302812329 51.48913543610732546, 5.97792199638448807 51.4897472246142982, 5.97512847575271788 51.49197532815263401, 5.97251267110745765 51.49115902944629397, 5.96675460786123502 51.49112271101411409, 5.96314301192636975 51.49188871173961246, 5.95846790830884743 51.49339035998963254, 5.95704642659339889 51.49471424461822266, 5.95888339002715384 51.49578490177511725, 5.95721471479081899 51.49655653807294442, 5.9607182200544786 51.4992191095222438, 5.96091414620616256 51.50123315525218004, 5.95918655926309881 51.50318649226878165, 5.96081227222844312 51.50647065596455576, 5.96545805962257525 51.50855640833583493, 5.96579540819018295 51.5110581528349627, 5.96306007499829871 51.51381801451059061, 5.96334658771578852 51.51376469955255999, 5.97321660377139008 51.51448506645789394, 5.98048138845868404 51.51543085761856844, 5.98018742061835606 51.51630453763819162, 5.98193532109745885 51.51599189684397118, 5.98508385226354545 51.51647416711990957, 5.99183510295669297 51.51831526533499783, 5.99183510295669297 51.51831526533499783)))</t>
  </si>
  <si>
    <t>MultiPolygon (((5.93829210333283353 51.49083661480090512, 5.95540005994509691 51.49645128145216688, 5.95721471479081899 51.49655653807294442, 5.95888339002715384 51.49578490177511725, 5.95704642659339889 51.49471424461822266, 5.95846790830884743 51.49339035998963254, 5.96314301192636975 51.49188871173961246, 5.96675460786123502 51.49112271101411409, 5.97251267110745765 51.49115902944629397, 5.97512847575271788 51.49197532815263401, 5.97792199638448807 51.4897472246142982, 5.9766896302812329 51.48913543610732546, 5.97970587593400449 51.48669688489691509, 5.98274989729246354 51.4864049120615519, 5.97983124642204267 51.48165238601755078, 5.98587528501145183 51.47579915326179645, 5.98932143835031194 51.47643196410609079, 5.99186772952323921 51.47450719678070641, 5.98202943463465875 51.47140297648351037, 5.95294356243217049 51.46352792523446595, 5.94144452556980873 51.46104640713264189, 5.93689164593935548 51.46845872416451328, 5.93041372813016476 51.47221892551925038, 5.92956923460944285 51.47190198882644552, 5.92822452361723684 51.47272497469494112, 5.9311731570764108 51.48612376985274608, 5.93641604731118822 51.48771872288167373, 5.93870539450859436 51.49025548573881395, 5.93829210333283353 51.49083661480090512, 5.93829210333283353 51.49083661480090512)))</t>
  </si>
  <si>
    <t>MultiPolygon (((6.06625931061714052 51.507947505244843, 6.07270450513598981 51.49726312845912446, 6.07375597502989084 51.4951726705757693, 6.06808156872018678 51.48836966660979186, 6.06839410389108913 51.48789974500920152, 6.06388961004928273 51.48805413031116984, 6.06165748208328914 51.48727097436811562, 6.05918971988519317 51.48843291320908122, 6.04947353645089425 51.49040429118482365, 6.03994266806787383 51.48791588608774106, 6.03979412024677575 51.48639023130182579, 6.03619453573076026 51.48472021112209518, 6.03520942869165022 51.48234835585552105, 6.03021096702869208 51.4798492256242497, 6.02474169872033016 51.47970167221886584, 6.01326961805252758 51.4769922890221423, 5.9943529983513324 51.47524638160484045, 5.99187995765558146 51.47451102649377219, 6.00108524694369194 51.48806844471005917, 5.99960686676181876 51.49166188782434261, 5.99564548342707848 51.49437574913801541, 5.99580046949768608 51.49543021527320974, 5.99826457381309108 51.49532940432091976, 5.99928026558558702 51.49752256841865261, 6.00073065538081973 51.49854971674218262, 6.02018234405614905 51.50114852563804391, 6.02133331355170665 51.49780057472770523, 6.02580750107412921 51.49535784157320961, 6.0388080051118429 51.49810006263084716, 6.03978659356350889 51.49756695704604681, 6.04311815956751719 51.49899928915921521, 6.05489283573041881 51.49968002373704934, 6.06625931061714052 51.507947505244843, 6.06625931061714052 51.507947505244843)))</t>
  </si>
  <si>
    <t>MultiPolygon (((6.05918486206355844 51.52710011029986958, 6.06677382809571775 51.52369369633241547, 6.06460218249903882 51.51606637855041271, 6.06625931061714052 51.507947505244843, 6.05489283573041881 51.49968002373704934, 6.04311815956751719 51.49899928915921521, 6.03978659356350889 51.49756695704604681, 6.0388080051118429 51.49810006263084716, 6.02580750107412921 51.49535784157320961, 6.02133331355170665 51.49780057472770523, 6.02018234405614905 51.50114852563804391, 6.00073065538081973 51.49854971674218262, 6.00241528805439728 51.50014426445276428, 6.00551719049414245 51.5161651496994466, 6.012770307161591 51.51176752959927541, 6.01572399528253854 51.51371140019409012, 6.0173615902230182 51.51614284268375599, 6.02194380889547531 51.51776090846676937, 6.02397287229430578 51.51795785406911676, 6.03335999306372717 51.51613653666987602, 6.04687127931646984 51.51996302304279851, 6.05320741104327809 51.5222919332017284, 6.05918486206355844 51.52710011029986958, 6.05918486206355844 51.52710011029986958)))</t>
  </si>
  <si>
    <t>MultiPolygon (((5.99464096291757276 51.54563708713048698, 5.99567678774861168 51.54654868221546593, 6.01829131492049729 51.54519185086169131, 6.03651576433070503 51.54306758188646853, 6.0440730372467506 51.5354721555620614, 6.0473511837944649 51.53341542850051127, 6.05416853182091863 51.5291743950034018, 6.05918486206355844 51.52710011029986958, 6.05320741104327809 51.5222919332017284, 6.04687127931646984 51.51996302304279851, 6.03335999306372717 51.51613653666987602, 6.02397287229430578 51.51795785406911676, 6.02194380889547531 51.51776090846676937, 6.0173615902230182 51.51614284268375599, 6.01572399528253854 51.51371140019409012, 6.012770307161591 51.51176752959927541, 6.00551719049414245 51.5161651496994466, 6.00229387544181581 51.52103351910746909, 6.00025208809670829 51.52481920266181703, 5.9995622741386212 51.52883646464858458, 5.99860009150193196 51.53730270495866961, 5.99806423661011578 51.53897172549832106, 5.99464096291757276 51.54563708713048698, 5.99464096291757276 51.54563708713048698)))</t>
  </si>
  <si>
    <t>MultiPolygon (((6.00305257799263625 51.56985148236945804, 6.00425278999371681 51.57024351813181795, 6.0050989960614789 51.56982500040841444, 6.01151936157554534 51.56664913610217127, 6.0182119581855229 51.56333468012517329, 6.0316688323159342 51.55233883126609129, 6.03651576433070503 51.54306758188646853, 6.01829131492049729 51.54519185086169131, 5.99567678774861168 51.54654868221546593, 5.99881173393693068 51.54800425711292178, 5.9963472436192049 51.54957553556906902, 5.99419289511662345 51.54900072300031155, 5.99095447432686345 51.55217649943313774, 5.98744702894691816 51.55368829048128276, 5.98283762703775412 51.55466445240423212, 5.98036991609744195 51.55363537631470905, 5.97338678481244667 51.56106333383997509, 5.99110804979855427 51.56603989528898069, 6.00305257799263625 51.56985148236945804, 6.00305257799263625 51.56985148236945804)))</t>
  </si>
  <si>
    <t>MultiPolygon (((5.8382384642548395 51.56641461613496347, 5.87089239478694225 51.56264419462748094, 5.89146611319322488 51.56020468083658415, 5.90666258688063994 51.55203086729033402, 5.91784071212008556 51.55264120658291205, 5.91942625677422285 51.54812041345263651, 5.91677119146194297 51.54042190160368619, 5.90461921943660428 51.54118936352827518, 5.90464336181241389 51.53994792550953719, 5.8970889893728522 51.53934960784319941, 5.89576027735327557 51.54035264946909933, 5.89099195904071138 51.54129667554798289, 5.88061017469266023 51.54062485142021899, 5.88362016140822242 51.53620951024680608, 5.88412402498440468 51.525661309372218, 5.87259240417598782 51.52570981285641238, 5.87323467899839446 51.52205702066424919, 5.87407779905247818 51.52203158454167209, 5.87565865826517264 51.51871468115044905, 5.87338592801402015 51.51758708709416368, 5.87442569312228446 51.51624547586721548, 5.86643885929175912 51.51522625369434394, 5.86687686319625534 51.51344873342968356, 5.8606847300174616 51.51264095874360294, 5.86088845416187176 51.51196052791507896, 5.85101887565520418 51.51084406851266095, 5.84768604372822765 51.52529524200885902, 5.8382384642548395 51.56641461613496347, 5.8382384642548395 51.56641461613496347)))</t>
  </si>
  <si>
    <t>MultiPolygon (((5.91784071212008556 51.55264120658291205, 5.93544493266740059 51.55360019414100492, 5.95238137907928344 51.55697332080303141, 5.95428922241219194 51.54190741439025913, 5.94623206014927774 51.53712818729155032, 5.94481334718509213 51.53638932956287988, 5.94162511540429783 51.53098627722399527, 5.94551185549305661 51.52999960380627442, 5.94554320926320301 51.52617606628268732, 5.94124064102535687 51.52090769941723636, 5.94732718528978399 51.51583554256890096, 5.94778756200829939 51.51421200276390522, 5.94520802451761643 51.51521233793149435, 5.9408111425467478 51.51337159638961793, 5.93368910213877943 51.51214321034611032, 5.93286718155967652 51.51068511609820888, 5.92519420370865202 51.5065004562323594, 5.92161289626336718 51.50702911452210486, 5.91911109082623454 51.50862837595028054, 5.91890940583617819 51.5102845910263909, 5.9167560760834963 51.51282903901286403, 5.90958492508108435 51.51140524205280968, 5.8841254086796404 51.5250985895562863, 5.88412402498440468 51.525661309372218, 5.88362016140822242 51.53620951024680608, 5.88061017469266023 51.54062485142021899, 5.89099195904071138 51.54129667554798289, 5.89576027735327557 51.54035264946909933, 5.8970889893728522 51.53934960784319941, 5.90464336181241389 51.53994792550953719, 5.90461921943660428 51.54118936352827518, 5.91677119146194297 51.54042190160368619, 5.91942625677422285 51.54812041345263651, 5.91784071212008556 51.55264120658291205, 5.91784071212008556 51.55264120658291205)))</t>
  </si>
  <si>
    <t>MultiPolygon (((5.85101887565520418 51.51084406851266095, 5.86088845416187176 51.51196052791507896, 5.8606847300174616 51.51264095874360294, 5.86687686319625534 51.51344873342968356, 5.86643885929175912 51.51522625369434394, 5.87442569312228446 51.51624547586721548, 5.87338592801402015 51.51758708709416368, 5.87565865826517264 51.51871468115044905, 5.87407779905247818 51.52203158454167209, 5.87323467899839446 51.52205702066424919, 5.87259240417598782 51.52570981285641238, 5.88412402498440468 51.525661309372218, 5.8841254086796404 51.5250985895562863, 5.90958492508108435 51.51140524205280968, 5.9167560760834963 51.51282903901286403, 5.91890940583617819 51.5102845910263909, 5.91911109082623454 51.50862837595028054, 5.92161289626336718 51.50702911452210486, 5.92519420370865202 51.5065004562323594, 5.92642687472129914 51.50512391316839711, 5.92302380447432508 51.50444864835773018, 5.92442428934432197 51.49554931372374256, 5.92901862209342667 51.48922281908863141, 5.9316708208420712 51.48937645488604886, 5.93793073077297873 51.49127883489274637, 5.93829210333283353 51.49083661480090512, 5.93870539450859436 51.49025548573881395, 5.93641604731118822 51.48771872288167373, 5.9311731570764108 51.48612376985274608, 5.92822452361723684 51.47272497469494112, 5.92956923460944285 51.47190198882644552, 5.93041372813016476 51.47221892551925038, 5.93689164593935548 51.46845872416451328, 5.94144452556980873 51.46104640713264189, 5.91638236893277547 51.45562563074049223, 5.87496589337890995 51.44655772195860521, 5.87169519592772282 51.45011196529601705, 5.86071441270552285 51.49198033156005039, 5.85257370273586996 51.50414442468247955, 5.85101887565520418 51.51084406851266095, 5.85101887565520418 51.51084406851266095)))</t>
  </si>
  <si>
    <t>MultiPolygon (((5.94778756200829939 51.51421200276390522, 5.95010243069394917 51.5124916418300387, 5.96306007499829871 51.51381801451059061, 5.96579540819018295 51.5110581528349627, 5.96545805962257525 51.50855640833583493, 5.96081227222844312 51.50647065596455576, 5.95918655926309881 51.50318649226878165, 5.96091414620616256 51.50123315525218004, 5.9607182200544786 51.4992191095222438, 5.95721471479081899 51.49655653807294442, 5.95540005994509691 51.49645128145216688, 5.93829210333283353 51.49083661480090512, 5.93793073077297873 51.49127883489274637, 5.9316708208420712 51.48937645488604886, 5.92901862209342667 51.48922281908863141, 5.92442428934432197 51.49554931372374256, 5.92302380447432508 51.50444864835773018, 5.92642687472129914 51.50512391316839711, 5.92519420370865202 51.5065004562323594, 5.93286718155967652 51.51068511609820888, 5.93368910213877943 51.51214321034611032, 5.9408111425467478 51.51337159638961793, 5.94520802451761643 51.51521233793149435, 5.94778756200829939 51.51421200276390522, 5.94778756200829939 51.51421200276390522)))</t>
  </si>
  <si>
    <t>MultiPolygon (((6.13525089744150964 51.31715500416921572, 6.1397520493222828 51.32394297082789336, 6.14457861345457168 51.32318445645273641, 6.15309915773467786 51.31900093355725545, 6.15882881874469135 51.31515159767243262, 6.15423967548902073 51.31111458773252565, 6.15382379556125514 51.3074481648876457, 6.14514467385396568 51.29811600630300461, 6.12901092614980225 51.28570242005567081, 6.12475790401386178 51.27755000126626328, 6.12455266667068443 51.2798183174070985, 6.12285675759872472 51.28060929454562, 6.12005767639931442 51.28511273356433975, 6.11446205884511151 51.28917535173896169, 6.10700846665909935 51.29146930035454943, 6.10315231775305822 51.28870042726466494, 6.09329769562700552 51.295436243333981, 6.09291013196548192 51.29540309653026497, 6.10591887684027768 51.30709555809114164, 6.10835157294929054 51.3052116885680789, 6.1147052770146022 51.30066144304267794, 6.12746722997558102 51.30978306934940747, 6.13525089744150964 51.31715500416921572, 6.13525089744150964 51.31715500416921572)))</t>
  </si>
  <si>
    <t>MultiPolygon (((6.12522341717920593 51.32448992257549492, 6.12885154100172347 51.32774966894577773, 6.131811758292951 51.32644444168705178, 6.13446926846784191 51.32620358628507518, 6.1397520493222828 51.32394297082789336, 6.13525089744150964 51.31715500416921572, 6.13174153654713905 51.31869902192102018, 6.12964878358675769 51.32083020949176699, 6.12522341717920593 51.32448992257549492, 6.12522341717920593 51.32448992257549492)))</t>
  </si>
  <si>
    <t>MultiPolygon (((6.1220961377056291 51.3216547831360117, 6.12522341717920593 51.32448992257549492, 6.12964878358675769 51.32083020949176699, 6.12563678169879822 51.31819586516014908, 6.11779600760960651 51.31631808404731032, 6.11671053281184651 51.31688131505960371, 6.1220961377056291 51.3216547831360117, 6.1220961377056291 51.3216547831360117)))</t>
  </si>
  <si>
    <t>MultiPolygon (((6.1220961377056291 51.3216547831360117, 6.11671053281184651 51.31688131505960371, 6.11279339089984397 51.31337669667818346, 6.11204359901656513 51.31421375229773219, 6.11973177416623848 51.32262971304714227, 6.1220961377056291 51.3216547831360117, 6.1220961377056291 51.3216547831360117)))</t>
  </si>
  <si>
    <t>MultiPolygon (((6.12235836903335429 51.32787983895634198, 6.12562749763161207 51.32792207672889617, 6.12670703152996055 51.32866670964153855, 6.12885154100172347 51.32774966894577773, 6.12522341717920593 51.32448992257549492, 6.1220961377056291 51.3216547831360117, 6.11973177416623848 51.32262971304714227, 6.11204359901656513 51.31421375229773219, 6.11139393391078478 51.31440117493069408, 6.11054921328762024 51.31350212864729343, 6.10781538687732262 51.31440518076869495, 6.10917364468568103 51.31599357659999328, 6.11538955078845081 51.3219995398194726, 6.11743322285611679 51.32699185313406076, 6.12235836903335429 51.32787983895634198, 6.12235836903335429 51.32787983895634198)))</t>
  </si>
  <si>
    <t>MultiPolygon (((6.10591887684027768 51.30709555809114164, 6.10928049418701313 51.3100932713706257, 6.11056812306715269 51.30962054307630638, 6.1110056228247922 51.30636289089961366, 6.10835157294929054 51.3052116885680789, 6.10591887684027768 51.30709555809114164, 6.10591887684027768 51.30709555809114164)))</t>
  </si>
  <si>
    <t>MultiPolygon (((6.10603518691654923 51.31228708453484444, 6.11001236992478525 51.31075481690171358, 6.10928049418701313 51.3100932713706257, 6.10591887684027768 51.30709555809114164, 6.09291013196548192 51.29540309653026497, 6.090559762404955 51.2947948246058516, 6.0874324869900418 51.29504179843861067, 6.08471715843046024 51.29745438170265714, 6.08913872956838986 51.29924005678959986, 6.09228211372461281 51.3013222052559783, 6.10045345419398988 51.30721415833393451, 6.10603518691654923 51.31228708453484444, 6.10603518691654923 51.31228708453484444)))</t>
  </si>
  <si>
    <t>MultiPolygon (((6.12964878358675769 51.32083020949176699, 6.13174153654713905 51.31869902192102018, 6.13525089744150964 51.31715500416921572, 6.12746722997558102 51.30978306934940747, 6.1147052770146022 51.30066144304267794, 6.10835157294929054 51.3052116885680789, 6.1110056228247922 51.30636289089961366, 6.11056812306715269 51.30962054307630638, 6.10928049418701313 51.3100932713706257, 6.11001236992478525 51.31075481690171358, 6.10603518691654923 51.31228708453484444, 6.10781538687732262 51.31440518076869495, 6.11054921328762024 51.31350212864729343, 6.11139393391078478 51.31440117493069408, 6.11204359901656513 51.31421375229773219, 6.11279339089984397 51.31337669667818346, 6.11671053281184651 51.31688131505960371, 6.11779600760960651 51.31631808404731032, 6.12563678169879822 51.31819586516014908, 6.12964878358675769 51.32083020949176699, 6.12964878358675769 51.32083020949176699)))</t>
  </si>
  <si>
    <t>MultiPolygon (((6.16919343792855379 51.50308165641622082, 6.18836254256259721 51.50508099726530276, 6.20404470853707313 51.50431295478996674, 6.21336126397045252 51.50781767101903341, 6.21410101957102068 51.50329045452266286, 6.21276362341731581 51.49130815390143567, 6.21797547388001348 51.48502551592716969, 6.21628820854602981 51.48409549829409571, 6.21574889134897557 51.48229128482460482, 6.21620170175087505 51.4811606191003861, 6.21698200901134257 51.48108632626146886, 6.21556672496182205 51.47833276072915254, 6.19733298869348559 51.47517084219867911, 6.1966480236326511 51.47655810857752812, 6.19515998291819781 51.47625560313420578, 6.19410493892123704 51.47561119716406353, 6.1948814929380962 51.4734601418685358, 6.18984411517899602 51.47258880511648726, 6.18927072294625535 51.47149698554834174, 6.19527757255233702 51.47225826380969949, 6.19604332509645683 51.4712875346516654, 6.20493582035295077 51.47299190233211874, 6.20406682354221761 51.4745369143925231, 6.21276060490147586 51.47610634707041299, 6.21691884553800822 51.47513749913505166, 6.21909725933737523 51.47304102146973293, 6.22333233601333902 51.47216796452651266, 6.22289273060058346 51.46942862427854237, 6.21275265365605556 51.46971698224103164, 6.20175240053636045 51.46111536682685994, 6.17675740917697258 51.46105078574614566, 6.17604269831724206 51.46146664005652838, 6.1786403815881954 51.46580766787533889, 6.1786887178140697 51.47038523496125606, 6.18240079229523243 51.4695169793545162, 6.18217875302208952 51.46529185172579446, 6.18373955079093029 51.46500794012867885, 6.18739183788840208 51.46851743637059684, 6.19116297664239301 51.47741942218937083, 6.19233593525139803 51.48000916568118868, 6.19641354322748228 51.4811000967129786, 6.20293213884941341 51.48712051882193919, 6.20039213869672423 51.48880301344065913, 6.19487668011768644 51.48730058974383184, 6.18654224022643806 51.4870118896551503, 6.18164348199763758 51.48838380325751984, 6.1665576190439868 51.48819618961886135, 6.16660177039526669 51.48979550924283899, 6.16922623703414796 51.49923273489878994, 6.16919343792855379 51.50308165641622082, 6.16919343792855379 51.50308165641622082)))</t>
  </si>
  <si>
    <t>MultiPolygon (((6.17053604386242238 51.48120657462099103, 6.16710772777200766 51.48578841504788528, 6.1665576190439868 51.48819618961886135, 6.18164348199763758 51.48838380325751984, 6.18654224022643806 51.4870118896551503, 6.19487668011768644 51.48730058974383184, 6.20039213869672423 51.48880301344065913, 6.20293213884941341 51.48712051882193919, 6.19641354322748228 51.4811000967129786, 6.19233593525139803 51.48000916568118868, 6.19116297664239301 51.47741942218937083, 6.18775430282694572 51.47693317689515169, 6.18559396249367044 51.47851116965579621, 6.18545552188268033 51.48005643212473359, 6.18337795559643322 51.48267564205351476, 6.18215317454217317 51.48269747464887303, 6.18220793344606623 51.48187640319275715, 6.18079662279590814 51.4816028554222811, 6.17053604386242238 51.48120657462099103, 6.17053604386242238 51.48120657462099103)))</t>
  </si>
  <si>
    <t>MultiPolygon (((6.21797547388001348 51.48502551592716969, 6.21851476419154192 51.48434145087415459, 6.21903198891328479 51.48498326955130011, 6.22355667936093226 51.47496489540112918, 6.22333233601333902 51.47216796452651266, 6.21909725933737523 51.47304102146973293, 6.21691884553800822 51.47513749913505166, 6.21276060490147586 51.47610634707041299, 6.20406682354221761 51.4745369143925231, 6.20493582035295077 51.47299190233211874, 6.19604332509645683 51.4712875346516654, 6.19527757255233702 51.47225826380969949, 6.18927072294625535 51.47149698554834174, 6.18984411517899602 51.47258880511648726, 6.1948814929380962 51.4734601418685358, 6.19410493892123704 51.47561119716406353, 6.19515998291819781 51.47625560313420578, 6.1966480236326511 51.47655810857752812, 6.19733298869348559 51.47517084219867911, 6.21556672496182205 51.47833276072915254, 6.21698200901134257 51.48108632626146886, 6.21620170175087505 51.4811606191003861, 6.21574889134897557 51.48229128482460482, 6.21628820854602981 51.48409549829409571, 6.21797547388001348 51.48502551592716969, 6.21797547388001348 51.48502551592716969)))</t>
  </si>
  <si>
    <t>MultiPolygon (((6.17463795975534779 51.47727602125869595, 6.17053604386242238 51.48120657462099103, 6.18079662279590814 51.4816028554222811, 6.18220793344606623 51.48187640319275715, 6.18215317454217317 51.48269747464887303, 6.18337795559643322 51.48267564205351476, 6.18545552188268033 51.48005643212473359, 6.18559396249367044 51.47851116965579621, 6.18775430282694572 51.47693317689515169, 6.19116297664239301 51.47741942218937083, 6.18739183788840208 51.46851743637059684, 6.18373955079093029 51.46500794012867885, 6.18217875302208952 51.46529185172579446, 6.18240079229523243 51.4695169793545162, 6.1786887178140697 51.47038523496125606, 6.17760922923802447 51.47382982849995159, 6.17463795975534779 51.47727602125869595, 6.17463795975534779 51.47727602125869595)))</t>
  </si>
  <si>
    <t>MultiPolygon (((6.17604269831724206 51.46146664005652838, 6.17675740917697258 51.46105078574614566, 6.20175240053636045 51.46111536682685994, 6.21275265365605556 51.46971698224103164, 6.22289273060058346 51.46942862427854237, 6.22367585395081058 51.46871484246507578, 6.22229513664259226 51.46616230885980769, 6.22192454369556902 51.46058477117300356, 6.22012304415017692 51.45551958556635697, 6.22059339372610154 51.44664625655136803, 6.21410759533381363 51.44652774960884045, 6.18251363687597699 51.44063623256590745, 6.17916624997707586 51.44094666054137832, 6.17639163543422054 51.43969981204890018, 6.17404457444352239 51.437550208982735, 6.17132144553736328 51.43703644241290363, 6.16819750662260979 51.43608924198044718, 6.15435503287104346 51.43536780371893968, 6.15426382663981375 51.44008363666870309, 6.15687688586711523 51.44493236716113671, 6.16484519728343106 51.45257015434775383, 6.17604269831724206 51.46146664005652838, 6.17604269831724206 51.46146664005652838),(6.17738757734324206 51.44976887927744258, 6.1818592346905481 51.45218172365621001, 6.18028201041129588 51.45273719381228972, 6.17327473386193493 51.45078096645831778, 6.16814499468750554 51.45224045095833532, 6.16664187740661607 51.45049288197654391, 6.16747322308815438 51.44938976309049394, 6.1655649287400518 51.44514081535968586, 6.16796245180866798 51.44091972413602321, 6.17050598137670203 51.44128470430504763, 6.17188268039204857 51.44530343531487659, 6.17432964030678111 51.4450586256677056, 6.17975140491477948 51.4437427720775915, 6.18033932527799834 51.4442978940297877, 6.18144637202983294 51.4486374600018479, 6.17738757734324206 51.44976887927744258, 6.17738757734324206 51.44976887927744258)))</t>
  </si>
  <si>
    <t>MultiPolygon (((6.17432964030678111 51.4450586256677056, 6.17430791122184086 51.44862921740183026, 6.17738757734324206 51.44976887927744258, 6.18144637202983294 51.4486374600018479, 6.18033932527799834 51.4442978940297877, 6.17975140491477948 51.4437427720775915, 6.17432964030678111 51.4450586256677056, 6.17432964030678111 51.4450586256677056)))</t>
  </si>
  <si>
    <t>MultiPolygon (((6.17432964030678111 51.4450586256677056, 6.17188268039204857 51.44530343531487659, 6.17050598137670203 51.44128470430504763, 6.16796245180866798 51.44091972413602321, 6.1655649287400518 51.44514081535968586, 6.16747322308815438 51.44938976309049394, 6.16664187740661607 51.45049288197654391, 6.16814499468750554 51.45224045095833532, 6.17327473386193493 51.45078096645831778, 6.18028201041129588 51.45273719381228972, 6.1818592346905481 51.45218172365621001, 6.17738757734324206 51.44976887927744258, 6.17430791122184086 51.44862921740183026, 6.17432964030678111 51.4450586256677056, 6.17432964030678111 51.4450586256677056)))</t>
  </si>
  <si>
    <t>MultiPolygon (((6.17404457444352239 51.437550208982735, 6.17639163543422054 51.43969981204890018, 6.17916624997707586 51.44094666054137832, 6.18251363687597699 51.44063623256590745, 6.21410759533381363 51.44652774960884045, 6.21476141836554863 51.43388074651728203, 6.20686557709372178 51.4053335955048567, 6.17290374832341904 51.39724831088803114, 6.17192500113696152 51.39999477094087865, 6.17278050091495167 51.40068835690172477, 6.17093292945070093 51.40205634276870228, 6.16961410777233255 51.40158069351468129, 6.16669141181737768 51.40799328600198237, 6.17381063902802385 51.40925517084007623, 6.1782504745774327 51.41454039208250038, 6.1768303564573106 51.41654914943619303, 6.17200965924659961 51.41794084131138476, 6.17199225233146276 51.4201864241428126, 6.17372794815161985 51.42187545621190736, 6.17708940686919217 51.4241979757051908, 6.18017187243687971 51.42459774051098265, 6.18739996450513718 51.41772296733692826, 6.18908567503607632 51.41539939846215646, 6.18943713338795831 51.40996578684857354, 6.19674994433959014 51.40969050719660061, 6.19780580452722241 51.42024712860145286, 6.19331014983555761 51.42211925917316506, 6.18770456505202215 51.42589912386297613, 6.18497060721130776 51.42873018052021905, 6.18893715136108913 51.4319814591480835, 6.1878604058686113 51.43220742831190506, 6.18298674128266068 51.43009064989712442, 6.18083242863079629 51.43057635747574352, 6.17404457444352239 51.437550208982735, 6.17404457444352239 51.437550208982735)))</t>
  </si>
  <si>
    <t>MultiPolygon (((6.16961410777233255 51.40158069351468129, 6.17093292945070093 51.40205634276870228, 6.17278050091495167 51.40068835690172477, 6.17192500113696152 51.39999477094087865, 6.17290374832341904 51.39724831088803114, 6.17211606425886039 51.39706844523864504, 6.16826258193633947 51.39620182228575374, 6.16397724401063485 51.39758500573735489, 6.16641878630586415 51.40011440909282925, 6.16961410777233255 51.40158069351468129, 6.16961410777233255 51.40158069351468129)))</t>
  </si>
  <si>
    <t>MultiPolygon (((6.15435503287104346 51.43536780371893968, 6.16819750662260979 51.43608924198044718, 6.17132144553736328 51.43703644241290363, 6.17422787659645333 51.4319525187784734, 6.17119037322520914 51.43239970291240581, 6.17030797656719088 51.42675435556913044, 6.16929582326245285 51.42274035041558733, 6.16770856846206517 51.4224076029500452, 6.166000518658727 51.42274532880612981, 6.16235349357302287 51.41643458525037857, 6.16084286153084637 51.4161696335872449, 6.16063654308562025 51.41226116066596319, 6.16246088909445344 51.4078817787827731, 6.16669141181737768 51.40799328600198237, 6.16961410777233255 51.40158069351468129, 6.16641878630586415 51.40011440909282925, 6.16397724401063485 51.39758500573735489, 6.16826258193633947 51.39620182228575374, 6.16619022910697367 51.39573557077260091, 6.15335796182588446 51.39510600219533387, 6.15304138982991766 51.39592525406946777, 6.14899519000476591 51.40777515943052123, 6.14964819553135023 51.4112172939459029, 6.15137549071239498 51.41461237778013071, 6.15682459474572141 51.4191198970515444, 6.15837952021405144 51.42272657607330899, 6.15782750630468101 51.42666732236581595, 6.15461158767464145 51.43470166343426087, 6.15435503287104346 51.43536780371893968, 6.15435503287104346 51.43536780371893968)))</t>
  </si>
  <si>
    <t>MultiPolygon (((6.17132144553736328 51.43703644241290363, 6.17404457444352239 51.437550208982735, 6.18083242863079629 51.43057635747574352, 6.18298674128266068 51.43009064989712442, 6.1878604058686113 51.43220742831190506, 6.18893715136108913 51.4319814591480835, 6.18497060721130776 51.42873018052021905, 6.18770456505202215 51.42589912386297613, 6.19331014983555761 51.42211925917316506, 6.19780580452722241 51.42024712860145286, 6.19674994433959014 51.40969050719660061, 6.18943713338795831 51.40996578684857354, 6.18908567503607632 51.41539939846215646, 6.18739996450513718 51.41772296733692826, 6.18017187243687971 51.42459774051098265, 6.17708940686919217 51.4241979757051908, 6.17713494382572481 51.42591277582999254, 6.17030797656719088 51.42675435556913044, 6.17119037322520914 51.43239970291240581, 6.17422787659645333 51.4319525187784734, 6.17132144553736328 51.43703644241290363, 6.17132144553736328 51.43703644241290363)))</t>
  </si>
  <si>
    <t>MultiPolygon (((6.17030797656719088 51.42675435556913044, 6.17713494382572481 51.42591277582999254, 6.17708940686919217 51.4241979757051908, 6.17372794815161985 51.42187545621190736, 6.16929582326245285 51.42274035041558733, 6.17030797656719088 51.42675435556913044, 6.17030797656719088 51.42675435556913044)))</t>
  </si>
  <si>
    <t>MultiPolygon (((6.16770856846206517 51.4224076029500452, 6.16929582326245285 51.42274035041558733, 6.17372794815161985 51.42187545621190736, 6.17199225233146276 51.4201864241428126, 6.17200965924659961 51.41794084131138476, 6.1768303564573106 51.41654914943619303, 6.1782504745774327 51.41454039208250038, 6.17381063902802385 51.40925517084007623, 6.16669141181737768 51.40799328600198237, 6.16555419966184637 51.41328015084350511, 6.16770856846206517 51.4224076029500452, 6.16770856846206517 51.4224076029500452)))</t>
  </si>
  <si>
    <t>MultiPolygon (((6.16770856846206517 51.4224076029500452, 6.16555419966184637 51.41328015084350511, 6.16669141181737768 51.40799328600198237, 6.16246088909445344 51.4078817787827731, 6.16063654308562025 51.41226116066596319, 6.16084286153084637 51.4161696335872449, 6.16235349357302287 51.41643458525037857, 6.166000518658727 51.42274532880612981, 6.16770856846206517 51.4224076029500452, 6.16770856846206517 51.4224076029500452)))</t>
  </si>
  <si>
    <t>MultiPolygon (((6.130120273924061 51.33624611971609397, 6.1346322613069324 51.33748560147333961, 6.13513876777637357 51.33362334894160739, 6.12885154100172347 51.32774966894577773, 6.12670703152996055 51.32866670964153855, 6.12562749763161207 51.32792207672889617, 6.12235836903335429 51.32787983895634198, 6.130120273924061 51.33624611971609397, 6.130120273924061 51.33624611971609397)))</t>
  </si>
  <si>
    <t>MultiPolygon (((6.12325337395775904 51.34336978006994201, 6.12328032370512343 51.3433692214107964, 6.12420816909426602 51.34169149690343659, 6.12596109037376024 51.34074732751343362, 6.12722038546526182 51.34122923402255623, 6.13090609203511683 51.33726765477989318, 6.130120273924061 51.33624611971609397, 6.12235836903335429 51.32787983895634198, 6.11743322285611679 51.32699185313406076, 6.11817435288983447 51.33004765282485948, 6.11699804393640445 51.33394447906215419, 6.11665749433217698 51.33910973488838181, 6.11879594368018243 51.34101719622069737, 6.12325337395775904 51.34336978006994201, 6.12325337395775904 51.34336978006994201)))</t>
  </si>
  <si>
    <t>MultiPolygon (((6.16186923876606318 51.33200494035646955, 6.16927168028873485 51.32973700385109339, 6.16418755348790626 51.3255520511062997, 6.15958994596944365 51.31969128953274861, 6.15942040711283401 51.31564202400353025, 6.15882881874469135 51.31515159767243262, 6.15309915773467786 51.31900093355725545, 6.14457861345457168 51.32318445645273641, 6.1397520493222828 51.32394297082789336, 6.14501140418618519 51.3309436996028623, 6.15792682926572965 51.32839142390805165, 6.16100932036012239 51.32935438479147194, 6.15984022516193264 51.33048022251119136, 6.16186923876606318 51.33200494035646955, 6.16186923876606318 51.33200494035646955)))</t>
  </si>
  <si>
    <t>MultiPolygon (((6.15726827944884825 51.34550738021646765, 6.1611906726824337 51.34726211401360274, 6.1638937316950333 51.34541663962288993, 6.1621392340994543 51.3436098367333642, 6.16441707602463396 51.34234697376368928, 6.166076116845157 51.34242488264055027, 6.16551757810238765 51.34333831138931004, 6.18017956524830137 51.34196744335840634, 6.17687679971631454 51.33838076750731716, 6.17893370867905567 51.33550377365893524, 6.17857109033803198 51.33333209448397128, 6.16900691179821603 51.33301392348725045, 6.16176767277244508 51.33752580807907151, 6.15754241732874164 51.34439991181538687, 6.15726827944884825 51.34550738021646765, 6.15726827944884825 51.34550738021646765)))</t>
  </si>
  <si>
    <t>MultiPolygon (((6.15169240059363709 51.33858657613620835, 6.15512276727123187 51.34074565438745452, 6.15754241732874164 51.34439991181538687, 6.16176767277244508 51.33752580807907151, 6.16900691179821603 51.33301392348725045, 6.1681581861499577 51.33232217474596837, 6.16927168028873485 51.32973700385109339, 6.16186923876606318 51.33200494035646955, 6.16243103113459689 51.3323868319938228, 6.15169240059363709 51.33858657613620835, 6.15169240059363709 51.33858657613620835)))</t>
  </si>
  <si>
    <t>MultiPolygon (((6.15169240059363709 51.33858657613620835, 6.16243103113459689 51.3323868319938228, 6.16186923876606318 51.33200494035646955, 6.15984022516193264 51.33048022251119136, 6.16100932036012239 51.32935438479147194, 6.15792682926572965 51.32839142390805165, 6.14501140418618519 51.3309436996028623, 6.15169240059363709 51.33858657613620835, 6.15169240059363709 51.33858657613620835)))</t>
  </si>
  <si>
    <t>MultiPolygon (((6.15726827944884825 51.34550738021646765, 6.15754241732874164 51.34439991181538687, 6.15512276727123187 51.34074565438745452, 6.15169240059363709 51.33858657613620835, 6.14514846310349849 51.34030273173610937, 6.15726827944884825 51.34550738021646765, 6.15726827944884825 51.34550738021646765)))</t>
  </si>
  <si>
    <t>MultiPolygon (((6.13997663798910587 51.33740443451295477, 6.14268539810045233 51.33892491942908265, 6.14482832479225838 51.33539267904209424, 6.13994920474348227 51.3326035563408567, 6.13536572036977557 51.33311131447831599, 6.13513876777637357 51.33362334894160739, 6.13997663798910587 51.33740443451295477, 6.13997663798910587 51.33740443451295477)))</t>
  </si>
  <si>
    <t>MultiPolygon (((6.14268539810045233 51.33892491942908265, 6.14514846310349849 51.34030273173610937, 6.15169240059363709 51.33858657613620835, 6.14501140418618519 51.3309436996028623, 6.1397520493222828 51.32394297082789336, 6.13446926846784191 51.32620358628507518, 6.131811758292951 51.32644444168705178, 6.12885154100172347 51.32774966894577773, 6.13513876777637357 51.33362334894160739, 6.13536572036977557 51.33311131447831599, 6.13994920474348227 51.3326035563408567, 6.14482832479225838 51.33539267904209424, 6.14268539810045233 51.33892491942908265, 6.14268539810045233 51.33892491942908265)))</t>
  </si>
  <si>
    <t>MultiPolygon (((6.13746056070648294 51.35153887608888823, 6.13938331028590589 51.35270673624662408, 6.14324482190641419 51.34948792455277555, 6.14207954991614713 51.34942087281475409, 6.13825421390716919 51.34716238440102387, 6.13826417475191466 51.34558564150659521, 6.13382284552057389 51.34488967957781114, 6.13105218277045161 51.34756277370784971, 6.13746056070648294 51.35153887608888823, 6.13746056070648294 51.35153887608888823)))</t>
  </si>
  <si>
    <t>MultiPolygon (((6.13105218277045161 51.34756277370784971, 6.13382284552057389 51.34488967957781114, 6.12722038546526182 51.34122923402255623, 6.12596109037376024 51.34074732751343362, 6.12420816909426602 51.34169149690343659, 6.12328032370512343 51.3433692214107964, 6.13105218277045161 51.34756277370784971, 6.13105218277045161 51.34756277370784971)))</t>
  </si>
  <si>
    <t>MultiPolygon (((6.1346322613069324 51.33748560147333961, 6.13997663798910587 51.33740443451295477, 6.13513876777637357 51.33362334894160739, 6.1346322613069324 51.33748560147333961, 6.1346322613069324 51.33748560147333961)))</t>
  </si>
  <si>
    <t>MultiPolygon (((6.13382284552057389 51.34488967957781114, 6.13826417475191466 51.34558564150659521, 6.14122540611283174 51.34559257536479748, 6.14418089747252605 51.34074897486645739, 6.14514846310349849 51.34030273173610937, 6.14268539810045233 51.33892491942908265, 6.13997663798910587 51.33740443451295477, 6.1346322613069324 51.33748560147333961, 6.130120273924061 51.33624611971609397, 6.13090609203511683 51.33726765477989318, 6.12722038546526182 51.34122923402255623, 6.13382284552057389 51.34488967957781114, 6.13382284552057389 51.34488967957781114)))</t>
  </si>
  <si>
    <t>MultiPolygon (((6.13938331028590589 51.35270673624662408, 6.14585473030352691 51.35589632924462222, 6.1517734131439834 51.35260269068306371, 6.15020948844810889 51.35136436578891761, 6.15267409011503208 51.34963937455399474, 6.16025841430877641 51.34840901686357739, 6.1611906726824337 51.34726211401360274, 6.15726827944884825 51.34550738021646765, 6.14514846310349849 51.34030273173610937, 6.14418089747252605 51.34074897486645739, 6.14122540611283174 51.34559257536479748, 6.13826417475191466 51.34558564150659521, 6.13825421390716919 51.34716238440102387, 6.14207954991614713 51.34942087281475409, 6.14324482190641419 51.34948792455277555, 6.13938331028590589 51.35270673624662408, 6.13938331028590589 51.35270673624662408)))</t>
  </si>
  <si>
    <t>MultiPolygon (((6.07761153790735076 51.41960977506156638, 6.07769616151476377 51.4201708046921695, 6.08181748555011303 51.42058196573838558, 6.10175766675780906 51.41955410912856195, 6.10764214971682318 51.42024816951218469, 6.10895947120101912 51.4194261878231913, 6.10947952958904228 51.42046481924871415, 6.11619227910840824 51.4212560694764349, 6.12080398263757886 51.41715039261128339, 6.12306181340072619 51.41369003741259291, 6.11760682326010041 51.41263037960333548, 6.10774612074750234 51.40955188622450578, 6.10712729512764252 51.40886625269078536, 6.11358475609848728 51.40486653942132023, 6.11804686315856827 51.40331591089043428, 6.1233417279143243 51.39808604592260366, 6.12748561983734952 51.39885802598757891, 6.12794896558532631 51.39376459890935678, 6.10948776548431471 51.39373664806830533, 6.09104811155713843 51.40273687894053722, 6.09185982480108112 51.40476907288186226, 6.0961726056750587 51.40474292185587046, 6.10021232404847247 51.40747262816792329, 6.10070439079813198 51.4100544715236083, 6.09878512617746527 51.41587152433756103, 6.09488180388333323 51.41760438296848434, 6.08973406966622743 51.41776264461206836, 6.08286570432773122 51.41322737272829357, 6.07838150054875115 51.40891532396628349, 6.07686379422487999 51.40965531918071463, 6.07761153790735076 51.41960977506156638, 6.07761153790735076 51.41960977506156638)))</t>
  </si>
  <si>
    <t>MultiPolygon (((6.12306181340072619 51.41369003741259291, 6.12568349515134347 51.4063950594578003, 6.12748561983734952 51.39885802598757891, 6.1233417279143243 51.39808604592260366, 6.11804686315856827 51.40331591089043428, 6.11358475609848728 51.40486653942132023, 6.10712729512764252 51.40886625269078536, 6.10774612074750234 51.40955188622450578, 6.11760682326010041 51.41263037960333548, 6.12306181340072619 51.41369003741259291, 6.12306181340072619 51.41369003741259291)))</t>
  </si>
  <si>
    <t>MultiPolygon (((6.07838150054875115 51.40891532396628349, 6.08286570432773122 51.41322737272829357, 6.08973406966622743 51.41776264461206836, 6.09488180388333323 51.41760438296848434, 6.09878512617746527 51.41587152433756103, 6.10070439079813198 51.4100544715236083, 6.10021232404847247 51.40747262816792329, 6.0961726056750587 51.40474292185587046, 6.09185982480108112 51.40476907288186226, 6.09104811155713843 51.40273687894053722, 6.07838150054875115 51.40891532396628349, 6.07838150054875115 51.40891532396628349)))</t>
  </si>
  <si>
    <t>MultiPolygon (((6.12748561983734952 51.39885802598757891, 6.12568349515134347 51.4063950594578003, 6.1373035205803701 51.39773275266063024, 6.13903305569460755 51.3942967883327313, 6.12794896558532631 51.39376459890935678, 6.12748561983734952 51.39885802598757891, 6.12748561983734952 51.39885802598757891)))</t>
  </si>
  <si>
    <t>MultiPolygon (((6.12306181340072619 51.41369003741259291, 6.12080398263757886 51.41715039261128339, 6.12194632373773207 51.41585913528095375, 6.12450521982264462 51.41544080360227298, 6.12455587409045688 51.41480061878718288, 6.12773303612177056 51.41478606339584445, 6.12819785921437354 51.41389109454426887, 6.13117058848453933 51.41470448187484266, 6.1326069244994148 51.41377929978026629, 6.13409105491518059 51.41613642905005577, 6.135270778769363 51.41610927841679057, 6.14078010756788117 51.39486198457080945, 6.1415514222701022 51.39440134899943047, 6.13903305569460755 51.3942967883327313, 6.1373035205803701 51.39773275266063024, 6.12568349515134347 51.4063950594578003, 6.12306181340072619 51.41369003741259291, 6.12306181340072619 51.41369003741259291)))</t>
  </si>
  <si>
    <t>MultiPolygon (((6.07686379422487999 51.40965531918071463, 6.07838150054875115 51.40891532396628349, 6.09104811155713843 51.40273687894053722, 6.10948776548431471 51.39373664806830533, 6.08391798176666931 51.39480289146800374, 6.07736472298589803 51.39428090232128454, 6.07437032297203316 51.3939092428877089, 6.07312618836923335 51.39572924336427207, 6.07207736248466112 51.39830289545388808, 6.07190494050754648 51.40162637589605765, 6.07401175760252698 51.40546513460618883, 6.07336596656348693 51.40610569837895838, 6.07686379422487999 51.40965531918071463, 6.07686379422487999 51.40965531918071463)))</t>
  </si>
  <si>
    <t>MultiPolygon (((6.07736472298589803 51.39428090232128454, 6.08391798176666931 51.39480289146800374, 6.10948776548431471 51.39373664806830533, 6.12794896558532631 51.39376459890935678, 6.12641280902546281 51.38878994044026172, 6.12448186855763677 51.3866555961944087, 6.11929343293143813 51.38902634831418936, 6.08760126140918345 51.38954183006308085, 6.0854746550155685 51.39052651130384675, 6.08377312987453323 51.3924505852422584, 6.08183553745470373 51.39221134107765465, 6.07736472298589803 51.39428090232128454, 6.07736472298589803 51.39428090232128454)))</t>
  </si>
  <si>
    <t>MultiPolygon (((6.15304138982991766 51.39592525406946777, 6.15335796182588446 51.39510600219533387, 6.16169661824982651 51.38437549170236451, 6.14962339007880843 51.38143388943947798, 6.1491229854428493 51.38174728270672631, 6.1424652246657292 51.3880164328989224, 6.1415514222701022 51.39440134899943047, 6.14078010756788117 51.39486198457080945, 6.15304138982991766 51.39592525406946777, 6.15304138982991766 51.39592525406946777)))</t>
  </si>
  <si>
    <t>MultiPolygon (((6.13903305569460755 51.3942967883327313, 6.1415514222701022 51.39440134899943047, 6.1424652246657292 51.3880164328989224, 6.1491229854428493 51.38174728270672631, 6.1479858589243177 51.38160909072951199, 6.14506116034980199 51.38195355216281257, 6.1405140376569749 51.38130616295421049, 6.13854976013745457 51.3803956700715645, 6.13198848465817647 51.38332327171568181, 6.12448186855763677 51.3866555961944087, 6.12641280902546281 51.38878994044026172, 6.12794896558532631 51.39376459890935678, 6.13903305569460755 51.3942967883327313, 6.13903305569460755 51.3942967883327313)))</t>
  </si>
  <si>
    <t>MultiPolygon (((6.1479858589243177 51.38160909072951199, 6.1491229854428493 51.38174728270672631, 6.14962339007880843 51.38143388943947798, 6.16169661824982651 51.38437549170236451, 6.1654977473380157 51.37948888159790783, 6.16720100656836401 51.3766962765774835, 6.16757810633089854 51.3747260454500605, 6.16145232277833266 51.37625120224837616, 6.1554166469191216 51.37827394328438402, 6.15447575050399198 51.3770738120428021, 6.15208266714511609 51.37732236042333511, 6.14777321130595578 51.3803133598422761, 6.1479858589243177 51.38160909072951199, 6.1479858589243177 51.38160909072951199)))</t>
  </si>
  <si>
    <t>MultiPolygon (((6.16145232277833266 51.37625120224837616, 6.16757810633089854 51.3747260454500605, 6.16564194654281383 51.37170479889686447, 6.16227098393042105 51.36913701606646754, 6.15857126192817006 51.37081555619442952, 6.15523258603592893 51.37287289396159196, 6.15629110256798295 51.37501773304211383, 6.1611486989581925 51.37561749882925, 6.16145232277833266 51.37625120224837616, 6.16145232277833266 51.37625120224837616)))</t>
  </si>
  <si>
    <t>MultiPolygon (((6.13854976013745457 51.3803956700715645, 6.1405140376569749 51.38130616295421049, 6.14506116034980199 51.38195355216281257, 6.1479858589243177 51.38160909072951199, 6.14777321130595578 51.3803133598422761, 6.15208266714511609 51.37732236042333511, 6.15447575050399198 51.3770738120428021, 6.1554166469191216 51.37827394328438402, 6.16145232277833266 51.37625120224837616, 6.1611486989581925 51.37561749882925, 6.15629110256798295 51.37501773304211383, 6.15523258603592893 51.37287289396159196, 6.14878893403555349 51.37627783612531829, 6.13854976013745457 51.3803956700715645, 6.13854976013745457 51.3803956700715645)))</t>
  </si>
  <si>
    <t>MultiPolygon (((6.08760126140918345 51.38954183006308085, 6.11929343293143813 51.38902634831418936, 6.12448186855763677 51.3866555961944087, 6.13198848465817647 51.38332327171568181, 6.12895139491783691 51.38144865454358268, 6.12828830628359622 51.38307808860064085, 6.12539488391838738 51.38323937935851404, 6.12346706376636973 51.3824380684469304, 6.12294989281039559 51.38145614088154645, 6.11949910434525624 51.38125315265327231, 6.11291905746389386 51.378478058760777, 6.11330885837285454 51.37435956072646803, 6.11498217586456949 51.37346460211033161, 6.11538590160453044 51.37401400445516231, 6.12100656967056533 51.37289466532071458, 6.12200886786263254 51.37172426777542711, 6.12645010561068482 51.37087547528930287, 6.12386800885158955 51.36456265480701688, 6.11833093510192771 51.36590184370358259, 6.11396959268448104 51.3656145193016016, 6.11330077300878649 51.36473327118275733, 6.11032753175294996 51.36431759434534428, 6.10318705077808321 51.36469764518904668, 6.1030681334696002 51.36561667915702856, 6.09494233041398381 51.36560019230147844, 6.09075949116954529 51.3714833990354407, 6.08793055261444938 51.37045879383101266, 6.08623435339852481 51.37259606743838702, 6.07758739641753021 51.37817283332037732, 6.090432246131539 51.38589795347550648, 6.09012158574747975 51.38909288838590328, 6.08760126140918345 51.38954183006308085, 6.08760126140918345 51.38954183006308085)))</t>
  </si>
  <si>
    <t>MultiPolygon (((6.12294989281039559 51.38145614088154645, 6.12326245981737483 51.37741270026032225, 6.12645010561068482 51.37087547528930287, 6.12200886786263254 51.37172426777542711, 6.12100656967056533 51.37289466532071458, 6.11538590160453044 51.37401400445516231, 6.11498217586456949 51.37346460211033161, 6.11330885837285454 51.37435956072646803, 6.11291905746389386 51.378478058760777, 6.11949910434525624 51.38125315265327231, 6.12294989281039559 51.38145614088154645, 6.12294989281039559 51.38145614088154645)))</t>
  </si>
  <si>
    <t>MultiPolygon (((6.13826540229911544 51.35936494504232996, 6.14141650786166249 51.35812207569639298, 6.14585473030352691 51.35589632924462222, 6.13938331028590589 51.35270673624662408, 6.13746056070648294 51.35153887608888823, 6.13413724100924096 51.35276386788348901, 6.13155686203701134 51.35607037513370443, 6.13163211514318274 51.35681149099410447, 6.13826540229911544 51.35936494504232996, 6.13826540229911544 51.35936494504232996)))</t>
  </si>
  <si>
    <t>MultiPolygon (((6.09494233041398381 51.36560019230147844, 6.1030681334696002 51.36561667915702856, 6.10318705077808321 51.36469764518904668, 6.11032753175294996 51.36431759434534428, 6.11330077300878649 51.36473327118275733, 6.11396959268448104 51.3656145193016016, 6.11833093510192771 51.36590184370358259, 6.12386800885158955 51.36456265480701688, 6.12080370753217817 51.35911126847325647, 6.12700269162625322 51.35499373625412289, 6.13055641999793544 51.35520213215913543, 6.13155686203701134 51.35607037513370443, 6.13413724100924096 51.35276386788348901, 6.13746056070648294 51.35153887608888823, 6.13105218277045161 51.34756277370784971, 6.12328032370512343 51.3433692214107964, 6.12325337395775904 51.34336978006994201, 6.11959542090051123 51.34647875439902265, 6.11877302817256474 51.34593137621302361, 6.10710016677689449 51.35600284734183418, 6.09963628312052197 51.35713211193540673, 6.09494233041398381 51.36560019230147844, 6.09494233041398381 51.36560019230147844)))</t>
  </si>
  <si>
    <t>MultiPolygon (((6.12386800885158955 51.36456265480701688, 6.12686852958838912 51.36346226160968342, 6.13207827489662538 51.36145507452307157, 6.13826540229911544 51.35936494504232996, 6.13163211514318274 51.35681149099410447, 6.13155686203701134 51.35607037513370443, 6.13055641999793544 51.35520213215913543, 6.12700269162625322 51.35499373625412289, 6.12080370753217817 51.35911126847325647, 6.12386800885158955 51.36456265480701688, 6.12386800885158955 51.36456265480701688)))</t>
  </si>
  <si>
    <t>MultiPolygon (((6.12294989281039559 51.38145614088154645, 6.12346706376636973 51.3824380684469304, 6.12539488391838738 51.38323937935851404, 6.12828830628359622 51.38307808860064085, 6.12895139491783691 51.38144865454358268, 6.13198848465817647 51.38332327171568181, 6.13854976013745457 51.3803956700715645, 6.13429440727979181 51.37605885421230312, 6.13018748168742 51.37726910692078519, 6.12326245981737483 51.37741270026032225, 6.12294989281039559 51.38145614088154645, 6.12294989281039559 51.38145614088154645)))</t>
  </si>
  <si>
    <t>MultiPolygon (((6.12326245981737483 51.37741270026032225, 6.13018748168742 51.37726910692078519, 6.13429440727979181 51.37605885421230312, 6.1364988348305971 51.3728913455393581, 6.13645524704523027 51.37163585724051273, 6.13120505228787138 51.37083248292619686, 6.12645010561068482 51.37087547528930287, 6.12326245981737483 51.37741270026032225, 6.12326245981737483 51.37741270026032225)))</t>
  </si>
  <si>
    <t>MultiPolygon (((6.12729498241462966 51.36523309036370932, 6.12931071004110262 51.36476901592606481, 6.13049187326255218 51.36642109182505322, 6.13492071418814344 51.36484191135550503, 6.1338413315123228 51.36328923676255442, 6.13207827489662538 51.36145507452307157, 6.12686852958838912 51.36346226160968342, 6.12729498241462966 51.36523309036370932, 6.12729498241462966 51.36523309036370932)))</t>
  </si>
  <si>
    <t>MultiPolygon (((6.12645010561068482 51.37087547528930287, 6.13120505228787138 51.37083248292619686, 6.13102725531408055 51.36942162697062031, 6.12729498241462966 51.36523309036370932, 6.12686852958838912 51.36346226160968342, 6.12386800885158955 51.36456265480701688, 6.12645010561068482 51.37087547528930287, 6.12645010561068482 51.37087547528930287)))</t>
  </si>
  <si>
    <t>MultiPolygon (((6.13120505228787138 51.37083248292619686, 6.13645524704523027 51.37163585724051273, 6.13618902628874707 51.3700087363236122, 6.13574227306760989 51.36768180773461268, 6.13102725531408055 51.36942162697062031, 6.13120505228787138 51.37083248292619686, 6.13120505228787138 51.37083248292619686)))</t>
  </si>
  <si>
    <t>MultiPolygon (((6.13102725531408055 51.36942162697062031, 6.13574227306760989 51.36768180773461268, 6.13492071418814344 51.36484191135550503, 6.13049187326255218 51.36642109182505322, 6.12931071004110262 51.36476901592606481, 6.12729498241462966 51.36523309036370932, 6.13102725531408055 51.36942162697062031, 6.13102725531408055 51.36942162697062031)))</t>
  </si>
  <si>
    <t>MultiPolygon (((6.13492071418814344 51.36484191135550503, 6.13741913382808324 51.36404739776443762, 6.13723387600665227 51.36270101359407647, 6.1338413315123228 51.36328923676255442, 6.13492071418814344 51.36484191135550503, 6.13492071418814344 51.36484191135550503)))</t>
  </si>
  <si>
    <t>MultiPolygon (((6.1338413315123228 51.36328923676255442, 6.13723387600665227 51.36270101359407647, 6.13858305902676271 51.36270142778568726, 6.14078537583498907 51.36033297162185818, 6.13826540229911544 51.35936494504232996, 6.13207827489662538 51.36145507452307157, 6.1338413315123228 51.36328923676255442, 6.1338413315123228 51.36328923676255442)))</t>
  </si>
  <si>
    <t>MultiPolygon (((6.14585838731125556 51.36294282423921942, 6.14792211618294537 51.36279183270943349, 6.14810379655447559 51.36214792980095467, 6.14141650786166249 51.35812207569639298, 6.13826540229911544 51.35936494504232996, 6.14078537583498907 51.36033297162185818, 6.13858305902676271 51.36270142778568726, 6.13723387600665227 51.36270101359407647, 6.13741913382808324 51.36404739776443762, 6.14056725446066309 51.36460417934622313, 6.1438246654472497 51.36291290348751204, 6.14585838731125556 51.36294282423921942, 6.14585838731125556 51.36294282423921942)))</t>
  </si>
  <si>
    <t>MultiPolygon (((6.14792211618294537 51.36279183270943349, 6.1524988732603223 51.36051369459892868, 6.14940328710394457 51.35741928178623539, 6.14585473030352691 51.35589632924462222, 6.14141650786166249 51.35812207569639298, 6.14810379655447559 51.36214792980095467, 6.14792211618294537 51.36279183270943349, 6.14792211618294537 51.36279183270943349)))</t>
  </si>
  <si>
    <t>MultiPolygon (((6.1364988348305971 51.3728913455393581, 6.14613416520974631 51.37478185327769609, 6.14701661817410461 51.37336064088405863, 6.1463525543607771 51.37139896978364817, 6.143357190568282 51.37023302185274787, 6.13699057285395622 51.37054345065834582, 6.13618902628874707 51.3700087363236122, 6.13645524704523027 51.37163585724051273, 6.1364988348305971 51.3728913455393581, 6.1364988348305971 51.3728913455393581)))</t>
  </si>
  <si>
    <t>MultiPolygon (((6.13854976013745457 51.3803956700715645, 6.14878893403555349 51.37627783612531829, 6.14613416520974631 51.37478185327769609, 6.1364988348305971 51.3728913455393581, 6.13429440727979181 51.37605885421230312, 6.13854976013745457 51.3803956700715645, 6.13854976013745457 51.3803956700715645)))</t>
  </si>
  <si>
    <t>MultiPolygon (((6.14613416520974631 51.37478185327769609, 6.14878893403555349 51.37627783612531829, 6.15523258603592893 51.37287289396159196, 6.15857126192817006 51.37081555619442952, 6.1463525543607771 51.37139896978364817, 6.14701661817410461 51.37336064088405863, 6.14613416520974631 51.37478185327769609, 6.14613416520974631 51.37478185327769609)))</t>
  </si>
  <si>
    <t>MultiPolygon (((6.13618902628874707 51.3700087363236122, 6.13699057285395622 51.37054345065834582, 6.143357190568282 51.37023302185274787, 6.1463525543607771 51.37139896978364817, 6.1477995018034326 51.36723951610203187, 6.14585838731125556 51.36294282423921942, 6.1438246654472497 51.36291290348751204, 6.14056725446066309 51.36460417934622313, 6.13741913382808324 51.36404739776443762, 6.13492071418814344 51.36484191135550503, 6.13574227306760989 51.36768180773461268, 6.13618902628874707 51.3700087363236122, 6.13618902628874707 51.3700087363236122)))</t>
  </si>
  <si>
    <t>MultiPolygon (((6.1463525543607771 51.37139896978364817, 6.15857126192817006 51.37081555619442952, 6.16227098393042105 51.36913701606646754, 6.15726819238182177 51.36516826156582027, 6.1524988732603223 51.36051369459892868, 6.14792211618294537 51.36279183270943349, 6.14585838731125556 51.36294282423921942, 6.1477995018034326 51.36723951610203187, 6.1463525543607771 51.37139896978364817, 6.1463525543607771 51.37139896978364817)))</t>
  </si>
  <si>
    <t>MultiPolygon (((6.20225654016435168 51.39457474872300224, 6.1993126392725344 51.39305816510456282, 6.19853496270903115 51.39457374662836742, 6.19910967947495806 51.39537876206565414, 6.20225654016435168 51.39457474872300224, 6.20225654016435168 51.39457474872300224)))</t>
  </si>
  <si>
    <t>MultiPolygon (((6.17290374832341904 51.39724831088803114, 6.20686557709372178 51.4053335955048567, 6.20525695996439719 51.39952010864709564, 6.21136252794917443 51.40092560025281188, 6.22666802621865756 51.40026804123569093, 6.22603265775249692 51.39953164324635537, 6.2267692691484795 51.39937424413008671, 6.2243219674330259 51.39710506229761933, 6.21442468022480465 51.38963427592982924, 6.21636738150383916 51.38883248553589311, 6.21474256241555612 51.38751571482346492, 6.2162987294592158 51.38410557952887103, 6.2097144454922466 51.38615080865237417, 6.19909816364309041 51.38932289453897795, 6.19207187299881756 51.3914013671149803, 6.18090155594821322 51.39458280000607004, 6.17273966777452809 51.39564756835049764, 6.17211606425886039 51.39706844523864504, 6.17290374832341904 51.39724831088803114, 6.17290374832341904 51.39724831088803114),(6.20225654016435168 51.39457474872300224, 6.19910967947495806 51.39537876206565414, 6.19853496270903115 51.39457374662836742, 6.1993126392725344 51.39305816510456282, 6.20225654016435168 51.39457474872300224, 6.20225654016435168 51.39457474872300224)))</t>
  </si>
  <si>
    <t>MultiPolygon (((6.17273966777452809 51.39564756835049764, 6.18090155594821322 51.39458280000607004, 6.1786911204901509 51.39273259990656584, 6.17446236842301488 51.39172480327457038, 6.17273966777452809 51.39564756835049764, 6.17273966777452809 51.39564756835049764)))</t>
  </si>
  <si>
    <t>MultiPolygon (((6.17446236842301488 51.39172480327457038, 6.1786911204901509 51.39273259990656584, 6.18090155594821322 51.39458280000607004, 6.19207187299881756 51.3914013671149803, 6.18686491180097242 51.38803567704982811, 6.18979545566218459 51.38524401313826928, 6.18383460997263334 51.38141101822044732, 6.18286050805391429 51.38208811743832882, 6.17661189554504642 51.38683009865320628, 6.17545632875894412 51.38946183063379181, 6.17446236842301488 51.39172480327457038, 6.17446236842301488 51.39172480327457038)))</t>
  </si>
  <si>
    <t>MultiPolygon (((6.2097144454922466 51.38615080865237417, 6.2162987294592158 51.38410557952887103, 6.22079905564174673 51.37351555354148047, 6.20489921112250009 51.37478742226734596, 6.20469333740703544 51.37548192461602525, 6.20215730047532698 51.375829589847676, 6.20054653926023924 51.3760341121352937, 6.20771305172189347 51.38182767772006088, 6.2097144454922466 51.38615080865237417, 6.2097144454922466 51.38615080865237417)))</t>
  </si>
  <si>
    <t>MultiPolygon (((6.19909816364309041 51.38932289453897795, 6.2097144454922466 51.38615080865237417, 6.20771305172189347 51.38182767772006088, 6.20054653926023924 51.3760341121352937, 6.20215730047532698 51.375829589847676, 6.20192676974935342 51.37514533487724577, 6.20073748090929477 51.37514285782723533, 6.19391135775599899 51.37647306272314296, 6.18805409565244702 51.37901422959410525, 6.19765780975383773 51.38620741738843378, 6.19909816364309041 51.38932289453897795, 6.19909816364309041 51.38932289453897795)))</t>
  </si>
  <si>
    <t>MultiPolygon (((6.19207187299881756 51.3914013671149803, 6.19909816364309041 51.38932289453897795, 6.19765780975383773 51.38620741738843378, 6.18805409565244702 51.37901422959410525, 6.18383460997263334 51.38141101822044732, 6.18979545566218459 51.38524401313826928, 6.18686491180097242 51.38803567704982811, 6.19207187299881756 51.3914013671149803, 6.19207187299881756 51.3914013671149803)))</t>
  </si>
  <si>
    <t>MultiPolygon (((6.18017956524830137 51.34196744335840634, 6.18089382883346161 51.34392220123906014, 6.1846381183068031 51.34365212005369017, 6.18540491437590934 51.34490443959518302, 6.19257786156327761 51.34101315039341529, 6.18988166451759092 51.33946142428450088, 6.19423636983920289 51.33487897434912384, 6.18830373935222777 51.33506817009088508, 6.17857109033803198 51.33333209448397128, 6.17893370867905567 51.33550377365893524, 6.17687679971631454 51.33838076750731716, 6.18017956524830137 51.34196744335840634, 6.18017956524830137 51.34196744335840634)))</t>
  </si>
  <si>
    <t>MultiPolygon (((6.18540491437590934 51.34490443959518302, 6.18311687419585976 51.34753322758567151, 6.18519508066556067 51.34825701062048608, 6.18768941746499213 51.34790370255561243, 6.18874322002846977 51.34677012212763714, 6.19466359092497587 51.34584200221996753, 6.19725330603643965 51.34369092554651104, 6.19257786156327761 51.34101315039341529, 6.18540491437590934 51.34490443959518302, 6.18540491437590934 51.34490443959518302)))</t>
  </si>
  <si>
    <t>MultiPolygon (((6.19680004645995641 51.36037333411152872, 6.19708616853853478 51.36080012522499061, 6.20667989102408946 51.35845159500696155, 6.20558422431305612 51.36452964104162788, 6.22476597293126765 51.35940853119863903, 6.19725330603643965 51.34369092554651104, 6.19466359092497587 51.34584200221996753, 6.18874322002846977 51.34677012212763714, 6.18768941746499213 51.34790370255561243, 6.18519508066556067 51.34825701062048608, 6.18311687419585976 51.34753322758567151, 6.18540491437590934 51.34490443959518302, 6.17904374431157333 51.34839427966529257, 6.18770460901889496 51.35150271463261618, 6.19037843995716131 51.35301122207886237, 6.1905930905101485 51.35393157347159843, 6.19441547230292233 51.35600589886326617, 6.1951985120175701 51.3587169761417428, 6.19680004645995641 51.36037333411152872, 6.19680004645995641 51.36037333411152872)))</t>
  </si>
  <si>
    <t>MultiPolygon (((6.19893661931711826 51.36500907122998427, 6.1984219078238354 51.36607642176916499, 6.19961707520961802 51.3675521925710683, 6.20558422431305612 51.36452964104162788, 6.20667989102408946 51.35845159500696155, 6.19708616853853478 51.36080012522499061, 6.19893661931711826 51.36500907122998427, 6.19893661931711826 51.36500907122998427)))</t>
  </si>
  <si>
    <t>MultiPolygon (((6.18859833556055872 51.36403646755778141, 6.18912457488179601 51.36405453966630574, 6.1914228717220956 51.36373331351134652, 6.19893661931711826 51.36500907122998427, 6.19708616853853478 51.36080012522499061, 6.19680004645995641 51.36037333411152872, 6.19481024751126075 51.36063075056249971, 6.19223826414896461 51.36174701956832678, 6.19136480704268433 51.36115078322069394, 6.18992051973152435 51.3614870502572316, 6.18870582466995334 51.36148911992439992, 6.18675042999021674 51.36197407898166034, 6.18859833556055872 51.36403646755778141, 6.18859833556055872 51.36403646755778141)))</t>
  </si>
  <si>
    <t>MultiPolygon (((6.19481024751126075 51.36063075056249971, 6.19680004645995641 51.36037333411152872, 6.1951985120175701 51.3587169761417428, 6.19481024751126075 51.36063075056249971, 6.19481024751126075 51.36063075056249971)))</t>
  </si>
  <si>
    <t>MultiPolygon (((6.18870582466995334 51.36148911992439992, 6.18992051973152435 51.3614870502572316, 6.18867741107821523 51.35888877240319061, 6.18870582466995334 51.36148911992439992, 6.18870582466995334 51.36148911992439992)))</t>
  </si>
  <si>
    <t>MultiPolygon (((6.18992051973152435 51.3614870502572316, 6.19136480704268433 51.36115078322069394, 6.19223826414896461 51.36174701956832678, 6.19481024751126075 51.36063075056249971, 6.1951985120175701 51.3587169761417428, 6.19441547230292233 51.35600589886326617, 6.1905930905101485 51.35393157347159843, 6.18648345805056454 51.3557666536643751, 6.18664712933087646 51.35593092973021356, 6.18867741107821523 51.35888877240319061, 6.18992051973152435 51.3614870502572316, 6.18992051973152435 51.3614870502572316)))</t>
  </si>
  <si>
    <t>MultiPolygon (((6.18111060619269548 51.35441278584575286, 6.18582699122335722 51.35607408871435098, 6.18648345805056454 51.3557666536643751, 6.1905930905101485 51.35393157347159843, 6.19037843995716131 51.35301122207886237, 6.18770460901889496 51.35150271463261618, 6.17904374431157333 51.34839427966529257, 6.17638439293411423 51.35174728047174142, 6.18111060619269548 51.35441278584575286, 6.18111060619269548 51.35441278584575286)))</t>
  </si>
  <si>
    <t>MultiPolygon (((6.18675042999021674 51.36197407898166034, 6.18870582466995334 51.36148911992439992, 6.18867741107821523 51.35888877240319061, 6.18664712933087646 51.35593092973021356, 6.18016947625246171 51.35982343489333601, 6.18035682830928135 51.36052510567675711, 6.18431851380393027 51.36025115550869202, 6.18675042999021674 51.36197407898166034, 6.18675042999021674 51.36197407898166034)))</t>
  </si>
  <si>
    <t>MultiPolygon (((6.17620291089936391 51.3611016484568168, 6.17897183330138677 51.36113769400226658, 6.18035682830928135 51.36052510567675711, 6.18016947625246171 51.35982343489333601, 6.18664712933087646 51.35593092973021356, 6.18648345805056454 51.3557666536643751, 6.18582699122335722 51.35607408871435098, 6.18111060619269548 51.35441278584575286, 6.17818865661695504 51.35911148398565729, 6.17735892954172705 51.35845641768943182, 6.17620291089936391 51.3611016484568168, 6.17620291089936391 51.3611016484568168)))</t>
  </si>
  <si>
    <t>MultiPolygon (((6.17613579586976247 51.35489064785691937, 6.17735892954172705 51.35845641768943182, 6.17818865661695504 51.35911148398565729, 6.18111060619269548 51.35441278584575286, 6.17638439293411423 51.35174728047174142, 6.17613579586976247 51.35489064785691937, 6.17613579586976247 51.35489064785691937)))</t>
  </si>
  <si>
    <t>MultiPolygon (((6.15335796182588446 51.39510600219533387, 6.16619022910697367 51.39573557077260091, 6.16738432011808335 51.39548398045617716, 6.16546515108342863 51.39383203778129428, 6.16794650659672516 51.38761299419002881, 6.1655322754946642 51.38749250784337619, 6.16519426747638821 51.38645832840634142, 6.16609452367989164 51.38297804370501609, 6.16718673299376352 51.38241611225254957, 6.16696840845163941 51.37964355095510172, 6.1654977473380157 51.37948888159790783, 6.16169661824982651 51.38437549170236451, 6.15335796182588446 51.39510600219533387, 6.15335796182588446 51.39510600219533387)))</t>
  </si>
  <si>
    <t>MultiPolygon (((6.16826258193633947 51.39620182228575374, 6.17211606425886039 51.39706844523864504, 6.17273966777452809 51.39564756835049764, 6.17446236842301488 51.39172480327457038, 6.17545632875894412 51.38946183063379181, 6.17115009817513815 51.38802026417059921, 6.17074248170692385 51.38653801430125156, 6.17299735799754945 51.38616686468993322, 6.17257932348375249 51.38424871971714225, 6.16884759744948052 51.38367018848151702, 6.16718673299376352 51.38241611225254957, 6.16609452367989164 51.38297804370501609, 6.16519426747638821 51.38645832840634142, 6.1655322754946642 51.38749250784337619, 6.16794650659672516 51.38761299419002881, 6.16546515108342863 51.39383203778129428, 6.16738432011808335 51.39548398045617716, 6.16619022910697367 51.39573557077260091, 6.16826258193633947 51.39620182228575374, 6.16826258193633947 51.39620182228575374)))</t>
  </si>
  <si>
    <t>MultiPolygon (((6.16718673299376352 51.38241611225254957, 6.16884759744948052 51.38367018848151702, 6.17257932348375249 51.38424871971714225, 6.17299735799754945 51.38616686468993322, 6.17074248170692385 51.38653801430125156, 6.17115009817513815 51.38802026417059921, 6.17545632875894412 51.38946183063379181, 6.17661189554504642 51.38683009865320628, 6.18286050805391429 51.38208811743832882, 6.17615980455136437 51.38137320119604823, 6.17060083839938045 51.37946007731000009, 6.16696840845163941 51.37964355095510172, 6.16718673299376352 51.38241611225254957, 6.16718673299376352 51.38241611225254957)))</t>
  </si>
  <si>
    <t>MultiPolygon (((6.18286050805391429 51.38208811743832882, 6.18383460997263334 51.38141101822044732, 6.18805409565244702 51.37901422959410525, 6.18350499710342216 51.37553129527574214, 6.18263717331807872 51.37702249814369537, 6.17060083839938045 51.37946007731000009, 6.17615980455136437 51.38137320119604823, 6.18286050805391429 51.38208811743832882, 6.18286050805391429 51.38208811743832882)))</t>
  </si>
  <si>
    <t>MultiPolygon (((6.16696840845163941 51.37964355095510172, 6.17060083839938045 51.37946007731000009, 6.18263717331807872 51.37702249814369537, 6.18350499710342216 51.37553129527574214, 6.18102018413127396 51.37332553227716403, 6.1785408801449524 51.37504313069539563, 6.17530105326882683 51.37612587903591077, 6.17024878460779025 51.37700821038890808, 6.16720100656836401 51.3766962765774835, 6.1654977473380157 51.37948888159790783, 6.16696840845163941 51.37964355095510172, 6.16696840845163941 51.37964355095510172)))</t>
  </si>
  <si>
    <t>MultiPolygon (((6.19391135775599899 51.37647306272314296, 6.20073748090929477 51.37514285782723533, 6.20192676974935342 51.37514533487724577, 6.20215730047532698 51.375829589847676, 6.20469333740703544 51.37548192461602525, 6.20489921112250009 51.37478742226734596, 6.22079905564174673 51.37351555354148047, 6.22638991392776564 51.36033615973654776, 6.22476597293126765 51.35940853119863903, 6.20558422431305612 51.36452964104162788, 6.19961707520961802 51.3675521925710683, 6.1984219078238354 51.36607642176916499, 6.19893661931711826 51.36500907122998427, 6.1914228717220956 51.36373331351134652, 6.18912457488179601 51.36405453966630574, 6.1897121252829308 51.36482523636408359, 6.19265400067830285 51.36748817673608158, 6.19602685478098003 51.37076520271227764, 6.19750843934126383 51.3714870210149428, 6.19230691670154787 51.37443374736245971, 6.19391135775599899 51.37647306272314296, 6.19391135775599899 51.37647306272314296)))</t>
  </si>
  <si>
    <t>MultiPolygon (((6.17810100255606454 51.37004819155784929, 6.18103996871586059 51.3693432348156378, 6.18042682557332324 51.36662012428246982, 6.18086231470597092 51.36556813262057375, 6.17897183330138677 51.36113769400226658, 6.17620291089936391 51.3611016484568168, 6.17116340812012343 51.36529940910686065, 6.17315403518526207 51.36657233468751826, 6.17810100255606454 51.37004819155784929, 6.17810100255606454 51.37004819155784929)))</t>
  </si>
  <si>
    <t>MultiPolygon (((6.18042682557332324 51.36662012428246982, 6.18486556800916443 51.36609160200471536, 6.18859833556055872 51.36403646755778141, 6.18675042999021674 51.36197407898166034, 6.18431851380393027 51.36025115550869202, 6.18035682830928135 51.36052510567675711, 6.17897183330138677 51.36113769400226658, 6.18086231470597092 51.36556813262057375, 6.18042682557332324 51.36662012428246982, 6.18042682557332324 51.36662012428246982)))</t>
  </si>
  <si>
    <t>MultiPolygon (((6.18103996871586059 51.3693432348156378, 6.18735056054315979 51.36944658922001139, 6.18968966107405283 51.36885699643157466, 6.19031378121714138 51.36857942843457892, 6.18755232786753151 51.36629272903984855, 6.1897121252829308 51.36482523636408359, 6.18912457488179601 51.36405453966630574, 6.18859833556055872 51.36403646755778141, 6.18486556800916443 51.36609160200471536, 6.18042682557332324 51.36662012428246982, 6.18103996871586059 51.3693432348156378, 6.18103996871586059 51.3693432348156378)))</t>
  </si>
  <si>
    <t>MultiPolygon (((6.19031378121714138 51.36857942843457892, 6.19265400067830285 51.36748817673608158, 6.1897121252829308 51.36482523636408359, 6.18755232786753151 51.36629272903984855, 6.19031378121714138 51.36857942843457892, 6.19031378121714138 51.36857942843457892)))</t>
  </si>
  <si>
    <t>MultiPolygon (((6.18968966107405283 51.36885699643157466, 6.19363151072945062 51.37217821273238627, 6.19602685478098003 51.37076520271227764, 6.19265400067830285 51.36748817673608158, 6.19031378121714138 51.36857942843457892, 6.18968966107405283 51.36885699643157466, 6.18968966107405283 51.36885699643157466)))</t>
  </si>
  <si>
    <t>MultiPolygon (((6.18102018413127396 51.37332553227716403, 6.181904126873488 51.37222666016879202, 6.19139067428343637 51.37379736596349744, 6.19230691670154787 51.37443374736245971, 6.19750843934126383 51.3714870210149428, 6.19602685478098003 51.37076520271227764, 6.19363151072945062 51.37217821273238627, 6.18968966107405283 51.36885699643157466, 6.18735056054315979 51.36944658922001139, 6.18103996871586059 51.3693432348156378, 6.17810100255606454 51.37004819155784929, 6.17842171914786853 51.37074724282550875, 6.18102018413127396 51.37332553227716403, 6.18102018413127396 51.37332553227716403)))</t>
  </si>
  <si>
    <t>MultiPolygon (((6.18805409565244702 51.37901422959410525, 6.19391135775599899 51.37647306272314296, 6.19230691670154787 51.37443374736245971, 6.19139067428343637 51.37379736596349744, 6.181904126873488 51.37222666016879202, 6.18102018413127396 51.37332553227716403, 6.18350499710342216 51.37553129527574214, 6.18805409565244702 51.37901422959410525, 6.18805409565244702 51.37901422959410525)))</t>
  </si>
  <si>
    <t>MultiPolygon (((6.16970536670222369 51.36102992000708412, 6.17066678712439298 51.36060271621965967, 6.17195063040875525 51.36164184919681475, 6.17368494626316533 51.36088046501604509, 6.17138863464299536 51.35893128196801882, 6.16875358689310804 51.35998172324150346, 6.16970536670222369 51.36102992000708412, 6.16970536670222369 51.36102992000708412)))</t>
  </si>
  <si>
    <t>MultiPolygon (((6.17613579586976247 51.35489064785691937, 6.17638439293411423 51.35174728047174142, 6.17904374431157333 51.34839427966529257, 6.18540491437590934 51.34490443959518302, 6.1846381183068031 51.34365212005369017, 6.18089382883346161 51.34392220123906014, 6.18017956524830137 51.34196744335840634, 6.16551757810238765 51.34333831138931004, 6.166076116845157 51.34242488264055027, 6.16441707602463396 51.34234697376368928, 6.1621392340994543 51.3436098367333642, 6.1638937316950333 51.34541663962288993, 6.1611906726824337 51.34726211401360274, 6.17000976965377568 51.35128151684010334, 6.17613579586976247 51.35489064785691937, 6.17613579586976247 51.35489064785691937)))</t>
  </si>
  <si>
    <t>MultiPolygon (((6.15825435061931081 51.35826083491080851, 6.1638657172650726 51.35558706166859366, 6.16118839408803698 51.3531418787941405, 6.15906404387287587 51.35400993608392639, 6.15537407768545641 51.35637328468819618, 6.15825435061931081 51.35826083491080851, 6.15825435061931081 51.35826083491080851)))</t>
  </si>
  <si>
    <t>MultiPolygon (((6.15726819238182177 51.36516826156582027, 6.15916510617808299 51.36440422175375176, 6.15571935133718817 51.35999809165488728, 6.15825435061931081 51.35826083491080851, 6.15537407768545641 51.35637328468819618, 6.15906404387287587 51.35400993608392639, 6.16118839408803698 51.3531418787941405, 6.1638657172650726 51.35558706166859366, 6.16577752911981669 51.35454774747041284, 6.17000976965377568 51.35128151684010334, 6.1611906726824337 51.34726211401360274, 6.16025841430877641 51.34840901686357739, 6.15267409011503208 51.34963937455399474, 6.15020948844810889 51.35136436578891761, 6.1517734131439834 51.35260269068306371, 6.14585473030352691 51.35589632924462222, 6.14940328710394457 51.35741928178623539, 6.1524988732603223 51.36051369459892868, 6.15726819238182177 51.36516826156582027, 6.15726819238182177 51.36516826156582027)))</t>
  </si>
  <si>
    <t>MultiPolygon (((6.15916510617808299 51.36440422175375176, 6.16084799041365816 51.3638087688892071, 6.16243291913982372 51.36463511275565708, 6.16089958338518695 51.3619387000512333, 6.15825435061931081 51.35826083491080851, 6.15571935133718817 51.35999809165488728, 6.15916510617808299 51.36440422175375176, 6.15916510617808299 51.36440422175375176)))</t>
  </si>
  <si>
    <t>MultiPolygon (((6.16089958338518695 51.3619387000512333, 6.16875358689310804 51.35998172324150346, 6.17138863464299536 51.35893128196801882, 6.16577752911981669 51.35454774747041284, 6.1638657172650726 51.35558706166859366, 6.15825435061931081 51.35826083491080851, 6.16089958338518695 51.3619387000512333, 6.16089958338518695 51.3619387000512333)))</t>
  </si>
  <si>
    <t>MultiPolygon (((6.17368494626316533 51.36088046501604509, 6.17620291089936391 51.3611016484568168, 6.17735892954172705 51.35845641768943182, 6.17613579586976247 51.35489064785691937, 6.17000976965377568 51.35128151684010334, 6.16577752911981669 51.35454774747041284, 6.17138863464299536 51.35893128196801882, 6.17368494626316533 51.36088046501604509, 6.17368494626316533 51.36088046501604509)))</t>
  </si>
  <si>
    <t>MultiPolygon (((6.16448719100852571 51.36603540638324716, 6.16674868849613578 51.36720500720514337, 6.17116340812012343 51.36529940910686065, 6.17620291089936391 51.3611016484568168, 6.17368494626316533 51.36088046501604509, 6.17195063040875525 51.36164184919681475, 6.17066678712439298 51.36060271621965967, 6.16970536670222369 51.36102992000708412, 6.17117848517923395 51.36224751921020726, 6.1681802860917605 51.36459222970120919, 6.16621028766108292 51.3651043155486775, 6.16576263187902018 51.36419941138618839, 6.16380627897788802 51.36458551574047959, 6.16448719100852571 51.36603540638324716, 6.16448719100852571 51.36603540638324716)))</t>
  </si>
  <si>
    <t>MultiPolygon (((6.16227098393042105 51.36913701606646754, 6.16674868849613578 51.36720500720514337, 6.16448719100852571 51.36603540638324716, 6.16243291913982372 51.36463511275565708, 6.16084799041365816 51.3638087688892071, 6.15916510617808299 51.36440422175375176, 6.15726819238182177 51.36516826156582027, 6.16227098393042105 51.36913701606646754, 6.16227098393042105 51.36913701606646754)))</t>
  </si>
  <si>
    <t>MultiPolygon (((6.16243291913982372 51.36463511275565708, 6.16448719100852571 51.36603540638324716, 6.16380627897788802 51.36458551574047959, 6.16576263187902018 51.36419941138618839, 6.16621028766108292 51.3651043155486775, 6.1681802860917605 51.36459222970120919, 6.17117848517923395 51.36224751921020726, 6.16970536670222369 51.36102992000708412, 6.16875358689310804 51.35998172324150346, 6.16089958338518695 51.3619387000512333, 6.16243291913982372 51.36463511275565708, 6.16243291913982372 51.36463511275565708)))</t>
  </si>
  <si>
    <t>MultiPolygon (((6.16757810633089854 51.3747260454500605, 6.16720100656836401 51.3766962765774835, 6.17024878460779025 51.37700821038890808, 6.17530105326882683 51.37612587903591077, 6.1785408801449524 51.37504313069539563, 6.18102018413127396 51.37332553227716403, 6.17842171914786853 51.37074724282550875, 6.17338862723350434 51.37339911163617501, 6.16757810633089854 51.3747260454500605, 6.16757810633089854 51.3747260454500605)))</t>
  </si>
  <si>
    <t>MultiPolygon (((6.17139626084329151 51.37191649659918369, 6.17338862723350434 51.37339911163617501, 6.17842171914786853 51.37074724282550875, 6.17810100255606454 51.37004819155784929, 6.17315403518526207 51.36657233468751826, 6.17111763287821002 51.36781845588161843, 6.1727488533312167 51.37073161350105011, 6.17139626084329151 51.37191649659918369, 6.17139626084329151 51.37191649659918369)))</t>
  </si>
  <si>
    <t>MultiPolygon (((6.16757810633089854 51.3747260454500605, 6.17338862723350434 51.37339911163617501, 6.17139626084329151 51.37191649659918369, 6.1694441254178809 51.370554292076406, 6.16564194654281383 51.37170479889686447, 6.16757810633089854 51.3747260454500605, 6.16757810633089854 51.3747260454500605)))</t>
  </si>
  <si>
    <t>MultiPolygon (((6.16564194654281383 51.37170479889686447, 6.1694441254178809 51.370554292076406, 6.17139626084329151 51.37191649659918369, 6.1727488533312167 51.37073161350105011, 6.17111763287821002 51.36781845588161843, 6.17315403518526207 51.36657233468751826, 6.17116340812012343 51.36529940910686065, 6.16674868849613578 51.36720500720514337, 6.16227098393042105 51.36913701606646754, 6.16564194654281383 51.37170479889686447, 6.16564194654281383 51.37170479889686447)))</t>
  </si>
  <si>
    <t>MultiPolygon (((5.99689741920544517 50.7812180164804019, 6.00072912534981207 50.78522012368333094, 6.00215943323215662 50.78417509406629193, 6.00553181505874356 50.7833576443346999, 6.00655686468713679 50.7819154889942439, 6.01003949591708597 50.78042999199720953, 6.01741291975196013 50.77856138834754773, 6.01761073496723942 50.77802954535707158, 6.02021001925340116 50.77710146173586025, 6.02033341848239445 50.77648817719732932, 6.0260816357112148 50.77553843719919513, 6.02786503674645235 50.77383347660259716, 6.01836114768987862 50.76335681048281856, 6.02098924964665994 50.75429474936195362, 6.0173515381713889 50.75501435633020009, 6.01396509289821601 50.75505555391067247, 6.0148517418850691 50.75742155761229668, 6.01400246643666758 50.75897227464169958, 6.01468376344691613 50.76324648177707388, 6.00725804568552402 50.76857685295838252, 6.00689914747855713 50.76999151663559218, 6.00718076467968043 50.77268981944795456, 6.00398560143108373 50.77698702352786597, 6.0015720447557408 50.77994124709113777, 5.99689741920544517 50.7812180164804019, 5.99689741920544517 50.7812180164804019)))</t>
  </si>
  <si>
    <t>MultiPolygon (((5.94407728135145241 50.77574512604711288, 5.96482049209916454 50.78091998170245347, 5.96833354107778646 50.78100207742510008, 5.97678690479378272 50.77443971204179718, 5.96661116671083391 50.7671643891169353, 5.96096410740114546 50.76153841701009384, 5.96066336087874671 50.76247519284356713, 5.95900754667675159 50.76236682815348189, 5.95358274369505125 50.76014146430780016, 5.95170649895028614 50.76054836903832523, 5.94649270259672935 50.75981845090891653, 5.9440830240387994 50.75842692887442809, 5.9389693775236454 50.75793877311859603, 5.93575762804133511 50.75697943801679912, 5.93454988486728041 50.75848826135418079, 5.93305136679853362 50.75877779725608008, 5.93204686128441772 50.75812567751138715, 5.93018841066769564 50.75900291566377831, 5.92990714306430711 50.75978732548539085, 5.93105564322907952 50.75993845365002954, 5.93214183557392438 50.76088665103786468, 5.93103765311602604 50.76092917977108954, 5.93133707697068147 50.76149471777236499, 5.93052350390112171 50.76203075619360305, 5.92998224056952861 50.76194954619057853, 5.9298767831624124 50.76211088689812101, 5.93008383949769602 50.76265119894058842, 5.92795529118535036 50.76247820112381959, 5.9271719884017946 50.76381233448178421, 5.9267840597109025 50.76310875217736651, 5.92505108241333911 50.76368483002547549, 5.92560529117370827 50.76388899181763747, 5.92451645395150983 50.76689112979235574, 5.92054109206964263 50.769333134326601, 5.92190495752886026 50.77335420103457864, 5.92386986631130341 50.77523696436594491, 5.93089892347276848 50.77512542877679635, 5.93403095551640902 50.77359034270313032, 5.93592977889146667 50.77146089287979436, 5.93774545087603833 50.77136864395348681, 5.94113764987713822 50.77199564945411225, 5.94331262258047577 50.77305337596756374, 5.94407728135145241 50.77574512604711288, 5.94407728135145241 50.77574512604711288)))</t>
  </si>
  <si>
    <t>MultiPolygon (((6.00689914747855713 50.76999151663559218, 6.00725804568552402 50.76857685295838252, 6.01468376344691613 50.76324648177707388, 6.01400246643666758 50.75897227464169958, 6.0148517418850691 50.75742155761229668, 6.01396509289821601 50.75505555391067247, 6.00431097031005656 50.75378855941009704, 6.00255882794984075 50.75411419825877601, 5.99927780217953543 50.75302588279701155, 5.99791487586367911 50.75365674796773874, 5.99583652696601632 50.76076024240076379, 6.0037434200522739 50.76579002945931762, 6.00689914747855713 50.76999151663559218, 6.00689914747855713 50.76999151663559218)))</t>
  </si>
  <si>
    <t>MultiPolygon (((6.00398560143108373 50.77698702352786597, 6.00718076467968043 50.77268981944795456, 6.00689914747855713 50.76999151663559218, 6.0037434200522739 50.76579002945931762, 5.99583652696601632 50.76076024240076379, 5.99791487586367911 50.75365674796773874, 5.99653234400985902 50.75380561911668309, 5.99337178834765805 50.75275998003937872, 5.98452281231137384 50.75339656504574037, 5.98319037941310938 50.75281984460725226, 5.97933525378934316 50.75463237613152501, 5.97649537511171758 50.75435305062435276, 5.97414689871211291 50.75522683006703062, 5.97511817890197339 50.75788850222751591, 5.97260840866414711 50.75972004908727087, 5.9779884902557372 50.76402352484355873, 5.98734034670657511 50.76976221288154534, 6.00398560143108373 50.77698702352786597, 6.00398560143108373 50.77698702352786597)))</t>
  </si>
  <si>
    <t>MultiPolygon (((5.9875022411053429 50.78129055144858484, 5.98964884458962921 50.78281845232745439, 5.99689741920544517 50.7812180164804019, 6.0015720447557408 50.77994124709113777, 6.00398560143108373 50.77698702352786597, 5.98734034670657511 50.76976221288154534, 5.9779884902557372 50.76402352484355873, 5.97260840866414711 50.75972004908727087, 5.96920521715176022 50.76060134727398321, 5.96096410740114546 50.76153841701009384, 5.96661116671083391 50.7671643891169353, 5.97678690479378272 50.77443971204179718, 5.9875022411053429 50.78129055144858484, 5.9875022411053429 50.78129055144858484)))</t>
  </si>
  <si>
    <t>MultiPolygon (((5.97671214354258051 50.79131600807384928, 5.98351082187940886 50.79486314657193446, 5.98500816430491334 50.79482694233124107, 5.98577492410944778 50.79384336328104155, 5.9882694462792605 50.79404982981260019, 5.99586997761451812 50.79007039695777337, 5.9958105747860353 50.78745918119179947, 5.99745578356296338 50.78656634501972178, 5.99850926482654589 50.78698285976277305, 6.00072912534981207 50.78522012368333094, 5.99689741920544517 50.7812180164804019, 5.98964884458962921 50.78281845232745439, 5.9875022411053429 50.78129055144858484, 5.97710835238435934 50.78579111656598855, 5.97671214354258051 50.79131600807384928, 5.97671214354258051 50.79131600807384928)))</t>
  </si>
  <si>
    <t>MultiPolygon (((5.97710835238435934 50.78579111656598855, 5.9875022411053429 50.78129055144858484, 5.97678690479378272 50.77443971204179718, 5.96833354107778646 50.78100207742510008, 5.97155120482289181 50.78329431511983216, 5.97710835238435934 50.78579111656598855, 5.97710835238435934 50.78579111656598855)))</t>
  </si>
  <si>
    <t>MultiPolygon (((5.96106366990853243 50.80039612354281076, 5.96480892306656241 50.80241864541897456, 5.96910424802635475 50.80127230072267963, 5.97668086956501021 50.80336997726751491, 5.97574181043326114 50.80235272071215036, 5.97491624826096857 50.79801399015528318, 5.9772141661931304 50.79668845864438964, 5.97915374752886386 50.79631407784438579, 5.97988372446507022 50.79520177125869651, 5.98351082187940886 50.79486314657193446, 5.97671214354258051 50.79131600807384928, 5.96106366990853243 50.80039612354281076, 5.96106366990853243 50.80039612354281076)))</t>
  </si>
  <si>
    <t>MultiPolygon (((5.95784765627392598 50.79811861593611866, 5.96106366990853243 50.80039612354281076, 5.97671214354258051 50.79131600807384928, 5.97710835238435934 50.78579111656598855, 5.97155120482289181 50.78329431511983216, 5.96833354107778646 50.78100207742510008, 5.96482049209916454 50.78091998170245347, 5.94407728135145241 50.77574512604711288, 5.94491427779080794 50.78160900898593866, 5.94200808836334549 50.79047911803634463, 5.94339187465135321 50.79383294847433916, 5.94549996608323728 50.79560135044479807, 5.95170369483764095 50.79384813173732027, 5.95784765627392598 50.79811861593611866, 5.95784765627392598 50.79811861593611866)))</t>
  </si>
  <si>
    <t>MultiPolygon (((5.78628410733922927 51.01912989519524189, 5.78717917795679337 51.019163988895599, 5.78115598440309508 51.01118682151092543, 5.77974208469525408 51.01194025138601518, 5.77327418317188812 51.00937206331129659, 5.76600660008690813 51.00899723483137649, 5.7674929314053518 51.01325507410696503, 5.77340652822197686 51.01899921863477516, 5.78263473684038676 51.01865311449693507, 5.78628410733922927 51.01912989519524189, 5.78628410733922927 51.01912989519524189)))</t>
  </si>
  <si>
    <t>MultiPolygon (((5.77211579255453433 50.99707126699554038, 5.77457530359663274 50.99668553521946279, 5.77944211397356256 51.00297916986578883, 5.78919666031924951 51.00119705838898199, 5.78611898899574406 50.99404651389281895, 5.78365726916207468 50.9905805565733985, 5.78217807409655293 50.98580585212829419, 5.78246537689784645 50.98188771765576632, 5.76968792088579274 50.98342689103254344, 5.76920470823824605 50.98268240919058769, 5.76649793167946267 50.98273091265734536, 5.76399662561989157 50.98350116617610439, 5.76437989172451726 50.98493027225479324, 5.76439617999301301 50.9849903323018907, 5.77007815537109803 50.99235155610083581, 5.77211579255453433 50.99707126699554038, 5.77211579255453433 50.99707126699554038)))</t>
  </si>
  <si>
    <t>MultiPolygon (((5.76608707957464972 50.99768785430318019, 5.77211579255453433 50.99707126699554038, 5.77007815537109803 50.99235155610083581, 5.76439617999301301 50.9849903323018907, 5.76466495587726069 50.98599452600983284, 5.76291544859020899 50.98888199183991787, 5.75913814253126599 50.99316631848118675, 5.76608707957464972 50.99768785430318019, 5.76608707957464972 50.99768785430318019)))</t>
  </si>
  <si>
    <t>MultiPolygon (((5.76600660008690813 51.00899723483137649, 5.77327418317188812 51.00937206331129659, 5.77974208469525408 51.01194025138601518, 5.78115598440309508 51.01118682151092543, 5.77482773746737266 51.00415463284856088, 5.77944211397356256 51.00297916986578883, 5.77457530359663274 50.99668553521946279, 5.77211579255453433 50.99707126699554038, 5.76608707957464972 50.99768785430318019, 5.76767288520948274 51.00065384949392921, 5.76743828679643489 51.00435500748212547, 5.76606943733500721 51.00691242279832949, 5.76600660008690813 51.00899723483137649, 5.76600660008690813 51.00899723483137649)))</t>
  </si>
  <si>
    <t>MultiPolygon (((5.7793393225580898 50.94439442496861403, 5.77917132494832497 50.94381608694501296, 5.78373098313941991 50.94299688728631281, 5.77923053535798914 50.93924120426457591, 5.77853347256658534 50.93649530157611593, 5.77767320599262479 50.93418229807222986, 5.77855197480576699 50.93381722188829741, 5.77723608702192859 50.93301017288208499, 5.77791943808731645 50.93268934068053255, 5.77093835989103177 50.9279279413438033, 5.76901507320334517 50.92883274090655021, 5.76854390118416305 50.92819099706788677, 5.76122880384733271 50.93042763505917492, 5.76152785839490278 50.93117686999797655, 5.75746348107283179 50.93230197633197065, 5.75713773933682305 50.93159488422008963, 5.75542527150021588 50.93176651407733857, 5.75399275703966673 50.93375663984704715, 5.7521271338498261 50.93439524787823558, 5.75559095091535244 50.94020017672587386, 5.75950666921120913 50.94289863460668499, 5.76478277239665893 50.94417959147375541, 5.7793393225580898 50.94439442496861403, 5.7793393225580898 50.94439442496861403)))</t>
  </si>
  <si>
    <t>MultiPolygon (((5.73316093412458816 50.97182416657704351, 5.73743849889588464 50.97038185748058936, 5.73916091288157393 50.96830314493656289, 5.74621587557986846 50.96353084563011038, 5.75091653860141427 50.96177756505401391, 5.75399941430975126 50.95942061977520154, 5.7569089540282965 50.95859000778126102, 5.75825294739395677 50.95863233678276316, 5.75890083857125035 50.95596588734056809, 5.75801023494956787 50.95550598573265688, 5.75604825788012775 50.95772314672166203, 5.75284035699639151 50.95965667096878349, 5.75052307540542706 50.9607409226120609, 5.74622694387497202 50.96164485220116802, 5.74203663466998915 50.96056014109741739, 5.74002074357423808 50.95919586039042315, 5.73901372854843839 50.95743441156465536, 5.73415956122817061 50.95545101826967738, 5.73124077388012854 50.95487635287822314, 5.72532389628406957 50.95555824320849325, 5.72201222146528465 50.95713462637924351, 5.71990331995257595 50.95958747272113243, 5.72012742627356729 50.96242128383412506, 5.7242727941213678 50.96621067577129338, 5.72566717602243447 50.96668544418209734, 5.72854475146901709 50.9698734340288695, 5.73316093412458816 50.97182416657704351, 5.73316093412458816 50.97182416657704351)))</t>
  </si>
  <si>
    <t>MultiPolygon (((5.75890083857125035 50.95596588734056809, 5.76978408882565041 50.95692407077053332, 5.76973000250817059 50.95636225429627331, 5.7710612935199963 50.95595196217873735, 5.77595291452989823 50.95568586332524319, 5.78085779070384742 50.95698061220775088, 5.78584152110848304 50.96022362804026073, 5.7862682732713866 50.95466674577295407, 5.78810772598751466 50.94860626128048153, 5.78243116976557836 50.94587973466198605, 5.77995457125807643 50.94533927584148358, 5.7793393225580898 50.94439442496861403, 5.76478277239665893 50.94417959147375541, 5.75950666921120913 50.94289863460668499, 5.75559095091535244 50.94020017672587386, 5.7521271338498261 50.93439524787823558, 5.74861924556172887 50.93589101155401266, 5.75011966707556077 50.9392031591331147, 5.74823958398795565 50.93898135151533779, 5.74890671991161017 50.94100481893764254, 5.74599258879184838 50.94341102151390999, 5.7458774038204421 50.94649574502349765, 5.74658830457861303 50.94730343647938042, 5.75157683934508412 50.94924210928885344, 5.75566727387997989 50.94984121270810817, 5.75810804179351354 50.95075037200436441, 5.75918532860878418 50.95254199228367753, 5.75801023494956787 50.95550598573265688, 5.75890083857125035 50.95596588734056809, 5.75890083857125035 50.95596588734056809)))</t>
  </si>
  <si>
    <t>MultiPolygon (((5.76564481209139412 50.97038018253678615, 5.77326808231327959 50.97170418982351237, 5.77964210854736216 50.97389964524629136, 5.78646011484649581 50.97457050737966711, 5.78653839469287234 50.9713724611500183, 5.7838981403363956 50.96887903180420665, 5.78420533450575824 50.96781180678023304, 5.7755284678939427 50.96674291741023666, 5.76641388963693036 50.96313460004587625, 5.7647620834879465 50.96601896638634344, 5.76564481209139412 50.97038018253678615, 5.76564481209139412 50.97038018253678615)))</t>
  </si>
  <si>
    <t>MultiPolygon (((5.75913814253126599 50.99316631848118675, 5.76291544859020899 50.98888199183991787, 5.76466495587726069 50.98599452600983284, 5.76439617999301301 50.9849903323018907, 5.76437989172451726 50.98493027225479324, 5.76162325263706965 50.98269003398400656, 5.74892564370819148 50.96728948303250917, 5.74554945907583026 50.96752357965567626, 5.74052183872842026 50.97164076168468938, 5.73743849889588464 50.97038185748058936, 5.73316093412458816 50.97182416657704351, 5.73538867996509172 50.97437238483238531, 5.73637736668740494 50.97791488438055296, 5.73729523704956712 50.97869099793712167, 5.73977883609483452 50.97979835146126959, 5.74664531237929044 50.98066435315683975, 5.74988398373319765 50.98253661421676952, 5.75149623437175794 50.98414110061798254, 5.75264580731791408 50.98672204834352328, 5.75513212327172763 50.98898027055106752, 5.7550185488426262 50.99011538627159723, 5.75913814253126599 50.99316631848118675, 5.75913814253126599 50.99316631848118675)))</t>
  </si>
  <si>
    <t>MultiPolygon (((5.73743849889588464 50.97038185748058936, 5.74052183872842026 50.97164076168468938, 5.74554945907583026 50.96752357965567626, 5.74892564370819148 50.96728948303250917, 5.74910575545972069 50.96501277026840171, 5.75091653860141427 50.96177756505401391, 5.74621587557986846 50.96353084563011038, 5.73916091288157393 50.96830314493656289, 5.73743849889588464 50.97038185748058936, 5.73743849889588464 50.97038185748058936)))</t>
  </si>
  <si>
    <t>MultiPolygon (((5.76641388963693036 50.96313460004587625, 5.7755284678939427 50.96674291741023666, 5.78420533450575824 50.96781180678023304, 5.78596360079566097 50.96263032684516503, 5.78584152110848304 50.96022362804026073, 5.78085779070384742 50.95698061220775088, 5.77595291452989823 50.95568586332524319, 5.7710612935199963 50.95595196217873735, 5.76973000250817059 50.95636225429627331, 5.76978408882565041 50.95692407077053332, 5.75890083857125035 50.95596588734056809, 5.75825294739395677 50.95863233678276316, 5.7569089540282965 50.95859000778126102, 5.76641388963693036 50.96313460004587625, 5.76641388963693036 50.96313460004587625)))</t>
  </si>
  <si>
    <t>MultiPolygon (((5.76920470823824605 50.98268240919058769, 5.76968792088579274 50.98342689103254344, 5.78246537689784645 50.98188771765576632, 5.78646011484649581 50.97457050737966711, 5.77964210854736216 50.97389964524629136, 5.77326808231327959 50.97170418982351237, 5.76564481209139412 50.97038018253678615, 5.76660142302097523 50.97209842141659664, 5.76721041589450589 50.97846588436869553, 5.76920470823824605 50.98268240919058769, 5.76920470823824605 50.98268240919058769)))</t>
  </si>
  <si>
    <t>MultiPolygon (((5.76437989172451726 50.98493027225479324, 5.76399662561989157 50.98350116617610439, 5.76649793167946267 50.98273091265734536, 5.76920470823824605 50.98268240919058769, 5.76721041589450589 50.97846588436869553, 5.76660142302097523 50.97209842141659664, 5.76564481209139412 50.97038018253678615, 5.7647620834879465 50.96601896638634344, 5.76641388963693036 50.96313460004587625, 5.7569089540282965 50.95859000778126102, 5.75399941430975126 50.95942061977520154, 5.75091653860141427 50.96177756505401391, 5.74910575545972069 50.96501277026840171, 5.74892564370819148 50.96728948303250917, 5.76162325263706965 50.98269003398400656, 5.76437989172451726 50.98493027225479324, 5.76437989172451726 50.98493027225479324)))</t>
  </si>
  <si>
    <t>MultiPolygon (((5.97182973376272397 50.82117705478847824, 5.97436023778486014 50.8207522194445076, 5.97492573425917062 50.81957010588322987, 5.97552335300853166 50.82003083938393218, 5.98281159579919031 50.81881959694111828, 5.98213605035919826 50.81593593427171385, 5.9789253821963344 50.81618332557552264, 5.97795855273977317 50.81490605028826479, 5.96941870851272327 50.81685801612424314, 5.97182973376272397 50.82117705478847824, 5.97182973376272397 50.82117705478847824)))</t>
  </si>
  <si>
    <t>MultiPolygon (((5.99085637845426877 50.82801317873138913, 5.99407894022488374 50.8287350821566406, 6.00535129415828894 50.83555366215136928, 6.00504811669023386 50.83391426627196807, 6.00302096432603083 50.8320259015209146, 6.00408554712057008 50.83142037096546773, 6.00749610181154736 50.83177915006444891, 6.01146386701659985 50.83076450250383971, 6.01521122930188046 50.82726655429940621, 6.00349656348996241 50.82183844607723699, 5.99969546335632931 50.82092015025024523, 5.99085637845426877 50.82801317873138913, 5.99085637845426877 50.82801317873138913)))</t>
  </si>
  <si>
    <t>MultiPolygon (((5.99085637845426877 50.82801317873138913, 5.99969546335632931 50.82092015025024523, 5.99481922254735888 50.81537104390310589, 5.98498949553184367 50.81044986101800021, 5.98351816711856799 50.80972969809001683, 5.9819175639652622 50.81085772179211091, 5.9829261813082768 50.8114374824305628, 5.98055556831597368 50.81298288423106158, 5.97952315915801247 50.81457636980904624, 5.97795855273977317 50.81490605028826479, 5.9789253821963344 50.81618332557552264, 5.98213605035919826 50.81593593427171385, 5.98281159579919031 50.81881959694111828, 5.97552335300853166 50.82003083938393218, 5.98454237007919421 50.82474338337063813, 5.98561985795813278 50.82675499046501244, 5.99085637845426877 50.82801317873138913, 5.99085637845426877 50.82801317873138913)))</t>
  </si>
  <si>
    <t>MultiPolygon (((5.99969546335632931 50.82092015025024523, 6.00349656348996241 50.82183844607723699, 6.01521122930188046 50.82726655429940621, 6.01703030441008746 50.8257015154157088, 6.01600629724631109 50.8253169345742748, 6.01660968800085172 50.82433487331458366, 6.01574636776727711 50.82381163081338826, 6.01747176004866358 50.82168530722164945, 6.0206314584317564 50.8197388927582594, 6.02204420118230832 50.8201587552134626, 6.02366006024346046 50.81861822219464386, 6.02372286437076276 50.8184031740611033, 6.02210128560685121 50.81681007675464912, 6.0244893803463091 50.81592373887563951, 6.02352875047002279 50.81464989920434761, 6.02475823502803909 50.81388849527890983, 6.01650042306902666 50.809780269601859, 6.00999456612931393 50.80398854059460945, 6.00369264004005565 50.80147154956548405, 5.99138488368941591 50.80804477064597791, 5.98498949553184367 50.81044986101800021, 5.99481922254735888 50.81537104390310589, 5.99969546335632931 50.82092015025024523)))</t>
  </si>
  <si>
    <t>MultiPolygon (((5.96936233249459658 50.86008040196934132, 5.97142849242948159 50.85781684591090368, 5.97407224909712298 50.85376460689589351, 5.97916156120117837 50.84932371665704665, 5.98952504380019413 50.84417020343705929, 5.99170854020095245 50.84365452949075603, 5.98858441963002708 50.84172141470887141, 5.98735234209368183 50.84402983805343723, 5.98597762897174412 50.84422040009816612, 5.98372356370806013 50.84350029528000903, 5.98272147227599937 50.84230459120414736, 5.98514519822906355 50.8405723103921332, 5.98491395566404893 50.83857786502407095, 5.98065943834121505 50.83838083591494694, 5.97715609146740068 50.84140810997227078, 5.97834137797378595 50.8423874700800269, 5.97802919573560665 50.84328683880516309, 5.97650354879619439 50.84355896026566768, 5.97299169796519802 50.84708896915220322, 5.96781497840813469 50.84597348825022323, 5.96471737851573636 50.84464318901761004, 5.96516110312912762 50.84208557728089062, 5.96803882241711925 50.83947867929299491, 5.971140246345219 50.83606241508351076, 5.96657873208006695 50.83248079741826331, 5.9691158734705807 50.82892555621854314, 5.97879402475803445 50.82847809469927824, 5.98656380848182401 50.82884256237335308, 5.98988179114992736 50.82958684166248275, 5.99400803400250748 50.83145012603392843, 5.99973116521206684 50.8349006370892198, 5.99348862523784565 50.83948647129655996, 5.99783568338293183 50.84122577955767497, 6.00412966254147307 50.8376781153446089, 6.00535129415828894 50.83555366215136928, 5.99407894022488374 50.8287350821566406, 5.99085637845426877 50.82801317873138913, 5.98561985795813278 50.82675499046501244, 5.98454237007919421 50.82474338337063813, 5.97552335300853166 50.82003083938393218, 5.97492573425917062 50.81957010588322987, 5.97436023778486014 50.8207522194445076, 5.97182973376272397 50.82117705478847824, 5.96790429070718798 50.82235229854518366, 5.95948786080861836 50.82823186780041169, 5.95554418789346141 50.8353945997113712, 5.9569469800916357 50.83584262392201936, 5.95577038108966406 50.83927389310674982, 5.95617757802655134 50.84201589392893794, 5.95481621414463014 50.84592411772832321, 5.95529556928768944 50.84692069664294678, 5.9532638296756959 50.84821745988104169, 5.95380343780209209 50.85049351669186279, 5.95416241839168947 50.85154004880948264, 5.95502167728046405 50.85186493516847861, 5.95477623497718689 50.8525863699399423, 5.95738501811195853 50.85306124805162398, 5.96072011893880482 50.85487050769743433, 5.96133498898104275 50.85405104221091932, 5.96480618785375949 50.85514574906967766, 5.96936233249459658 50.86008040196934132, 5.96936233249459658 50.86008040196934132)))</t>
  </si>
  <si>
    <t>MultiPolygon (((5.99170854020095245 50.84365452949075603, 5.99419300926655918 50.84178770559674376, 5.99783568338293183 50.84122577955767497, 5.99348862523784565 50.83948647129655996, 5.99973116521206684 50.8349006370892198, 5.99400803400250748 50.83145012603392843, 5.99126959284450233 50.83358334205072993, 5.99171602138653991 50.83669287887964572, 5.98866559304642099 50.83831721083542732, 5.98527263980598789 50.83697721797223323, 5.98491395566404893 50.83857786502407095, 5.98514519822906355 50.8405723103921332, 5.98272147227599937 50.84230459120414736, 5.98372356370806013 50.84350029528000903, 5.98597762897174412 50.84422040009816612, 5.98735234209368183 50.84402983805343723, 5.98858441963002708 50.84172141470887141, 5.99170854020095245 50.84365452949075603, 5.99170854020095245 50.84365452949075603)))</t>
  </si>
  <si>
    <t>MultiPolygon (((5.96803882241711925 50.83947867929299491, 5.96516110312912762 50.84208557728089062, 5.96471737851573636 50.84464318901761004, 5.96781497840813469 50.84597348825022323, 5.97299169796519802 50.84708896915220322, 5.97650354879619439 50.84355896026566768, 5.97802919573560665 50.84328683880516309, 5.97834137797378595 50.8423874700800269, 5.97715609146740068 50.84140810997227078, 5.97559946621515081 50.84201381101957651, 5.97184145386343079 50.84167893967740071, 5.96803882241711925 50.83947867929299491, 5.96803882241711925 50.83947867929299491)))</t>
  </si>
  <si>
    <t>MultiPolygon (((5.96803882241711925 50.83947867929299491, 5.97184145386343079 50.84167893967740071, 5.97559946621515081 50.84201381101957651, 5.97715609146740068 50.84140810997227078, 5.98065943834121505 50.83838083591494694, 5.98132383414273239 50.83541592948567711, 5.97577008248314723 50.83496411430383688, 5.971140246345219 50.83606241508351076, 5.96803882241711925 50.83947867929299491, 5.96803882241711925 50.83947867929299491)))</t>
  </si>
  <si>
    <t>MultiPolygon (((5.98065943834121505 50.83838083591494694, 5.98491395566404893 50.83857786502407095, 5.98527263980598789 50.83697721797223323, 5.98866559304642099 50.83831721083542732, 5.99171602138653991 50.83669287887964572, 5.99126959284450233 50.83358334205072993, 5.99400803400250748 50.83145012603392843, 5.98988179114992736 50.82958684166248275, 5.98656380848182401 50.82884256237335308, 5.97879402475803445 50.82847809469927824, 5.9691158734705807 50.82892555621854314, 5.96657873208006695 50.83248079741826331, 5.971140246345219 50.83606241508351076, 5.97577008248314723 50.83496411430383688, 5.98132383414273239 50.83541592948567711, 5.98065943834121505 50.83838083591494694, 5.98065943834121505 50.83838083591494694)))</t>
  </si>
  <si>
    <t>MultiPolygon (((6.00633805580937175 51.24014051090009048, 6.0143752685255647 51.23740926930942408, 6.00883781900886671 51.231910779971777, 6.01122444687650148 51.22396159632925361, 6.01471796830459837 51.22149130798712946, 6.01499361703123547 51.21961465222265275, 6.01817074566123811 51.21962447224120751, 6.01233570865410982 51.21143881242314677, 6.00733647876230403 51.2116821066442327, 6.00020746184714682 51.21402220510427128, 5.99179605511404834 51.21928868673073509, 5.99064273662387592 51.2164802602517284, 5.99107262725679934 51.21380585379507266, 5.99277382949318316 51.21155410336995573, 5.992109957960853 51.20626020953553592, 5.99041336491896637 51.20617064907676763, 5.98361692554948643 51.20187145821364538, 5.98390596655030738 51.20142215967866406, 5.98188969421097028 51.20139204423755075, 5.98028645179574436 51.19801588835726136, 5.97154265579920462 51.18819310791970878, 5.97001652619243739 51.18729007660319752, 5.96373246541269264 51.18600651432282689, 5.95905688481647644 51.18689448697200106, 5.95071646193275061 51.19011272525858658, 5.94641383037719251 51.1887270292719947, 5.9466683158238034 51.18699374367773203, 5.95127593488403317 51.18583896031237401, 5.95267629204365267 51.18383496293098744, 5.95170745916647892 51.18193876928753383, 5.94851131547152168 51.17921684863915033, 5.95356336588271784 51.1748162134113258, 5.95469746155251656 51.17424963475891531, 5.95257714330696608 51.17256538677119693, 5.95114859728865397 51.16984091373929289, 5.9534805549504517 51.16798458284980455, 5.95309566380877353 51.16378215179902611, 5.95135822301512718 51.16196384929289565, 5.94697731472238633 51.1607196871367691, 5.94251042663727524 51.16041885282777457, 5.93874020918200962 51.1618003139966433, 5.93501147504570348 51.16475754352845229, 5.9281115523635366 51.16865052994314311, 5.92281579840584804 51.16966057537677415, 5.91724481686180681 51.168697885471218, 5.92224061224586773 51.17217634917687974, 5.92556098293450439 51.17714922175968439, 5.92130065662177163 51.17898239153717554, 5.92549738208430021 51.18450806408514353, 5.93166539840992346 51.18996629055222769, 5.951325308658582 51.20116499116185338, 5.96514720615506633 51.2087699956745368, 5.97119876174479813 51.21316092350848947, 5.98000668797061863 51.22333484173149998, 5.98602647110039143 51.22716282396062581, 5.99483599213206819 51.22959797402523208, 6.00198890312669686 51.23394633535006193, 6.00532962574430851 51.23779208749782299, 6.00633805580937175 51.24014051090009048, 6.00633805580937175 51.24014051090009048)))</t>
  </si>
  <si>
    <t>MultiPolygon (((6.00588008464053758 51.25868299489437163, 6.00783996824156219 51.2572472154757719, 6.01433008938371483 51.25535229235829604, 6.01665845973925784 51.25295667219057094, 6.01599838373067897 51.250911210473312, 6.02017011048695139 51.25041255821790998, 6.01972819995213104 51.24969775804245131, 6.02551059596872562 51.24736039579015312, 6.02758457582515739 51.24555263183497544, 6.03221695528434498 51.24694275165064994, 6.03836247545055027 51.24610373395447738, 6.04326637918547327 51.24712060340626607, 6.05133226258214929 51.25252746453857355, 6.05482116919416935 51.25161673080317826, 6.04703359018423203 51.24358849150581818, 6.03365994216603063 51.23625872133224846, 6.02879247017276931 51.23311962692017829, 6.02470146709759824 51.22897572322764148, 6.02827844688135084 51.22598566781596929, 6.03135697678311189 51.22154156521807522, 6.0365391931262371 51.22319452087011626, 6.0390151158107086 51.22173877086075322, 6.05227738984403274 51.22488818008769584, 6.05253814196542095 51.23180289695014267, 6.05688387785071836 51.23300298108111406, 6.06274037063119753 51.23166400634217155, 6.06478599931034434 51.23319175404748194, 6.06514153916281895 51.23408689808340455, 6.05945005309978857 51.24151959894067687, 6.06242097012972536 51.24185576522114616, 6.06233521911399365 51.2423534695006353, 6.06101633266316586 51.24236814092870418, 6.06047566703893459 51.24790627982154234, 6.06273135472965752 51.24644468363229777, 6.07266365610160719 51.24256009186593275, 6.08602484888044781 51.22267021239430562, 6.0835939160417265 51.22204220064061531, 6.0732592583990197 51.22243625672347633, 6.0706942427425421 51.22208556672438817, 6.06798751716304352 51.22055080553066375, 6.06846797695450135 51.213351115953337, 6.06949450826988102 51.21321398940036573, 6.07097799771308289 51.20053135678556089, 6.06628173820362182 51.1997756505188093, 6.05461198416323843 51.19934802997049417, 6.0444897071982755 51.19940864144768256, 6.03699532322952681 51.20206447902519642, 6.03180424965325468 51.20663318118798912, 6.02825010138832695 51.20766489013165312, 6.0241863540472167 51.20779519314329775, 6.02065494865432349 51.21182276112137544, 6.01925439600552892 51.21470266648578473, 6.01892344485096231 51.2176601188541909, 6.01986226271038749 51.22113934305421878, 6.02403985357772687 51.22799266908850768, 6.01334209785709373 51.22855618535531619, 6.01357448887464052 51.23046874742500734, 6.01785574534349532 51.23581371616481306, 6.0143752685255647 51.23740926930942408, 6.00633805580937175 51.24014051090009048, 6.00909807607842161 51.25079077469825961, 6.00588008464053758 51.25868299489437163, 6.00588008464053758 51.25868299489437163),(6.04719082806109309 51.21870041966739251, 6.04659387932779957 51.21899398388440972, 6.04435792099130964 51.21828387361408375, 6.04333313538306882 51.21779723183876598, 6.04385550704466024 51.21718387194704292, 6.03738329435807053 51.21589072380952246, 6.04006810297809693 51.2078223582439378, 6.04566857540965863 51.20679747730385145, 6.05219557408677122 51.20651311504271064, 6.05426367193219139 51.20939488689612773, 6.0540145126990712 51.21174329598350283, 6.05095296130763938 51.21646854125851434, 6.04719082806109309 51.21870041966739251, 6.04719082806109309 51.21870041966739251)))</t>
  </si>
  <si>
    <t>MultiPolygon (((6.04719082806109309 51.21870041966739251, 6.05095296130763938 51.21646854125851434, 6.0540145126990712 51.21174329598350283, 6.05426367193219139 51.20939488689612773, 6.05219557408677122 51.20651311504271064, 6.04566857540965863 51.20679747730385145, 6.04006810297809693 51.2078223582439378, 6.03738329435807053 51.21589072380952246, 6.04385550704466024 51.21718387194704292, 6.04333313538306882 51.21779723183876598, 6.04435792099130964 51.21828387361408375, 6.04659387932779957 51.21899398388440972, 6.04719082806109309 51.21870041966739251, 6.04719082806109309 51.21870041966739251)))</t>
  </si>
  <si>
    <t>MultiPolygon (((6.03990583895390731 51.23343128584772899, 6.04881235006546447 51.24179297827417656, 6.06101633266316586 51.24236814092870418, 6.06233521911399365 51.2423534695006353, 6.06242097012972536 51.24185576522114616, 6.05945005309978857 51.24151959894067687, 6.06514153916281895 51.23408689808340455, 6.06478599931034434 51.23319175404748194, 6.06274037063119753 51.23166400634217155, 6.05688387785071836 51.23300298108111406, 6.05253814196542095 51.23180289695014267, 6.0384781648654382 51.23170806629219243, 6.03990583895390731 51.23343128584772899, 6.03990583895390731 51.23343128584772899)))</t>
  </si>
  <si>
    <t>MultiPolygon (((6.0143752685255647 51.23740926930942408, 6.01785574534349532 51.23581371616481306, 6.01357448887464052 51.23046874742500734, 6.01334209785709373 51.22855618535531619, 6.02403985357772687 51.22799266908850768, 6.01986226271038749 51.22113934305421878, 6.01817074566123811 51.21962447224120751, 6.01499361703123547 51.21961465222265275, 6.01471796830459837 51.22149130798712946, 6.01122444687650148 51.22396159632925361, 6.00883781900886671 51.231910779971777, 6.0143752685255647 51.23740926930942408, 6.0143752685255647 51.23740926930942408)))</t>
  </si>
  <si>
    <t>MultiPolygon (((6.05482116919416935 51.25161673080317826, 6.06047566703893459 51.24790627982154234, 6.06101633266316586 51.24236814092870418, 6.04881235006546447 51.24179297827417656, 6.03990583895390731 51.23343128584772899, 6.03823206286656688 51.23523397767088028, 6.03528161611774738 51.23498893854634417, 6.03365994216603063 51.23625872133224846, 6.04703359018423203 51.24358849150581818, 6.05482116919416935 51.25161673080317826, 6.05482116919416935 51.25161673080317826)))</t>
  </si>
  <si>
    <t>MultiPolygon (((6.0384781648654382 51.23170806629219243, 6.05253814196542095 51.23180289695014267, 6.05227738984403274 51.22488818008769584, 6.0390151158107086 51.22173877086075322, 6.0365391931262371 51.22319452087011626, 6.0344872520093773 51.2293257948916505, 6.03767722952191388 51.23064903717642693, 6.0384781648654382 51.23170806629219243, 6.0384781648654382 51.23170806629219243)))</t>
  </si>
  <si>
    <t>MultiPolygon (((6.03365994216603063 51.23625872133224846, 6.03528161611774738 51.23498893854634417, 6.03823206286656688 51.23523397767088028, 6.03990583895390731 51.23343128584772899, 6.0384781648654382 51.23170806629219243, 6.03767722952191388 51.23064903717642693, 6.0344872520093773 51.2293257948916505, 6.0365391931262371 51.22319452087011626, 6.03135697678311189 51.22154156521807522, 6.02827844688135084 51.22598566781596929, 6.02470146709759824 51.22897572322764148, 6.02879247017276931 51.23311962692017829, 6.03365994216603063 51.23625872133224846, 6.03365994216603063 51.23625872133224846)))</t>
  </si>
  <si>
    <t>MultiPolygon (((5.95267629204365267 51.18383496293098744, 5.95630169824263156 51.18250181839830759, 5.95618690633231562 51.18186582002643803, 5.9586967215865041 51.18014713297085905, 5.96638351512502219 51.17828389011638279, 5.96712948790672026 51.17763179026368903, 5.96590829166947767 51.17560963864632129, 5.9646156458753179 51.17527947218974305, 5.95945229988585101 51.17519457816973016, 5.95980781536140025 51.17552416403545834, 5.95707491210593432 51.1757690165118504, 5.95356336588271784 51.1748162134113258, 5.94851131547152168 51.17921684863915033, 5.95170745916647892 51.18193876928753383, 5.95267629204365267 51.18383496293098744, 5.95267629204365267 51.18383496293098744)))</t>
  </si>
  <si>
    <t>MultiPolygon (((5.95356336588271784 51.1748162134113258, 5.95707491210593432 51.1757690165118504, 5.95980781536140025 51.17552416403545834, 5.95945229988585101 51.17519457816973016, 5.9646156458753179 51.17527947218974305, 5.96590829166947767 51.17560963864632129, 5.96712948790672026 51.17763179026368903, 5.97283860164805613 51.17282226586799965, 5.97473782355839145 51.17089631181679721, 5.95547751840992223 51.15904447230959562, 5.95251461613117172 51.158822865015253, 5.94715745799367834 51.16017689394033141, 5.94697731472238633 51.1607196871367691, 5.95135822301512718 51.16196384929289565, 5.95309566380877353 51.16378215179902611, 5.9534805549504517 51.16798458284980455, 5.95114859728865397 51.16984091373929289, 5.95257714330696608 51.17256538677119693, 5.95469746155251656 51.17424963475891531, 5.95356336588271784 51.1748162134113258, 5.95356336588271784 51.1748162134113258)))</t>
  </si>
  <si>
    <t>MultiPolygon (((5.95905688481647644 51.18689448697200106, 5.96373246541269264 51.18600651432282689, 5.97001652619243739 51.18729007660319752, 5.97175046205435134 51.18606856869620003, 5.97188951955128111 51.18330140263428518, 5.97593305203944425 51.17507157588740085, 5.97283860164805613 51.17282226586799965, 5.96712948790672026 51.17763179026368903, 5.96638351512502219 51.17828389011638279, 5.9586967215865041 51.18014713297085905, 5.95618690633231562 51.18186582002643803, 5.95630169824263156 51.18250181839830759, 5.95959037795592028 51.18469731990313676, 5.95798990787526872 51.18588932133246772, 5.95905688481647644 51.18689448697200106, 5.95905688481647644 51.18689448697200106)))</t>
  </si>
  <si>
    <t>MultiPolygon (((5.95267629204365267 51.18383496293098744, 5.95127593488403317 51.18583896031237401, 5.9466683158238034 51.18699374367773203, 5.94641383037719251 51.1887270292719947, 5.95071646193275061 51.19011272525858658, 5.95905688481647644 51.18689448697200106, 5.95798990787526872 51.18588932133246772, 5.95959037795592028 51.18469731990313676, 5.95630169824263156 51.18250181839830759, 5.95267629204365267 51.18383496293098744, 5.95267629204365267 51.18383496293098744)))</t>
  </si>
  <si>
    <t>MultiPolygon (((6.03699532322952681 51.20206447902519642, 6.0444897071982755 51.19940864144768256, 6.05461198416323843 51.19934802997049417, 6.05399457073738656 51.19535901113149379, 6.05705588356910329 51.18947803397686158, 6.0564446421637621 51.18703619203714794, 6.04850982798457881 51.18638171472061771, 6.04492619966106393 51.18747189715708146, 6.03616082824330658 51.19534629180380136, 6.03423370368995293 51.20185248309372383, 6.03699532322952681 51.20206447902519642, 6.03699532322952681 51.20206447902519642)))</t>
  </si>
  <si>
    <t>MultiPolygon (((6.0241863540472167 51.20779519314329775, 6.02825010138832695 51.20766489013165312, 6.03180424965325468 51.20663318118798912, 6.03699532322952681 51.20206447902519642, 6.03423370368995293 51.20185248309372383, 6.03616082824330658 51.19534629180380136, 6.04492619966106393 51.18747189715708146, 6.04850982798457881 51.18638171472061771, 6.0564446421637621 51.18703619203714794, 6.05705588356910329 51.18947803397686158, 6.05399457073738656 51.19535901113149379, 6.05461198416323843 51.19934802997049417, 6.06628173820362182 51.1997756505188093, 6.07097799771308289 51.20053135678556089, 6.0731414352333033 51.18282475160685863, 6.06659072992434201 51.1840525485301896, 6.0610349836573354 51.18356335158524217, 6.05528459804765085 51.18436188808969689, 6.05460282599783639 51.17970362604321366, 6.05707098354845552 51.17570380709000943, 6.04813928150958091 51.17484500971543326, 6.05000448956497117 51.1721491342987207, 6.02095586862557486 51.1757989024427431, 6.01264931016615911 51.17751621669474815, 6.01353397541988333 51.17831767397920117, 6.01798347502060427 51.18135497663042344, 6.02647892103118199 51.18586947241381324, 6.02894937945408049 51.18844465974022739, 6.03067955303486336 51.1921411277957219, 6.0308347257221504 51.19516262641707272, 6.02970202708560965 51.19908336893818301, 6.0241863540472167 51.20779519314329775, 6.0241863540472167 51.20779519314329775)))</t>
  </si>
  <si>
    <t>MultiPolygon (((6.01797684007005529 51.19130067604767476, 6.02429803669992836 51.1930934155642845, 6.0280256542947166 51.19341287773330862, 6.02755186868499138 51.18992677343779718, 6.02496116778801305 51.18581653937665266, 6.02044749416107638 51.18338363518778777, 6.01600409601969499 51.18283200904200214, 6.01453909529668085 51.18347692778052505, 6.01797684007005529 51.19130067604767476, 6.01797684007005529 51.19130067604767476)))</t>
  </si>
  <si>
    <t>MultiPolygon (((6.01319856762290339 51.19177619310109151, 6.01797684007005529 51.19130067604767476, 6.01453909529668085 51.18347692778052505, 6.01012396694880024 51.18436371639082694, 6.01319856762290339 51.19177619310109151, 6.01319856762290339 51.19177619310109151)))</t>
  </si>
  <si>
    <t>MultiPolygon (((6.00595456110109538 51.1925582059656108, 6.01319856762290339 51.19177619310109151, 6.01012396694880024 51.18436371639082694, 6.00286777157418072 51.18455300963068311, 6.00331379320563219 51.18792550765480343, 6.00595456110109538 51.1925582059656108, 6.00595456110109538 51.1925582059656108)))</t>
  </si>
  <si>
    <t>MultiPolygon (((6.00286777157418072 51.18455300963068311, 6.01012396694880024 51.18436371639082694, 6.00764959764427786 51.17945734894360754, 6.00444506090628849 51.18197038760821727, 6.00286777157418072 51.18455300963068311, 6.00286777157418072 51.18455300963068311)))</t>
  </si>
  <si>
    <t>MultiPolygon (((6.01012396694880024 51.18436371639082694, 6.01453909529668085 51.18347692778052505, 6.01600409601969499 51.18283200904200214, 6.01798347502060427 51.18135497663042344, 6.01353397541988333 51.17831767397920117, 6.00764959764427786 51.17945734894360754, 6.01012396694880024 51.18436371639082694, 6.01012396694880024 51.18436371639082694)))</t>
  </si>
  <si>
    <t>MultiPolygon (((6.01817074566123811 51.21962447224120751, 6.01986226271038749 51.22113934305421878, 6.01892344485096231 51.2176601188541909, 6.01925439600552892 51.21470266648578473, 6.02065494865432349 51.21182276112137544, 6.0241863540472167 51.20779519314329775, 6.02970202708560965 51.19908336893818301, 6.0308347257221504 51.19516262641707272, 6.03067955303486336 51.1921411277957219, 6.02894937945408049 51.18844465974022739, 6.02647892103118199 51.18586947241381324, 6.01798347502060427 51.18135497663042344, 6.01600409601969499 51.18283200904200214, 6.02044749416107638 51.18338363518778777, 6.02496116778801305 51.18581653937665266, 6.02755186868499138 51.18992677343779718, 6.0280256542947166 51.19341287773330862, 6.02647735226925541 51.19962438777702118, 6.02252747717508985 51.20459923669805846, 6.02052281733570194 51.20665361286993544, 6.01631602590571557 51.20567070939979004, 6.01485919780783718 51.2069238012125254, 6.01442950482030891 51.2089535905416966, 6.01253438530812367 51.2097620185517286, 6.00840202045283167 51.20595428998665, 6.00731473353292422 51.20687351962168776, 6.01233570865410982 51.21143881242314677, 6.01817074566123811 51.21962447224120751, 6.01817074566123811 51.21962447224120751)))</t>
  </si>
  <si>
    <t>MultiPolygon (((6.01489115286773579 51.20029024758462555, 6.02035016963397673 51.20150265723873417, 6.02252747717508985 51.20459923669805846, 6.02647735226925541 51.19962438777702118, 6.0280256542947166 51.19341287773330862, 6.02429803669992836 51.1930934155642845, 6.01797684007005529 51.19130067604767476, 6.01319856762290339 51.19177619310109151, 6.01602729562372751 51.19580574305756215, 6.0162553015393625 51.19846014601225903, 6.01489115286773579 51.20029024758462555, 6.01489115286773579 51.20029024758462555)))</t>
  </si>
  <si>
    <t>MultiPolygon (((6.00840202045283167 51.20595428998665, 6.01253438530812367 51.2097620185517286, 6.01442950482030891 51.2089535905416966, 6.01485919780783718 51.2069238012125254, 6.01631602590571557 51.20567070939979004, 6.02052281733570194 51.20665361286993544, 6.02252747717508985 51.20459923669805846, 6.02035016963397673 51.20150265723873417, 6.01489115286773579 51.20029024758462555, 6.01363227135115785 51.19998982545966726, 6.0129199325067022 51.2004177229475701, 6.00840202045283167 51.20595428998665, 6.00840202045283167 51.20595428998665)))</t>
  </si>
  <si>
    <t>MultiPolygon (((6.01233570865410982 51.21143881242314677, 6.00731473353292422 51.20687351962168776, 6.00381344906566294 51.20417411380579864, 6.00441907775066497 51.20903684207342366, 6.00181063492994316 51.20761443103936728, 5.99818584727952331 51.21033302650153729, 5.99486745382383024 51.21070068252961249, 5.99367591884177475 51.20663822643648189, 5.992109957960853 51.20626020953553592, 5.99277382949318316 51.21155410336995573, 5.99107262725679934 51.21380585379507266, 5.99064273662387592 51.2164802602517284, 5.99179605511404834 51.21928868673073509, 6.00020746184714682 51.21402220510427128, 6.00733647876230403 51.2116821066442327, 6.01233570865410982 51.21143881242314677, 6.01233570865410982 51.21143881242314677)))</t>
  </si>
  <si>
    <t>MultiPolygon (((6.00731473353292422 51.20687351962168776, 6.00840202045283167 51.20595428998665, 6.0129199325067022 51.2004177229475701, 6.01363227135115785 51.19998982545966726, 6.01489115286773579 51.20029024758462555, 6.0162553015393625 51.19846014601225903, 6.01602729562372751 51.19580574305756215, 6.01319856762290339 51.19177619310109151, 6.00595456110109538 51.1925582059656108, 6.00307882715610486 51.19286977433343111, 6.00528506518410765 51.2002735381310714, 6.00357241123232654 51.20169267614706143, 6.00109116551077015 51.20107999147383993, 6.00363964164269337 51.20411225677308664, 6.00381344906566294 51.20417411380579864, 6.00731473353292422 51.20687351962168776, 6.00731473353292422 51.20687351962168776)))</t>
  </si>
  <si>
    <t>MultiPolygon (((6.0102734899863508 51.17598585378274123, 6.01264931016615911 51.17751621669474815, 6.02095586862557486 51.1757989024427431, 6.02042635215199606 51.17465223961121978, 6.01264835104072315 51.175346652051239, 6.0102734899863508 51.17598585378274123, 6.0102734899863508 51.17598585378274123)))</t>
  </si>
  <si>
    <t>MultiPolygon (((6.0102734899863508 51.17598585378274123, 6.01264835104072315 51.175346652051239, 6.01316703896776783 51.17441737850470673, 6.01778492601788884 51.17176094237985495, 6.01479099986660959 51.16590822914869818, 6.01345970399749952 51.16650833092823802, 6.0076869822198109 51.16393295261826069, 6.00611250477414238 51.16371084861548013, 6.00597049024327223 51.16316071435527135, 6.00198683295742264 51.16252217465808627, 5.99918850900430467 51.16216611471041631, 5.99933495524849114 51.16420455979667992, 5.99755552669617931 51.1659171955676797, 5.9979208720602033 51.16816764758694802, 5.99504905675284849 51.16850207329501643, 5.99455075588956099 51.16614562672002364, 5.99156671028028409 51.16756185722357486, 5.99128724000044777 51.16852494429389964, 5.99254938704249174 51.17022627235743926, 5.98989465951334576 51.17065782293200016, 5.98682615814798691 51.16938669709038834, 5.98618044966694995 51.17039897057952658, 5.98902018573108919 51.17345297046567509, 5.98769035822156859 51.17519238197123599, 5.99227742708899758 51.17547490632510687, 6.00056301650949742 51.1745226723568436, 6.0072725777310243 51.17484970034271896, 6.0102734899863508 51.17598585378274123, 6.0102734899863508 51.17598585378274123)))</t>
  </si>
  <si>
    <t>MultiPolygon (((6.01264835104072315 51.175346652051239, 6.02042635215199606 51.17465223961121978, 6.02095586862557486 51.1757989024427431, 6.05000448956497117 51.1721491342987207, 6.06007497798157146 51.17091259990419161, 6.06356592384703585 51.16552430157661746, 6.05657388798716312 51.16355535371847907, 6.05486388520646113 51.16243792438777405, 6.05562643092201647 51.16211238861516364, 6.04785461832668325 51.16126604483306295, 6.0401149154396947 51.16054231316446277, 6.03987115679074371 51.16160092770934398, 6.03753680298183859 51.1613883892063086, 6.03738515898809869 51.16099297507124533, 6.03611522388251132 51.16090499182947582, 6.03564680153312416 51.16141525430860071, 6.03247856471378707 51.16087516959144921, 6.02945876668635705 51.16112700584077544, 6.02762473463934167 51.16208111552175808, 6.02607638078078356 51.16402270424482879, 6.01906798556214717 51.16434319789963325, 6.01479099986660959 51.16590822914869818, 6.01778492601788884 51.17176094237985495, 6.01316703896776783 51.17441737850470673, 6.01264835104072315 51.175346652051239, 6.01264835104072315 51.175346652051239)))</t>
  </si>
  <si>
    <t>MultiPolygon (((6.00289170277086903 51.18071447739176705, 6.00444506090628849 51.18197038760821727, 6.00764959764427786 51.17945734894360754, 6.01353397541988333 51.17831767397920117, 6.01264931016615911 51.17751621669474815, 6.0102734899863508 51.17598585378274123, 6.0072725777310243 51.17484970034271896, 6.00056301650949742 51.1745226723568436, 6.00001087750598039 51.17830993448533405, 6.00289170277086903 51.18071447739176705, 6.00289170277086903 51.18071447739176705)))</t>
  </si>
  <si>
    <t>MultiPolygon (((5.99095925147209485 51.18561286750725259, 5.99200807392853019 51.18802011390734208, 5.99397922269946282 51.18500301942437858, 6.00068285283564062 51.1825273022085625, 6.00289170277086903 51.18071447739176705, 6.00001087750598039 51.17830993448533405, 6.00056301650949742 51.1745226723568436, 5.99227742708899758 51.17547490632510687, 5.98769035822156859 51.17519238197123599, 5.98466433916092733 51.17469664624422165, 5.98356663740662942 51.17622935356700964, 5.98850969357766783 51.18041814084129015, 5.99095925147209485 51.18561286750725259, 5.99095925147209485 51.18561286750725259)))</t>
  </si>
  <si>
    <t>MultiPolygon (((6.00109116551077015 51.20107999147383993, 6.00357241123232654 51.20169267614706143, 6.00528506518410765 51.2002735381310714, 6.00307882715610486 51.19286977433343111, 5.99964250523664511 51.19286900882616465, 5.99662857595957544 51.19181347999868592, 5.99401022445387621 51.19177493644634325, 5.99602994774617848 51.19618891978144859, 6.00109116551077015 51.20107999147383993, 6.00109116551077015 51.20107999147383993)))</t>
  </si>
  <si>
    <t>MultiPolygon (((6.00307882715610486 51.19286977433343111, 6.00595456110109538 51.1925582059656108, 6.00331379320563219 51.18792550765480343, 6.00286777157418072 51.18455300963068311, 6.00444506090628849 51.18197038760821727, 6.00289170277086903 51.18071447739176705, 6.00068285283564062 51.1825273022085625, 5.99397922269946282 51.18500301942437858, 5.99200807392853019 51.18802011390734208, 5.99401022445387621 51.19177493644634325, 5.99662857595957544 51.19181347999868592, 5.99964250523664511 51.19286900882616465, 6.00307882715610486 51.19286977433343111, 6.00307882715610486 51.19286977433343111)))</t>
  </si>
  <si>
    <t>MultiPolygon (((5.992109957960853 51.20626020953553592, 5.99367591884177475 51.20663822643648189, 5.99486745382383024 51.21070068252961249, 5.99818584727952331 51.21033302650153729, 6.00181063492994316 51.20761443103936728, 6.00441907775066497 51.20903684207342366, 6.00381344906566294 51.20417411380579864, 6.00363964164269337 51.20411225677308664, 5.9956716697744934 51.19991757211719374, 5.98698695119449553 51.19773238683009708, 5.98390596655030738 51.20142215967866406, 5.98361692554948643 51.20187145821364538, 5.99041336491896637 51.20617064907676763, 5.992109957960853 51.20626020953553592, 5.992109957960853 51.20626020953553592)))</t>
  </si>
  <si>
    <t>MultiPolygon (((5.98381183233139602 51.19341177636151485, 5.98693200489443633 51.18957989204146486, 5.99057264178010307 51.18926889878557063, 5.99200807392853019 51.18802011390734208, 5.99095925147209485 51.18561286750725259, 5.98817706265488425 51.18537475975963247, 5.98423919769574919 51.18351983202904876, 5.98031121142726274 51.18504580392873038, 5.98301148990197085 51.18847619235442892, 5.98381183233139602 51.19341177636151485, 5.98381183233139602 51.19341177636151485)))</t>
  </si>
  <si>
    <t>MultiPolygon (((5.97001652619243739 51.18729007660319752, 5.97154265579920462 51.18819310791970878, 5.97333596522892574 51.18507152989649001, 5.97446999096435771 51.1850097342527306, 5.97654229659806902 51.18623870967769562, 5.98031121142726274 51.18504580392873038, 5.98423919769574919 51.18351983202904876, 5.98817706265488425 51.18537475975963247, 5.99095925147209485 51.18561286750725259, 5.98850969357766783 51.18041814084129015, 5.98356663740662942 51.17622935356700964, 5.97473782355839145 51.17089631181679721, 5.97283860164805613 51.17282226586799965, 5.97593305203944425 51.17507157588740085, 5.97188951955128111 51.18330140263428518, 5.97175046205435134 51.18606856869620003, 5.97001652619243739 51.18729007660319752, 5.97001652619243739 51.18729007660319752)))</t>
  </si>
  <si>
    <t>MultiPolygon (((5.98028645179574436 51.19801588835726136, 5.98340832246369203 51.19571305950096018, 5.98381183233139602 51.19341177636151485, 5.98301148990197085 51.18847619235442892, 5.98031121142726274 51.18504580392873038, 5.97654229659806902 51.18623870967769562, 5.97446999096435771 51.1850097342527306, 5.97333596522892574 51.18507152989649001, 5.97154265579920462 51.18819310791970878, 5.98028645179574436 51.19801588835726136, 5.98028645179574436 51.19801588835726136)))</t>
  </si>
  <si>
    <t>MultiPolygon (((6.00363964164269337 51.20411225677308664, 6.00109116551077015 51.20107999147383993, 5.99602994774617848 51.19618891978144859, 5.99401022445387621 51.19177493644634325, 5.99200807392853019 51.18802011390734208, 5.99057264178010307 51.18926889878557063, 5.98693200489443633 51.18957989204146486, 5.98381183233139602 51.19341177636151485, 5.98340832246369203 51.19571305950096018, 5.98028645179574436 51.19801588835726136, 5.98188969421097028 51.20139204423755075, 5.98390596655030738 51.20142215967866406, 5.98698695119449553 51.19773238683009708, 5.9956716697744934 51.19991757211719374, 6.00363964164269337 51.20411225677308664, 6.00363964164269337 51.20411225677308664)))</t>
  </si>
  <si>
    <t>MultiPolygon (((5.83474124006565376 51.27342659790141965, 5.84225191099788432 51.26244769989791195, 5.83398203106844448 51.26062594924005111, 5.83547731357669797 51.258219988422141, 5.83140126764258682 51.25706051354281101, 5.84048254267234768 51.24477001004768795, 5.83557414186493073 51.24138681349408841, 5.83266018690108279 51.24114543601025673, 5.82830137772718349 51.24103135638695505, 5.81803639880520063 51.24200483404590045, 5.811703330492338 51.24093022131085462, 5.80237828456667071 51.24172908997664422, 5.80384301882206177 51.2435001472230951, 5.80241312891806249 51.24627618735065226, 5.80020751537072599 51.24637435385046302, 5.8001969482150546 51.24819338576470074, 5.80352637016823358 51.25286303600694282, 5.80620428345299366 51.25152840567606205, 5.80999051859976223 51.25523483015220449, 5.80757735989921464 51.25864668067953289, 5.80559723786577475 51.26539338744495211, 5.81647083554261624 51.27154730288698659, 5.82980478839726679 51.27223509102347521, 5.83474124006565376 51.27342659790141965, 5.83474124006565376 51.27342659790141965)))</t>
  </si>
  <si>
    <t>MultiPolygon (((5.84048254267234768 51.24477001004768795, 5.83140126764258682 51.25706051354281101, 5.83547731357669797 51.258219988422141, 5.83398203106844448 51.26062594924005111, 5.84225191099788432 51.26244769989791195, 5.84674128540136451 51.25553102913320913, 5.84992705045788863 51.25659914777420312, 5.85499181391004786 51.25365895409267836, 5.85561802392806907 51.24924986598204413, 5.85344095327414049 51.24449311278100794, 5.85221384478987261 51.24362661727841584, 5.84930798773917537 51.24539653616430712, 5.84577340728602479 51.24556481501434035, 5.84048254267234768 51.24477001004768795, 5.84048254267234768 51.24477001004768795)))</t>
  </si>
  <si>
    <t>MultiPolygon (((5.84237456104025377 51.30500370840422164, 5.86095344509868799 51.31128266270642513, 5.86072455901784295 51.31080239217039463, 5.85065674396649626 51.29154331822942936, 5.83792213880032396 51.27971991721152278, 5.83942124778208438 51.27772339775119548, 5.83383616960798257 51.27494323540894072, 5.83474124006565376 51.27342659790141965, 5.82980478839726679 51.27223509102347521, 5.81647083554261624 51.27154730288698659, 5.80559723786577475 51.26539338744495211, 5.80757735989921464 51.25864668067953289, 5.80999051859976223 51.25523483015220449, 5.80620428345299366 51.25152840567606205, 5.80352637016823358 51.25286303600694282, 5.8001969482150546 51.24819338576470074, 5.80020751537072599 51.24637435385046302, 5.78697143214179821 51.2469155587373848, 5.77246659383510519 51.26236645027436367, 5.78079648067738816 51.26591118023615223, 5.77903197119758527 51.2722190498274486, 5.78341653709752634 51.27296009380304298, 5.78895698982618345 51.27534433943027636, 5.78849604165112286 51.27648507594664551, 5.79301094765400748 51.27754287862192228, 5.79022482785169945 51.28283750751359094, 5.78722792217619553 51.28630511830564842, 5.84237456104025377 51.30500370840422164, 5.84237456104025377 51.30500370840422164)))</t>
  </si>
  <si>
    <t>MultiPolygon (((5.78297698950753336 51.2848717099939222, 5.78722792217619553 51.28630511830564842, 5.79022482785169945 51.28283750751359094, 5.79301094765400748 51.27754287862192228, 5.78849604165112286 51.27648507594664551, 5.78895698982618345 51.27534433943027636, 5.78341653709752634 51.27296009380304298, 5.77903197119758527 51.2722190498274486, 5.78079648067738816 51.26591118023615223, 5.77246659383510519 51.26236645027436367, 5.76048700951578319 51.27521440302666633, 5.75823289065838662 51.27780468933593738, 5.76539709374017217 51.27889436269504131, 5.78297698950753336 51.2848717099939222, 5.78297698950753336 51.2848717099939222)))</t>
  </si>
  <si>
    <t>MultiPolygon (((5.77106101689645534 51.33392091792540413, 5.78825154543715392 51.33718255026727206, 5.84019368788354232 51.34687706374277383, 5.83207565503622316 51.3380465142533069, 5.8405873490950988 51.33072051575293671, 5.85214173076900046 51.32070231450329345, 5.85947894949077508 51.31950604752648104, 5.87782337009383404 51.31657769394107049, 5.86072455901784295 51.31080239217039463, 5.86095344509868799 51.31128266270642513, 5.84237456104025377 51.30500370840422164, 5.84032288173345648 51.30695397610495689, 5.83067655678256269 51.30778802236171288, 5.82209296710042246 51.30649348885631156, 5.81464773205049656 51.30674619814011805, 5.81252663275450931 51.30794793954281374, 5.806639806958942 51.30742524790156978, 5.80268209214395103 51.30900138018267853, 5.8171553789264614 51.31791225445051197, 5.81621120362274002 51.31858133227735408, 5.82882673498881765 51.32670239786524036, 5.82558375892008318 51.32900962069133755, 5.81738936145242835 51.32330146680329364, 5.81474595276108364 51.32368411830707089, 5.81199987576836019 51.32180239438022795, 5.81306463572186338 51.32093022698606433, 5.81132223349182642 51.31787503230540892, 5.80056804751462085 51.31042549761300364, 5.79598718547812464 51.31360702901480408, 5.79560407929824439 51.31666061302565396, 5.79631973507099829 51.31746722050511522, 5.79791875065815976 51.31771966755032821, 5.79794702009317309 51.31830368012832366, 5.79529222473578542 51.32205679421687705, 5.79587803792069955 51.32416501599475822, 5.7910995222313657 51.32507284996327002, 5.78252364162012267 51.32554161824609906, 5.77870160799947197 51.32771142053717739, 5.77757040336816186 51.32883183743712863, 5.77817820648075209 51.32921158342282553, 5.77106101689645534 51.33392091792540413)))</t>
  </si>
  <si>
    <t>MultiPolygon (((5.80165288671325463 51.30951887702762093, 5.80268209214395103 51.30900138018267853, 5.806639806958942 51.30742524790156978, 5.81252663275450931 51.30794793954281374, 5.81464773205049656 51.30674619814011805, 5.82209296710042246 51.30649348885631156, 5.83067655678256269 51.30778802236171288, 5.84032288173345648 51.30695397610495689, 5.84237456104025377 51.30500370840422164, 5.78722792217619553 51.28630511830564842, 5.78297698950753336 51.2848717099939222, 5.77352443316338881 51.28506703885877727, 5.77399853710177169 51.28686291564151389, 5.77211720662066252 51.29181796558233231, 5.7753623650176289 51.2934719861261641, 5.78606656434876232 51.29548851730762493, 5.79186190402819268 51.29510830156662138, 5.79367410243781666 51.29837836197573608, 5.79261522594865408 51.30160498738381847, 5.79490277218382221 51.30224286935686706, 5.79354595458915522 51.30333776500922482, 5.80165288671325463 51.30951887702762093, 5.80165288671325463 51.30951887702762093)))</t>
  </si>
  <si>
    <t>MultiPolygon (((5.77044861287139899 51.33380458877762464, 5.77106101689645534 51.33392091792540413, 5.77817820648075209 51.32921158342282553, 5.77757040336816186 51.32883183743712863, 5.77870160799947197 51.32771142053717739, 5.78252364162012267 51.32554161824609906, 5.7910995222313657 51.32507284996327002, 5.79587803792069955 51.32416501599475822, 5.79529222473578542 51.32205679421687705, 5.79794702009317309 51.31830368012832366, 5.79791875065815976 51.31771966755032821, 5.79631973507099829 51.31746722050511522, 5.79560407929824439 51.31666061302565396, 5.79598718547812464 51.31360702901480408, 5.80056804751462085 51.31042549761300364, 5.80165288671325463 51.30951887702762093, 5.79354595458915522 51.30333776500922482, 5.78948717840658755 51.30473310177494994, 5.7861997345171039 51.30484277633340895, 5.7834488675002822 51.30374845761197378, 5.78421382509222681 51.30257866761058239, 5.77472091187827985 51.30155766932401207, 5.77234877573531335 51.29985770443752813, 5.77375811841045206 51.29654126421190341, 5.76480342753549468 51.29380759619682095, 5.76132940973641627 51.3006710299642279, 5.76219165443019143 51.30442700248651988, 5.76741929776340179 51.30966069859132261, 5.76583108219342666 51.31049638971386884, 5.76860765848885215 51.32110207632508292, 5.76606732836872382 51.32190688148841673, 5.76490609959225964 51.3236096134220432, 5.76928491666118681 51.3248855055967752, 5.77046483399380605 51.32681990331033006, 5.76732309852158931 51.32897331791871665, 5.76009276684314031 51.33183790293557536, 5.77044861287139899 51.33380458877762464, 5.77044861287139899 51.33380458877762464)))</t>
  </si>
  <si>
    <t>MultiPolygon (((5.80165288671325463 51.30951887702762093, 5.80056804751462085 51.31042549761300364, 5.81132223349182642 51.31787503230540892, 5.81306463572186338 51.32093022698606433, 5.81199987576836019 51.32180239438022795, 5.81474595276108364 51.32368411830707089, 5.81738936145242835 51.32330146680329364, 5.82558375892008318 51.32900962069133755, 5.82882673498881765 51.32670239786524036, 5.81621120362274002 51.31858133227735408, 5.8171553789264614 51.31791225445051197, 5.80268209214395103 51.30900138018267853, 5.80165288671325463 51.30951887702762093, 5.80165288671325463 51.30951887702762093)))</t>
  </si>
  <si>
    <t>MultiPolygon (((5.76480342753549468 51.29380759619682095, 5.77375811841045206 51.29654126421190341, 5.77234877573531335 51.29985770443752813, 5.77472091187827985 51.30155766932401207, 5.78421382509222681 51.30257866761058239, 5.7834488675002822 51.30374845761197378, 5.7861997345171039 51.30484277633340895, 5.78948717840658755 51.30473310177494994, 5.79354595458915522 51.30333776500922482, 5.79490277218382221 51.30224286935686706, 5.79261522594865408 51.30160498738381847, 5.79367410243781666 51.29837836197573608, 5.79186190402819268 51.29510830156662138, 5.78606656434876232 51.29548851730762493, 5.7753623650176289 51.2934719861261641, 5.77211720662066252 51.29181796558233231, 5.76854695960331387 51.28977119945930241, 5.76602141938542179 51.29218585834649957, 5.76480342753549468 51.29380759619682095, 5.76480342753549468 51.29380759619682095)))</t>
  </si>
  <si>
    <t>MultiPolygon (((5.74706421384878929 51.32936248244093491, 5.76009276684314031 51.33183790293557536, 5.76732309852158931 51.32897331791871665, 5.77046483399380605 51.32681990331033006, 5.76928491666118681 51.3248855055967752, 5.76490609959225964 51.3236096134220432, 5.76606732836872382 51.32190688148841673, 5.76860765848885215 51.32110207632508292, 5.76583108219342666 51.31049638971386884, 5.76741929776340179 51.30966069859132261, 5.76219165443019143 51.30442700248651988, 5.76132940973641627 51.3006710299642279, 5.76480342753549468 51.29380759619682095, 5.76602141938542179 51.29218585834649957, 5.75954975725431151 51.28942384432293267, 5.75645558214628306 51.29192183949543704, 5.75365296221416145 51.2909335093353036, 5.75322129237845381 51.29344270826561569, 5.74706421384878929 51.32936248244093491, 5.74706421384878929 51.32936248244093491)))</t>
  </si>
  <si>
    <t>MultiPolygon (((5.76602141938542179 51.29218585834649957, 5.76854695960331387 51.28977119945930241, 5.77211720662066252 51.29181796558233231, 5.77399853710177169 51.28686291564151389, 5.77352443316338881 51.28506703885877727, 5.78297698950753336 51.2848717099939222, 5.76539709374017217 51.27889436269504131, 5.75823289065838662 51.27780468933593738, 5.75541311615924922 51.28060873442201739, 5.75365296221416145 51.2909335093353036, 5.75645558214628306 51.29192183949543704, 5.75954975725431151 51.28942384432293267, 5.76602141938542179 51.29218585834649957, 5.76602141938542179 51.29218585834649957)))</t>
  </si>
  <si>
    <t>MultiPolygon (((5.74066608239419107 51.27024909700013211, 5.76048700951578319 51.27521440302666633, 5.77246659383510519 51.26236645027436367, 5.78697143214179821 51.2469155587373848, 5.80020751537072599 51.24637435385046302, 5.80241312891806249 51.24627618735065226, 5.80384301882206177 51.2435001472230951, 5.80237828456667071 51.24172908997664422, 5.811703330492338 51.24093022131085462, 5.80826152537331186 51.24044045648467716, 5.80296277490290979 51.23787085053222512, 5.79487271990740282 51.23706643154402229, 5.79177000556443922 51.23753696961104254, 5.78634325998222998 51.24297732568284403, 5.7823599242386905 51.24737264933752101, 5.77786912469810154 51.25039991591069821, 5.76957084844889412 51.25415237823656867, 5.74961206567381211 51.26156641083973398, 5.7440974693883291 51.26530113367211072, 5.74066608239419107 51.27024909700013211, 5.74066608239419107 51.27024909700013211)))</t>
  </si>
  <si>
    <t>MultiPolygon (((5.7458957073564445 51.32914204194310059, 5.74706421384878929 51.32936248244093491, 5.75322129237845381 51.29344270826561569, 5.75100275535463723 51.29292407655216124, 5.74940199918190498 51.29449593909683358, 5.74246675173150667 51.29583759864124914, 5.73920090505421676 51.29377099237411386, 5.73883596699355003 51.29262649826223708, 5.73721385241699089 51.29248931232764619, 5.73521210335425558 51.29566453219415934, 5.72310290229117591 51.30560171249677381, 5.71905424179916189 51.31115231089849971, 5.71517743507965381 51.31324518561586956, 5.7071381044052254 51.31560145773763537, 5.70235592352474097 51.31934753817549222, 5.70173017161308149 51.32074365405467375, 5.71365006186756919 51.32301163498305385, 5.7458957073564445 51.32914204194310059, 5.7458957073564445 51.32914204194310059)))</t>
  </si>
  <si>
    <t>MultiPolygon (((5.67211078204799879 51.31509401291456385, 5.70173017161308149 51.32074365405467375, 5.70235592352474097 51.31934753817549222, 5.7071381044052254 51.31560145773763537, 5.71517743507965381 51.31324518561586956, 5.71905424179916189 51.31115231089849971, 5.72310290229117591 51.30560171249677381, 5.73521210335425558 51.29566453219415934, 5.73721385241699089 51.29248931232764619, 5.73838526290273787 51.28994586639063158, 5.73461086437949064 51.28901805609837083, 5.73296958025507131 51.28654681379473601, 5.73398767117175545 51.28378477117669831, 5.73064729414786189 51.28248266098859176, 5.72961261219688378 51.28118338815123423, 5.72884533768244353 51.28142021003477424, 5.72214196667511565 51.28282345172938506, 5.70887356037590177 51.28356564920142802, 5.69805840819176179 51.28285490679444081, 5.68656714169882083 51.28071774120489579, 5.67451177185207545 51.27704929024702096, 5.66904101646026426 51.27732599384597023, 5.66403414500649127 51.27843420351547365, 5.659549975823432 51.2788382379354033, 5.65695840204109146 51.27973161520915824, 5.64874882782821963 51.28519012929320553, 5.64399670834996048 51.29057548978200032, 5.65187613538731171 51.29774165133621722, 5.67211078204799879 51.31509401291456385, 5.67211078204799879 51.31509401291456385)))</t>
  </si>
  <si>
    <t>MultiPolygon (((5.73721385241699089 51.29248931232764619, 5.73883596699355003 51.29262649826223708, 5.73920090505421676 51.29377099237411386, 5.74246675173150667 51.29583759864124914, 5.74940199918190498 51.29449593909683358, 5.75100275535463723 51.29292407655216124, 5.75322129237845381 51.29344270826561569, 5.75365296221416145 51.2909335093353036, 5.75541311615924922 51.28060873442201739, 5.75823289065838662 51.27780468933593738, 5.76048700951578319 51.27521440302666633, 5.74066608239419107 51.27024909700013211, 5.74057623544338114 51.27036879734060193, 5.73707112347684944 51.27630771927560716, 5.73405197674019451 51.27894527207313047, 5.72961261219688378 51.28118338815123423, 5.73064729414786189 51.28248266098859176, 5.73398767117175545 51.28378477117669831, 5.73296958025507131 51.28654681379473601, 5.73461086437949064 51.28901805609837083, 5.73838526290273787 51.28994586639063158, 5.73721385241699089 51.29248931232764619, 5.73721385241699089 51.29248931232764619)))</t>
  </si>
  <si>
    <t>MultiPolygon (((5.88397907714660384 51.73543732579721421, 5.88912154307128777 51.73654957655808317, 5.90094515632988337 51.74062774411618904, 5.91547578371999627 51.7313497957414441, 5.9294975721712726 51.72816401131825614, 5.92132523884567696 51.72182094101768968, 5.91946954717351126 51.71767149905556948, 5.91200182556643661 51.71787657662869009, 5.89956671824978507 51.72018993841589207, 5.89378258032331193 51.72206369763903666, 5.88795894457169489 51.72519217511075595, 5.88540403789122024 51.72831418802163483, 5.88397907714660384 51.73543732579721421, 5.88397907714660384 51.73543732579721421)))</t>
  </si>
  <si>
    <t>MultiPolygon (((5.91513355361478954 51.75253658992009775, 5.92248574984590181 51.75061551858366471, 5.93332324554746648 51.74809858598837309, 5.930738179786748 51.7465351895585286, 5.92994827166782557 51.74442846827343345, 5.93276687966346117 51.74193844732492664, 5.93589064083807205 51.74102861130233322, 5.93829860579492586 51.74159314788784059, 5.93448660657814919 51.73969849816537447, 5.93351795844154495 51.73648700622349139, 5.93371016601023271 51.73316125973405377, 5.9294975721712726 51.72816401131825614, 5.91547578371999627 51.7313497957414441, 5.90094515632988337 51.74062774411618904, 5.90555350367611265 51.74276471059950211, 5.90902945416949876 51.75073480888156041, 5.91513355361478954 51.75253658992009775, 5.91513355361478954 51.75253658992009775)))</t>
  </si>
  <si>
    <t>MultiPolygon (((5.87893955244535249 51.76432336536895917, 5.88038860628892568 51.76912700020119473, 5.8836829290133501 51.76583226537131566, 5.88967460991394098 51.76582218165878402, 5.90109405676585208 51.77047888460442948, 5.90537579898828202 51.76568381911454964, 5.91111459385339622 51.76240566183091829, 5.91339327588994568 51.75900102056662888, 5.91332939053030415 51.7555150188966806, 5.91513355361478954 51.75253658992009775, 5.90902945416949876 51.75073480888156041, 5.90555350367611265 51.74276471059950211, 5.89985013772978117 51.74454623218257865, 5.89405388102681638 51.7477668940307467, 5.89379689600973045 51.74964662048393649, 5.88299001702554758 51.76288245513139685, 5.87893955244535249 51.76432336536895917, 5.87893955244535249 51.76432336536895917)))</t>
  </si>
  <si>
    <t>MultiPolygon (((5.87116620014888557 51.75513824374706928, 5.87661625879685268 51.76060115020202801, 5.87893955244535249 51.76432336536895917, 5.88299001702554758 51.76288245513139685, 5.89379689600973045 51.74964662048393649, 5.89405388102681638 51.7477668940307467, 5.89985013772978117 51.74454623218257865, 5.90555350367611265 51.74276471059950211, 5.90094515632988337 51.74062774411618904, 5.88912154307128777 51.73654957655808317, 5.88397907714660384 51.73543732579721421, 5.88378177875119768 51.73652966270186937, 5.88160933886406312 51.7415459736866552, 5.88049085152397399 51.74689208961110864, 5.87956042595063888 51.74991359729648366, 5.87116620014888557 51.75513824374706928, 5.87116620014888557 51.75513824374706928)))</t>
  </si>
  <si>
    <t>MultiPolygon (((5.86901528579138887 51.77573531296609133, 5.88637456043640483 51.77859045457154252, 5.89340925836933671 51.77785292497380709, 5.90109405676585208 51.77047888460442948, 5.88967460991394098 51.76582218165878402, 5.8836829290133501 51.76583226537131566, 5.88038860628892568 51.76912700020119473, 5.87893955244535249 51.76432336536895917, 5.87661625879685268 51.76060115020202801, 5.87116620014888557 51.75513824374706928, 5.87079871393896813 51.75533553910419471, 5.8644688424260627 51.75768172202194251, 5.86503986748792361 51.75824975891624291, 5.8671415694814204 51.76046215619507507, 5.86924469934392334 51.76286047609875851, 5.86740859733682374 51.76760333225724509, 5.86745494350764396 51.77441732462082769, 5.86789319823255262 51.77552102073726559, 5.86901528579138887 51.77573531296609133, 5.86901528579138887 51.77573531296609133)))</t>
  </si>
  <si>
    <t>MultiPolygon (((5.74037066499055282 50.92285867563322199, 5.74490653495674852 50.92165905457000719, 5.74103824184581502 50.91421384862722732, 5.74544388273168938 50.91317837020895354, 5.7426995562496419 50.91007079178530859, 5.74177804829557736 50.91056042315298669, 5.73559069211243244 50.90945112110622262, 5.72918720953382721 50.91235902020098081, 5.74037066499055282 50.92285867563322199, 5.74037066499055282 50.92285867563322199)))</t>
  </si>
  <si>
    <t>MultiPolygon (((5.75195205117318054 50.92258538433958392, 5.75643518003133536 50.92122199212194289, 5.76449868117477493 50.92194205425525411, 5.77113592079923254 50.91931723391098785, 5.7691767328233583 50.91703790201636082, 5.76474753613459967 50.91377971047737105, 5.75989185564575568 50.90796292829238467, 5.75281953365917076 50.91035975896042487, 5.7427108469094863 50.90925642238619986, 5.7426995562496419 50.91007079178530859, 5.74544388273168938 50.91317837020895354, 5.75122021342289358 50.92011856009872872, 5.75195205117318054 50.92258538433958392, 5.75195205117318054 50.92258538433958392)))</t>
  </si>
  <si>
    <t>MultiPolygon (((5.74861924556172887 50.93589101155401266, 5.7521271338498261 50.93439524787823558, 5.75055241451955723 50.92997329550283325, 5.75195205117318054 50.92258538433958392, 5.75122021342289358 50.92011856009872872, 5.74544388273168938 50.91317837020895354, 5.74103824184581502 50.91421384862722732, 5.74490653495674852 50.92165905457000719, 5.74037066499055282 50.92285867563322199, 5.74496899163055197 50.92843646284638481, 5.74861924556172887 50.93589101155401266, 5.74861924556172887 50.93589101155401266)))</t>
  </si>
  <si>
    <t>MultiPolygon (((5.7521271338498261 50.93439524787823558, 5.75399275703966673 50.93375663984704715, 5.75542527150021588 50.93176651407733857, 5.75713773933682305 50.93159488422008963, 5.75746348107283179 50.93230197633197065, 5.76152785839490278 50.93117686999797655, 5.76122880384733271 50.93042763505917492, 5.76854390118416305 50.92819099706788677, 5.76901507320334517 50.92883274090655021, 5.77093835989103177 50.9279279413438033, 5.77553916924030908 50.92631358021663601, 5.77113592079923254 50.91931723391098785, 5.76449868117477493 50.92194205425525411, 5.75643518003133536 50.92122199212194289, 5.75195205117318054 50.92258538433958392, 5.75055241451955723 50.92997329550283325, 5.7521271338498261 50.93439524787823558, 5.7521271338498261 50.93439524787823558)))</t>
  </si>
  <si>
    <t>MultiPolygon (((5.74599258879184838 50.94341102151390999, 5.74890671991161017 50.94100481893764254, 5.74823958398795565 50.93898135151533779, 5.75011966707556077 50.9392031591331147, 5.74861924556172887 50.93589101155401266, 5.74496899163055197 50.92843646284638481, 5.74037066499055282 50.92285867563322199, 5.72918720953382721 50.91235902020098081, 5.72802967782423877 50.91367677626408295, 5.72677260837758517 50.9137688908493331, 5.72725940617285456 50.91579792744422406, 5.72590717032643504 50.92119844116092509, 5.72693032146782421 50.92384122024868987, 5.73254446570173126 50.93022169862420157, 5.74087942468308121 50.93522480180416778, 5.74357525315759787 50.93835535188647157, 5.74421783766555727 50.94116922217568089, 5.74599258879184838 50.94341102151390999, 5.74599258879184838 50.94341102151390999)))</t>
  </si>
  <si>
    <t>MultiPolygon (((5.7427108469094863 50.90925642238619986, 5.75281953365917076 50.91035975896042487, 5.75989185564575568 50.90796292829238467, 5.75509640262652322 50.90086175651048706, 5.7519845360199211 50.89949935857821828, 5.74717269717766488 50.89635822152904865, 5.74019618117711072 50.89907750406191411, 5.7362040929966307 50.89880197535506312, 5.73688221766990747 50.90201231852984876, 5.7427108469094863 50.90925642238619986, 5.7427108469094863 50.90925642238619986)))</t>
  </si>
  <si>
    <t>MultiPolygon (((5.72677260837758517 50.9137688908493331, 5.72802967782423877 50.91367677626408295, 5.72918720953382721 50.91235902020098081, 5.73559069211243244 50.90945112110622262, 5.74177804829557736 50.91056042315298669, 5.7426995562496419 50.91007079178530859, 5.7427108469094863 50.90925642238619986, 5.73688221766990747 50.90201231852984876, 5.7362040929966307 50.89880197535506312, 5.74019618117711072 50.89907750406191411, 5.74717269717766488 50.89635822152904865, 5.74087427347934121 50.89054051607971729, 5.73851287993599612 50.8893089373159242, 5.73572676692409367 50.88789094918137579, 5.72926981069837726 50.89064087270475767, 5.72523201522396974 50.89092552453663387, 5.72346733089599269 50.89456198058888958, 5.71830847084329719 50.89683745171149098, 5.71948007473485287 50.89944513114304669, 5.71263998910717774 50.90267236978080234, 5.71302171956438709 50.90625639683056392, 5.71461866973506805 50.9068557042852845, 5.71444596845234365 50.90732226462635168, 5.71728103864041159 50.90764293154099818, 5.7148541199644507 50.90845784764837845, 5.71892538018400298 50.90781243157942981, 5.72038135835078076 50.90807081134546053, 5.72452935568802079 50.91060667904512371, 5.72677260837758517 50.9137688908493331, 5.72677260837758517 50.9137688908493331)))</t>
  </si>
  <si>
    <t>MultiPolygon (((5.78289557434955626 50.91143483018480964, 5.78709649513985358 50.91239817674974688, 5.80171463728159686 50.91413002124920695, 5.80229936116634981 50.91362266868651432, 5.80085484584943334 50.91241550267272942, 5.80045400210723994 50.91024109521273289, 5.80100296076369659 50.90875488870847221, 5.7985008642284237 50.90814357672862656, 5.79655697108537904 50.90747872527924756, 5.8022568890203905 50.90241206601108814, 5.79881726320125601 50.9010150797535772, 5.80171309164110749 50.9008035229189062, 5.8034811245366793 50.89803727237449493, 5.80148826242062299 50.89630652600673244, 5.80051999350927616 50.89818054006651238, 5.79656343603459057 50.89769675217727496, 5.79762664045858944 50.89517397977071766, 5.79518510091796646 50.89464375506034344, 5.78917475204789778 50.89157459347033807, 5.78583114780801022 50.890956944940271, 5.77639955544185923 50.89090282989381819, 5.76555832303699045 50.89274556607741573, 5.76140838102555719 50.89083432856988054, 5.76076453339566807 50.89206001876294039, 5.75699503774543686 50.89448564167570765, 5.75288256044394775 50.89622092695017841, 5.7519845360199211 50.89949935857821828, 5.75509640262652322 50.90086175651048706, 5.75579739517560984 50.89946064056165653, 5.75876275369305812 50.89860844705953014, 5.76593915760736397 50.90456896366060846, 5.76906344183287434 50.90328950379133488, 5.77581282135953344 50.89853719628488449, 5.78335409308376569 50.90291616175669986, 5.7925014126713803 50.89947488020381172, 5.79764978925000385 50.90378683778333624, 5.78289557434955626 50.91143483018480964, 5.78289557434955626 50.91143483018480964)))</t>
  </si>
  <si>
    <t>MultiPolygon (((5.76593915760736397 50.90456896366060846, 5.77467799556757555 50.91128446651939043, 5.77593432833911979 50.91157939254144793, 5.77769254356280371 50.91084426710142452, 5.78289557434955626 50.91143483018480964, 5.79764978925000385 50.90378683778333624, 5.7925014126713803 50.89947488020381172, 5.78335409308376569 50.90291616175669986, 5.77581282135953344 50.89853719628488449, 5.76906344183287434 50.90328950379133488, 5.76593915760736397 50.90456896366060846, 5.76593915760736397 50.90456896366060846)))</t>
  </si>
  <si>
    <t>MultiPolygon (((5.76896592871347202 50.88321319522902542, 5.7738476329404369 50.87899544142959485, 5.77270356437703569 50.87682974224598809, 5.77281012024776441 50.87487411136474691, 5.77399812347859864 50.87445135218818137, 5.77259491253890378 50.87373585900383688, 5.77422501087186735 50.87346299549783168, 5.77333183433184782 50.87259994519568806, 5.77081467840284024 50.87238935979762999, 5.7670013444325523 50.87320323381852205, 5.76426929262811605 50.86977260688597369, 5.76506515862226632 50.86867219923108507, 5.76462997903554353 50.86684040327170209, 5.76266038566535244 50.86651034822879325, 5.75916056348563909 50.86609552657291999, 5.75544468162903033 50.87149091010469704, 5.74942864525534336 50.87043433539484738, 5.74877046057691832 50.87110747635801289, 5.74697405300612463 50.87070127402777331, 5.74600623519634368 50.87226806306586013, 5.74263908693849601 50.87142075636243277, 5.7419796355561834 50.87301279247117947, 5.73844735212356216 50.87353428232728447, 5.74399420680841288 50.87657658197032617, 5.7491028428673685 50.87798993297319328, 5.75912866668132128 50.87773424009782985, 5.76239905341904457 50.88016246459201852, 5.76714290645278815 50.88183575753634358, 5.76896592871347202 50.88321319522902542, 5.76896592871347202 50.88321319522902542)))</t>
  </si>
  <si>
    <t>MultiPolygon (((5.76140838102555719 50.89083432856988054, 5.76555832303699045 50.89274556607741573, 5.77639955544185923 50.89090282989381819, 5.78583114780801022 50.890956944940271, 5.78917475204789778 50.89157459347033807, 5.79518510091796646 50.89464375506034344, 5.79762664045858944 50.89517397977071766, 5.7967730954299368 50.891747422134884, 5.79984206483522691 50.88567287683200391, 5.79837167254561781 50.88285024919814958, 5.78951060895517156 50.88257038140979915, 5.7891010702946577 50.88388857726288705, 5.7867570511383688 50.8835612080462667, 5.7854451363382644 50.88244174967900335, 5.78418667603638603 50.88240190268547281, 5.78158404118385771 50.88362781095835174, 5.78040367952692336 50.88274860213781636, 5.77766288110163639 50.88372732023513834, 5.7738476329404369 50.87899544142959485, 5.76896592871347202 50.88321319522902542, 5.76995089999188959 50.88617542224372414, 5.76140838102555719 50.89083432856988054, 5.76140838102555719 50.89083432856988054)))</t>
  </si>
  <si>
    <t>MultiPolygon (((5.72523201522396974 50.89092552453663387, 5.72926981069837726 50.89064087270475767, 5.73572676692409367 50.88789094918137579, 5.73851287993599612 50.8893089373159242, 5.73862418213851466 50.88729874767479089, 5.73713040216172754 50.88408526982288294, 5.73593308818928271 50.8821528117520927, 5.73431578614577653 50.88279461425464234, 5.73251530632825723 50.88243417139178604, 5.73148008257505737 50.88290072318191193, 5.73246290721994001 50.88352985270476836, 5.72654200590397533 50.88414760071931653, 5.72542640491930843 50.88727453799349121, 5.72523201522396974 50.89092552453663387, 5.72523201522396974 50.89092552453663387)))</t>
  </si>
  <si>
    <t>MultiPolygon (((5.73593308818928271 50.8821528117520927, 5.73713040216172754 50.88408526982288294, 5.74689678786007363 50.8807813933691051, 5.7491028428673685 50.87798993297319328, 5.74399420680841288 50.87657658197032617, 5.73844735212356216 50.87353428232728447, 5.73304483323658864 50.87506158653541632, 5.73494466439795136 50.87893086640902851, 5.73593308818928271 50.8821528117520927, 5.73593308818928271 50.8821528117520927)))</t>
  </si>
  <si>
    <t>MultiPolygon (((5.74717269717766488 50.89635822152904865, 5.7519845360199211 50.89949935857821828, 5.75288256044394775 50.89622092695017841, 5.75699503774543686 50.89448564167570765, 5.76076453339566807 50.89206001876294039, 5.76140838102555719 50.89083432856988054, 5.76995089999188959 50.88617542224372414, 5.76896592871347202 50.88321319522902542, 5.76714290645278815 50.88183575753634358, 5.76239905341904457 50.88016246459201852, 5.75912866668132128 50.87773424009782985, 5.7491028428673685 50.87798993297319328, 5.74689678786007363 50.8807813933691051, 5.73713040216172754 50.88408526982288294, 5.73862418213851466 50.88729874767479089, 5.73851287993599612 50.8893089373159242, 5.74087427347934121 50.89054051607971729, 5.74717269717766488 50.89635822152904865, 5.74717269717766488 50.89635822152904865)))</t>
  </si>
  <si>
    <t>MultiPolygon (((5.72791577292974097 50.83152456152602383, 5.7262636599781418 50.83679037765504205, 5.73470681385368852 50.83520004218056698, 5.74649380149138267 50.83029444373181605, 5.74626618240864939 50.82764811462010357, 5.74491489182079107 50.82776958341800366, 5.74536455363815968 50.8240120328303604, 5.7448731906842152 50.8229211234017626, 5.74369828246766723 50.82299034624662681, 5.74348376690659546 50.82132384813165515, 5.73259639457726067 50.81904805646955481, 5.72873247860029533 50.81792470403332374, 5.72818381946646493 50.81714016161896552, 5.72921243202609265 50.82791005796604367, 5.72791577292974097 50.83152456152602383, 5.72791577292974097 50.83152456152602383)))</t>
  </si>
  <si>
    <t>MultiPolygon (((5.71771882717716817 50.83099731970649771, 5.72791577292974097 50.83152456152602383, 5.72921243202609265 50.82791005796604367, 5.72818381946646493 50.81714016161896552, 5.72319753246244556 50.81472857914245367, 5.71898458694947553 50.81410957874026479, 5.7173119099272327 50.81450138475658207, 5.71771882717716817 50.83099731970649771, 5.71771882717716817 50.83099731970649771)))</t>
  </si>
  <si>
    <t>MultiPolygon (((5.71693732927195075 50.843163873403455, 5.72098185511719404 50.84424683756220986, 5.74445674664999384 50.84190475135654452, 5.74801366917694878 50.84090855150148514, 5.74685592840697446 50.84081896218115304, 5.74680812355819448 50.84026955996263553, 5.74126091755232881 50.84010271365895761, 5.74063914939116238 50.83915727391873673, 5.74045390243989218 50.83839895739806991, 5.74631141356108444 50.83732493905607441, 5.74556474930904493 50.83633932018788215, 5.74670625516484535 50.83587172553186662, 5.74556515283435143 50.83561931712455362, 5.74556562223063683 50.83478558703667716, 5.74649380149138267 50.83029444373181605, 5.73470681385368852 50.83520004218056698, 5.7262636599781418 50.83679037765504205, 5.72791577292974097 50.83152456152602383, 5.71771882717716817 50.83099731970649771, 5.71795400476221083 50.83907797491058744, 5.71693732927195075 50.843163873403455, 5.71693732927195075 50.843163873403455)))</t>
  </si>
  <si>
    <t>MultiPolygon (((5.69796150603248019 50.82518807611119627, 5.69786548418318972 50.83423037732362104, 5.71271585977883589 50.83131450806830287, 5.71383570838775068 50.82689290709596719, 5.71267938032213962 50.8225633130938661, 5.7094034117922039 50.81810588705477016, 5.706763508200563 50.81724070093681433, 5.70910953269789179 50.81197919566857024, 5.7094568018146914 50.80828203291599721, 5.69650308442904585 50.80854606004826479, 5.69381701684229391 50.81044970910386382, 5.69384083507438898 50.81110307168582096, 5.69734145928737945 50.81984126540395152, 5.69796150603248019 50.82518807611119627, 5.69796150603248019 50.82518807611119627)))</t>
  </si>
  <si>
    <t>MultiPolygon (((5.71693375205957199 50.84317072231446133, 5.71693732927195075 50.843163873403455, 5.71795400476221083 50.83907797491058744, 5.71771882717716817 50.83099731970649771, 5.7173119099272327 50.81450138475658207, 5.71701366215715012 50.80608400570187655, 5.71694405722707 50.8038052762637804, 5.70982349322570126 50.8041913835468506, 5.70996967930599908 50.80474271787771556, 5.70852849797863726 50.80491067445360187, 5.7094568018146914 50.80828203291599721, 5.70910953269789179 50.81197919566857024, 5.706763508200563 50.81724070093681433, 5.7094034117922039 50.81810588705477016, 5.71267938032213962 50.8225633130938661, 5.71383570838775068 50.82689290709596719, 5.71271585977883589 50.83131450806830287, 5.69786548418318972 50.83423037732362104, 5.69975983940250597 50.84055903231449491, 5.70307020815326737 50.84116329025967218, 5.71086132077492525 50.84026684872669932, 5.7148976094889683 50.8417897060951347, 5.71693375205957199 50.84317072231446133, 5.71693375205957199 50.84317072231446133)))</t>
  </si>
  <si>
    <t>MultiPolygon (((5.71342335536851031 50.89180293009196987, 5.71948007473485287 50.89944513114304669, 5.71830847084329719 50.89683745171149098, 5.72346733089599269 50.89456198058888958, 5.72523201522396974 50.89092552453663387, 5.72542640491930843 50.88727453799349121, 5.72654200590397533 50.88414760071931653, 5.73246290721994001 50.88352985270476836, 5.73148008257505737 50.88290072318191193, 5.73251530632825723 50.88243417139178604, 5.73431578614577653 50.88279461425464234, 5.73593308818928271 50.8821528117520927, 5.73494466439795136 50.87893086640902851, 5.72724333772488592 50.87637934968954312, 5.72174866473215449 50.87904236821238868, 5.72044194076576495 50.88349222114737103, 5.71582366021662125 50.88985976764190156, 5.71342335536851031 50.89180293009196987, 5.71342335536851031 50.89180293009196987)))</t>
  </si>
  <si>
    <t>MultiPolygon (((5.7148541199644507 50.90845784764837845, 5.71728103864041159 50.90764293154099818, 5.71444596845234365 50.90732226462635168, 5.71461866973506805 50.9068557042852845, 5.71302171956438709 50.90625639683056392, 5.71263998910717774 50.90267236978080234, 5.71948007473485287 50.89944513114304669, 5.71342335536851031 50.89180293009196987, 5.70970728106411585 50.8871127654019233, 5.69256623544321716 50.89393329065720195, 5.69624622677997827 50.89859588922590206, 5.69718064449378847 50.90226173336222359, 5.69578160612016582 50.90580294171358133, 5.69653465782582913 50.90860967274187487, 5.69826391655103226 50.91015462152693516, 5.70341826909280147 50.91171387337058718, 5.70642741463516057 50.91200277973487687, 5.70926992850006343 50.91159336911361777, 5.7148541199644507 50.90845784764837845, 5.7148541199644507 50.90845784764837845)))</t>
  </si>
  <si>
    <t>MultiPolygon (((5.69256623544321716 50.89393329065720195, 5.70970728106411585 50.8871127654019233, 5.70235780460231645 50.8778331957499006, 5.70116045107083025 50.87420477610016434, 5.69884812132234853 50.86675768886982496, 5.69464759822306199 50.87086024799596373, 5.68288579348595757 50.87518032672799251, 5.68112741094312224 50.87672375174327755, 5.67933102212454255 50.88054226703107474, 5.67910598245947451 50.8834687134149064, 5.68251556745050301 50.88852427260672329, 5.68634437521573677 50.8911930132752488, 5.69256623544321716 50.89393329065720195, 5.69256623544321716 50.89393329065720195)))</t>
  </si>
  <si>
    <t>MultiPolygon (((5.70970728106411585 50.8871127654019233, 5.71342335536851031 50.89180293009196987, 5.71582366021662125 50.88985976764190156, 5.72044194076576495 50.88349222114737103, 5.72174866473215449 50.87904236821238868, 5.72724333772488592 50.87637934968954312, 5.72106541070098196 50.87331931346691505, 5.71652796210019609 50.86943346289199752, 5.7038080998902867 50.87387136821363498, 5.70116045107083025 50.87420477610016434, 5.70235780460231645 50.8778331957499006, 5.70970728106411585 50.8871127654019233, 5.70970728106411585 50.8871127654019233)))</t>
  </si>
  <si>
    <t>MultiPolygon (((5.73304483323658864 50.87506158653541632, 5.73844735212356216 50.87353428232728447, 5.7419796355561834 50.87301279247117947, 5.74263908693849601 50.87142075636243277, 5.74600623519634368 50.87226806306586013, 5.74697405300612463 50.87070127402777331, 5.74877046057691832 50.87110747635801289, 5.74942864525534336 50.87043433539484738, 5.75544468162903033 50.87149091010469704, 5.75916056348563909 50.86609552657291999, 5.76266038566535244 50.86651034822879325, 5.76292477928388269 50.86413783328640648, 5.75287887063904968 50.85945230100960401, 5.75294225605057985 50.85851557902189768, 5.74932909271080561 50.85705293946480765, 5.73530879647340175 50.85239905088274526, 5.73276289353274837 50.85273844161068268, 5.72887814115081095 50.85479465426755752, 5.72440647420067972 50.85468274328744087, 5.72219218453089251 50.85750140295865407, 5.72229390334600652 50.86198112762738077, 5.71919706587026511 50.86193388294911699, 5.71751607274686524 50.86270327561653204, 5.7273050881335239 50.86902993417047725, 5.73304483323658864 50.87506158653541632, 5.73304483323658864 50.87506158653541632)))</t>
  </si>
  <si>
    <t>MultiPolygon (((5.74932909271080561 50.85705293946480765, 5.75734037422391953 50.85529059102324823, 5.75731537445480068 50.84561630664618548, 5.75485495171460215 50.84184052493358763, 5.74801366917694878 50.84090855150148514, 5.74445674664999384 50.84190475135654452, 5.72098185511719404 50.84424683756220986, 5.71693732927195075 50.843163873403455, 5.71693375205957199 50.84317072231446133, 5.71088275427083047 50.84848330771872327, 5.7208473937358777 50.84907484181114512, 5.7236517939545184 50.85162961838963014, 5.72440647420067972 50.85468274328744087, 5.72887814115081095 50.85479465426755752, 5.73276289353274837 50.85273844161068268, 5.73530879647340175 50.85239905088274526, 5.74932909271080561 50.85705293946480765, 5.74932909271080561 50.85705293946480765)))</t>
  </si>
  <si>
    <t>MultiPolygon (((5.70116045107083025 50.87420477610016434, 5.7038080998902867 50.87387136821363498, 5.71652796210019609 50.86943346289199752, 5.70769037375137778 50.86019959248542932, 5.70157504381355196 50.8603388237844527, 5.69751322670457405 50.86014695740195179, 5.69884812132234853 50.86675768886982496, 5.70116045107083025 50.87420477610016434, 5.70116045107083025 50.87420477610016434)))</t>
  </si>
  <si>
    <t>MultiPolygon (((5.72724333772488592 50.87637934968954312, 5.73494466439795136 50.87893086640902851, 5.73304483323658864 50.87506158653541632, 5.7273050881335239 50.86902993417047725, 5.71751607274686524 50.86270327561653204, 5.71289467272086604 50.85875601087911235, 5.70769037375137778 50.86019959248542932, 5.71652796210019609 50.86943346289199752, 5.72106541070098196 50.87331931346691505, 5.72724333772488592 50.87637934968954312, 5.72724333772488592 50.87637934968954312)))</t>
  </si>
  <si>
    <t>MultiPolygon (((5.71289467272086604 50.85875601087911235, 5.71751607274686524 50.86270327561653204, 5.71919706587026511 50.86193388294911699, 5.72229390334600652 50.86198112762738077, 5.72219218453089251 50.85750140295865407, 5.72440647420067972 50.85468274328744087, 5.7236517939545184 50.85162961838963014, 5.7208473937358777 50.84907484181114512, 5.71088275427083047 50.84848330771872327, 5.71037770180828286 50.85598433010695629, 5.71289467272086604 50.85875601087911235, 5.71289467272086604 50.85875601087911235)))</t>
  </si>
  <si>
    <t>MultiPolygon (((5.7066793616560183 50.84769597834737453, 5.70818372230362936 50.84573329115873008, 5.7148976094889683 50.8417897060951347, 5.71086132077492525 50.84026684872669932, 5.70307020815326737 50.84116329025967218, 5.7066793616560183 50.84769597834737453, 5.7066793616560183 50.84769597834737453)))</t>
  </si>
  <si>
    <t>MultiPolygon (((5.70157504381355196 50.8603388237844527, 5.70769037375137778 50.86019959248542932, 5.71289467272086604 50.85875601087911235, 5.71037770180828286 50.85598433010695629, 5.71088275427083047 50.84848330771872327, 5.71693375205957199 50.84317072231446133, 5.7148976094889683 50.8417897060951347, 5.70818372230362936 50.84573329115873008, 5.7066793616560183 50.84769597834737453, 5.70554636498680257 50.85175219549463321, 5.70209680145798004 50.8571187457296503, 5.70157504381355196 50.8603388237844527, 5.70157504381355196 50.8603388237844527)))</t>
  </si>
  <si>
    <t>MultiPolygon (((5.66093650762845879 50.87736932423013059, 5.66167762512614825 50.8786650487191352, 5.66586811454552119 50.8797349999904398, 5.66963741460790427 50.88182049702889032, 5.67327351408140945 50.88104575829576248, 5.67236163846532548 50.8662429648650658, 5.67138093127372134 50.86626558686435828, 5.66093650762845879 50.87736932423013059, 5.66093650762845879 50.87736932423013059)))</t>
  </si>
  <si>
    <t>MultiPolygon (((5.67327351408140945 50.88104575829576248, 5.67572899546129861 50.88091443707846651, 5.68743327957721334 50.86219264431476006, 5.68460153565350801 50.86096185184949547, 5.68345386931591801 50.86254806916242188, 5.67830086750326579 50.86431178855146129, 5.67230452070811886 50.86533384138356695, 5.67236163846532548 50.8662429648650658, 5.67327351408140945 50.88104575829576248, 5.67327351408140945 50.88104575829576248)))</t>
  </si>
  <si>
    <t>MultiPolygon (((5.68460153565350801 50.86096185184949547, 5.68743327957721334 50.86219264431476006, 5.6898550675460573 50.8585416603162912, 5.68980588666181575 50.8585177889137654, 5.67769773072421113 50.84997678092946671, 5.67447465377009763 50.85178429150919754, 5.67474463876376944 50.85414767994750207, 5.67635329858175552 50.85442429754509419, 5.6759427768413957 50.85602231207900559, 5.67788431765354851 50.85639818944302704, 5.68191928852997385 50.85534894131024686, 5.68512915089352422 50.8596692051589514, 5.68460153565350801 50.86096185184949547, 5.68460153565350801 50.86096185184949547)))</t>
  </si>
  <si>
    <t>MultiPolygon (((5.67216913326423278 50.8631270166243894, 5.67230452070811886 50.86533384138356695, 5.67830086750326579 50.86431178855146129, 5.68345386931591801 50.86254806916242188, 5.68460153565350801 50.86096185184949547, 5.68512915089352422 50.8596692051589514, 5.68191928852997385 50.85534894131024686, 5.67788431765354851 50.85639818944302704, 5.67906315873962608 50.85771419092080947, 5.6769003505949005 50.86092590924721435, 5.67501515122958899 50.86252931687500478, 5.67216913326423278 50.8631270166243894, 5.67216913326423278 50.8631270166243894)))</t>
  </si>
  <si>
    <t>MultiPolygon (((5.67572899546129861 50.88091443707846651, 5.67933102212454255 50.88054226703107474, 5.68112741094312224 50.87672375174327755, 5.68288579348595757 50.87518032672799251, 5.69464759822306199 50.87086024799596373, 5.69884812132234853 50.86675768886982496, 5.69751322670457405 50.86014695740195179, 5.69329629606037457 50.8598671698927518, 5.6898550675460573 50.8585416603162912, 5.68743327957721334 50.86219264431476006, 5.67572899546129861 50.88091443707846651, 5.67572899546129861 50.88091443707846651)))</t>
  </si>
  <si>
    <t>MultiPolygon (((5.64225743150955594 50.84312487386410595, 5.65310461976206824 50.8447932943004588, 5.65292282205658214 50.8466972336758829, 5.65785714593904299 50.84180907402200944, 5.66242731474956251 50.84357247850147843, 5.66647466447210402 50.84065924824975724, 5.65708980205892065 50.83682121088786943, 5.6517578071616219 50.83794570740911212, 5.64898619838604166 50.83495359557599613, 5.64996690887257813 50.8338722269087171, 5.64833423793468192 50.83321816363706347, 5.64741895878350597 50.83593232280605889, 5.64373156545874366 50.83793611999266915, 5.64534559422450144 50.83939509410601687, 5.64185369891616961 50.84079316870319332, 5.64279283404131959 50.84146721525141999, 5.64121838949452314 50.8428917009007364, 5.64225743150955594 50.84312487386410595, 5.64225743150955594 50.84312487386410595)))</t>
  </si>
  <si>
    <t>MultiPolygon (((5.64379050809877292 50.85887860214153022, 5.6553004058291112 50.85686444873434908, 5.65550511497279551 50.8567984497216159, 5.65259946813026648 50.85211256167359295, 5.65296843387965353 50.84845552568423699, 5.65292282205658214 50.8466972336758829, 5.65310461976206824 50.8447932943004588, 5.64225743150955594 50.84312487386410595, 5.63921886413715256 50.84633384882435791, 5.63886605630539339 50.84767448051074012, 5.6407659842377269 50.84769696094264191, 5.64028689291188989 50.84946554365623683, 5.6427084162380412 50.85008054168375935, 5.64178458459267596 50.85239496997335351, 5.64032593505617719 50.85372497641758827, 5.64351354057995902 50.85678377359285207, 5.64168549631249761 50.857554810621032, 5.64379050809877292 50.85887860214153022, 5.64379050809877292 50.85887860214153022)))</t>
  </si>
  <si>
    <t>MultiPolygon (((5.64947201013359468 50.8683435038937688, 5.65231432996064953 50.86686544822325118, 5.65694955427094737 50.86879712257593411, 5.66426220889845666 50.86146903723663826, 5.66370695935520807 50.86145838834675459, 5.65951890991519502 50.86024668800568094, 5.65617195158373587 50.85835561436606866, 5.6553004058291112 50.85686444873434908, 5.64379050809877292 50.85887860214153022, 5.64180174400815382 50.85924789391098955, 5.6436164079462996 50.86048290010362649, 5.64227863201705748 50.86140747421988806, 5.64400531361051616 50.86292043197914126, 5.64166464568754211 50.86416156160802871, 5.64947201013359468 50.8683435038937688, 5.64947201013359468 50.8683435038937688)))</t>
  </si>
  <si>
    <t>MultiPolygon (((5.64947201013359468 50.8683435038937688, 5.64415922340823872 50.87134985392620479, 5.6478877432775052 50.87370789266676496, 5.6485661578510804 50.87333757663839151, 5.65132327318218319 50.87509169828555855, 5.65336733246328738 50.87400130472780546, 5.65644231288866184 50.87656860899106448, 5.65790722940067958 50.87666206960019366, 5.65859626007157601 50.8761846938527853, 5.66093650762845879 50.87736932423013059, 5.67138093127372134 50.86626558686435828, 5.67236163846532548 50.8662429648650658, 5.67230452070811886 50.86533384138356695, 5.67216913326423278 50.8631270166243894, 5.66426220889845666 50.86146903723663826, 5.65694955427094737 50.86879712257593411, 5.65231432996064953 50.86686544822325118, 5.64947201013359468 50.8683435038937688, 5.64947201013359468 50.8683435038937688)))</t>
  </si>
  <si>
    <t>MultiPolygon (((5.66426220889845666 50.86146903723663826, 5.67216913326423278 50.8631270166243894, 5.67501515122958899 50.86252931687500478, 5.6769003505949005 50.86092590924721435, 5.67906315873962608 50.85771419092080947, 5.67788431765354851 50.85639818944302704, 5.6759427768413957 50.85602231207900559, 5.66728138448590357 50.85594659953030572, 5.66370695935520807 50.86145838834675459, 5.66426220889845666 50.86146903723663826, 5.66426220889845666 50.86146903723663826)))</t>
  </si>
  <si>
    <t>MultiPolygon (((5.6553004058291112 50.85686444873434908, 5.65617195158373587 50.85835561436606866, 5.65951890991519502 50.86024668800568094, 5.66370695935520807 50.86145838834675459, 5.66728138448590357 50.85594659953030572, 5.66366885562180844 50.85410921271176221, 5.65550511497279551 50.8567984497216159, 5.6553004058291112 50.85686444873434908, 5.6553004058291112 50.85686444873434908)))</t>
  </si>
  <si>
    <t>MultiPolygon (((5.65550511497279551 50.8567984497216159, 5.66366885562180844 50.85410921271176221, 5.66172937687935995 50.84951903984153176, 5.65296843387965353 50.84845552568423699, 5.65259946813026648 50.85211256167359295, 5.65550511497279551 50.8567984497216159, 5.65550511497279551 50.8567984497216159)))</t>
  </si>
  <si>
    <t>MultiPolygon (((5.65296843387965353 50.84845552568423699, 5.66172937687935995 50.84951903984153176, 5.66639553636506044 50.84516083426690614, 5.66242731474956251 50.84357247850147843, 5.65785714593904299 50.84180907402200944, 5.65292282205658214 50.8466972336758829, 5.65296843387965353 50.84845552568423699, 5.65296843387965353 50.84845552568423699)))</t>
  </si>
  <si>
    <t>MultiPolygon (((5.67706670954014392 50.84922906624747441, 5.67770499565536113 50.84897968580228422, 5.68088978190837679 50.84494774548469564, 5.68063014280297729 50.84455037197077587, 5.66647466447210402 50.84065924824975724, 5.66242731474956251 50.84357247850147843, 5.66639553636506044 50.84516083426690614, 5.66911131277929581 50.84490646419686755, 5.67264957618177323 50.84756292702781622, 5.67271087650946004 50.8486786295978348, 5.67706670954014392 50.84922906624747441, 5.67706670954014392 50.84922906624747441)))</t>
  </si>
  <si>
    <t>MultiPolygon (((5.66728138448590357 50.85594659953030572, 5.6759427768413957 50.85602231207900559, 5.67635329858175552 50.85442429754509419, 5.67474463876376944 50.85414767994750207, 5.67447465377009763 50.85178429150919754, 5.67769773072421113 50.84997678092946671, 5.67706670954014392 50.84922906624747441, 5.67271087650946004 50.8486786295978348, 5.67264957618177323 50.84756292702781622, 5.66911131277929581 50.84490646419686755, 5.66639553636506044 50.84516083426690614, 5.66172937687935995 50.84951903984153176, 5.66366885562180844 50.85410921271176221, 5.66728138448590357 50.85594659953030572, 5.66728138448590357 50.85594659953030572)))</t>
  </si>
  <si>
    <t>MultiPolygon (((5.66762680183052314 50.8363413701468474, 5.67042503598036074 50.83446008578196285, 5.67303250155805028 50.83576959591736255, 5.67489757530456362 50.83886301497506821, 5.6799424617295653 50.84059710180993363, 5.68167277984743802 50.83614272281635493, 5.67782519277004027 50.83151204244567367, 5.67907625893985024 50.83111866622978425, 5.68361939621939882 50.8366085357844355, 5.68657982064404965 50.83803243516381798, 5.69088018708621224 50.8354400165111997, 5.69346217084353601 50.8280170579148276, 5.69571718962795703 50.82528046025350932, 5.69796150603248019 50.82518807611119627, 5.69734145928737945 50.81984126540395152, 5.69384083507438898 50.81110307168582096, 5.69385589043639673 50.81151597614107374, 5.69167953925783277 50.81212218642759382, 5.68877347709507664 50.81162660742211301, 5.68599379404989502 50.81222403689563549, 5.68436007191517678 50.81342017710785797, 5.68060209128562033 50.81203175388047555, 5.67942026695640934 50.81471134838680115, 5.67845583450979596 50.81506578608686908, 5.67828288556895089 50.81646838686849321, 5.67317316791121051 50.81599552048846391, 5.67275001509210419 50.81694934529605945, 5.66967178961040741 50.81724626354819208, 5.66945391683587374 50.81785028684263494, 5.66807615055525549 50.81773732098587004, 5.66764816218129575 50.81654443128220322, 5.66639778444829201 50.816829493169692, 5.6666916324222063 50.81725882513763537, 5.66427226738799305 50.81718707130217183, 5.66318376827385617 50.81806601398281487, 5.65900973425197851 50.81848164805101931, 5.65417996461917305 50.81997439301901665, 5.65516481140023242 50.82096614871474571, 5.65433918590022788 50.82126856577901464, 5.65645595161912951 50.82315776362943893, 5.65550639523022269 50.82379642547621756, 5.65617770666943276 50.82428965324803016, 5.65187829374478934 50.82748399190105459, 5.66115112985805879 50.83316845057449029, 5.66762680183052314 50.8363413701468474, 5.66762680183052314 50.8363413701468474)))</t>
  </si>
  <si>
    <t>MultiPolygon (((5.64996690887257813 50.8338722269087171, 5.64898619838604166 50.83495359557599613, 5.6517578071616219 50.83794570740911212, 5.65708980205892065 50.83682121088786943, 5.65597285455295307 50.8363635379652905, 5.65983636120613909 50.83330571676069098, 5.66115112985805879 50.83316845057449029, 5.65187829374478934 50.82748399190105459, 5.64927535549989646 50.82636073703902468, 5.64886216419880682 50.82675440358882213, 5.6513604603512233 50.83183103456322272, 5.64996690887257813 50.8338722269087171, 5.64996690887257813 50.8338722269087171)))</t>
  </si>
  <si>
    <t>MultiPolygon (((5.65708980205892065 50.83682121088786943, 5.66647466447210402 50.84065924824975724, 5.66992996837434493 50.83746565237370163, 5.66762680183052314 50.8363413701468474, 5.66115112985805879 50.83316845057449029, 5.65983636120613909 50.83330571676069098, 5.65597285455295307 50.8363635379652905, 5.65708980205892065 50.83682121088786943, 5.65708980205892065 50.83682121088786943)))</t>
  </si>
  <si>
    <t>MultiPolygon (((5.68063014280297729 50.84455037197077587, 5.68342177185759123 50.84277426775800279, 5.6799424617295653 50.84059710180993363, 5.67489757530456362 50.83886301497506821, 5.67303250155805028 50.83576959591736255, 5.67042503598036074 50.83446008578196285, 5.66762680183052314 50.8363413701468474, 5.66992996837434493 50.83746565237370163, 5.66647466447210402 50.84065924824975724, 5.68063014280297729 50.84455037197077587, 5.68063014280297729 50.84455037197077587)))</t>
  </si>
  <si>
    <t>MultiPolygon (((5.68342177185759123 50.84277426775800279, 5.68833224720360864 50.84147285750865564, 5.68657982064404965 50.83803243516381798, 5.68361939621939882 50.8366085357844355, 5.67907625893985024 50.83111866622978425, 5.67782519277004027 50.83151204244567367, 5.68167277984743802 50.83614272281635493, 5.6799424617295653 50.84059710180993363, 5.68342177185759123 50.84277426775800279, 5.68342177185759123 50.84277426775800279)))</t>
  </si>
  <si>
    <t>MultiPolygon (((5.68833224720360864 50.84147285750865564, 5.69593570473134214 50.84272791238782219, 5.69986795612879149 50.84190506469614945, 5.69975983940250597 50.84055903231449491, 5.69786548418318972 50.83423037732362104, 5.69796150603248019 50.82518807611119627, 5.69571718962795703 50.82528046025350932, 5.69346217084353601 50.8280170579148276, 5.69088018708621224 50.8354400165111997, 5.68657982064404965 50.83803243516381798, 5.68833224720360864 50.84147285750865564, 5.68833224720360864 50.84147285750865564)))</t>
  </si>
  <si>
    <t>MultiPolygon (((5.69559344971139847 50.85191369906086578, 5.69798404830117722 50.85206794385502604, 5.70246503439778429 50.85118896998381643, 5.70554636498680257 50.85175219549463321, 5.7066793616560183 50.84769597834737453, 5.70307020815326737 50.84116329025967218, 5.69975983940250597 50.84055903231449491, 5.69986795612879149 50.84190506469614945, 5.69694470637969808 50.84732949595106533, 5.69559344971139847 50.85191369906086578, 5.69559344971139847 50.85191369906086578)))</t>
  </si>
  <si>
    <t>MultiPolygon (((5.69751322670457405 50.86014695740195179, 5.70157504381355196 50.8603388237844527, 5.70209680145798004 50.8571187457296503, 5.70554636498680257 50.85175219549463321, 5.70246503439778429 50.85118896998381643, 5.69798404830117722 50.85206794385502604, 5.69559344971139847 50.85191369906086578, 5.69751322670457405 50.86014695740195179, 5.69751322670457405 50.86014695740195179)))</t>
  </si>
  <si>
    <t>MultiPolygon (((5.6898550675460573 50.8585416603162912, 5.69329629606037457 50.8598671698927518, 5.69751322670457405 50.86014695740195179, 5.69559344971139847 50.85191369906086578, 5.68996662690598232 50.85200194301226873, 5.68980588666181575 50.8585177889137654, 5.6898550675460573 50.8585416603162912, 5.6898550675460573 50.8585416603162912)))</t>
  </si>
  <si>
    <t>MultiPolygon (((5.68980588666181575 50.8585177889137654, 5.68996662690598232 50.85200194301226873, 5.68553366655159831 50.84962756728273092, 5.67770499565536113 50.84897968580228422, 5.67706670954014392 50.84922906624747441, 5.67769773072421113 50.84997678092946671, 5.68980588666181575 50.8585177889137654, 5.68980588666181575 50.8585177889137654)))</t>
  </si>
  <si>
    <t>MultiPolygon (((5.67770499565536113 50.84897968580228422, 5.68553366655159831 50.84962756728273092, 5.68751403894476759 50.84656687629590266, 5.68088978190837679 50.84494774548469564, 5.67770499565536113 50.84897968580228422, 5.67770499565536113 50.84897968580228422)))</t>
  </si>
  <si>
    <t>MultiPolygon (((5.68751403894476759 50.84656687629590266, 5.69694470637969808 50.84732949595106533, 5.69986795612879149 50.84190506469614945, 5.69593570473134214 50.84272791238782219, 5.68833224720360864 50.84147285750865564, 5.68342177185759123 50.84277426775800279, 5.68063014280297729 50.84455037197077587, 5.68088978190837679 50.84494774548469564, 5.68751403894476759 50.84656687629590266, 5.68751403894476759 50.84656687629590266)))</t>
  </si>
  <si>
    <t>MultiPolygon (((5.68996662690598232 50.85200194301226873, 5.69559344971139847 50.85191369906086578, 5.69694470637969808 50.84732949595106533, 5.68751403894476759 50.84656687629590266, 5.68553366655159831 50.84962756728273092, 5.68996662690598232 50.85200194301226873, 5.68996662690598232 50.85200194301226873)))</t>
  </si>
  <si>
    <t>MultiPolygon (((6.0676664369215807 50.88924133554802864, 6.07561509716546588 50.89253208953744689, 6.07624028234037539 50.89147276736886738, 6.07541842697153278 50.89051913929636584, 6.07638457367905449 50.8889559345930067, 6.07759208802024808 50.88752232362780603, 6.07800443403813517 50.88803712785810518, 6.07933827850842334 50.88671839701835609, 6.07834132227968649 50.88486899961708332, 6.07964076925251184 50.88367887016814706, 6.07963691894470237 50.88223041490854825, 6.08031447297209393 50.88269935158927382, 6.08132561051174658 50.88216358064077127, 6.08260913066421072 50.88247517079368976, 6.08229871142651568 50.88163420485087585, 6.08633341502078551 50.87987662466026251, 6.08720816540613274 50.87847388524080827, 6.0850737018265022 50.876368414335289, 6.08810229983756912 50.87242694962179002, 6.08626992317924032 50.87157167921971279, 6.08374254053392338 50.8767318361713663, 6.07393004171993578 50.87781195923607669, 6.07045754777167357 50.87784286123862643, 6.06999991562199703 50.88033552983468866, 6.06890573657266508 50.88004281727079103, 6.06524604384069388 50.88182871175747124, 6.06664051257598835 50.88699821810052981, 6.06889905006197417 50.88693015169107525, 6.07013971605407043 50.88788466114996112, 6.0676664369215807 50.88924133554802864, 6.0676664369215807 50.88924133554802864)))</t>
  </si>
  <si>
    <t>MultiPolygon (((6.06890573657266508 50.88004281727079103, 6.06999991562199703 50.88033552983468866, 6.07045754777167357 50.87784286123862643, 6.07393004171993578 50.87781195923607669, 6.07397838069034801 50.87615198989976051, 6.0703944464459747 50.87299560963148082, 6.06828659980317475 50.87244173336711128, 6.06591836483230828 50.87486640581608555, 6.06147170768429433 50.87468201727710948, 6.05776167060792314 50.87240614439472353, 6.05643043241938184 50.87438674872726097, 6.05670486610966119 50.87502287388944211, 6.05820994657248235 50.87537795239273208, 6.05811485027975838 50.87608610309823831, 6.06094697133321958 50.87793951300434969, 6.06890573657266508 50.88004281727079103, 6.06890573657266508 50.88004281727079103)))</t>
  </si>
  <si>
    <t>MultiPolygon (((6.05768303425930288 50.89049778400985957, 6.06476241418028206 50.89130705710589808, 6.0676664369215807 50.88924133554802864, 6.07013971605407043 50.88788466114996112, 6.06889905006197417 50.88693015169107525, 6.06664051257598835 50.88699821810052981, 6.06524604384069388 50.88182871175747124, 6.06890573657266508 50.88004281727079103, 6.06094697133321958 50.87793951300434969, 6.05811485027975838 50.87608610309823831, 6.05820994657248235 50.87537795239273208, 6.05627739122660458 50.87657715644719048, 6.05484087009136207 50.88538878807658961, 6.05612651240527811 50.88940114499200007, 6.05768303425930288 50.89049778400985957, 6.05768303425930288 50.89049778400985957)))</t>
  </si>
  <si>
    <t>MultiPolygon (((6.07579712063690192 50.90534100333218248, 6.07981330657371721 50.90577028781304136, 6.07990932835891851 50.90291676542234001, 6.07803321040040334 50.90029632808295901, 6.07328366451482982 50.9019142585477482, 6.06929597014275579 50.89852368428064722, 6.06650373164359724 50.89722406155458145, 6.05369938975289479 50.89573529051598655, 6.04821978923308468 50.89481586084735909, 6.04220002064497574 50.89512703923504233, 6.04220202228993664 50.89518279043870308, 6.04349476831961763 50.89761528288016024, 6.04268244972799007 50.89879473116651099, 6.04289713551678975 50.90040859685015562, 6.04554835262415935 50.89997395360477839, 6.04868749564882702 50.89941497556321082, 6.05587826251441719 50.8999322690066478, 6.05661737218328167 50.90011342951143547, 6.05632851745376044 50.90184463679761961, 6.0587297631052035 50.9024483878149141, 6.05935091057379172 50.9012122571903447, 6.06402199129877317 50.90232403547597784, 6.06382400218284445 50.90365790954662373, 6.07579712063690192 50.90534100333218248, 6.07579712063690192 50.90534100333218248)))</t>
  </si>
  <si>
    <t>MultiPolygon (((6.04220002064497574 50.89512703923504233, 6.04821978923308468 50.89481586084735909, 6.05369938975289479 50.89573529051598655, 6.0544900129660455 50.89321661933255569, 6.05768303425930288 50.89049778400985957, 6.05612651240527811 50.88940114499200007, 6.05484087009136207 50.88538878807658961, 6.04552567514329642 50.88988977369857025, 6.040421144201229 50.89206644909130262, 6.04090456116593799 50.89289822078693248, 6.04244414961646292 50.89282541201890098, 6.04220002064497574 50.89512703923504233, 6.04220002064497574 50.89512703923504233)))</t>
  </si>
  <si>
    <t>MultiPolygon (((6.05369938975289479 50.89573529051598655, 6.06650373164359724 50.89722406155458145, 6.06929597014275579 50.89852368428064722, 6.07328366451482982 50.9019142585477482, 6.07803321040040334 50.90029632808295901, 6.07654827593116753 50.89463045906704508, 6.07518165045210612 50.8929526529345253, 6.07561509716546588 50.89253208953744689, 6.0676664369215807 50.88924133554802864, 6.06476241418028206 50.89130705710589808, 6.05768303425930288 50.89049778400985957, 6.0544900129660455 50.89321661933255569, 6.05369938975289479 50.89573529051598655, 6.05369938975289479 50.89573529051598655)))</t>
  </si>
  <si>
    <t>MultiPolygon (((6.05697844212853376 50.8527955218040546, 6.06812147190041351 50.85615296569008592, 6.07608963398204427 50.85562701251754447, 6.07417089052749937 50.84653786982799062, 6.06334054566732661 50.85021858833879094, 6.05669875646853839 50.8510527639188723, 6.05697844212853376 50.8527955218040546, 6.05697844212853376 50.8527955218040546)))</t>
  </si>
  <si>
    <t>MultiPolygon (((6.06924312874929051 50.86090118665762105, 6.07701923851151449 50.85966767356240581, 6.07608963398204427 50.85562701251754447, 6.06812147190041351 50.85615296569008592, 6.05697844212853376 50.8527955218040546, 6.0571169400305882 50.85547522766734829, 6.05608066801105327 50.8572156206905106, 6.06924312874929051 50.86090118665762105, 6.06924312874929051 50.86090118665762105)))</t>
  </si>
  <si>
    <t>MultiPolygon (((6.07141044390964169 50.86608601593990642, 6.07814910643734141 50.86694485081886796, 6.08476372535733123 50.8667905534287712, 6.08339649684455619 50.86483733128821427, 6.08102702929298644 50.86454437253281924, 6.08104048107222894 50.86256395876336001, 6.0774739549472061 50.86095958222431079, 6.07701923851151449 50.85966767356240581, 6.06924312874929051 50.86090118665762105, 6.07141044390964169 50.86608601593990642, 6.07141044390964169 50.86608601593990642)))</t>
  </si>
  <si>
    <t>MultiPolygon (((6.06828659980317475 50.87244173336711128, 6.0703944464459747 50.87299560963148082, 6.07397838069034801 50.87615198989976051, 6.07393004171993578 50.87781195923607669, 6.08374254053392338 50.8767318361713663, 6.08626992317924032 50.87157167921971279, 6.08664287187930775 50.86960612036995855, 6.08476372535733123 50.8667905534287712, 6.07814910643734141 50.86694485081886796, 6.07141044390964169 50.86608601593990642, 6.0682792866848807 50.86966388607343958, 6.06828659980317475 50.87244173336711128, 6.06828659980317475 50.87244173336711128)))</t>
  </si>
  <si>
    <t>MultiPolygon (((6.05776167060792314 50.87240614439472353, 6.06147170768429433 50.87468201727710948, 6.06591836483230828 50.87486640581608555, 6.06828659980317475 50.87244173336711128, 6.0682792866848807 50.86966388607343958, 6.05928850798677221 50.87031710178366239, 6.05621964390187095 50.86919241086611976, 6.05776167060792314 50.87240614439472353, 6.05776167060792314 50.87240614439472353)))</t>
  </si>
  <si>
    <t>MultiPolygon (((6.05621964390187095 50.86919241086611976, 6.05928850798677221 50.87031710178366239, 6.0682792866848807 50.86966388607343958, 6.07141044390964169 50.86608601593990642, 6.06924312874929051 50.86090118665762105, 6.05608066801105327 50.8572156206905106, 6.05602311247598557 50.85721818293605168, 6.05547698656370148 50.85848992593655993, 6.0499387723882192 50.85774341048096403, 6.04393169925005846 50.86587483178183078, 6.05621964390187095 50.86919241086611976, 6.05621964390187095 50.86919241086611976)))</t>
  </si>
  <si>
    <t>MultiPolygon (((6.04552567514329642 50.88988977369857025, 6.05484087009136207 50.88538878807658961, 6.05627739122660458 50.87657715644719048, 6.05820994657248235 50.87537795239273208, 6.05670486610966119 50.87502287388944211, 6.05643043241938184 50.87438674872726097, 6.05776167060792314 50.87240614439472353, 6.05621964390187095 50.86919241086611976, 6.04393169925005846 50.86587483178183078, 6.04328933538600754 50.86713145920390389, 6.04111712069097795 50.86798706707653395, 6.03222666342846914 50.86777644415642641, 6.02637814691223639 50.8699112255820225, 6.02735657429178673 50.87161489681066939, 6.03113993913057023 50.87158731191794914, 6.03295099036693205 50.87661527831853903, 6.03479776191434958 50.87916721766559647, 6.03402703071642499 50.88058122475183609, 6.03705473980977558 50.8863204351756977, 6.04041496073390594 50.88824052986064572, 6.04287609056698116 50.88715249704096522, 6.04552567514329642 50.88988977369857025, 6.04552567514329642 50.88988977369857025)))</t>
  </si>
  <si>
    <t>MultiPolygon (((6.04348336706492262 50.85749595625423325, 6.0499387723882192 50.85774341048096403, 6.05547698656370148 50.85848992593655993, 6.05602311247598557 50.85721818293605168, 6.05393744889166197 50.85693051272438225, 6.05226360920485984 50.85558246865097942, 6.05030330253495663 50.85505743442374182, 6.05008180366864323 50.85422456800548474, 6.04508249179902535 50.85239099497891146, 6.04447852393542018 50.85270421001958141, 6.0421413197691809 50.85123650653237348, 6.03428148796572117 50.85057505847429837, 6.02783921510784637 50.84763020204095341, 6.0260326527286292 50.84723759118087827, 6.02564738645903208 50.84772196182657922, 6.02199000909732352 50.84638435960249581, 6.01894562937900091 50.84625564046791624, 6.01795889439821163 50.84380546793987321, 6.01574164956864887 50.84381072305183835, 6.01202386860627946 50.84611633112248086, 6.01078062704138993 50.84755437021370028, 6.01427589439306942 50.84973987667499529, 6.03227382786573063 50.85535673475284568, 6.04348336706492262 50.85749595625423325, 6.04348336706492262 50.85749595625423325)))</t>
  </si>
  <si>
    <t>MultiPolygon (((6.03222666342846914 50.86777644415642641, 6.04111712069097795 50.86798706707653395, 6.04328933538600754 50.86713145920390389, 6.04393169925005846 50.86587483178183078, 6.0499387723882192 50.85774341048096403, 6.04348336706492262 50.85749595625423325, 6.04202135258766937 50.85946581926088328, 6.03906509791900881 50.85860412843884149, 6.03758548951765395 50.85993749895085614, 6.03473690558016962 50.85905908071815418, 6.03336484164273479 50.86311630809231588, 6.03184201768166339 50.86473131320018837, 6.033449007957425 50.86486953795805022, 6.03222666342846914 50.86777644415642641, 6.03222666342846914 50.86777644415642641)))</t>
  </si>
  <si>
    <t>MultiPolygon (((6.02140419947665162 50.87156405297299244, 6.02735657429178673 50.87161489681066939, 6.02637814691223639 50.8699112255820225, 6.03222666342846914 50.86777644415642641, 6.033449007957425 50.86486953795805022, 6.03184201768166339 50.86473131320018837, 6.02342968500466203 50.86323067422110711, 6.00817197447372653 50.85942347908439132, 6.00724117071602581 50.86093933594961669, 6.01101648638178698 50.86392379707653788, 6.01544949942361118 50.86620736309835422, 6.02030897942886334 50.86879092304545225, 6.01878060733706644 50.86983059854564715, 6.01739376145370208 50.86977153839740851, 6.01714166532037087 50.87046666540504702, 6.02140419947665162 50.87156405297299244, 6.02140419947665162 50.87156405297299244)))</t>
  </si>
  <si>
    <t>MultiPolygon (((6.02342968500466203 50.86323067422110711, 6.03184201768166339 50.86473131320018837, 6.03336484164273479 50.86311630809231588, 6.03473690558016962 50.85905908071815418, 6.03758548951765395 50.85993749895085614, 6.03906509791900881 50.85860412843884149, 6.04202135258766937 50.85946581926088328, 6.04348336706492262 50.85749595625423325, 6.03227382786573063 50.85535673475284568, 6.03135611714453912 50.85757764308140594, 6.02894772240571264 50.85893405127259115, 6.02620773968827539 50.8578688608578986, 6.02549079146390731 50.85840232950768325, 6.02342968500466203 50.86323067422110711, 6.02342968500466203 50.86323067422110711)))</t>
  </si>
  <si>
    <t>MultiPolygon (((6.00817197447372653 50.85942347908439132, 6.02342968500466203 50.86323067422110711, 6.02549079146390731 50.85840232950768325, 6.02620773968827539 50.8578688608578986, 6.02894772240571264 50.85893405127259115, 6.03135611714453912 50.85757764308140594, 6.03227382786573063 50.85535673475284568, 6.01427589439306942 50.84973987667499529, 6.01078062704138993 50.84755437021370028, 6.00056844789554145 50.85773521615131187, 6.00817197447372653 50.85942347908439132, 6.00817197447372653 50.85942347908439132)))</t>
  </si>
  <si>
    <t>MultiPolygon (((5.99961885407206719 50.85741834271484407, 6.00056844789554145 50.85773521615131187, 6.01078062704138993 50.84755437021370028, 6.01202386860627946 50.84611633112248086, 6.01574164956864887 50.84381072305183835, 6.01795889439821163 50.84380546793987321, 6.01594245420557172 50.83879622460769099, 6.01845007222489947 50.83732910754004308, 6.01631560447458202 50.83388374831542933, 6.01876860404972369 50.82969518752962301, 6.02526486257833049 50.82778574627963764, 6.02274439037106735 50.82660576121202922, 6.0239524506444786 50.82510787214907566, 6.02469831562782243 50.82159527285286771, 6.02637934684844723 50.82012203818199936, 6.02564172687329247 50.81918397909166885, 6.02372286437076276 50.8184031740611033, 6.02366006024346046 50.81861822219464386, 6.02204420118230832 50.8201587552134626, 6.0206314584317564 50.8197388927582594, 6.01747176004866358 50.82168530722164945, 6.01574636776727711 50.82381163081338826, 6.01660968800085172 50.82433487331458366, 6.01600629724631109 50.8253169345742748, 6.01703030441008746 50.8257015154157088, 6.01521122930188046 50.82726655429940621, 6.01146386701659985 50.83076450250383971, 6.00749610181154736 50.83177915006444891, 6.00408554712057008 50.83142037096546773, 6.00302096432603083 50.8320259015209146, 6.00504811669023386 50.83391426627196807, 6.00535129415828894 50.83555366215136928, 6.00412966254147307 50.8376781153446089, 5.99783568338293183 50.84122577955767497, 5.99419300926655918 50.84178770559674376, 5.99170854020095245 50.84365452949075603, 5.98952504380019413 50.84417020343705929, 5.97916156120117837 50.84932371665704665, 5.98880489468430799 50.85243810797143738, 5.99961885407206719 50.85741834271484407, 5.99961885407206719 50.85741834271484407)))</t>
  </si>
  <si>
    <t>MultiPolygon (((5.97142849242948159 50.85781684591090368, 5.9814845648778121 50.86085338257177568, 5.9867903838596046 50.86458093820896664, 5.99961885407206719 50.85741834271484407, 5.98880489468430799 50.85243810797143738, 5.97916156120117837 50.84932371665704665, 5.97407224909712298 50.85376460689589351, 5.97142849242948159 50.85781684591090368, 5.97142849242948159 50.85781684591090368)))</t>
  </si>
  <si>
    <t>MultiPolygon (((5.99321979805179872 50.87315714227987229, 5.99337141462719813 50.8730360039485916, 5.9987859072509071 50.86828766327325724, 6.00724117071602581 50.86093933594961669, 6.00817197447372653 50.85942347908439132, 6.00056844789554145 50.85773521615131187, 5.99961885407206719 50.85741834271484407, 5.9867903838596046 50.86458093820896664, 5.98511424486442589 50.86546765254404079, 5.98319148238456133 50.86857832796969348, 5.98902818579317042 50.87004398113393222, 5.99321979805179872 50.87315714227987229, 5.99321979805179872 50.87315714227987229)))</t>
  </si>
  <si>
    <t>MultiPolygon (((6.00953381992343072 50.87847685534875097, 6.00955732999188985 50.87843181079675503, 6.01009360454104868 50.87760525787611243, 6.00638154314493455 50.87340651917378409, 6.00639474423970654 50.87178047366906952, 5.9987859072509071 50.86828766327325724, 5.99337141462719813 50.8730360039485916, 5.99798341407982161 50.8755033502763041, 5.99890627227691375 50.87459969904882229, 6.00070477658362122 50.87473938901402448, 6.00953381992343072 50.87847685534875097, 6.00953381992343072 50.87847685534875097)))</t>
  </si>
  <si>
    <t>MultiPolygon (((6.00639474423970654 50.87178047366906952, 6.00638154314493455 50.87340651917378409, 6.01009360454104868 50.87760525787611243, 6.0150867896214617 50.87351459633935491, 6.01586035983153611 50.8702198787374158, 6.01714166532037087 50.87046666540504702, 6.01739376145370208 50.86977153839740851, 6.01878060733706644 50.86983059854564715, 6.02030897942886334 50.86879092304545225, 6.01544949942361118 50.86620736309835422, 6.00847339718037432 50.87122052837570152, 6.00639474423970654 50.87178047366906952, 6.00639474423970654 50.87178047366906952)))</t>
  </si>
  <si>
    <t>MultiPolygon (((5.9987859072509071 50.86828766327325724, 6.00639474423970654 50.87178047366906952, 6.00847339718037432 50.87122052837570152, 6.01544949942361118 50.86620736309835422, 6.01101648638178698 50.86392379707653788, 6.00724117071602581 50.86093933594961669, 5.9987859072509071 50.86828766327325724, 5.9987859072509071 50.86828766327325724)))</t>
  </si>
  <si>
    <t>MultiPolygon (((5.99432251028488317 50.88117881483652383, 5.99765054294636002 50.88306511146429756, 6.00503677804679992 50.88101461021331318, 6.0095250005360441 50.87858589803982312, 6.00953381992343072 50.87847685534875097, 6.00070477658362122 50.87473938901402448, 5.99890627227691375 50.87459969904882229, 5.99798341407982161 50.8755033502763041, 5.99432251028488317 50.88117881483652383, 5.99432251028488317 50.88117881483652383)))</t>
  </si>
  <si>
    <t>MultiPolygon (((5.99504272260362203 50.88443213007407451, 6.0012739262359851 50.88739870705233415, 6.00598940007562465 50.88450130398361893, 6.00786880553265323 50.88582823357096885, 6.00908386308737796 50.88404744606795305, 6.0095250005360441 50.87858589803982312, 6.00503677804679992 50.88101461021331318, 5.99765054294636002 50.88306511146429756, 5.99504272260362203 50.88443213007407451, 5.99504272260362203 50.88443213007407451)))</t>
  </si>
  <si>
    <t>MultiPolygon (((5.98805968222333629 50.88983471120025115, 5.99419884751593468 50.89033512944842386, 5.99936093158761352 50.89162227659436866, 6.00297662723070857 50.88947918159850303, 6.00786880553265323 50.88582823357096885, 6.00598940007562465 50.88450130398361893, 6.0012739262359851 50.88739870705233415, 5.99504272260362203 50.88443213007407451, 5.99343880089263426 50.88446664328849067, 5.99353976021758683 50.88824745819502482, 5.98805968222333629 50.88983471120025115, 5.98805968222333629 50.88983471120025115)))</t>
  </si>
  <si>
    <t>MultiPolygon (((5.98382796120141158 50.88986902990607319, 5.98805968222333629 50.88983471120025115, 5.99353976021758683 50.88824745819502482, 5.99343880089263426 50.88446664328849067, 5.99504272260362203 50.88443213007407451, 5.99765054294636002 50.88306511146429756, 5.99432251028488317 50.88117881483652383, 5.99333805646361562 50.88212228524786696, 5.99154186853318826 50.88237390219020995, 5.99145979810614815 50.88093636244686735, 5.98915927029524831 50.87896484033568356, 5.98591743140315913 50.88299971795667176, 5.98593361205882424 50.88664410160409091, 5.98382796120141158 50.88986902990607319, 5.98382796120141158 50.88986902990607319)))</t>
  </si>
  <si>
    <t>MultiPolygon (((5.98040201625027468 50.87608414113747557, 5.98729637819138283 50.87804185150741176, 5.98900412641438074 50.8759339763640952, 5.99321979805179872 50.87315714227987229, 5.98902818579317042 50.87004398113393222, 5.98319148238456133 50.86857832796969348, 5.98166020275169874 50.86760224968612221, 5.97667963871226071 50.87284842828875497, 5.97554607333329368 50.87500134402917951, 5.98040201625027468 50.87608414113747557, 5.98040201625027468 50.87608414113747557)))</t>
  </si>
  <si>
    <t>MultiPolygon (((5.98915927029524831 50.87896484033568356, 5.99145979810614815 50.88093636244686735, 5.99154186853318826 50.88237390219020995, 5.99333805646361562 50.88212228524786696, 5.99432251028488317 50.88117881483652383, 5.99798341407982161 50.8755033502763041, 5.99337141462719813 50.8730360039485916, 5.99321979805179872 50.87315714227987229, 5.98900412641438074 50.8759339763640952, 5.98729637819138283 50.87804185150741176, 5.98915927029524831 50.87896484033568356, 5.98915927029524831 50.87896484033568356)))</t>
  </si>
  <si>
    <t>MultiPolygon (((5.97301881434178039 50.87953562875924973, 5.97874941442595542 50.88095496114353011, 5.98040201625027468 50.87608414113747557, 5.97554607333329368 50.87500134402917951, 5.97301881434178039 50.87953562875924973, 5.97301881434178039 50.87953562875924973)))</t>
  </si>
  <si>
    <t>MultiPolygon (((5.98065920812488461 50.88209359137059806, 5.98591743140315913 50.88299971795667176, 5.98915927029524831 50.87896484033568356, 5.98729637819138283 50.87804185150741176, 5.98040201625027468 50.87608414113747557, 5.97874941442595542 50.88095496114353011, 5.98065920812488461 50.88209359137059806, 5.98065920812488461 50.88209359137059806)))</t>
  </si>
  <si>
    <t>MultiPolygon (((5.98166020275169874 50.86760224968612221, 5.98319148238456133 50.86857832796969348, 5.98511424486442589 50.86546765254404079, 5.9867903838596046 50.86458093820896664, 5.9814845648778121 50.86085338257177568, 5.97142849242948159 50.85781684591090368, 5.96936233249459658 50.86008040196934132, 5.96873954579333255 50.86092965164626634, 5.97386938483871788 50.86541451840742667, 5.98166020275169874 50.86760224968612221, 5.98166020275169874 50.86760224968612221)))</t>
  </si>
  <si>
    <t>MultiPolygon (((5.961596719381137 50.86957587261003511, 5.96383794965451219 50.86919712834996687, 5.96906289082872821 50.87073514341406621, 5.97367059980124626 50.8732283117530244, 5.97667963871226071 50.87284842828875497, 5.98166020275169874 50.86760224968612221, 5.97386938483871788 50.86541451840742667, 5.96873954579333255 50.86092965164626634, 5.961596719381137 50.86957587261003511, 5.961596719381137 50.86957587261003511)))</t>
  </si>
  <si>
    <t>MultiPolygon (((5.96778696886886006 50.88595579652844236, 5.9708555374056882 50.88406326474049024, 5.97301881434178039 50.87953562875924973, 5.97554607333329368 50.87500134402917951, 5.97667963871226071 50.87284842828875497, 5.97367059980124626 50.8732283117530244, 5.96906289082872821 50.87073514341406621, 5.96383794965451219 50.86919712834996687, 5.961596719381137 50.86957587261003511, 5.95402856353759535 50.87650331778474566, 5.95262853606692666 50.8778822727253015, 5.96022902675880406 50.88031247844961058, 5.96778696886886006 50.88595579652844236, 5.96778696886886006 50.88595579652844236)))</t>
  </si>
  <si>
    <t>MultiPolygon (((5.95023541368010989 50.89537030790771865, 5.95792918972793473 50.89226148692307561, 5.96778696886886006 50.88595579652844236, 5.96022902675880406 50.88031247844961058, 5.95262853606692666 50.8778822727253015, 5.94639795376298697 50.88420938741493416, 5.93890555645220708 50.89033116427786752, 5.95023541368010989 50.89537030790771865, 5.95023541368010989 50.89537030790771865)))</t>
  </si>
  <si>
    <t>MultiPolygon (((5.91636675938768164 50.90991812165750474, 5.91961304369822727 50.90875245305223018, 5.93553749195288738 50.90126936041195194, 5.94097232958203758 50.90452696024458135, 5.94827874681648883 50.90597360530575344, 5.95045849611905897 50.90559409670321855, 5.94805675499852615 50.90226175322887769, 5.95482546535646762 50.89769381533425729, 5.95795503498145163 50.89634528970211136, 5.9593644019009373 50.89562430649338864, 5.95431503640532167 50.89649489932557458, 5.95023541368010989 50.89537030790771865, 5.93890555645220708 50.89033116427786752, 5.92869608987269814 50.90054859552824951, 5.92548481329453214 50.9026089494450531, 5.9252970350468317 50.90394910457695232, 5.9241806252115472 50.9048442876796372, 5.92340497708512803 50.90440574582955691, 5.92351661260120466 50.90557017814111873, 5.91636675938768164 50.90991812165750474, 5.91636675938768164 50.90991812165750474)))</t>
  </si>
  <si>
    <t>MultiPolygon (((5.95792918972793473 50.89226148692307561, 5.96033311209709105 50.89288461678869879, 5.97250021796774089 50.89067529994739658, 5.97171373539671269 50.88893647610908744, 5.96778696886886006 50.88595579652844236, 5.95792918972793473 50.89226148692307561, 5.95792918972793473 50.89226148692307561)))</t>
  </si>
  <si>
    <t>MultiPolygon (((5.97510515825477562 50.88615834028692575, 5.97579414917131846 50.88528956689466298, 5.98065920812488461 50.88209359137059806, 5.97874941442595542 50.88095496114353011, 5.97301881434178039 50.87953562875924973, 5.9708555374056882 50.88406326474049024, 5.97510515825477562 50.88615834028692575, 5.97510515825477562 50.88615834028692575)))</t>
  </si>
  <si>
    <t>MultiPolygon (((5.97171373539671269 50.88893647610908744, 5.97510515825477562 50.88615834028692575, 5.9708555374056882 50.88406326474049024, 5.96778696886886006 50.88595579652844236, 5.97171373539671269 50.88893647610908744, 5.97171373539671269 50.88893647610908744)))</t>
  </si>
  <si>
    <t>MultiPolygon (((5.97579414917131846 50.88528956689466298, 5.98040110382130585 50.8859988923061124, 5.98107287877457505 50.88539205054908621, 5.98593361205882424 50.88664410160409091, 5.98591743140315913 50.88299971795667176, 5.98065920812488461 50.88209359137059806, 5.97579414917131846 50.88528956689466298, 5.97579414917131846 50.88528956689466298)))</t>
  </si>
  <si>
    <t>MultiPolygon (((5.97250021796774089 50.89067529994739658, 5.9728678203797676 50.89151600223917882, 5.98007711325280855 50.89000626967373364, 5.98382796120141158 50.88986902990607319, 5.98593361205882424 50.88664410160409091, 5.98107287877457505 50.88539205054908621, 5.98040110382130585 50.8859988923061124, 5.97579414917131846 50.88528956689466298, 5.97510515825477562 50.88615834028692575, 5.97171373539671269 50.88893647610908744, 5.97250021796774089 50.89067529994739658, 5.97250021796774089 50.89067529994739658)))</t>
  </si>
  <si>
    <t>MultiPolygon (((5.98314451140989778 50.89588916871255719, 5.9835473094858056 50.89590357871461634, 5.98792129009972918 50.89316275709893489, 5.99474251326178464 50.89846326758662798, 5.99480884526403823 50.89557530461286206, 5.9966093149781452 50.89252167448884023, 5.99862515823024633 50.89290711891146657, 5.99850556566694948 50.89180497197818909, 5.99936093158761352 50.89162227659436866, 5.99419884751593468 50.89033512944842386, 5.98805968222333629 50.88983471120025115, 5.98382796120141158 50.88986902990607319, 5.98432184331737282 50.89289412463002549, 5.98314451140989778 50.89588916871255719, 5.98314451140989778 50.89588916871255719)))</t>
  </si>
  <si>
    <t>MultiPolygon (((5.9848193212294456 50.9014138067092361, 5.99462034738356842 50.90239051499920464, 5.99474041133421753 50.89851027308797171, 5.99474251326178464 50.89846326758662798, 5.98792129009972918 50.89316275709893489, 5.9835473094858056 50.89590357871461634, 5.9848193212294456 50.9014138067092361, 5.9848193212294456 50.9014138067092361)))</t>
  </si>
  <si>
    <t>MultiPolygon (((5.97270092703650501 50.901413344373168, 5.97310402967630072 50.90155154153207917, 5.97436594084968142 50.90047214612956594, 5.97674362233959755 50.89986764480405412, 5.98309652174112916 50.90152256199544212, 5.9848193212294456 50.9014138067092361, 5.9835473094858056 50.89590357871461634, 5.98314451140989778 50.89588916871255719, 5.98090585270321018 50.89725771010142097, 5.97463704496342096 50.89977454718860628, 5.97270092703650501 50.901413344373168, 5.97270092703650501 50.901413344373168)))</t>
  </si>
  <si>
    <t>MultiPolygon (((5.99072708844057189 50.90618273212421485, 5.99237881309854625 50.90613113411238544, 5.99160492192517857 50.90505704865545056, 5.99370152420287727 50.90440835252843499, 5.99336814069354684 50.90364360819033607, 5.99450547354076946 50.90351355050637494, 5.99462034738356842 50.90239051499920464, 5.9848193212294456 50.9014138067092361, 5.98309652174112916 50.90152256199544212, 5.97674362233959755 50.89986764480405412, 5.97436594084968142 50.90047214612956594, 5.97310402967630072 50.90155154153207917, 5.97875620883219394 50.90471759779412508, 5.9845522569808729 50.90588863777764317, 5.99072708844057189 50.90618273212421485, 5.99072708844057189 50.90618273212421485)))</t>
  </si>
  <si>
    <t>MultiPolygon (((5.9719765340453721 50.89527368940161978, 5.97632235818169022 50.8958529295685338, 5.9788077916066662 50.89461969323426871, 5.97782185015574274 50.89284240601464404, 5.98007711325280855 50.89000626967373364, 5.9728678203797676 50.89151600223917882, 5.96625642246034094 50.8932842420181899, 5.96724756650597854 50.89442151418123217, 5.96975210939097156 50.89364562030662853, 5.97196999448907562 50.89382950829640606, 5.9719765340453721 50.89527368940161978, 5.9719765340453721 50.89527368940161978)))</t>
  </si>
  <si>
    <t>MultiPolygon (((5.98090585270321018 50.89725771010142097, 5.98314451140989778 50.89588916871255719, 5.98432184331737282 50.89289412463002549, 5.98382796120141158 50.88986902990607319, 5.98007711325280855 50.89000626967373364, 5.97782185015574274 50.89284240601464404, 5.9788077916066662 50.89461969323426871, 5.98090585270321018 50.89725771010142097, 5.98090585270321018 50.89725771010142097)))</t>
  </si>
  <si>
    <t>MultiPolygon (((5.97114997012517801 50.90226021560558678, 5.97188897824174081 50.90246929714011515, 5.97270092703650501 50.901413344373168, 5.97463704496342096 50.89977454718860628, 5.98090585270321018 50.89725771010142097, 5.9788077916066662 50.89461969323426871, 5.97632235818169022 50.8958529295685338, 5.9719765340453721 50.89527368940161978, 5.97114997012517801 50.90226021560558678, 5.97114997012517801 50.90226021560558678)))</t>
  </si>
  <si>
    <t>MultiPolygon (((5.97090000745655214 50.90249016564714424, 5.97114997012517801 50.90226021560558678, 5.9719765340453721 50.89527368940161978, 5.97196999448907562 50.89382950829640606, 5.9672137170925561 50.89691645709569201, 5.96324754646969524 50.90160806933343451, 5.97090000745655214 50.90249016564714424, 5.97090000745655214 50.90249016564714424)))</t>
  </si>
  <si>
    <t>MultiPolygon (((5.95023541368010989 50.89537030790771865, 5.95431503640532167 50.89649489932557458, 5.9593644019009373 50.89562430649338864, 5.96625642246034094 50.8932842420181899, 5.9728678203797676 50.89151600223917882, 5.97250021796774089 50.89067529994739658, 5.96033311209709105 50.89288461678869879, 5.95792918972793473 50.89226148692307561, 5.95023541368010989 50.89537030790771865, 5.95023541368010989 50.89537030790771865)))</t>
  </si>
  <si>
    <t>MultiPolygon (((5.9580012808706897 50.90352913604952079, 5.96324754646969524 50.90160806933343451, 5.9672137170925561 50.89691645709569201, 5.97196999448907562 50.89382950829640606, 5.96975210939097156 50.89364562030662853, 5.96724756650597854 50.89442151418123217, 5.96625642246034094 50.8932842420181899, 5.9593644019009373 50.89562430649338864, 5.95795503498145163 50.89634528970211136, 5.95615525125406364 50.90060177679984577, 5.95700208945474241 50.9030859704413956, 5.9580012808706897 50.90352913604952079, 5.9580012808706897 50.90352913604952079)))</t>
  </si>
  <si>
    <t>MultiPolygon (((5.95045849611905897 50.90559409670321855, 5.9580012808706897 50.90352913604952079, 5.95700208945474241 50.9030859704413956, 5.95615525125406364 50.90060177679984577, 5.95795503498145163 50.89634528970211136, 5.95482546535646762 50.89769381533425729, 5.94805675499852615 50.90226175322887769, 5.95045849611905897 50.90559409670321855, 5.95045849611905897 50.90559409670321855)))</t>
  </si>
  <si>
    <t>MultiPolygon (((5.97056350068818276 50.91162304791860294, 5.97355603573754745 50.91139238364708319, 5.97105287783596506 50.90533705699334632, 5.97188897824174081 50.90246929714011515, 5.97114997012517801 50.90226021560558678, 5.97090000745655214 50.90249016564714424, 5.96176537009309815 50.91119492604492081, 5.96448866192733274 50.9120239613009602, 5.97056350068818276 50.91162304791860294, 5.97056350068818276 50.91162304791860294)))</t>
  </si>
  <si>
    <t>MultiPolygon (((5.96109955747387321 50.91174360944388155, 5.96176537009309815 50.91119492604492081, 5.97090000745655214 50.90249016564714424, 5.96324754646969524 50.90160806933343451, 5.9580012808706897 50.90352913604952079, 5.95045849611905897 50.90559409670321855, 5.94827874681648883 50.90597360530575344, 5.94735644317205026 50.90885317667992638, 5.95371998815685011 50.90914299107014784, 5.96109955747387321 50.91174360944388155, 5.96109955747387321 50.91174360944388155)))</t>
  </si>
  <si>
    <t>MultiPolygon (((5.94620465478590265 50.91724817373732748, 5.95203173938590169 50.91491885461149991, 5.9599905725154505 50.91419408655918488, 5.96109955747387321 50.91174360944388155, 5.95371998815685011 50.90914299107014784, 5.94735644317205026 50.90885317667992638, 5.94516196933585661 50.91271857141543222, 5.94620465478590265 50.91724817373732748, 5.94620465478590265 50.91724817373732748)))</t>
  </si>
  <si>
    <t>MultiPolygon (((5.97524598369435544 50.92892314247380625, 5.97563250402840573 50.92899190866823034, 6.01169632462456072 50.92643948785818253, 6.01238335604867746 50.92627254711686646, 6.00610451416352831 50.91867908729267356, 6.0032306974212668 50.91722508824508253, 5.99343151500744042 50.91004972379295168, 5.99072708844057189 50.90618273212421485, 5.9845522569808729 50.90588863777764317, 5.97875620883219394 50.90471759779412508, 5.97310402967630072 50.90155154153207917, 5.97270092703650501 50.901413344373168, 5.97188897824174081 50.90246929714011515, 5.97105287783596506 50.90533705699334632, 5.97355603573754745 50.91139238364708319, 5.97975918451580757 50.91138264305934769, 5.97939483542476502 50.91462850140754881, 5.97714197126472868 50.91450228374439035, 5.97575575376696833 50.91685068480104093, 5.97646475112470998 50.91951073027114916, 5.97574507004708089 50.92369925612894832, 5.97524598369435544 50.92892314247380625, 5.97524598369435544 50.92892314247380625)))</t>
  </si>
  <si>
    <t>MultiPolygon (((5.9599905725154505 50.91419408655918488, 5.96041873469519246 50.91536112342330256, 5.96723186447546361 50.9148871547316304, 5.97073589516819059 50.91288153384648041, 5.97056350068818276 50.91162304791860294, 5.96448866192733274 50.9120239613009602, 5.96176537009309815 50.91119492604492081, 5.96109955747387321 50.91174360944388155, 5.9599905725154505 50.91419408655918488, 5.9599905725154505 50.91419408655918488)))</t>
  </si>
  <si>
    <t>MultiPolygon (((5.97196610980288156 50.92011184890403541, 5.97646475112470998 50.91951073027114916, 5.97575575376696833 50.91685068480104093, 5.97714197126472868 50.91450228374439035, 5.97939483542476502 50.91462850140754881, 5.97975918451580757 50.91138264305934769, 5.97355603573754745 50.91139238364708319, 5.97056350068818276 50.91162304791860294, 5.97073589516819059 50.91288153384648041, 5.96723186447546361 50.9148871547316304, 5.96041873469519246 50.91536112342330256, 5.96459107384290199 50.91880850964765415, 5.97196610980288156 50.92011184890403541, 5.97196610980288156 50.92011184890403541)))</t>
  </si>
  <si>
    <t>MultiPolygon (((5.95553535303147807 50.92086969163042198, 5.95946961782951945 50.92077372632383003, 5.9622608366150569 50.9200507580061128, 5.96459107384290199 50.91880850964765415, 5.96041873469519246 50.91536112342330256, 5.9599905725154505 50.91419408655918488, 5.95203173938590169 50.91491885461149991, 5.94620465478590265 50.91724817373732748, 5.94564642932236964 50.91837247708914305, 5.95553535303147807 50.92086969163042198, 5.95553535303147807 50.92086969163042198)))</t>
  </si>
  <si>
    <t>MultiPolygon (((5.94547040791077563 50.92850979884136819, 5.95277351791915432 50.92718779884295088, 5.95252352298788612 50.92609620509377777, 5.95004220669686479 50.92462291642143413, 5.95115486645371838 50.92322514423921831, 5.95401157463620745 50.92232884000909365, 5.95553535303147807 50.92086969163042198, 5.94564642932236964 50.91837247708914305, 5.94532503264644152 50.92191953610470989, 5.94190013572775477 50.92709611802708736, 5.94547040791077563 50.92850979884136819, 5.94547040791077563 50.92850979884136819)))</t>
  </si>
  <si>
    <t>MultiPolygon (((5.96586376452203826 50.92352748747728697, 5.97035194342141562 50.92369762799194888, 5.97196610980288156 50.92011184890403541, 5.96459107384290199 50.91880850964765415, 5.9622608366150569 50.9200507580061128, 5.96235043555323951 50.92259257492042934, 5.96295567357476575 50.92315119654903555, 5.96586376452203826 50.92352748747728697, 5.96586376452203826 50.92352748747728697)))</t>
  </si>
  <si>
    <t>MultiPolygon (((5.97035194342141562 50.92369762799194888, 5.97574507004708089 50.92369925612894832, 5.97646475112470998 50.91951073027114916, 5.97196610980288156 50.92011184890403541, 5.97035194342141562 50.92369762799194888, 5.97035194342141562 50.92369762799194888)))</t>
  </si>
  <si>
    <t>MultiPolygon (((5.95277351791915432 50.92718779884295088, 5.96499010391032858 50.92826235659774881, 5.96654919326464128 50.92788179847170937, 5.96496190158444239 50.92600828538532909, 5.96586376452203826 50.92352748747728697, 5.96295567357476575 50.92315119654903555, 5.96235043555323951 50.92259257492042934, 5.9622608366150569 50.9200507580061128, 5.95946961782951945 50.92077372632383003, 5.95553535303147807 50.92086969163042198, 5.95401157463620745 50.92232884000909365, 5.95115486645371838 50.92322514423921831, 5.95004220669686479 50.92462291642143413, 5.95252352298788612 50.92609620509377777, 5.95277351791915432 50.92718779884295088, 5.95277351791915432 50.92718779884295088)))</t>
  </si>
  <si>
    <t>MultiPolygon (((5.96609564281879834 50.93239233710255576, 5.97149978146224836 50.93085511295074497, 5.97524598369435544 50.92892314247380625, 5.97574507004708089 50.92369925612894832, 5.97035194342141562 50.92369762799194888, 5.96586376452203826 50.92352748747728697, 5.96496190158444239 50.92600828538532909, 5.96654919326464128 50.92788179847170937, 5.96499010391032858 50.92826235659774881, 5.96609564281879834 50.93239233710255576, 5.96609564281879834 50.93239233710255576)))</t>
  </si>
  <si>
    <t>MultiPolygon (((5.96233505412912823 50.93402515772885408, 5.96395931635088861 50.9337092953428936, 5.96609564281879834 50.93239233710255576, 5.96499010391032858 50.92826235659774881, 5.95277351791915432 50.92718779884295088, 5.94547040791077563 50.92850979884136819, 5.94604922476901177 50.92976450419646994, 5.95207523039750086 50.93254032266234788, 5.95423755468750127 50.93295859324278041, 5.95411333353680838 50.93354814124487007, 5.95489360424761394 50.93383835508128499, 5.96233505412912823 50.93402515772885408, 5.96233505412912823 50.93402515772885408)))</t>
  </si>
  <si>
    <t>MultiPolygon (((5.9350164358109101 50.9190890477100524, 5.9355098792498584 50.91916934612663681, 5.93591999578691265 50.91812153677597053, 5.93872252960672142 50.91858166175374123, 5.94620465478590265 50.91724817373732748, 5.94516196933585661 50.91271857141543222, 5.94735644317205026 50.90885317667992638, 5.94827874681648883 50.90597360530575344, 5.94097232958203758 50.90452696024458135, 5.93553749195288738 50.90126936041195194, 5.91961304369822727 50.90875245305223018, 5.92015837906946096 50.90923562407971303, 5.93010516173575208 50.90599794844195713, 5.93485355584870788 50.90980262578315774, 5.93025821973696932 50.91327261951601457, 5.9350164358109101 50.9190890477100524, 5.9350164358109101 50.9190890477100524)))</t>
  </si>
  <si>
    <t>MultiPolygon (((5.92015837906946096 50.90923562407971303, 5.91972869340758834 50.91200639612817014, 5.92272027693508374 50.91314741691376611, 5.92730831544324221 50.91281466887978979, 5.93025821973696932 50.91327261951601457, 5.93485355584870788 50.90980262578315774, 5.93010516173575208 50.90599794844195713, 5.92015837906946096 50.90923562407971303, 5.92015837906946096 50.90923562407971303)))</t>
  </si>
  <si>
    <t>MultiPolygon (((5.91971559748679699 50.91989740451123936, 5.92324344729628027 50.91802709096900514, 5.9350164358109101 50.9190890477100524, 5.93025821973696932 50.91327261951601457, 5.92730831544324221 50.91281466887978979, 5.92272027693508374 50.91314741691376611, 5.91972869340758834 50.91200639612817014, 5.92015837906946096 50.90923562407971303, 5.91961304369822727 50.90875245305223018, 5.91636675938768164 50.90991812165750474, 5.90438562652955046 50.91364975960065919, 5.90488004242146403 50.91446479683389725, 5.90615401646449989 50.91448545632937339, 5.90823476307919826 50.915468692049906, 5.913398441516172 50.91667644888116229, 5.9155683589155279 50.91753918966818304, 5.91522834265647379 50.91803868440059233, 5.91971559748679699 50.91989740451123936, 5.91971559748679699 50.91989740451123936)))</t>
  </si>
  <si>
    <t>MultiPolygon (((5.92871670696814945 50.92729106214592605, 5.93716927378572912 50.92958123313552932, 5.94190013572775477 50.92709611802708736, 5.94532503264644152 50.92191953610470989, 5.94564642932236964 50.91837247708914305, 5.94620465478590265 50.91724817373732748, 5.93872252960672142 50.91858166175374123, 5.93591999578691265 50.91812153677597053, 5.9355098792498584 50.91916934612663681, 5.93525294356586031 50.92194703683397705, 5.92871670696814945 50.92729106214592605, 5.92871670696814945 50.92729106214592605)))</t>
  </si>
  <si>
    <t>MultiPolygon (((5.92277383787151646 50.92540282994821865, 5.92871670696814945 50.92729106214592605, 5.93525294356586031 50.92194703683397705, 5.9355098792498584 50.91916934612663681, 5.9350164358109101 50.9190890477100524, 5.92324344729628027 50.91802709096900514, 5.91971559748679699 50.91989740451123936, 5.9249252854500396 50.92293640619516282, 5.92277383787151646 50.92540282994821865, 5.92277383787151646 50.92540282994821865)))</t>
  </si>
  <si>
    <t>MultiPolygon (((5.93011500497305288 50.93426814455150264, 5.93265555776199793 50.93251011599046763, 5.93621680339682189 50.9301860327306386, 5.93716927378572912 50.92958123313552932, 5.92871670696814945 50.92729106214592605, 5.92277383787151646 50.92540282994821865, 5.92111801146509809 50.92682960271585557, 5.92727399027379942 50.92867962186793562, 5.93011500497305288 50.93426814455150264, 5.93011500497305288 50.93426814455150264)))</t>
  </si>
  <si>
    <t>MultiPolygon (((5.92823471293069293 50.93653962048722406, 5.9284699809553203 50.93661221648550708, 5.92975732731918193 50.93477314672573186, 5.93011500497305288 50.93426814455150264, 5.92727399027379942 50.92867962186793562, 5.92111801146509809 50.92682960271585557, 5.91769721076563737 50.93055254107407848, 5.9202103882831949 50.93171191815437737, 5.91895040410388429 50.93322606876568415, 5.92823471293069293 50.93653962048722406, 5.92823471293069293 50.93653962048722406)))</t>
  </si>
  <si>
    <t>MultiPolygon (((5.90074475467421422 50.92298337382757722, 5.9072885698047557 50.91910771519039969, 5.91522834265647379 50.91803868440059233, 5.9155683589155279 50.91753918966818304, 5.913398441516172 50.91667644888116229, 5.90823476307919826 50.915468692049906, 5.90410401471236668 50.91728350295932159, 5.89958630098732062 50.91682429716252756, 5.89575774708315148 50.91896820287769287, 5.89550591608480712 50.92013503033237498, 5.89822458939812577 50.92330894175804445, 5.90074475467421422 50.92298337382757722, 5.90074475467421422 50.92298337382757722)))</t>
  </si>
  <si>
    <t>MultiPolygon (((5.91315482422198535 50.92805604810336462, 5.91769721076563737 50.93055254107407848, 5.92111801146509809 50.92682960271585557, 5.92277383787151646 50.92540282994821865, 5.9249252854500396 50.92293640619516282, 5.91971559748679699 50.91989740451123936, 5.91522834265647379 50.91803868440059233, 5.9072885698047557 50.91910771519039969, 5.90074475467421422 50.92298337382757722, 5.90114098784884522 50.92508664069023894, 5.90297816823999355 50.92542381312970434, 5.90551454204727833 50.92755527369511981, 5.91021875013771414 50.92698599958343664, 5.91315482422198535 50.92805604810336462, 5.91315482422198535 50.92805604810336462)))</t>
  </si>
  <si>
    <t>MultiPolygon (((6.0300901092493886 51.6746605247182913, 6.02427777439939849 51.66981640958676536, 6.03175756493080595 51.66304811620916837, 6.02467217865264626 51.66007172921514012, 6.01537529929803227 51.66224228044492151, 6.01423527437656791 51.66032688750321, 6.00684267673024497 51.65602732625652038, 6.00201524833013789 51.65457335984997655, 6.00151791079804475 51.65525368745743151, 5.9766069376395583 51.64378311161328838, 5.97212729438992174 51.64577223268702255, 5.96746952142104892 51.64928483181768826, 5.96485567099847724 51.65273236644205213, 5.96348198466514745 51.65732361160402064, 5.96345399269339715 51.66298847052077292, 5.98616355708384873 51.66651580538007948, 6.01449144976049599 51.67489574368248384, 6.01813130521271411 51.67527898782761753, 6.0300901092493886 51.6746605247182913, 6.0300901092493886 51.6746605247182913)))</t>
  </si>
  <si>
    <t>MultiPolygon (((5.97778005713782967 51.68370971532294078, 5.98296941907287039 51.68378678979443919, 5.9829557314120736 51.68681324436737867, 5.99135085386669086 51.68597134874961796, 6.00395685990312433 51.68470898975976979, 6.00373376517940116 51.68032647701187443, 6.00771407684137948 51.67841050865254005, 6.00944333408467113 51.67904065229220834, 6.01432055973504553 51.68385140487000484, 6.03036579558215546 51.68294874285427198, 6.029823048767458 51.67809944664846711, 6.0319447781092741 51.67616520256717649, 6.0300901092493886 51.6746605247182913, 6.01813130521271411 51.67527898782761753, 6.01449144976049599 51.67489574368248384, 5.98616355708384873 51.66651580538007948, 5.96345399269339715 51.66298847052077292, 5.96413882679933849 51.66749650392476667, 5.96458660887236558 51.67557334574490113, 5.96339497709683375 51.68165799422860118, 5.96811382137924884 51.68229123907888578, 5.9694329458840798 51.67902783190941562, 5.96927734857134951 51.67705821109595377, 5.97120045642224717 51.67337312086679191, 5.97436790611163282 51.6728127517965703, 5.97864460804650921 51.66918376920989431, 5.98740575131495856 51.66862544270640001, 5.98786519614175727 51.6715542522995932, 5.98691101031194695 51.67623693038712673, 5.98265887607234337 51.68062153551809956, 5.97778005713782967 51.68370971532294078, 5.97778005713782967 51.68370971532294078)))</t>
  </si>
  <si>
    <t>MultiPolygon (((5.96188828472468124 51.68585797271231996, 5.97314845364691749 51.68662370037250753, 5.97778005713782967 51.68370971532294078, 5.98265887607234337 51.68062153551809956, 5.98691101031194695 51.67623693038712673, 5.98786519614175727 51.6715542522995932, 5.98740575131495856 51.66862544270640001, 5.97864460804650921 51.66918376920989431, 5.97436790611163282 51.6728127517965703, 5.97120045642224717 51.67337312086679191, 5.96927734857134951 51.67705821109595377, 5.9694329458840798 51.67902783190941562, 5.96811382137924884 51.68229123907888578, 5.96339497709683375 51.68165799422860118, 5.96188828472468124 51.68585797271231996, 5.96188828472468124 51.68585797271231996)))</t>
  </si>
  <si>
    <t>MultiPolygon (((5.94675351427224275 51.71343221802727896, 5.94933804267164756 51.71479240792602639, 5.95482013821485445 51.7155389911229264, 5.95882480440642848 51.71467626390911221, 5.96621864364858023 51.71497448980682066, 5.97020478363711682 51.71853220478941893, 5.97142966306216039 51.72126034125142269, 5.97396246126941843 51.7221583446932911, 5.98648018606914167 51.72109891006576987, 5.98202814927065862 51.71656603217286374, 5.97765974907883191 51.716029996801268, 5.97787475101635213 51.71687581384521337, 5.97670734861773134 51.71701455984832307, 5.97565977648286939 51.71501731880209007, 5.97653511126560666 51.71323934030453273, 5.98618517072711231 51.71085332363555409, 5.9829038924800626 51.70658526773818409, 5.96993434212170015 51.71271057833033069, 5.96511739201447444 51.71112631802707682, 5.96628703502404267 51.70935426619202957, 5.96599107603027967 51.70647401715415725, 5.96383934026975737 51.69985464051593027, 5.96325153664665741 51.69551515768466032, 5.96391804053783314 51.69333745889653642, 5.9665607674567287 51.69053145570902075, 5.97314845364691749 51.68662370037250753, 5.96188828472468124 51.68585797271231996, 5.96139522344191519 51.68709959817166322, 5.9563762909506428 51.6996330350842328, 5.95625474400752974 51.70660595861223641, 5.95541655002715498 51.70913152958713255, 5.95182963750174565 51.71170058028741323, 5.94675351427224275 51.71343221802727896, 5.94675351427224275 51.71343221802727896)))</t>
  </si>
  <si>
    <t>MultiPolygon (((5.96391804053783314 51.69333745889653642, 5.98328973099285388 51.69493711605758079, 5.98765816873095336 51.69480163146908325, 5.99072345955109764 51.69402123691934747, 5.98877881838859505 51.6907969224591497, 5.99135085386669086 51.68597134874961796, 5.9829557314120736 51.68681324436737867, 5.98296941907287039 51.68378678979443919, 5.97778005713782967 51.68370971532294078, 5.97314845364691749 51.68662370037250753, 5.9665607674567287 51.69053145570902075, 5.96391804053783314 51.69333745889653642, 5.96391804053783314 51.69333745889653642)))</t>
  </si>
  <si>
    <t>MultiPolygon (((5.96599107603027967 51.70647401715415725, 5.96866822970364108 51.70358887165624395, 5.96590222606057541 51.70190006277855588, 5.9689921374385797 51.69998729498161794, 5.97251211121333547 51.70147816672976404, 5.97828751860107399 51.69963231603078668, 5.98311106969022699 51.69937416061930691, 5.98437046118542426 51.69998993005500409, 5.99308974325676402 51.69777352211681887, 5.99072345955109764 51.69402123691934747, 5.98765816873095336 51.69480163146908325, 5.98328973099285388 51.69493711605758079, 5.96391804053783314 51.69333745889653642, 5.96325153664665741 51.69551515768466032, 5.96383934026975737 51.69985464051593027, 5.96599107603027967 51.70647401715415725, 5.96599107603027967 51.70647401715415725)))</t>
  </si>
  <si>
    <t>MultiPolygon (((5.9829038924800626 51.70658526773818409, 5.98278174310848865 51.70642617177630029, 5.9812092960283687 51.70621887876571066, 5.97994737486759043 51.70366181317019993, 5.97488005683611334 51.70280196901234859, 5.97424224981377261 51.70214618539117879, 5.98372568482490585 51.70011540628286184, 5.98437046118542426 51.69998993005500409, 5.98311106969022699 51.69937416061930691, 5.97828751860107399 51.69963231603078668, 5.97251211121333547 51.70147816672976404, 5.97068692901290454 51.70240861599612714, 5.96866822970364108 51.70358887165624395, 5.96599107603027967 51.70647401715415725, 5.96628703502404267 51.70935426619202957, 5.96511739201447444 51.71112631802707682, 5.96993434212170015 51.71271057833033069, 5.9829038924800626 51.70658526773818409, 5.9829038924800626 51.70658526773818409)))</t>
  </si>
  <si>
    <t>MultiPolygon (((5.96866822970364108 51.70358887165624395, 5.97068692901290454 51.70240861599612714, 5.97251211121333547 51.70147816672976404, 5.9689921374385797 51.69998729498161794, 5.96590222606057541 51.70190006277855588, 5.96866822970364108 51.70358887165624395, 5.96866822970364108 51.70358887165624395)))</t>
  </si>
  <si>
    <t>MultiPolygon (((6.00690371337510598 51.7327126481247177, 6.02896540586513208 51.72575337031059206, 6.03225931593876918 51.72381888569998409, 6.0329389060123102 51.72147758453553479, 6.02407521500821819 51.72017244163228611, 6.02336451633336889 51.72139427305439341, 6.0178463687164534 51.72100164459887139, 6.01685441075182759 51.71878396369793762, 6.02477490198068288 51.71889392343853586, 6.0238483839789545 51.71291613694831568, 6.01913441495982138 51.71138128364526665, 6.01618512122550797 51.7122878857830699, 6.01071117313739656 51.7092286934035883, 6.01156127320225853 51.70761350053012961, 6.0253172627859648 51.71097641187193972, 6.02724272903477143 51.71841136659715943, 6.03482245632134084 51.71997949620052282, 6.03542429344515252 51.71777427552459727, 6.03838637994321026 51.71811377068895865, 6.03788083335087578 51.71992978397535978, 6.0449391464119806 51.71691335892884922, 6.04200916248527786 51.71334459760198854, 6.03774757764244718 51.71366629961371331, 6.03772189423766825 51.71274371953266069, 6.03220495124366973 51.71318148538035331, 6.02839596352343055 51.71178675043340434, 6.02816450989545771 51.71078990148544818, 6.0266463754389914 51.7097892802081347, 6.02605382410856638 51.70868807968467706, 6.02705711744784534 51.7071483988792977, 6.02683919065585449 51.70435335165203838, 6.02811876701649396 51.70243967639017768, 6.02776551613904488 51.70054918634007635, 6.03063241993552346 51.69834590794981466, 6.03178053903934153 51.6925333394392581, 6.03027941842069204 51.69013165150163047, 6.02825205359420035 51.68960966888266029, 6.02528768272314341 51.68971122016711917, 6.01718064825658683 51.69162730882342061, 6.01397197645238446 51.6935566005327729, 6.011197811180093 51.69900313102476019, 6.01066549347004475 51.70203263499043089, 6.00761466815194911 51.70405697213027452, 6.00749208235745247 51.70713260183944016, 6.00573641877021647 51.71058006634413573, 6.00766145876067625 51.71135274232115364, 6.00801606871987914 51.71420842705855137, 6.00291424180206512 51.72177855540147107, 6.00690371337510598 51.7327126481247177, 6.00690371337510598 51.7327126481247177)))</t>
  </si>
  <si>
    <t>MultiPolygon (((6.0329389060123102 51.72147758453553479, 6.03503472899634463 51.72122675730543051, 6.03482245632134084 51.71997949620052282, 6.02724272903477143 51.71841136659715943, 6.0253172627859648 51.71097641187193972, 6.01156127320225853 51.70761350053012961, 6.01071117313739656 51.7092286934035883, 6.01618512122550797 51.7122878857830699, 6.01913441495982138 51.71138128364526665, 6.0238483839789545 51.71291613694831568, 6.02477490198068288 51.71889392343853586, 6.01685441075182759 51.71878396369793762, 6.0178463687164534 51.72100164459887139, 6.02336451633336889 51.72139427305439341, 6.02407521500821819 51.72017244163228611, 6.0329389060123102 51.72147758453553479, 6.0329389060123102 51.72147758453553479)))</t>
  </si>
  <si>
    <t>MultiPolygon (((5.99209842030702866 51.70314377815491724, 5.99512683108268174 51.70448201743216288, 6.00016814644232976 51.70561527901071486, 6.00529621301848593 51.70546950398017572, 6.00761466815194911 51.70405697213027452, 6.01066549347004475 51.70203263499043089, 6.011197811180093 51.69900313102476019, 6.01397197645238446 51.6935566005327729, 6.01718064825658683 51.69162730882342061, 6.02528768272314341 51.68971122016711917, 6.02825205359420035 51.68960966888266029, 6.03213097701988499 51.68489212325288662, 6.03229358213856859 51.68391926559110061, 6.03036579558215546 51.68294874285427198, 6.01432055973504553 51.68385140487000484, 6.00944333408467113 51.67904065229220834, 6.00771407684137948 51.67841050865254005, 6.00373376517940116 51.68032647701187443, 6.00395685990312433 51.68470898975976979, 5.99135085386669086 51.68597134874961796, 5.98877881838859505 51.6907969224591497, 5.99072345955109764 51.69402123691934747, 5.99308974325676402 51.69777352211681887, 5.98437046118542426 51.69998993005500409, 5.98372568482490585 51.70011540628286184, 5.98958469053421716 51.70080815945736674, 5.99209842030702866 51.70314377815491724, 5.99209842030702866 51.70314377815491724)))</t>
  </si>
  <si>
    <t>MultiPolygon (((5.97566464820118615 51.73909616382455567, 5.98025413795201111 51.73876726423710437, 5.98549522477495266 51.73926765818336548, 5.99419669685693091 51.73830941836555297, 6.00690371337510598 51.7327126481247177, 6.00291424180206512 51.72177855540147107, 6.00801606871987914 51.71420842705855137, 6.00766145876067625 51.71135274232115364, 6.00573641877021647 51.71058006634413573, 6.00749208235745247 51.70713260183944016, 6.00761466815194911 51.70405697213027452, 6.00529621301848593 51.70546950398017572, 6.00016814644232976 51.70561527901071486, 5.99512683108268174 51.70448201743216288, 5.99209842030702866 51.70314377815491724, 5.98863023045185017 51.70623246954651364, 5.98712047199241404 51.70667617249796422, 5.98278174310848865 51.70642617177630029, 5.9829038924800626 51.70658526773818409, 5.98618517072711231 51.71085332363555409, 5.97653511126560666 51.71323934030453273, 5.97565977648286939 51.71501731880209007, 5.97670734861773134 51.71701455984832307, 5.97787475101635213 51.71687581384521337, 5.97765974907883191 51.716029996801268, 5.98202814927065862 51.71656603217286374, 5.98648018606914167 51.72109891006576987, 5.97396246126941843 51.7221583446932911, 5.97142966306216039 51.72126034125142269, 5.97566464820118615 51.73909616382455567, 5.97566464820118615 51.73909616382455567)))</t>
  </si>
  <si>
    <t>MultiPolygon (((5.98278174310848865 51.70642617177630029, 5.98712047199241404 51.70667617249796422, 5.98863023045185017 51.70623246954651364, 5.99209842030702866 51.70314377815491724, 5.98958469053421716 51.70080815945736674, 5.98372568482490585 51.70011540628286184, 5.97424224981377261 51.70214618539117879, 5.97488005683611334 51.70280196901234859, 5.97994737486759043 51.70366181317019993, 5.9812092960283687 51.70621887876571066, 5.98278174310848865 51.70642617177630029, 5.98278174310848865 51.70642617177630029)))</t>
  </si>
  <si>
    <t>MultiPolygon (((5.93829860579492586 51.74159314788784059, 5.94396207184508985 51.74181681311433323, 5.95195250542537124 51.74437064887433024, 5.9532878958041584 51.74802415871541683, 5.95229427523976717 51.74268406421912658, 5.95515514550878766 51.7381175951153196, 5.95685699211045439 51.73865452052475433, 5.95916898852272503 51.73828843863509519, 5.96111017601116266 51.73878156355039692, 5.96874464319007014 51.73854625685689257, 5.97336192998470761 51.73930559218464964, 5.97566464820118615 51.73909616382455567, 5.97142966306216039 51.72126034125142269, 5.97020478363711682 51.71853220478941893, 5.96621864364858023 51.71497448980682066, 5.95882480440642848 51.71467626390911221, 5.95482013821485445 51.7155389911229264, 5.94933804267164756 51.71479240792602639, 5.94675351427224275 51.71343221802727896, 5.9337848291734101 51.71614039907994709, 5.91946954717351126 51.71767149905556948, 5.92132523884567696 51.72182094101768968, 5.9294975721712726 51.72816401131825614, 5.93371016601023271 51.73316125973405377, 5.94709333245148741 51.72340529849952873, 5.94195625291577212 51.72299632068352793, 5.93858875051023016 51.71842644750644524, 5.94544043889439333 51.7174186024291842, 5.95070054462691811 51.71740605338532504, 5.95238870320340485 51.71921446953982127, 5.9502651008385401 51.72089377816737965, 5.9541504469750075 51.72525447573909219, 5.95574979126710158 51.72962138667108434, 5.95542660544284885 51.73178022966730794, 5.93919083263339775 51.73308677149302781, 5.93351795844154495 51.73648700622349139, 5.93448660657814919 51.73969849816537447, 5.93829860579492586 51.74159314788784059, 5.93829860579492586 51.74159314788784059)))</t>
  </si>
  <si>
    <t>MultiPolygon (((5.94709333245148741 51.72340529849952873, 5.94902813467582092 51.7218724581180993, 5.9502651008385401 51.72089377816737965, 5.95238870320340485 51.71921446953982127, 5.95070054462691811 51.71740605338532504, 5.94544043889439333 51.7174186024291842, 5.93858875051023016 51.71842644750644524, 5.94195625291577212 51.72299632068352793, 5.94709333245148741 51.72340529849952873, 5.94709333245148741 51.72340529849952873)))</t>
  </si>
  <si>
    <t>MultiPolygon (((5.93371016601023271 51.73316125973405377, 5.93351795844154495 51.73648700622349139, 5.93919083263339775 51.73308677149302781, 5.95542660544284885 51.73178022966730794, 5.95574979126710158 51.72962138667108434, 5.9541504469750075 51.72525447573909219, 5.9502651008385401 51.72089377816737965, 5.94902813467582092 51.7218724581180993, 5.94709333245148741 51.72340529849952873, 5.93371016601023271 51.73316125973405377, 5.93371016601023271 51.73316125973405377)))</t>
  </si>
  <si>
    <t>MultiPolygon (((5.95881160396161036 50.94342788355604057, 5.95905979022868948 50.9434423731900381, 5.96357230649671433 50.94089755325825308, 5.96427327940948171 50.93978754617166516, 5.96194616366591035 50.93642203270229629, 5.95933085425540643 50.93653115450529612, 5.9546333797745854 50.94188103261640777, 5.95881160396161036 50.94342788355604057, 5.95881160396161036 50.94342788355604057)))</t>
  </si>
  <si>
    <t>MultiPolygon (((5.97003732274006538 50.9424829940354158, 5.97856793553505295 50.94218198448937329, 5.97917246890943233 50.94083419828590564, 5.97505607083190249 50.93950514279849529, 5.97164112965197269 50.93739586539452091, 5.96941801156910135 50.93966828453510232, 5.97003732274006538 50.9424829940354158, 5.97003732274006538 50.9424829940354158)))</t>
  </si>
  <si>
    <t>MultiPolygon (((5.97034824762023231 50.94387569598280407, 5.9732560245144084 50.94490998388094738, 5.97856997326278794 50.94272183392288156, 5.9786188127767188 50.94253380081809723, 5.97856793553505295 50.94218198448937329, 5.97003732274006538 50.9424829940354158, 5.97034824762023231 50.94387569598280407, 5.97034824762023231 50.94387569598280407)))</t>
  </si>
  <si>
    <t>MultiPolygon (((5.96547448200987152 50.93854095083587197, 5.96941801156910135 50.93966828453510232, 5.97164112965197269 50.93739586539452091, 5.97208825149885669 50.93690982426765856, 5.9655708230777531 50.93493180561324607, 5.96221117422122937 50.93465990425853818, 5.96025088824775118 50.93471747187237497, 5.95945752092065639 50.9358961439249498, 5.95933085425540643 50.93653115450529612, 5.96194616366591035 50.93642203270229629, 5.96547448200987152 50.93854095083587197, 5.96547448200987152 50.93854095083587197)))</t>
  </si>
  <si>
    <t>MultiPolygon (((5.9673084833534249 50.9440750534834379, 5.97036197408456726 50.94411820985757089, 5.97034824762023231 50.94387569598280407, 5.97003732274006538 50.9424829940354158, 5.96941801156910135 50.93966828453510232, 5.96547448200987152 50.93854095083587197, 5.9673084833534249 50.9440750534834379, 5.9673084833534249 50.9440750534834379)))</t>
  </si>
  <si>
    <t>MultiPolygon (((5.96359367166162624 50.94454180125730147, 5.9673084833534249 50.9440750534834379, 5.96547448200987152 50.93854095083587197, 5.96194616366591035 50.93642203270229629, 5.96427327940948171 50.93978754617166516, 5.96357230649671433 50.94089755325825308, 5.95905979022868948 50.9434423731900381, 5.96359367166162624 50.94454180125730147, 5.96359367166162624 50.94454180125730147)))</t>
  </si>
  <si>
    <t>MultiPolygon (((5.97329672677390366 50.94722738663876527, 5.97660460891568235 50.94801868991605431, 5.97856997326278794 50.94272183392288156, 5.9732560245144084 50.94490998388094738, 5.97329672677390366 50.94722738663876527, 5.97329672677390366 50.94722738663876527)))</t>
  </si>
  <si>
    <t>MultiPolygon (((5.97234042949895727 50.94845042955905257, 5.97329672677390366 50.94722738663876527, 5.9732560245144084 50.94490998388094738, 5.97034824762023231 50.94387569598280407, 5.97036197408456726 50.94411820985757089, 5.9697766658329634 50.94625934321910421, 5.97234042949895727 50.94845042955905257, 5.97234042949895727 50.94845042955905257)))</t>
  </si>
  <si>
    <t>MultiPolygon (((5.97058903089376081 50.95029879247189797, 5.97075959332104134 50.95042379393352405, 5.97234042949895727 50.94845042955905257, 5.9697766658329634 50.94625934321910421, 5.96710023226973263 50.9480804503396314, 5.97058903089376081 50.95029879247189797, 5.97058903089376081 50.95029879247189797)))</t>
  </si>
  <si>
    <t>MultiPolygon (((5.96433248434583518 50.94640984530181527, 5.96710023226973263 50.9480804503396314, 5.9697766658329634 50.94625934321910421, 5.97036197408456726 50.94411820985757089, 5.9673084833534249 50.9440750534834379, 5.96359367166162624 50.94454180125730147, 5.96433248434583518 50.94640984530181527, 5.96433248434583518 50.94640984530181527)))</t>
  </si>
  <si>
    <t>MultiPolygon (((5.97075959332104134 50.95042379393352405, 5.97536047423091965 50.95336040186189308, 5.97613275931719024 50.95022240832217619, 5.97660460891568235 50.94801868991605431, 5.97329672677390366 50.94722738663876527, 5.97234042949895727 50.94845042955905257, 5.97075959332104134 50.95042379393352405, 5.97075959332104134 50.95042379393352405)))</t>
  </si>
  <si>
    <t>MultiPolygon (((5.99307463137933993 50.93787761564973948, 5.99761362111315321 50.93753552797367945, 6.0122144313288155 50.92694988620925045, 6.01169632462456072 50.92643948785818253, 5.97563250402840573 50.92899190866823034, 5.97541607060090829 50.9301699359069957, 5.98106371229534517 50.93288610863903187, 5.98463522856573338 50.93583915233121928, 5.98909211454516388 50.93592196328840771, 5.99198416053858107 50.93687067802419222, 5.99307463137933993 50.93787761564973948, 5.99307463137933993 50.93787761564973948)))</t>
  </si>
  <si>
    <t>MultiPolygon (((6.00682512150630643 50.94450784297197288, 6.00945061931044933 50.94527524234869276, 6.01585182202587543 50.94462421019439091, 6.01820165938299212 50.93470139641921435, 6.01613708754748799 50.93081133780581382, 6.01236436112808192 50.92709748949224746, 6.0122144313288155 50.92694988620925045, 5.99761362111315321 50.93753552797367945, 5.99872767603689283 50.93825410464666703, 6.00728286285462598 50.9366874823770317, 6.01187903293222003 50.93862883410971421, 6.01410616539317644 50.94042976455617833, 6.00682512150630643 50.94450784297197288, 6.00682512150630643 50.94450784297197288)))</t>
  </si>
  <si>
    <t>MultiPolygon (((5.97917246890943233 50.94083419828590564, 5.98317475287052947 50.94093304611347861, 5.98654766759489121 50.94022291607237918, 5.97961874443635821 50.93728856768776581, 5.9728197053451737 50.93583351161806405, 5.97208825149885669 50.93690982426765856, 5.97164112965197269 50.93739586539452091, 5.97505607083190249 50.93950514279849529, 5.97917246890943233 50.94083419828590564, 5.97917246890943233 50.94083419828590564)))</t>
  </si>
  <si>
    <t>MultiPolygon (((5.98654766759489121 50.94022291607237918, 5.9866548173981311 50.94037582674581444, 5.99307463137933993 50.93787761564973948, 5.99198416053858107 50.93687067802419222, 5.98909211454516388 50.93592196328840771, 5.98463522856573338 50.93583915233121928, 5.98106371229534517 50.93288610863903187, 5.97541607060090829 50.9301699359069957, 5.97516198565573209 50.93025806956610069, 5.97521418593513332 50.93284135492068998, 5.9728197053451737 50.93583351161806405, 5.97961874443635821 50.93728856768776581, 5.98654766759489121 50.94022291607237918, 5.98654766759489121 50.94022291607237918)))</t>
  </si>
  <si>
    <t>MultiPolygon (((5.97208825149885669 50.93690982426765856, 5.9728197053451737 50.93583351161806405, 5.97521418593513332 50.93284135492068998, 5.97516198565573209 50.93025806956610069, 5.96729358625362138 50.9326076200394553, 5.96670071810347125 50.93412937981771194, 5.96395931635088861 50.9337092953428936, 5.96233505412912823 50.93402515772885408, 5.96221117422122937 50.93465990425853818, 5.9655708230777531 50.93493180561324607, 5.97208825149885669 50.93690982426765856, 5.97208825149885669 50.93690982426765856)))</t>
  </si>
  <si>
    <t>MultiPolygon (((5.96609564281879834 50.93239233710255576, 5.96395931635088861 50.9337092953428936, 5.96670071810347125 50.93412937981771194, 5.96729358625362138 50.9326076200394553, 5.97516198565573209 50.93025806956610069, 5.97541607060090829 50.9301699359069957, 5.97563250402840573 50.92899190866823034, 5.97524598369435544 50.92892314247380625, 5.97149978146224836 50.93085511295074497, 5.96609564281879834 50.93239233710255576, 5.96609564281879834 50.93239233710255576)))</t>
  </si>
  <si>
    <t>MultiPolygon (((5.98718576204256081 50.94248390692891348, 5.98749695817358152 50.94222330081650085, 5.9866548173981311 50.94037582674581444, 5.98654766759489121 50.94022291607237918, 5.98317475287052947 50.94093304611347861, 5.98718576204256081 50.94248390692891348, 5.98718576204256081 50.94248390692891348)))</t>
  </si>
  <si>
    <t>MultiPolygon (((5.98389213574515377 50.95060824937655752, 5.98230889900544849 50.95448363248362966, 5.98373418849095451 50.95630134404103728, 5.98475680484258632 50.95529688733677176, 5.98995278057711467 50.95318506786856716, 5.99397317918237604 50.95021202355968626, 5.99620465024398808 50.95103712625093095, 5.99762898538337019 50.94815567160961223, 5.99602582305649978 50.94438564416410742, 5.98749695817358152 50.94222330081650085, 5.98718576204256081 50.94248390692891348, 5.98384833669419258 50.94620103293937774, 5.98582647585685201 50.94706558845365407, 5.98711422633790491 50.94884604716641974, 5.98389213574515377 50.95060824937655752, 5.98389213574515377 50.95060824937655752)))</t>
  </si>
  <si>
    <t>MultiPolygon (((5.99620465024398808 50.95103712625093095, 6.00682512150630643 50.94450784297197288, 6.01410616539317644 50.94042976455617833, 6.01187903293222003 50.93862883410971421, 6.00728286285462598 50.9366874823770317, 5.99872767603689283 50.93825410464666703, 5.99761362111315321 50.93753552797367945, 5.99307463137933993 50.93787761564973948, 5.9866548173981311 50.94037582674581444, 5.98749695817358152 50.94222330081650085, 5.99602582305649978 50.94438564416410742, 5.99762898538337019 50.94815567160961223, 5.99620465024398808 50.95103712625093095, 5.99620465024398808 50.95103712625093095)))</t>
  </si>
  <si>
    <t>MultiPolygon (((5.99620465024398808 50.95103712625093095, 5.99873802512394327 50.9530277593752885, 6.00092549515574181 50.9526164532419017, 6.00519841637789664 50.95677655365538783, 6.01685284542934173 50.95264263899898083, 6.01507857082531316 50.94788288256741282, 6.01585182202587543 50.94462421019439091, 6.00945061931044933 50.94527524234869276, 6.00682512150630643 50.94450784297197288, 5.99620465024398808 50.95103712625093095, 5.99620465024398808 50.95103712625093095)))</t>
  </si>
  <si>
    <t>MultiPolygon (((5.98881956833221629 50.95941623605727955, 5.99226632674998427 50.95892219049198246, 5.99924958164060307 50.95782918158873542, 6.00605352046131813 50.95753539965458145, 6.00519841637789664 50.95677655365538783, 6.00092549515574181 50.9526164532419017, 5.99873802512394327 50.9530277593752885, 5.99620465024398808 50.95103712625093095, 5.99397317918237604 50.95021202355968626, 5.98995278057711467 50.95318506786856716, 5.98475680484258632 50.95529688733677176, 5.98373418849095451 50.95630134404103728, 5.98348049367949208 50.9569245769106729, 5.99057219018319476 50.95750189882198811, 5.98881956833221629 50.95941623605727955, 5.98881956833221629 50.95941623605727955)))</t>
  </si>
  <si>
    <t>MultiPolygon (((5.97820018605451509 50.95994343515824454, 5.98012345439174897 50.96067965029160973, 5.98881956833221629 50.95941623605727955, 5.99057219018319476 50.95750189882198811, 5.98348049367949208 50.9569245769106729, 5.98331274344788167 50.9569095310753255, 5.97820018605451509 50.95994343515824454, 5.97820018605451509 50.95994343515824454)))</t>
  </si>
  <si>
    <t>MultiPolygon (((5.9786188127767188 50.94253380081809723, 5.98384833669419258 50.94620103293937774, 5.98718576204256081 50.94248390692891348, 5.98317475287052947 50.94093304611347861, 5.97917246890943233 50.94083419828590564, 5.97856793553505295 50.94218198448937329, 5.9786188127767188 50.94253380081809723, 5.9786188127767188 50.94253380081809723)))</t>
  </si>
  <si>
    <t>MultiPolygon (((5.97613275931719024 50.95022240832217619, 5.98036713755288041 50.95068844333521696, 5.98090860986511696 50.94991373810637469, 5.98389213574515377 50.95060824937655752, 5.98711422633790491 50.94884604716641974, 5.98582647585685201 50.94706558845365407, 5.98384833669419258 50.94620103293937774, 5.9786188127767188 50.94253380081809723, 5.97856997326278794 50.94272183392288156, 5.97660460891568235 50.94801868991605431, 5.97613275931719024 50.95022240832217619, 5.97613275931719024 50.95022240832217619)))</t>
  </si>
  <si>
    <t>MultiPolygon (((5.98331274344788167 50.9569095310753255, 5.98348049367949208 50.9569245769106729, 5.98373418849095451 50.95630134404103728, 5.98230889900544849 50.95448363248362966, 5.98389213574515377 50.95060824937655752, 5.98090860986511696 50.94991373810637469, 5.98036713755288041 50.95068844333521696, 5.97613275931719024 50.95022240832217619, 5.97536047423091965 50.95336040186189308, 5.97828015352425002 50.95633541222348128, 5.98331274344788167 50.9569095310753255, 5.98331274344788167 50.9569095310753255)))</t>
  </si>
  <si>
    <t>MultiPolygon (((5.97400288241587329 50.9561264946283643, 5.97828015352425002 50.95633541222348128, 5.97536047423091965 50.95336040186189308, 5.97400592060647817 50.95611481601821424, 5.97400288241587329 50.9561264946283643, 5.97400288241587329 50.9561264946283643)))</t>
  </si>
  <si>
    <t>MultiPolygon (((5.97404214950029289 50.95833959124914259, 5.97820018605451509 50.95994343515824454, 5.98331274344788167 50.9569095310753255, 5.97828015352425002 50.95633541222348128, 5.97400288241587329 50.9561264946283643, 5.97404214950029289 50.95833959124914259, 5.97404214950029289 50.95833959124914259)))</t>
  </si>
  <si>
    <t>MultiPolygon (((5.95265395212949855 50.95250507246130667, 5.95719246761517507 50.95178803110171373, 5.95481129151067368 50.94775469046614802, 5.95647806371182753 50.94614253675370463, 5.95177701829870731 50.94405708332345739, 5.95072613746718648 50.94515211663193099, 5.94616871292877303 50.94772286458670152, 5.94218471035799833 50.94886340881102171, 5.94229217737848092 50.94901408978370938, 5.94263248713251357 50.94949124586796785, 5.94380000321982216 50.94915464674160432, 5.95265395212949855 50.95250507246130667, 5.95265395212949855 50.95250507246130667)))</t>
  </si>
  <si>
    <t>MultiPolygon (((5.96582795443850333 50.96229778556397605, 5.96999017161362122 50.96250233109533667, 5.97068013238575368 50.96214244311519792, 5.96908379789826782 50.96103558125921751, 5.97230054273287525 50.95927460890398208, 5.97368987102708004 50.95935848648380073, 5.97400701295786529 50.95858546534527989, 5.97112464453806524 50.95905670220026451, 5.96432698665084082 50.95680870630629755, 5.96147398047421895 50.95515543647870516, 5.95719246761517507 50.95178803110171373, 5.95265395212949855 50.95250507246130667, 5.95838776335336018 50.95667407286092754, 5.96275516415358187 50.95873956024019691, 5.96535688030648004 50.96092481796985396, 5.96582795443850333 50.96229778556397605, 5.96582795443850333 50.96229778556397605)))</t>
  </si>
  <si>
    <t>MultiPolygon (((5.95647806371182753 50.94614253675370463, 5.95763509568917904 50.94517305394182216, 5.95881160396161036 50.94342788355604057, 5.9546333797745854 50.94188103261640777, 5.95411195358078071 50.94167763928868453, 5.95177701829870731 50.94405708332345739, 5.95647806371182753 50.94614253675370463, 5.95647806371182753 50.94614253675370463)))</t>
  </si>
  <si>
    <t>MultiPolygon (((5.96436439479311531 50.94675771527024466, 5.96433248434583518 50.94640984530181527, 5.96359367166162624 50.94454180125730147, 5.95905979022868948 50.9434423731900381, 5.95881160396161036 50.94342788355604057, 5.95763509568917904 50.94517305394182216, 5.96436439479311531 50.94675771527024466, 5.96436439479311531 50.94675771527024466)))</t>
  </si>
  <si>
    <t>MultiPolygon (((5.9617010919994291 50.94980763510964294, 5.96436439479311531 50.94675771527024466, 5.95763509568917904 50.94517305394182216, 5.95647806371182753 50.94614253675370463, 5.95746679942215618 50.94765905454466548, 5.9617010919994291 50.94980763510964294, 5.9617010919994291 50.94980763510964294)))</t>
  </si>
  <si>
    <t>MultiPolygon (((5.95719246761517507 50.95178803110171373, 5.96185008162815944 50.9498526010283399, 5.9617010919994291 50.94980763510964294, 5.95746679942215618 50.94765905454466548, 5.95647806371182753 50.94614253675370463, 5.95481129151067368 50.94775469046614802, 5.95719246761517507 50.95178803110171373, 5.95719246761517507 50.95178803110171373)))</t>
  </si>
  <si>
    <t>MultiPolygon (((5.96687548423120973 50.95217282688864202, 5.97058903089376081 50.95029879247189797, 5.96710023226973263 50.9480804503396314, 5.96433248434583518 50.94640984530181527, 5.96436439479311531 50.94675771527024466, 5.9617010919994291 50.94980763510964294, 5.96185008162815944 50.9498526010283399, 5.96687548423120973 50.95217282688864202, 5.96687548423120973 50.95217282688864202)))</t>
  </si>
  <si>
    <t>MultiPolygon (((5.96147398047421895 50.95515543647870516, 5.96662608658480398 50.95226424831751899, 5.96687548423120973 50.95217282688864202, 5.96185008162815944 50.9498526010283399, 5.95719246761517507 50.95178803110171373, 5.96147398047421895 50.95515543647870516, 5.96147398047421895 50.95515543647870516)))</t>
  </si>
  <si>
    <t>MultiPolygon (((5.96865935055285579 50.95489861000391585, 5.97400592060647817 50.95611481601821424, 5.97536047423091965 50.95336040186189308, 5.97075959332104134 50.95042379393352405, 5.97058903089376081 50.95029879247189797, 5.96687548423120973 50.95217282688864202, 5.96662608658480398 50.95226424831751899, 5.96865935055285579 50.95489861000391585, 5.96865935055285579 50.95489861000391585)))</t>
  </si>
  <si>
    <t>MultiPolygon (((5.96147398047421895 50.95515543647870516, 5.96432698665084082 50.95680870630629755, 5.96865935055285579 50.95489861000391585, 5.96662608658480398 50.95226424831751899, 5.96147398047421895 50.95515543647870516, 5.96147398047421895 50.95515543647870516)))</t>
  </si>
  <si>
    <t>MultiPolygon (((5.97400701295786529 50.95858546534527989, 5.97404214950029289 50.95833959124914259, 5.97400288241587329 50.9561264946283643, 5.97400592060647817 50.95611481601821424, 5.96865935055285579 50.95489861000391585, 5.96432698665084082 50.95680870630629755, 5.97112464453806524 50.95905670220026451, 5.97400701295786529 50.95858546534527989, 5.97400701295786529 50.95858546534527989)))</t>
  </si>
  <si>
    <t>MultiPolygon (((5.94878398298606026 50.94005941087070255, 5.9489015107881249 50.93975783507717381, 5.94952455402514957 50.93631870885374013, 5.94330275279044962 50.93691247749195838, 5.94314659257193334 50.93548600823842776, 5.93265555776199793 50.93251011599046763, 5.93011500497305288 50.93426814455150264, 5.92975732731918193 50.93477314672573186, 5.94232938278211709 50.93781950089285004, 5.94878398298606026 50.94005941087070255, 5.94878398298606026 50.94005941087070255)))</t>
  </si>
  <si>
    <t>MultiPolygon (((5.94218471035799833 50.94886340881102171, 5.94616871292877303 50.94772286458670152, 5.95072613746718648 50.94515211663193099, 5.94724513688023304 50.94400774639537843, 5.94878398298606026 50.94005941087070255, 5.94232938278211709 50.93781950089285004, 5.92975732731918193 50.93477314672573186, 5.9284699809553203 50.93661221648550708, 5.93441613058165096 50.93863578985065033, 5.9314253956092422 50.94156948594572043, 5.9360290708308181 50.94632502376881433, 5.94086325896645562 50.94789704208283609, 5.94218471035799833 50.94886340881102171, 5.94218471035799833 50.94886340881102171)))</t>
  </si>
  <si>
    <t>MultiPolygon (((5.96025088824775118 50.93471747187237497, 5.96221117422122937 50.93465990425853818, 5.96233505412912823 50.93402515772885408, 5.95489360424761394 50.93383835508128499, 5.95411333353680838 50.93354814124487007, 5.95423755468750127 50.93295859324278041, 5.95207523039750086 50.93254032266234788, 5.94604922476901177 50.92976450419646994, 5.94547040791077563 50.92850979884136819, 5.94190013572775477 50.92709611802708736, 5.93716927378572912 50.92958123313552932, 5.93621680339682189 50.9301860327306386, 5.94458050836023677 50.93417263312383625, 5.95153826563718624 50.93377430252525073, 5.96025088824775118 50.93471747187237497, 5.96025088824775118 50.93471747187237497)))</t>
  </si>
  <si>
    <t>MultiPolygon (((5.94952455402514957 50.93631870885374013, 5.95945752092065639 50.9358961439249498, 5.96025088824775118 50.93471747187237497, 5.95153826563718624 50.93377430252525073, 5.94458050836023677 50.93417263312383625, 5.93621680339682189 50.9301860327306386, 5.93265555776199793 50.93251011599046763, 5.94314659257193334 50.93548600823842776, 5.94330275279044962 50.93691247749195838, 5.94952455402514957 50.93631870885374013, 5.94952455402514957 50.93631870885374013)))</t>
  </si>
  <si>
    <t>MultiPolygon (((5.95411195358078071 50.94167763928868453, 5.9546333797745854 50.94188103261640777, 5.95933085425540643 50.93653115450529612, 5.95945752092065639 50.9358961439249498, 5.94952455402514957 50.93631870885374013, 5.9489015107881249 50.93975783507717381, 5.95411195358078071 50.94167763928868453, 5.95411195358078071 50.94167763928868453)))</t>
  </si>
  <si>
    <t>MultiPolygon (((5.95072613746718648 50.94515211663193099, 5.95177701829870731 50.94405708332345739, 5.95411195358078071 50.94167763928868453, 5.9489015107881249 50.93975783507717381, 5.94878398298606026 50.94005941087070255, 5.94724513688023304 50.94400774639537843, 5.95072613746718648 50.94515211663193099, 5.95072613746718648 50.94515211663193099)))</t>
  </si>
  <si>
    <t>MultiPolygon (((6.11463122698604433 51.54205342966906045, 6.11877921284751647 51.54303672038831508, 6.11848312701740227 51.54365985279037687, 6.1198995337527764 51.54502044158321183, 6.13199828988501761 51.54823287995470338, 6.14912399948289412 51.54933823065637455, 6.13705984848601105 51.55609736772440499, 6.13818184218280205 51.55866790450043169, 6.14493983604968097 51.55763223607197432, 6.16138491321326232 51.56044036779057649, 6.17690193699634982 51.53855572415758957, 6.18867401027469644 51.53347901156223543, 6.1999289169734757 51.52738144365343231, 6.20774512302171999 51.51904759693827884, 6.21202362955924059 51.51339094322258916, 6.21336126397045252 51.50781767101903341, 6.20404470853707313 51.50431295478996674, 6.18836254256259721 51.50508099726530276, 6.16919343792855379 51.50308165641622082, 6.16664090970258982 51.50786362899123105, 6.16166955908082326 51.51188332669487835, 6.15778529150551179 51.51362013281416807, 6.14630010264831572 51.51688098412987671, 6.14109404327271946 51.51951956940744992, 6.1312057333399359 51.52584715562475992, 6.11968259039141227 51.53184501065645406, 6.11605680804703766 51.53729095662901472, 6.11463122698604433 51.54205342966906045, 6.11463122698604433 51.54205342966906045),(6.13894993165408565 51.53737386704525392, 6.13310265929104848 51.5369993215035791, 6.13579138990542106 51.53509061285516424, 6.13241805899089432 51.53184754713686999, 6.1332560731690462 51.53039858241301374, 6.13821725812113783 51.53388507669628638, 6.13914820119912719 51.53283540530238582, 6.14098669273981468 51.53364648371884726, 6.14181448592678247 51.53635934280175235, 6.13894993165408565 51.53737386704525392, 6.13894993165408565 51.53737386704525392)))</t>
  </si>
  <si>
    <t>MultiPolygon (((6.13894993165408565 51.53737386704525392, 6.14181448592678247 51.53635934280175235, 6.14098669273981468 51.53364648371884726, 6.13914820119912719 51.53283540530238582, 6.13821725812113783 51.53388507669628638, 6.1332560731690462 51.53039858241301374, 6.13241805899089432 51.53184754713686999, 6.13579138990542106 51.53509061285516424, 6.13310265929104848 51.5369993215035791, 6.13894993165408565 51.53737386704525392, 6.13894993165408565 51.53737386704525392)))</t>
  </si>
  <si>
    <t>MultiPolygon (((6.06166863231220798 51.58433532620482964, 6.06393248529083095 51.58483316726517387, 6.06839961992923005 51.58140524328806009, 6.07569642257955156 51.58282149737794242, 6.07775379105288316 51.58066881571860307, 6.08613545362988972 51.5863397073003398, 6.08782491826610617 51.58817364904977154, 6.08521121050806979 51.58981251247449507, 6.08693596819687066 51.59072641868409193, 6.10531946102510847 51.58912244180447715, 6.11189407081102587 51.58937123210353803, 6.11533649336578655 51.58838249201101434, 6.11572097649465363 51.59125414851268943, 6.12148718953944204 51.59273891140261981, 6.13055991307665948 51.58108761228022843, 6.14698570769228425 51.57059073938767568, 6.15703246624841594 51.56657550011104263, 6.16138491321326232 51.56044036779057649, 6.14493983604968097 51.55763223607197432, 6.13818184218280205 51.55866790450043169, 6.13705984848601105 51.55609736772440499, 6.14912399948289412 51.54933823065637455, 6.13199828988501761 51.54823287995470338, 6.1198995337527764 51.54502044158321183, 6.11848312701740227 51.54365985279037687, 6.11877921284751647 51.54303672038831508, 6.11463122698604433 51.54205342966906045, 6.11382249772273489 51.54432814652060557, 6.11191638761896794 51.5462549413478186, 6.10832885316122898 51.54760925438107222, 6.10459077383090154 51.54821614405602048, 6.08071758118105077 51.54693802246889334, 6.07375743930223422 51.54924230233005744, 6.06213181950915203 51.55587512222763991, 6.05650948702351855 51.55758052732458907, 6.04812069876189451 51.55846254651546445, 6.04145278147711284 51.56364744889726381, 6.0378703146393411 51.56941097233491433, 6.03781816049997033 51.57411476215170154, 6.03940967719984112 51.57912868615934343, 6.04454992944355407 51.57915670342404724, 6.04741081667845126 51.57700965621030065, 6.05120680590538651 51.57764159503024359, 6.05430198304010414 51.5788047168761139, 6.05843212379907659 51.581905278730936, 6.05845141930048214 51.58361208684028298, 6.06166863231220798 51.58433532620482964, 6.06166863231220798 51.58433532620482964),(6.09058491797512946 51.55415422670503744, 6.08950154065235694 51.55325788900965023, 6.08820338099465008 51.55375172462443345, 6.08587211322845612 51.55151133859943258, 6.08520910500022882 51.54907516572803416, 6.08872219139282844 51.54769646942726524, 6.09896180586245151 51.54865679372571918, 6.09792098728212295 51.55155199262610211, 6.09483734129139254 51.55161284132045552, 6.09510595536208477 51.5497880055310489, 6.09124360758565775 51.55001039862766277, 6.08974529888343596 51.55129298039560837, 6.09091946784173377 51.55243971909716549, 6.09086751835465989 51.55408752449556431, 6.09153221964604707 51.55465267433239518, 6.09684804843207484 51.55363761127647138, 6.09794662020855771 51.5553431656194121, 6.09076081540586234 51.55838927159882701, 6.0913416216383709 51.55916943230340621, 6.09064681063042634 51.56054783070455727, 6.08708639786317285 51.56412574441212371, 6.08544137037776345 51.56361534540244662, 6.0810273650382074 51.55836157829620703, 6.09058491797512946 51.55415422670503744, 6.09058491797512946 51.55415422670503744)))</t>
  </si>
  <si>
    <t>MultiPolygon (((6.09058491797512946 51.55415422670503744, 6.09067255043931777 51.55413603950544399, 6.09086751835465989 51.55408752449556431, 6.09091946784173377 51.55243971909716549, 6.08974529888343596 51.55129298039560837, 6.09124360758565775 51.55001039862766277, 6.09510595536208477 51.5497880055310489, 6.09483734129139254 51.55161284132045552, 6.09792098728212295 51.55155199262610211, 6.09896180586245151 51.54865679372571918, 6.08872219139282844 51.54769646942726524, 6.08520910500022882 51.54907516572803416, 6.08587211322845612 51.55151133859943258, 6.08820338099465008 51.55375172462443345, 6.08950154065235694 51.55325788900965023, 6.09058491797512946 51.55415422670503744, 6.09058491797512946 51.55415422670503744)))</t>
  </si>
  <si>
    <t>MultiPolygon (((6.09058491797512946 51.55415422670503744, 6.0810273650382074 51.55836157829620703, 6.08544137037776345 51.56361534540244662, 6.08708639786317285 51.56412574441212371, 6.09064681063042634 51.56054783070455727, 6.0913416216383709 51.55916943230340621, 6.09076081540586234 51.55838927159882701, 6.09794662020855771 51.5553431656194121, 6.09684804843207484 51.55363761127647138, 6.09153221964604707 51.55465267433239518, 6.09086751835465989 51.55408752449556431, 6.09067255043931777 51.55413603950544399, 6.09058491797512946 51.55415422670503744, 6.09058491797512946 51.55415422670503744)))</t>
  </si>
  <si>
    <t>MultiPolygon (((6.0300901092493886 51.6746605247182913, 6.0319447781092741 51.67616520256717649, 6.03326122575407098 51.67611753034297095, 6.03467244899748856 51.67514586861290837, 6.03428304478357802 51.67467683162336556, 6.03154040406125613 51.67458274861035505, 6.03234945073769868 51.67405568600612753, 6.03503195866347486 51.67392235271798029, 6.03664161144504341 51.67276013013536584, 6.07238423565737673 51.66383917360886358, 6.07567211596673662 51.66480399754964736, 6.07863796450738647 51.66340226460486917, 6.07966262709829941 51.66346189622884566, 6.07898700474364428 51.66194906823358224, 6.07954499111592117 51.66159325465838492, 6.08318706255435071 51.66184907207905752, 6.08534484006456822 51.66291407563256399, 6.08653690951544757 51.66253987328929753, 6.0873164436362508 51.66026824437165033, 6.08830897722312425 51.65985672706396059, 6.09503460816898279 51.65970296174002385, 6.09965444992707617 51.65811586069143857, 6.1019655016689569 51.66060827285459567, 6.11688775694704212 51.65653398120849005, 6.11808748370569067 51.65597292534737051, 6.11577102577434051 51.65322735813663257, 6.11697362370360231 51.65059516876582535, 6.11576531410422852 51.65058073820139128, 6.11317668082249099 51.65240267652103512, 6.1108506141711425 51.65530010947445305, 6.10480904501741684 51.65599571099082254, 6.09635776839981069 51.65089327560304611, 6.10418173717648216 51.64740468313022603, 6.10418835044340558 51.64619713677792134, 6.10787302430876533 51.64717747253482116, 6.11101462923460215 51.64918029795021681, 6.112619892863286 51.64846433074912824, 6.10941207514774298 51.64686652292459002, 6.11168256144023392 51.64472994192457378, 6.10804039117843534 51.64193232576349146, 6.09953293579403955 51.62353364023266522, 6.09610163226419743 51.62490622816609687, 6.09548341710228758 51.62429709627545549, 6.08995150901329563 51.62637413229407457, 6.0912452000760009 51.6276307310769127, 6.08828500063969358 51.62873893857773311, 6.08712210405011778 51.62775706850053581, 6.08405781545406832 51.62895409766879595, 6.08744658430430885 51.63171984781761381, 6.07700326911848698 51.63503260869811129, 6.07095588571091138 51.63328059475465892, 6.06856397291906369 51.64051633746721848, 6.06086746737580295 51.65112631716813496, 6.05884501075596837 51.65075272945694707, 6.0564964363754239 51.65236906755797719, 6.05655593598271658 51.65393631796523977, 6.05007983691167883 51.65553357574967919, 6.04616364566358389 51.655086903730556, 6.04565324984638774 51.65401062013682321, 6.03376298117708743 51.65577033866889423, 6.03559066794104737 51.66017955322510602, 6.03175756493080595 51.66304811620916837, 6.02427777439939849 51.66981640958676536, 6.0300901092493886 51.6746605247182913, 6.0300901092493886 51.6746605247182913)))</t>
  </si>
  <si>
    <t>MultiPolygon (((6.11697362370360231 51.65059516876582535, 6.11633842189558319 51.65017198725925596, 6.112619892863286 51.64846433074912824, 6.11101462923460215 51.64918029795021681, 6.10787302430876533 51.64717747253482116, 6.10418835044340558 51.64619713677792134, 6.10418173717648216 51.64740468313022603, 6.09635776839981069 51.65089327560304611, 6.10480904501741684 51.65599571099082254, 6.1108506141711425 51.65530010947445305, 6.11317668082249099 51.65240267652103512, 6.11576531410422852 51.65058073820139128, 6.11697362370360231 51.65059516876582535, 6.11697362370360231 51.65059516876582535)))</t>
  </si>
  <si>
    <t>MultiPolygon (((5.9766069376395583 51.64378311161328838, 6.00151791079804475 51.65525368745743151, 6.00201524833013789 51.65457335984997655, 6.00684267673024497 51.65602732625652038, 6.01423527437656791 51.66032688750321, 6.01537529929803227 51.66224228044492151, 6.02467217865264626 51.66007172921514012, 6.03175756493080595 51.66304811620916837, 6.03559066794104737 51.66017955322510602, 6.03376298117708743 51.65577033866889423, 6.04565324984638774 51.65401062013682321, 6.04616364566358389 51.655086903730556, 6.05007983691167883 51.65553357574967919, 6.05655593598271658 51.65393631796523977, 6.0564964363754239 51.65236906755797719, 6.05884501075596837 51.65075272945694707, 6.06086746737580295 51.65112631716813496, 6.06856397291906369 51.64051633746721848, 6.07095588571091138 51.63328059475465892, 6.07024224642488619 51.63270906996156384, 6.06783218665803048 51.63350814737136574, 6.06100802197286193 51.62961482596731599, 6.06162604803611593 51.62825167923335101, 6.0426730787277414 51.63044760769408725, 6.03587140440777503 51.63037888184299362, 6.04077851498844964 51.62659810453039455, 6.04304547997354646 51.621282794580722, 6.04302762559281614 51.61854156170399932, 6.0314574756962287 51.6132626431515007, 6.0269809764816813 51.61651303918296207, 6.02385297855437774 51.61612536389350936, 6.02265942122500064 51.61885150370193287, 6.01997981263915882 51.62192114247127961, 6.00447538905819567 51.631774188709052, 5.99601634875808376 51.63687031107701841, 5.98212195519020895 51.6425196936947799, 5.9766069376395583 51.64378311161328838, 5.9766069376395583 51.64378311161328838),(6.0104878185082935 51.63931166392316641, 6.0034837692725862 51.63811848055208031, 6.00362579410349628 51.63683268989968411, 6.00574988007886201 51.63482038081289716, 6.01398948602491057 51.63164179370703266, 6.01456080045142372 51.63193929749412803, 6.01366350906277614 51.63209873242180947, 6.01640999539361854 51.63310603228183027, 6.02727059380992625 51.63323905176935824, 6.03689512282310758 51.63421482127163387, 6.03509077642856351 51.63566679223971789, 6.0333952027102713 51.63589529880807305, 6.03016153072636119 51.6346996325054306, 6.02301026643519766 51.63397307527372249, 6.0132120899693513 51.63746869392591776, 6.0104878185082935 51.63931166392316641, 6.0104878185082935 51.63931166392316641)))</t>
  </si>
  <si>
    <t>MultiPolygon (((6.0104878185082935 51.63931166392316641, 6.0132120899693513 51.63746869392591776, 6.02301026643519766 51.63397307527372249, 6.03016153072636119 51.6346996325054306, 6.0333952027102713 51.63589529880807305, 6.03509077642856351 51.63566679223971789, 6.03689512282310758 51.63421482127163387, 6.02727059380992625 51.63323905176935824, 6.01640999539361854 51.63310603228183027, 6.01366350906277614 51.63209873242180947, 6.01456080045142372 51.63193929749412803, 6.01398948602491057 51.63164179370703266, 6.00574988007886201 51.63482038081289716, 6.00362579410349628 51.63683268989968411, 6.0034837692725862 51.63811848055208031, 6.0104878185082935 51.63931166392316641, 6.0104878185082935 51.63931166392316641)))</t>
  </si>
  <si>
    <t>MultiPolygon (((6.04300385307964572 51.60668396929557389, 6.03765796244015185 51.60938158580946578, 6.03547529038308728 51.61225904216435367, 6.03875639721157143 51.6152932510688558, 6.0402100199487796 51.615747982823315, 6.0417317127763841 51.61462594661599468, 6.04272128780667472 51.61174651283602799, 6.04992086822154906 51.60998213199850682, 6.04849155500748559 51.60804619530807003, 6.04985948706946974 51.60765364758439233, 6.04386891644910218 51.60735162232482054, 6.04300385307964572 51.60668396929557389, 6.04300385307964572 51.60668396929557389)))</t>
  </si>
  <si>
    <t>MultiPolygon (((6.07095588571091138 51.63328059475465892, 6.07700326911848698 51.63503260869811129, 6.08744658430430885 51.63171984781761381, 6.08405781545406832 51.62895409766879595, 6.08712210405011778 51.62775706850053581, 6.08828500063969358 51.62873893857773311, 6.0912452000760009 51.6276307310769127, 6.08995150901329563 51.62637413229407457, 6.09548341710228758 51.62429709627545549, 6.09610163226419743 51.62490622816609687, 6.09953293579403955 51.62353364023266522, 6.09722909018503056 51.62088354024437109, 6.09393401709636251 51.62215404462921242, 6.09435534083095476 51.61519578409125586, 6.0914237921886869 51.60584855685004868, 6.11708457054201293 51.59384754775710036, 6.11928414379416541 51.59366724802804072, 6.12148718953944204 51.59273891140261981, 6.11572097649465363 51.59125414851268943, 6.11533649336578655 51.58838249201101434, 6.11189407081102587 51.58937123210353803, 6.10531946102510847 51.58912244180447715, 6.08693596819687066 51.59072641868409193, 6.08521121050806979 51.58981251247449507, 6.08782491826610617 51.58817364904977154, 6.08613545362988972 51.5863397073003398, 6.07775379105288316 51.58066881571860307, 6.07569642257955156 51.58282149737794242, 6.06839961992923005 51.58140524328806009, 6.06393248529083095 51.58483316726517387, 6.06166863231220798 51.58433532620482964, 6.05386191372307003 51.59309092600403091, 6.0484722729966256 51.59672886989054774, 6.04163693146187697 51.60175935745985498, 6.0314574756962287 51.6132626431515007, 6.04302762559281614 51.61854156170399932, 6.04304547997354646 51.621282794580722, 6.04077851498844964 51.62659810453039455, 6.03587140440777503 51.63037888184299362, 6.0426730787277414 51.63044760769408725, 6.06162604803611593 51.62825167923335101, 6.06100802197286193 51.62961482596731599, 6.06783218665803048 51.63350814737136574, 6.07024224642488619 51.63270906996156384, 6.07095588571091138 51.63328059475465892, 6.07095588571091138 51.63328059475465892),(6.04300385307964572 51.60668396929557389, 6.0465261164611297 51.60475111979586416, 6.05532083254500897 51.59567406994339933, 6.06335302347435068 51.5975888220959078, 6.06261819653193079 51.60129419709259224, 6.05798495188860642 51.61174391918809334, 6.05270816322103844 51.61039401020906325, 6.04985948706946974 51.60765364758439233, 6.04849155500748559 51.60804619530807003, 6.04992086822154906 51.60998213199850682, 6.04272128780667472 51.61174651283602799, 6.0417317127763841 51.61462594661599468, 6.0402100199487796 51.615747982823315, 6.03875639721157143 51.6152932510688558, 6.03547529038308728 51.61225904216435367, 6.03765796244015185 51.60938158580946578, 6.04300385307964572 51.60668396929557389, 6.04300385307964572 51.60668396929557389)))</t>
  </si>
  <si>
    <t>MultiPolygon (((6.04300385307964572 51.60668396929557389, 6.04386891644910218 51.60735162232482054, 6.04985948706946974 51.60765364758439233, 6.05270816322103844 51.61039401020906325, 6.05798495188860642 51.61174391918809334, 6.06261819653193079 51.60129419709259224, 6.06335302347435068 51.5975888220959078, 6.05532083254500897 51.59567406994339933, 6.0465261164611297 51.60475111979586416, 6.04300385307964572 51.60668396929557389, 6.04300385307964572 51.60668396929557389)))</t>
  </si>
  <si>
    <t>MultiPolygon (((6.02385297855437774 51.61612536389350936, 6.0269809764816813 51.61651303918296207, 6.0314574756962287 51.6132626431515007, 6.04163693146187697 51.60175935745985498, 6.0484722729966256 51.59672886989054774, 6.04514349569141807 51.59556034615120979, 6.03527078254303273 51.59448590329575524, 6.03638618682462536 51.59272140234146065, 6.03072341240372278 51.59151837000314345, 6.02628140678563362 51.59557685357621182, 6.02404700557810013 51.60076046998391064, 6.02385297855437774 51.61612536389350936, 6.02385297855437774 51.61612536389350936),(6.03183868972927062 51.60188027825773815, 6.0314420999522147 51.60238191132685159, 6.03016887671840696 51.60173105798332216, 6.03140306451260422 51.59964012821060919, 6.0374290842566527 51.59743375790222331, 6.03827087758245451 51.59760394140791107, 6.03730593302781937 51.59991808991378548, 6.03183868972927062 51.60188027825773815, 6.03183868972927062 51.60188027825773815)))</t>
  </si>
  <si>
    <t>MultiPolygon (((6.03183868972927062 51.60188027825773815, 6.03730593302781937 51.59991808991378548, 6.03827087758245451 51.59760394140791107, 6.0374290842566527 51.59743375790222331, 6.03140306451260422 51.59964012821060919, 6.03016887671840696 51.60173105798332216, 6.0314420999522147 51.60238191132685159, 6.03183868972927062 51.60188027825773815, 6.03183868972927062 51.60188027825773815)))</t>
  </si>
  <si>
    <t>MultiPolygon (((6.03072341240372278 51.59151837000314345, 6.03638618682462536 51.59272140234146065, 6.03527078254303273 51.59448590329575524, 6.04514349569141807 51.59556034615120979, 6.0484722729966256 51.59672886989054774, 6.05386191372307003 51.59309092600403091, 6.06166863231220798 51.58433532620482964, 6.05845141930048214 51.58361208684028298, 6.05843212379907659 51.581905278730936, 6.05430198304010414 51.5788047168761139, 6.05120680590538651 51.57764159503024359, 6.04741081667845126 51.57700965621030065, 6.04454992944355407 51.57915670342404724, 6.03940967719984112 51.57912868615934343, 6.03971781237731786 51.58161596067085242, 6.03866024678445612 51.58413089435270393, 6.03347826255922826 51.58961080771284458, 6.03072341240372278 51.59151837000314345, 6.03072341240372278 51.59151837000314345),(6.03808090894616978 51.58961814415114588, 6.03746344743685448 51.58979444829815719, 6.04094694997970372 51.58301323772931113, 6.042552490960861 51.58165117360629637, 6.04324692480782311 51.58176320322723996, 6.04464310219107137 51.58271654514980753, 6.04472124945864753 51.58552162409377928, 6.04109524889347949 51.58585341007305658, 6.03808090894616978 51.58961814415114588, 6.03808090894616978 51.58961814415114588)))</t>
  </si>
  <si>
    <t>MultiPolygon (((6.03808090894616978 51.58961814415114588, 6.04109524889347949 51.58585341007305658, 6.04472124945864753 51.58552162409377928, 6.04464310219107137 51.58271654514980753, 6.04324692480782311 51.58176320322723996, 6.042552490960861 51.58165117360629637, 6.04094694997970372 51.58301323772931113, 6.03746344743685448 51.58979444829815719, 6.03808090894616978 51.58961814415114588, 6.03808090894616978 51.58961814415114588)))</t>
  </si>
  <si>
    <t>MultiPolygon (((6.0376026215827574 51.27896979785524678, 6.04226659495209972 51.28238445858141858, 6.04961658279703229 51.27770932550708949, 6.06690118656793409 51.27278786199290295, 6.07029167367262179 51.27230591248684988, 6.07515468956535365 51.26490709477321417, 6.09480259134053348 51.25401742204039124, 6.08561716478622117 51.24762570547347451, 6.07266365610160719 51.24256009186593275, 6.06273135472965752 51.24644468363229777, 6.06047566703893459 51.24790627982154234, 6.05482116919416935 51.25161673080317826, 6.05133226258214929 51.25252746453857355, 6.04326637918547327 51.24712060340626607, 6.03836247545055027 51.24610373395447738, 6.03221695528434498 51.24694275165064994, 6.02758457582515739 51.24555263183497544, 6.02551059596872562 51.24736039579015312, 6.01972819995213104 51.24969775804245131, 6.02017011048695139 51.25041255821790998, 6.01599838373067897 51.250911210473312, 6.01665845973925784 51.25295667219057094, 6.02697531780047235 51.2559054263000462, 6.0238929023688339 51.25881679692156467, 6.01177410287978198 51.26637552682566223, 6.02066336337916574 51.26587133795838014, 6.02628392150054459 51.26689785331662108, 6.03278528959008487 51.2614611057708629, 6.03596698784041497 51.26002314147385874, 6.03857237863396445 51.26049398580733651, 6.04884621114116161 51.26475774345706071, 6.05076403482691916 51.26312795286344226, 6.05218838998853226 51.25929780301763827, 6.05868920617440043 51.25711741699537782, 6.06386652893616684 51.26323393348580737, 6.05310210219569189 51.26626804956808314, 6.04930951091818159 51.2685574575026024, 6.05346052721801353 51.27308219448179472, 6.04773029599779832 51.27491267293838462, 6.02935493357619823 51.27097892384872324, 6.03053635900676799 51.27402694278719508, 6.0376026215827574 51.27896979785524678, 6.0376026215827574 51.27896979785524678)))</t>
  </si>
  <si>
    <t>MultiPolygon (((6.00961184773325652 51.26575905685064782, 6.01177410287978198 51.26637552682566223, 6.0238929023688339 51.25881679692156467, 6.02697531780047235 51.2559054263000462, 6.01665845973925784 51.25295667219057094, 6.01433008938371483 51.25535229235829604, 6.00783996824156219 51.2572472154757719, 6.00588008464053758 51.25868299489437163, 6.00576372125200209 51.26228603640352333, 6.00735601225828919 51.26436117563078199, 6.00961184773325652 51.26575905685064782, 6.00961184773325652 51.26575905685064782)))</t>
  </si>
  <si>
    <t>MultiPolygon (((6.04884621114116161 51.26475774345706071, 6.05310210219569189 51.26626804956808314, 6.06386652893616684 51.26323393348580737, 6.05868920617440043 51.25711741699537782, 6.05218838998853226 51.25929780301763827, 6.05076403482691916 51.26312795286344226, 6.04884621114116161 51.26475774345706071, 6.04884621114116161 51.26475774345706071)))</t>
  </si>
  <si>
    <t>MultiPolygon (((6.02628392150054459 51.26689785331662108, 6.02819773847423335 51.26805632148436587, 6.02935493357619823 51.27097892384872324, 6.04773029599779832 51.27491267293838462, 6.05346052721801353 51.27308219448179472, 6.04930951091818159 51.2685574575026024, 6.05310210219569189 51.26626804956808314, 6.04884621114116161 51.26475774345706071, 6.03857237863396445 51.26049398580733651, 6.03596698784041497 51.26002314147385874, 6.03278528959008487 51.2614611057708629, 6.02628392150054459 51.26689785331662108, 6.02628392150054459 51.26689785331662108)))</t>
  </si>
  <si>
    <t>MultiPolygon (((6.09112573319219752 51.29345109293002025, 6.09329769562700552 51.295436243333981, 6.10315231775305822 51.28870042726466494, 6.10700846665909935 51.29146930035454943, 6.11446205884511151 51.28917535173896169, 6.12005767639931442 51.28511273356433975, 6.12285675759872472 51.28060929454562, 6.12455266667068443 51.2798183174070985, 6.12475790401386178 51.27755000126626328, 6.12450462848293586 51.27475524758523306, 6.1108618883621677 51.27742792423522644, 6.11247666323929195 51.28066123139735311, 6.10466828903161041 51.28387547486742903, 6.10054477719763444 51.28628854280241001, 6.09318426650829892 51.28850864873708559, 6.09269306867636917 51.28812044842994311, 6.09074932771191868 51.28870710073542227, 6.09401789357268076 51.29111870432355857, 6.09112573319219752 51.29345109293002025, 6.09112573319219752 51.29345109293002025)))</t>
  </si>
  <si>
    <t>MultiPolygon (((6.1108618883621677 51.27742792423522644, 6.12450462848293586 51.27475524758523306, 6.09480259134053348 51.25401742204039124, 6.07515468956535365 51.26490709477321417, 6.07029167367262179 51.27230591248684988, 6.07354042903354685 51.27689113717961789, 6.07548950763839901 51.27699198532221914, 6.07613418717009335 51.27639489384973359, 6.08261098553220414 51.27698446839114865, 6.08673641250757669 51.27931932882933808, 6.09128771976052175 51.27725918020782814, 6.10199256459740358 51.27702431169217334, 6.1068075218094906 51.27452460823590741, 6.1108618883621677 51.27742792423522644, 6.1108618883621677 51.27742792423522644)))</t>
  </si>
  <si>
    <t>MultiPolygon (((6.09112573319219752 51.29345109293002025, 6.09401789357268076 51.29111870432355857, 6.09074932771191868 51.28870710073542227, 6.09269306867636917 51.28812044842994311, 6.09318426650829892 51.28850864873708559, 6.10054477719763444 51.28628854280241001, 6.10466828903161041 51.28387547486742903, 6.11247666323929195 51.28066123139735311, 6.1108618883621677 51.27742792423522644, 6.1068075218094906 51.27452460823590741, 6.10199256459740358 51.27702431169217334, 6.09128771976052175 51.27725918020782814, 6.08673641250757669 51.27931932882933808, 6.08261098553220414 51.27698446839114865, 6.07613418717009335 51.27639489384973359, 6.07548950763839901 51.27699198532221914, 6.07756053490130199 51.27794687796804851, 6.07902001835173422 51.28261783914717853, 6.09112573319219752 51.29345109293002025, 6.09112573319219752 51.29345109293002025)))</t>
  </si>
  <si>
    <t>MultiPolygon (((6.08149674491959669 51.2964670580310127, 6.08471715843046024 51.29745438170265714, 6.0874324869900418 51.29504179843861067, 6.090559762404955 51.2947948246058516, 6.09291013196548192 51.29540309653026497, 6.09329769562700552 51.295436243333981, 6.09112573319219752 51.29345109293002025, 6.07902001835173422 51.28261783914717853, 6.07756053490130199 51.27794687796804851, 6.07548950763839901 51.27699198532221914, 6.07354042903354685 51.27689113717961789, 6.07029167367262179 51.27230591248684988, 6.06690118656793409 51.27278786199290295, 6.04961658279703229 51.27770932550708949, 6.04226659495209972 51.28238445858141858, 6.04905816980115052 51.28692388227130294, 6.05842520469357027 51.29024661348877601, 6.0588801038079767 51.28967193625842924, 6.06327779697864422 51.28869769633822528, 6.06681880268058915 51.28888140697903708, 6.06997460875620565 51.29143092362914302, 6.0708908789830005 51.29367687885280702, 6.08149674491959669 51.2964670580310127, 6.08149674491959669 51.2964670580310127)))</t>
  </si>
  <si>
    <t>MultiPolygon (((5.82249393329227782 50.93481557278229133, 5.82118377118106789 50.93146847716873538, 5.81928105708599031 50.93068284180214533, 5.81324354711499502 50.93130837162273394, 5.80963279843304381 50.93091963649018084, 5.80169668804337668 50.92832807296576192, 5.79180545173759498 50.92391189772218496, 5.79145547336668098 50.93430595183267684, 5.79587111028789881 50.93335559967162851, 5.803078563736082 50.93293824768191769, 5.80537267314949101 50.93549437419455472, 5.82249393329227782 50.93481557278229133, 5.82249393329227782 50.93481557278229133)),((5.79613018898851173 50.9172952025483383, 5.80614535137182131 50.92247657979500275, 5.80511377697116249 50.92541883198463637, 5.8148868874647377 50.92520671772970786, 5.8188444289149972 50.9251274146790891, 5.82035557178569363 50.92384815410290599, 5.83131504877202289 50.91918497036720481, 5.83155712383594427 50.91718023831590045, 5.82661760851191612 50.91659133459329922, 5.80171463728159686 50.91413002124920695, 5.78709649513985358 50.91239817674974688, 5.78289557434955626 50.91143483018480964, 5.77769254356280371 50.91084426710142452, 5.77593432833911979 50.91157939254144793, 5.77467799556757555 50.91128446651939043, 5.76593915760736397 50.90456896366060846, 5.75876275369305812 50.89860844705953014, 5.75579739517560984 50.89946064056165653, 5.75509640262652322 50.90086175651048706, 5.75989185564575568 50.90796292829238467, 5.76474753613459967 50.91377971047737105, 5.7691767328233583 50.91703790201636082, 5.77113592079923254 50.91931723391098785, 5.77553916924030908 50.92631358021663601, 5.77093835989103177 50.9279279413438033, 5.77791943808731645 50.93268934068053255, 5.77723608702192859 50.93301017288208499, 5.77855197480576699 50.93381722188829741, 5.77767320599262479 50.93418229807222986, 5.77853347256658534 50.93649530157611593, 5.78672030505935098 50.93616258782966355, 5.78326267560870377 50.92827597596197364, 5.78383419572256852 50.92408073428741488, 5.79001430285611907 50.92296270533201863, 5.79277680637925574 50.91876630922083535, 5.79613018898851173 50.9172952025483383, 5.79613018898851173 50.9172952025483383)))</t>
  </si>
  <si>
    <t>MultiPolygon (((5.80169668804337668 50.92832807296576192, 5.80511377697116249 50.92541883198463637, 5.80614535137182131 50.92247657979500275, 5.79613018898851173 50.9172952025483383, 5.79277680637925574 50.91876630922083535, 5.79001430285611907 50.92296270533201863, 5.79180545173759498 50.92391189772218496, 5.80169668804337668 50.92832807296576192, 5.80169668804337668 50.92832807296576192)))</t>
  </si>
  <si>
    <t>MultiPolygon (((5.80169668804337668 50.92832807296576192, 5.80963279843304381 50.93091963649018084, 5.81423547499279181 50.92796534143602827, 5.8138471291655307 50.92626955878790085, 5.8148868874647377 50.92520671772970786, 5.80511377697116249 50.92541883198463637, 5.80169668804337668 50.92832807296576192, 5.80169668804337668 50.92832807296576192)))</t>
  </si>
  <si>
    <t>MultiPolygon (((5.80963279843304381 50.93091963649018084, 5.81324354711499502 50.93130837162273394, 5.81928105708599031 50.93068284180214533, 5.82118377118106789 50.93146847716873538, 5.82249393329227782 50.93481557278229133, 5.83038198915633377 50.93051225628097001, 5.83436741013807136 50.92564376170971485, 5.83438304137998465 50.92418131851139407, 5.83134247395804106 50.92196911910819068, 5.83395866876110514 50.92002338879182588, 5.83131504877202289 50.91918497036720481, 5.82035557178569363 50.92384815410290599, 5.8188444289149972 50.9251274146790891, 5.8148868874647377 50.92520671772970786, 5.8138471291655307 50.92626955878790085, 5.81423547499279181 50.92796534143602827, 5.80963279843304381 50.93091963649018084, 5.80963279843304381 50.93091963649018084)))</t>
  </si>
  <si>
    <t>MultiPolygon (((5.78672030505935098 50.93616258782966355, 5.79145547336668098 50.93430595183267684, 5.79180545173759498 50.92391189772218496, 5.79001430285611907 50.92296270533201863, 5.78383419572256852 50.92408073428741488, 5.78326267560870377 50.92827597596197364, 5.78672030505935098 50.93616258782966355, 5.78672030505935098 50.93616258782966355)))</t>
  </si>
  <si>
    <t>MultiPolygon (((5.82781579747958567 50.94891034469554114, 5.83237865863880511 50.94734955905528295, 5.83781989812763946 50.94639833340230695, 5.83860888999652072 50.9466017344811064, 5.83989158174259515 50.95019129941852754, 5.84434475008097909 50.94665859675341579, 5.84846126590235649 50.94471117897739276, 5.85308637418307853 50.94644711254384362, 5.85495879710458311 50.94607616666754524, 5.85692966042088337 50.9440014274319779, 5.85648803172723298 50.94331706784177527, 5.85554018903629192 50.93600665404125749, 5.85076433605426427 50.92849460280141471, 5.8472359853671021 50.9257744992242749, 5.84158877028648149 50.91984355298088616, 5.83395866876110514 50.92002338879182588, 5.83134247395804106 50.92196911910819068, 5.83438304137998465 50.92418131851139407, 5.83436741013807136 50.92564376170971485, 5.83038198915633377 50.93051225628097001, 5.82249393329227782 50.93481557278229133, 5.82013398133098736 50.9418043024639644, 5.82017571744629425 50.94291315144331378, 5.82156348999748197 50.94417819550026394, 5.82781579747958567 50.94891034469554114, 5.82781579747958567 50.94891034469554114)))</t>
  </si>
  <si>
    <t>MultiPolygon (((5.81251329638210645 50.954834969136094, 5.82781579747958567 50.94891034469554114, 5.82156348999748197 50.94417819550026394, 5.8119929510781656 50.94349825479662996, 5.80772543050548062 50.94672287167020386, 5.80371549641608553 50.94838445625244816, 5.81111565143147146 50.95449321131563636, 5.81251329638210645 50.954834969136094, 5.81251329638210645 50.954834969136094)))</t>
  </si>
  <si>
    <t>MultiPolygon (((5.78810772598751466 50.94860626128048153, 5.78820184901247092 50.94805811684767605, 5.79336148505976656 50.95190444900895699, 5.80212966700591792 50.94741246430947967, 5.80371549641608553 50.94838445625244816, 5.80772543050548062 50.94672287167020386, 5.8119929510781656 50.94349825479662996, 5.82156348999748197 50.94417819550026394, 5.82017571744629425 50.94291315144331378, 5.82013398133098736 50.9418043024639644, 5.82249393329227782 50.93481557278229133, 5.80537267314949101 50.93549437419455472, 5.803078563736082 50.93293824768191769, 5.79587111028789881 50.93335559967162851, 5.79145547336668098 50.93430595183267684, 5.78672030505935098 50.93616258782966355, 5.77853347256658534 50.93649530157611593, 5.77923053535798914 50.93924120426457591, 5.78373098313941991 50.94299688728631281, 5.77917132494832497 50.94381608694501296, 5.7793393225580898 50.94439442496861403, 5.77995457125807643 50.94533927584148358, 5.78243116976557836 50.94587973466198605, 5.78810772598751466 50.94860626128048153, 5.78810772598751466 50.94860626128048153)))</t>
  </si>
  <si>
    <t>MultiPolygon (((6.01820165938299212 50.93470139641921435, 6.03843902478922079 50.93089041013692508, 6.02023807958299706 50.92037948924067337, 6.01236436112808192 50.92709748949224746, 6.01613708754748799 50.93081133780581382, 6.01820165938299212 50.93470139641921435, 6.01820165938299212 50.93470139641921435)))</t>
  </si>
  <si>
    <t>MultiPolygon (((6.06813321539945694 50.9130319660656383, 6.07610923559639637 50.91427205022528568, 6.081011309369309 50.91764886089963227, 6.08140957689774186 50.91828140578295603, 6.0788783021412014 50.91928345330985195, 6.07309289696325827 50.92029878404132148, 6.07525698305749007 50.92275361173067694, 6.08212744909928738 50.92154116881748394, 6.08943591934935302 50.91852521109845497, 6.09016143750007632 50.9195715384767027, 6.09372596629376329 50.92123069751430364, 6.09414893973823002 50.92070225364839331, 6.0921465714616474 50.91751193212960658, 6.08893328873797035 50.91592484618361425, 6.0867417586331527 50.91390613695903511, 6.08603639732715251 50.91201847047982909, 6.08152845499154093 50.9094061505119484, 6.07981330657371721 50.90577028781304136, 6.07579712063690192 50.90534100333218248, 6.07522115067675372 50.90664024896918249, 6.07172554331811121 50.90734493398382909, 6.06877304563543518 50.90875347370279513, 6.07103031739693311 50.91084871700252279, 6.06849622800574373 50.91193487291674558, 6.06813321539945694 50.9130319660656383, 6.06813321539945694 50.9130319660656383)))</t>
  </si>
  <si>
    <t>MultiPolygon (((6.05272385037080429 50.91218259760246667, 6.06813321539945694 50.9130319660656383, 6.06849622800574373 50.91193487291674558, 6.07103031739693311 50.91084871700252279, 6.06877304563543518 50.90875347370279513, 6.07172554331811121 50.90734493398382909, 6.07522115067675372 50.90664024896918249, 6.07579712063690192 50.90534100333218248, 6.06382400218284445 50.90365790954662373, 6.06402199129877317 50.90232403547597784, 6.05935091057379172 50.9012122571903447, 6.0587297631052035 50.9024483878149141, 6.05632851745376044 50.90184463679761961, 6.05661737218328167 50.90011342951143547, 6.05587826251441719 50.8999322690066478, 6.04868749564882702 50.89941497556321082, 6.04554835262415935 50.89997395360477839, 6.04607577732803758 50.9021455210100271, 6.04544210555316841 50.9041848328203983, 6.04297786207648091 50.9068720430674162, 6.04369443550693042 50.90914079396971914, 6.05316081497226754 50.91081976409238763, 6.05272385037080429 50.91218259760246667, 6.05272385037080429 50.91218259760246667)))</t>
  </si>
  <si>
    <t>MultiPolygon (((6.05572360255981224 50.92614828824937945, 6.05402276552290708 50.92224733961489136, 6.06181816655988559 50.92123646625113054, 6.06296657336576583 50.92203500489080881, 6.06818421459097657 50.92065300558461161, 6.07177498062442389 50.92313329421006074, 6.07525698305749007 50.92275361173067694, 6.07309289696325827 50.92029878404132148, 6.0788783021412014 50.91928345330985195, 6.08140957689774186 50.91828140578295603, 6.081011309369309 50.91764886089963227, 6.07610923559639637 50.91427205022528568, 6.06813321539945694 50.9130319660656383, 6.05272385037080429 50.91218259760246667, 6.049287403974283 50.91266559877100661, 6.04549604588558864 50.91648730875336071, 6.04579925849244937 50.91696853637816389, 6.04942783267252704 50.91799899760543724, 6.04776052017009125 50.91991162298644724, 6.04593052357217431 50.92076364652203324, 6.05439188017304364 50.92621226614070196, 6.05572360255981224 50.92614828824937945, 6.05572360255981224 50.92614828824937945)))</t>
  </si>
  <si>
    <t>MultiPolygon (((6.04420752940443773 50.91678051899144464, 6.04579925849244937 50.91696853637816389, 6.04549604588558864 50.91648730875336071, 6.049287403974283 50.91266559877100661, 6.05272385037080429 50.91218259760246667, 6.05316081497226754 50.91081976409238763, 6.04369443550693042 50.90914079396971914, 6.04297786207648091 50.9068720430674162, 6.03495955156183062 50.91228731085220005, 6.03911916000992477 50.91313601152381096, 6.04113605612349591 50.91561236286388947, 6.04420752940443773 50.91678051899144464, 6.04420752940443773 50.91678051899144464)))</t>
  </si>
  <si>
    <t>MultiPolygon (((6.03948558043800432 50.9196338203973724, 6.04289022218148286 50.92196468482230642, 6.04593052357217431 50.92076364652203324, 6.04776052017009125 50.91991162298644724, 6.04942783267252704 50.91799899760543724, 6.04579925849244937 50.91696853637816389, 6.04420752940443773 50.91678051899144464, 6.03948558043800432 50.9196338203973724, 6.03948558043800432 50.9196338203973724)))</t>
  </si>
  <si>
    <t>MultiPolygon (((6.03948558043800432 50.9196338203973724, 6.04420752940443773 50.91678051899144464, 6.04113605612349591 50.91561236286388947, 6.03911916000992477 50.91313601152381096, 6.03495955156183062 50.91228731085220005, 6.03032069798440595 50.91429438640538763, 6.03202013142981031 50.91604637997798477, 6.03082462655498563 50.91745926144124468, 6.03484180257771907 50.92064582274043971, 6.03725527046958366 50.92052599542028446, 6.03948558043800432 50.9196338203973724, 6.03948558043800432 50.9196338203973724)))</t>
  </si>
  <si>
    <t>MultiPolygon (((6.03843902478922079 50.93089041013692508, 6.0441509320959721 50.92944810550662993, 6.0455821633764506 50.92808011138851754, 6.05087079721631049 50.92990542312688262, 6.05616044752948746 50.92715254862715568, 6.05572360255981224 50.92614828824937945, 6.05439188017304364 50.92621226614070196, 6.04593052357217431 50.92076364652203324, 6.04289022218148286 50.92196468482230642, 6.03948558043800432 50.9196338203973724, 6.03725527046958366 50.92052599542028446, 6.03484180257771907 50.92064582274043971, 6.03082462655498563 50.91745926144124468, 6.03202013142981031 50.91604637997798477, 6.03032069798440595 50.91429438640538763, 6.02269788658357896 50.91788190472206566, 6.02023807958299706 50.92037948924067337, 6.03843902478922079 50.93089041013692508, 6.03843902478922079 50.93089041013692508)))</t>
  </si>
  <si>
    <t>MultiPolygon (((6.0122144313288155 50.92694988620925045, 6.01236436112808192 50.92709748949224746, 6.02023807958299706 50.92037948924067337, 6.02269788658357896 50.91788190472206566, 6.02187426776767332 50.91731188291660715, 6.02307377040631398 50.91572149491411636, 6.02252670460819406 50.9128934899046115, 6.02010711237628815 50.90932375652023723, 6.01491920328422669 50.91129857078847465, 6.00747570635559924 50.90696755131571649, 6.00058989442353585 50.90648534240678202, 6.00067157539033946 50.90744517723475582, 5.99970055871405616 50.90804424293617814, 5.99523751639243763 50.90579833166688672, 5.99237881309854625 50.90613113411238544, 5.99072708844057189 50.90618273212421485, 5.99343151500744042 50.91004972379295168, 6.0032306974212668 50.91722508824508253, 6.00610451416352831 50.91867908729267356, 6.01238335604867746 50.92627254711686646, 6.01169632462456072 50.92643948785818253, 6.0122144313288155 50.92694988620925045, 6.0122144313288155 50.92694988620925045)))</t>
  </si>
  <si>
    <t>MultiPolygon (((6.02010711237628815 50.90932375652023723, 6.01880744469337703 50.90697525974746895, 6.01660022615626922 50.90504928503999338, 6.01085776075834044 50.90534643887413324, 6.00972048938926573 50.90653646976929991, 6.00747570635559924 50.90696755131571649, 6.01491920328422669 50.91129857078847465, 6.02010711237628815 50.90932375652023723, 6.02010711237628815 50.90932375652023723)))</t>
  </si>
  <si>
    <t>MultiPolygon (((6.02207884747860511 50.90644590589180751, 6.02532150824600699 50.90722424391389467, 6.02855137430755317 50.90228083381285273, 6.02603647070299697 50.90145561439997124, 6.0214514692628498 50.90507686991741565, 6.02082944726814873 50.9060009240376985, 6.02207884747860511 50.90644590589180751, 6.02207884747860511 50.90644590589180751)))</t>
  </si>
  <si>
    <t>MultiPolygon (((6.03022145583420421 50.90269131476144793, 6.03815352681560391 50.90413663572176972, 6.04544210555316841 50.9041848328203983, 6.04607577732803758 50.9021455210100271, 6.04554835262415935 50.89997395360477839, 6.04289713551678975 50.90040859685015562, 6.04268244972799007 50.89879473116651099, 6.04349476831961763 50.89761528288016024, 6.04220202228993664 50.89518279043870308, 6.03552175419264536 50.89650332241174624, 6.03479957918150411 50.89931544391285456, 6.03022145583420421 50.90269131476144793, 6.03022145583420421 50.90269131476144793)))</t>
  </si>
  <si>
    <t>MultiPolygon (((6.02532150824600699 50.90722424391389467, 6.02836537594555999 50.90794415609428114, 6.03495955156183062 50.91228731085220005, 6.04297786207648091 50.9068720430674162, 6.04544210555316841 50.9041848328203983, 6.03815352681560391 50.90413663572176972, 6.03022145583420421 50.90269131476144793, 6.02855137430755317 50.90228083381285273, 6.02532150824600699 50.90722424391389467, 6.02532150824600699 50.90722424391389467)))</t>
  </si>
  <si>
    <t>MultiPolygon (((6.02269788658357896 50.91788190472206566, 6.03032069798440595 50.91429438640538763, 6.03495955156183062 50.91228731085220005, 6.02836537594555999 50.90794415609428114, 6.02532150824600699 50.90722424391389467, 6.02207884747860511 50.90644590589180751, 6.01880744469337703 50.90697525974746895, 6.02010711237628815 50.90932375652023723, 6.02252670460819406 50.9128934899046115, 6.02307377040631398 50.91572149491411636, 6.02187426776767332 50.91731188291660715, 6.02269788658357896 50.91788190472206566, 6.02269788658357896 50.91788190472206566)))</t>
  </si>
  <si>
    <t>MultiPolygon (((6.02916608832841661 50.89628234190396228, 6.03552175419264536 50.89650332241174624, 6.04220202228993664 50.89518279043870308, 6.04220002064497574 50.89512703923504233, 6.04244414961646292 50.89282541201890098, 6.04090456116593799 50.89289822078693248, 6.040421144201229 50.89206644909130262, 6.04552567514329642 50.88988977369857025, 6.04287609056698116 50.88715249704096522, 6.04041496073390594 50.88824052986064572, 6.03705473980977558 50.8863204351756977, 6.03402703071642499 50.88058122475183609, 6.03479776191434958 50.87916721766559647, 6.03295099036693205 50.87661527831853903, 6.03113993913057023 50.87158731191794914, 6.02735657429178673 50.87161489681066939, 6.02140419947665162 50.87156405297299244, 6.01670821872531558 50.87602324306741508, 6.01914421596429516 50.87771173828976146, 6.02079201462714675 50.88571853620189245, 6.02148245481599709 50.88620663156257962, 6.02697616970613481 50.88655862337787994, 6.02929129752528326 50.88764506145704303, 6.03069530065131154 50.88982721671047216, 6.02901711557497499 50.89413111662338451, 6.02916608832841661 50.89628234190396228, 6.02916608832841661 50.89628234190396228)))</t>
  </si>
  <si>
    <t>MultiPolygon (((6.01009360454104868 50.87760525787611243, 6.00955732999188985 50.87843181079675503, 6.01527783061014976 50.87586786005055473, 6.01622573666961014 50.87615212706514711, 6.01670821872531558 50.87602324306741508, 6.02140419947665162 50.87156405297299244, 6.01714166532037087 50.87046666540504702, 6.01586035983153611 50.8702198787374158, 6.0150867896214617 50.87351459633935491, 6.01009360454104868 50.87760525787611243, 6.01009360454104868 50.87760525787611243)))</t>
  </si>
  <si>
    <t>MultiPolygon (((6.01392427941956864 50.88639510829779056, 6.01719200639484431 50.88635178228500422, 6.0162944491207675 50.88460295718939363, 6.01471976667267327 50.88464503944734219, 6.01368611997423308 50.88379987040068642, 6.01486940050124286 50.88112327891728626, 6.01497476150301846 50.87710865877761535, 6.01622573666961014 50.87615212706514711, 6.01527783061014976 50.87586786005055473, 6.00955732999188985 50.87843181079675503, 6.00953381992343072 50.87847685534875097, 6.0095250005360441 50.87858589803982312, 6.00908386308737796 50.88404744606795305, 6.01392427941956864 50.88639510829779056, 6.01392427941956864 50.88639510829779056)))</t>
  </si>
  <si>
    <t>MultiPolygon (((6.01719200639484431 50.88635178228500422, 6.02079201462714675 50.88571853620189245, 6.01914421596429516 50.87771173828976146, 6.01670821872531558 50.87602324306741508, 6.01622573666961014 50.87615212706514711, 6.01497476150301846 50.87710865877761535, 6.01486940050124286 50.88112327891728626, 6.01368611997423308 50.88379987040068642, 6.01471976667267327 50.88464503944734219, 6.0162944491207675 50.88460295718939363, 6.01719200639484431 50.88635178228500422, 6.01719200639484431 50.88635178228500422)))</t>
  </si>
  <si>
    <t>MultiPolygon (((6.00297662723070857 50.88947918159850303, 6.00727414118932934 50.88969874943654048, 6.01448768216299978 50.89113434748468023, 6.01392427941956864 50.88639510829779056, 6.00908386308737796 50.88404744606795305, 6.00786880553265323 50.88582823357096885, 6.00297662723070857 50.88947918159850303, 6.00297662723070857 50.88947918159850303)))</t>
  </si>
  <si>
    <t>MultiPolygon (((6.01454687647336517 50.89599947150588832, 6.01591902738050077 50.8961933713652499, 6.01608200333385135 50.89329602368311356, 6.01990701583800281 50.89203338748394145, 6.02267388883489208 50.89322809474597875, 6.02901711557497499 50.89413111662338451, 6.03069530065131154 50.88982721671047216, 6.02929129752528326 50.88764506145704303, 6.02697616970613481 50.88655862337787994, 6.02148245481599709 50.88620663156257962, 6.02079201462714675 50.88571853620189245, 6.01719200639484431 50.88635178228500422, 6.01392427941956864 50.88639510829779056, 6.01448768216299978 50.89113434748468023, 6.00727414118932934 50.88969874943654048, 6.00526309077304354 50.89272842353557991, 6.00634721264916482 50.8932219729892239, 6.00725551057696716 50.89252325661338006, 6.01112571401952689 50.89263969033471113, 6.01454687647336517 50.89599947150588832, 6.01454687647336517 50.89599947150588832)))</t>
  </si>
  <si>
    <t>MultiPolygon (((5.99474251326178464 50.89846326758662798, 5.99474041133421753 50.89851027308797171, 5.99856440841288663 50.8985776450970917, 6.0046087639445842 50.89647516151396189, 6.00920789726904214 50.89459384586265145, 6.01454687647336517 50.89599947150588832, 6.01112571401952689 50.89263969033471113, 6.00725551057696716 50.89252325661338006, 6.00634721264916482 50.8932219729892239, 6.00526309077304354 50.89272842353557991, 6.00727414118932934 50.88969874943654048, 6.00297662723070857 50.88947918159850303, 5.99936093158761352 50.89162227659436866, 5.99850556566694948 50.89180497197818909, 5.99862515823024633 50.89290711891146657, 5.9966093149781452 50.89252167448884023, 5.99480884526403823 50.89557530461286206, 5.99474251326178464 50.89846326758662798, 5.99474251326178464 50.89846326758662798)))</t>
  </si>
  <si>
    <t>MultiPolygon (((6.0175166854136668 50.89639716387109303, 6.01982581017143126 50.89665024724457965, 6.02123423552867276 50.89326075305214658, 6.02267388883489208 50.89322809474597875, 6.01990701583800281 50.89203338748394145, 6.01608200333385135 50.89329602368311356, 6.01591902738050077 50.8961933713652499, 6.0175166854136668 50.89639716387109303, 6.0175166854136668 50.89639716387109303)))</t>
  </si>
  <si>
    <t>MultiPolygon (((6.01982581017143126 50.89665024724457965, 6.02520517791047627 50.89694450652476121, 6.02916608832841661 50.89628234190396228, 6.02901711557497499 50.89413111662338451, 6.02267388883489208 50.89322809474597875, 6.02123423552867276 50.89326075305214658, 6.01982581017143126 50.89665024724457965, 6.01982581017143126 50.89665024724457965)))</t>
  </si>
  <si>
    <t>MultiPolygon (((6.0143393771106437 50.90113526196125093, 6.01628528459624778 50.90080042658901505, 6.01590569050652046 50.89926217924756457, 6.01792741439225409 50.89930960742729837, 6.0175166854136668 50.89639716387109303, 6.01591902738050077 50.8961933713652499, 6.01454687647336517 50.89599947150588832, 6.00920789726904214 50.89459384586265145, 6.0046087639445842 50.89647516151396189, 6.00458274285238947 50.89759711064017722, 6.00875511922187933 50.89887762531834881, 6.01446613525711893 50.89947639928600154, 6.0143393771106437 50.90113526196125093, 6.0143393771106437 50.90113526196125093)))</t>
  </si>
  <si>
    <t>MultiPolygon (((6.02855137430755317 50.90228083381285273, 6.03022145583420421 50.90269131476144793, 6.03479957918150411 50.89931544391285456, 6.03552175419264536 50.89650332241174624, 6.02916608832841661 50.89628234190396228, 6.02520517791047627 50.89694450652476121, 6.01982581017143126 50.89665024724457965, 6.0175166854136668 50.89639716387109303, 6.01792741439225409 50.89930960742729837, 6.02244836872046196 50.90008832221945312, 6.02603647070299697 50.90145561439997124, 6.02855137430755317 50.90228083381285273, 6.02855137430755317 50.90228083381285273)))</t>
  </si>
  <si>
    <t>MultiPolygon (((6.01880744469337703 50.90697525974746895, 6.02207884747860511 50.90644590589180751, 6.02082944726814873 50.9060009240376985, 6.0214514692628498 50.90507686991741565, 6.02603647070299697 50.90145561439997124, 6.02244836872046196 50.90008832221945312, 6.01792741439225409 50.89930960742729837, 6.01590569050652046 50.89926217924756457, 6.01628528459624778 50.90080042658901505, 6.0143393771106437 50.90113526196125093, 6.01520454634364388 50.90271680170973667, 6.01603396157174242 50.90260320943551164, 6.01660022615626922 50.90504928503999338, 6.01880744469337703 50.90697525974746895, 6.01880744469337703 50.90697525974746895)))</t>
  </si>
  <si>
    <t>MultiPolygon (((5.99237881309854625 50.90613113411238544, 5.99523751639243763 50.90579833166688672, 5.99970055871405616 50.90804424293617814, 6.00067157539033946 50.90744517723475582, 6.00058989442353585 50.90648534240678202, 6.00747570635559924 50.90696755131571649, 6.00972048938926573 50.90653646976929991, 6.01085776075834044 50.90534643887413324, 6.01660022615626922 50.90504928503999338, 6.01603396157174242 50.90260320943551164, 6.01520454634364388 50.90271680170973667, 6.0143393771106437 50.90113526196125093, 6.01446613525711893 50.89947639928600154, 6.00875511922187933 50.89887762531834881, 6.00458274285238947 50.89759711064017722, 6.0046087639445842 50.89647516151396189, 5.99856440841288663 50.8985776450970917, 5.99474041133421753 50.89851027308797171, 5.99462034738356842 50.90239051499920464, 5.99450547354076946 50.90351355050637494, 5.99336814069354684 50.90364360819033607, 5.99370152420287727 50.90440835252843499, 5.99160492192517857 50.90505704865545056, 5.99237881309854625 50.90613113411238544, 5.99237881309854625 50.90613113411238544)))</t>
  </si>
  <si>
    <t>MultiPolygon (((4.82440718621932874 52.53380445913313679, 4.83402411464886761 52.53887355076185628, 4.83534350286860626 52.53735035230357653, 4.83749476022502201 52.5306230122545017, 4.84329836709434591 52.52678978535404042, 4.84979727644878977 52.52503951496282042, 4.85938178259961528 52.52503408152428932, 4.86771984342641861 52.52214476557610823, 4.87564198396551696 52.51992667257800917, 4.89350173581449965 52.51760733852933072, 4.90194838519329146 52.51784203721786071, 4.90952428839422783 52.51700944792761305, 4.92260096086477628 52.51141219000614768, 4.92853107901791354 52.51080703723355469, 4.93435205606687433 52.51164060624265773, 4.93470373428891484 52.51035334663785648, 4.9292468619524028 52.50740719582528726, 4.9251176004998829 52.50553001991699631, 4.92009295197133856 52.5084557175679123, 4.90974295341037603 52.51045383130145439, 4.9069478123607384 52.51012265522843592, 4.89658826514318957 52.50984463838307192, 4.89057042445317869 52.50898910882107629, 4.87688450348931735 52.50393064170480528, 4.87730992747755199 52.50662955318610869, 4.87752563262708971 52.50797045369780136, 4.87191206850348291 52.50799395534700409, 4.859635161953479 52.51032870821168075, 4.84724401542207595 52.51599883023568793, 4.83513978589868554 52.51908791201873328, 4.83528380823179926 52.52171039247203055, 4.82720496826445178 52.5217174857668283, 4.82495071433199563 52.52125183743545733, 4.8189993084567222 52.52483477051221428, 4.81588208885404789 52.52112876512892825, 4.81052894866676883 52.52195022598784391, 4.80470594044055765 52.52536017851136307, 4.81162657232070323 52.5301905006303258, 4.82018692050351127 52.53123179774097906, 4.82440718621932874 52.53380445913313679)))</t>
  </si>
  <si>
    <t>MultiPolygon (((4.82438524125873691 52.54259994292962688, 4.82803173884620485 52.54166855990592211, 4.83391038516819815 52.53896034888206401, 4.83402411464886761 52.53887355076185628, 4.82440718621932874 52.53380445913313679, 4.8169929945769141 52.5356482083356795, 4.81902746932361215 52.53872596914023774, 4.82098650576356036 52.53824635855500702, 4.82438524125873691 52.54259994292962688, 4.82438524125873691 52.54259994292962688)))</t>
  </si>
  <si>
    <t>MultiPolygon (((4.86740963516841063 52.50620912359612902, 4.86684603247816749 52.50403982959045379, 4.84905796834606484 52.50241913183770492, 4.84909926592587315 52.50713409744001581, 4.86740963516841063 52.50620912359612902, 4.86740963516841063 52.50620912359612902)))</t>
  </si>
  <si>
    <t>MultiPolygon (((4.83805348515168365 52.50834173940670269, 4.83689758710720685 52.50985442507774792, 4.83203528837787921 52.51125432761978118, 4.83513978589868554 52.51908791201873328, 4.84724401542207595 52.51599883023568793, 4.859635161953479 52.51032870821168075, 4.87191206850348291 52.50799395534700409, 4.87752563262708971 52.50797045369780136, 4.87730992747755199 52.50662955318610869, 4.86740963516841063 52.50620912359612902, 4.84909926592587315 52.50713409744001581, 4.84905796834606484 52.50241913183770492, 4.84723805603414881 52.50226060432564879, 4.84680477199627369 52.50758287263716539, 4.83805348515168365 52.50834173940670269, 4.83805348515168365 52.50834173940670269)))</t>
  </si>
  <si>
    <t>MultiPolygon (((4.87688450348931735 52.50393064170480528, 4.89057042445317869 52.50898910882107629, 4.89658826514318957 52.50984463838307192, 4.9069478123607384 52.51012265522843592, 4.91616360199068492 52.50177599669716244, 4.84153616025913092 52.47302199720561333, 4.83754652742445757 52.47709385111424751, 4.83692470910342376 52.47987601874187646, 4.84068584442014238 52.48260833258644453, 4.85001357656737575 52.49008362444676123, 4.86243777973408697 52.49784404883118327, 4.8670846735374802 52.50040347570504196, 4.87148159206395537 52.5013385489126776, 4.87688450348931735 52.50393064170480528, 4.87688450348931735 52.50393064170480528)))</t>
  </si>
  <si>
    <t>MultiPolygon (((4.90646964212110248 52.47982647495597064, 4.8956309644300724 52.478227508041428, 4.89053245124679936 52.47895918700500317, 4.88243786064272722 52.47480183775707019, 4.86722632410768696 52.47057703952403784, 4.86258669631349871 52.46849752303201342, 4.85250493784779469 52.47036706622035496, 4.84647995109355989 52.4707243875674223, 4.84239887235470956 52.4721107126371038, 4.84153616025913092 52.47302199720561333, 4.91616360199068492 52.50177599669716244, 4.9255832146774372 52.50540382770920189, 4.92648116250828494 52.50428017067189757, 4.92620945989775727 52.50017902611664056, 4.92399230520459152 52.49688245793043251, 4.92378824695223116 52.49315989167637753, 4.92065089248952425 52.49043447685894392, 4.91612695507217357 52.48654520796623757, 4.90822090021744195 52.48309687403526169, 4.90770343059085157 52.48088647537434781, 4.90646964212110248 52.47982647495597064, 4.90646964212110248 52.47982647495597064)))</t>
  </si>
  <si>
    <t>MultiPolygon (((4.9069478123607384 52.51012265522843592, 4.90974295341037603 52.51045383130145439, 4.92009295197133856 52.5084557175679123, 4.9251176004998829 52.50553001991699631, 4.9255832146774372 52.50540382770920189, 4.91616360199068492 52.50177599669716244, 4.9069478123607384 52.51012265522843592, 4.9069478123607384 52.51012265522843592)))</t>
  </si>
  <si>
    <t>MultiPolygon (((4.81865253198327892 52.49213940487441477, 4.82382102191893924 52.49281116532014835, 4.82878466850886046 52.49315537650878838, 4.83244508710263698 52.49058049384110802, 4.83255516615234448 52.48603416273650168, 4.83549853654750716 52.48541876129040418, 4.83877275484935421 52.48577378604515786, 4.84068584442014238 52.48260833258644453, 4.83692470910342376 52.47987601874187646, 4.81684548215481279 52.48256093715144743, 4.8123648153590235 52.48396753050133157, 4.81156568153874176 52.4857466146343441, 4.81865253198327892 52.49213940487441477, 4.81865253198327892 52.49213940487441477)))</t>
  </si>
  <si>
    <t>MultiPolygon (((4.81798387140307849 52.49923802721803412, 4.82034139062080946 52.49937233138309978, 4.8205385309969131 52.49938591138819532, 4.82133363694440664 52.49521289169293681, 4.81822540877141847 52.49515358619451177, 4.81798387140307849 52.49923802721803412, 4.81798387140307849 52.49923802721803412)))</t>
  </si>
  <si>
    <t>MultiPolygon (((4.79628196643348126 52.50337487494773825, 4.80679243104549592 52.50366492566088539, 4.81637790714760428 52.50477476345746197, 4.81725212453372453 52.49968557509765077, 4.80186950189952899 52.49610259891321817, 4.80136602420428549 52.49782509065615699, 4.79685990146176433 52.49879602859736138, 4.79628196643348126 52.50337487494773825, 4.79628196643348126 52.50337487494773825)))</t>
  </si>
  <si>
    <t>MultiPolygon (((4.81725212453372453 52.49968557509765077, 4.81798387140307849 52.49923802721803412, 4.81822540877141847 52.49515358619451177, 4.82133363694440664 52.49521289169293681, 4.8205385309969131 52.49938591138819532, 4.82324302986958742 52.49956787558072335, 4.82382102191893924 52.49281116532014835, 4.81865253198327892 52.49213940487441477, 4.81813926561998063 52.49484556062455454, 4.80633500550308224 52.49399744670004253, 4.80358562970066849 52.49462083630418618, 4.80186950189952899 52.49610259891321817, 4.81725212453372453 52.49968557509765077, 4.81725212453372453 52.49968557509765077)))</t>
  </si>
  <si>
    <t>MultiPolygon (((4.81052894866676883 52.52195022598784391, 4.81588208885404789 52.52112876512892825, 4.8189993084567222 52.52483477051221428, 4.82495071433199563 52.52125183743545733, 4.82720496826445178 52.5217174857668283, 4.83528380823179926 52.52171039247203055, 4.83513978589868554 52.51908791201873328, 4.83203528837787921 52.51125432761978118, 4.83689758710720685 52.50985442507774792, 4.83805348515168365 52.50834173940670269, 4.81637790714760428 52.50477476345746197, 4.80679243104549592 52.50366492566088539, 4.79628196643348126 52.50337487494773825, 4.79399768550785232 52.50328743176589796, 4.79334561196190467 52.50700424133518851, 4.78975142779148833 52.50942618331929168, 4.78875614959611973 52.51110572278901856, 4.78909455972096776 52.51839889462684141, 4.7898609197139761 52.51923588640847385, 4.7924396505436162 52.51972520210545525, 4.79828427571244465 52.52436047913182193, 4.80470594044055765 52.52536017851136307, 4.81052894866676883 52.52195022598784391, 4.81052894866676883 52.52195022598784391)))</t>
  </si>
  <si>
    <t>MultiPolygon (((4.80358562970066849 52.49462083630418618, 4.80633500550308224 52.49399744670004253, 4.81813926561998063 52.49484556062455454, 4.81865253198327892 52.49213940487441477, 4.81156568153874176 52.4857466146343441, 4.7988428665292977 52.4911052583039961, 4.79364344175563417 52.49088201887344241, 4.79235880418533444 52.49113163651710323, 4.79158905228232079 52.49214457144078239, 4.79503315779559447 52.496031247505897, 4.79461173577327493 52.50066059634834659, 4.79399768550785232 52.50328743176589796, 4.79628196643348126 52.50337487494773825, 4.79685990146176433 52.49879602859736138, 4.80136602420428549 52.49782509065615699, 4.80186950189952899 52.49610259891321817, 4.80358562970066849 52.49462083630418618, 4.80358562970066849 52.49462083630418618)))</t>
  </si>
  <si>
    <t>MultiPolygon (((4.86740963516841063 52.50620912359612902, 4.87730992747755199 52.50662955318610869, 4.87688450348931735 52.50393064170480528, 4.87148159206395537 52.5013385489126776, 4.8670846735374802 52.50040347570504196, 4.86243777973408697 52.49784404883118327, 4.85001357656737575 52.49008362444676123, 4.84068584442014238 52.48260833258644453, 4.83877275484935421 52.48577378604515786, 4.83549853654750716 52.48541876129040418, 4.83255516615234448 52.48603416273650168, 4.83244508710263698 52.49058049384110802, 4.82878466850886046 52.49315537650878838, 4.82382102191893924 52.49281116532014835, 4.82324302986958742 52.49956787558072335, 4.8205385309969131 52.49938591138819532, 4.82034139062080946 52.49937233138309978, 4.81798387140307849 52.49923802721803412, 4.81725212453372453 52.49968557509765077, 4.81637790714760428 52.50477476345746197, 4.83805348515168365 52.50834173940670269, 4.84680477199627369 52.50758287263716539, 4.84723805603414881 52.50226060432564879, 4.84905796834606484 52.50241913183770492, 4.86684603247816749 52.50403982959045379, 4.86740963516841063 52.50620912359612902, 4.86740963516841063 52.50620912359612902)))</t>
  </si>
  <si>
    <t>MultiPolygon (((4.72841724399339647 51.53687754825063649, 4.72248993989994137 51.53515816449428399, 4.72507862204315998 51.53291904502521703, 4.72550095139708493 51.53310066469996542, 4.72624157542958834 51.53245185694013486, 4.72395320220489179 51.53025796525909641, 4.7217716996769985 51.52885425265514385, 4.719097754025813 51.52880022922181524, 4.71640473027697027 51.52486648713603756, 4.7128749538961543 51.52171016998433828, 4.71005280203787091 51.52119046880374498, 4.70902129652775159 51.52018194335207113, 4.70640906359077871 51.52310808511440143, 4.70223802151285941 51.52377894115161183, 4.69558098236596511 51.52123490808567396, 4.69359832928224119 51.52260524600566072, 4.69589268792634762 51.52389048148699402, 4.69398572594681696 51.5251742928550911, 4.69266583719055852 51.52508796302107186, 4.69143168328614646 51.52351078745020629, 4.68931626977591254 51.52253837962292238, 4.67943913592591176 51.52123711050991517, 4.68142718830930704 51.51778700010313372, 4.68573423016554624 51.5140342265874196, 4.6905663454840596 51.513948534510142, 4.69443009802305866 51.51291447120605227, 4.69789460591542163 51.51092847365232785, 4.70316940657310845 51.50923642146707238, 4.69984282004904674 51.50479350594665817, 4.69985523656322712 51.50225140196653939, 4.69033336682926549 51.49869210492898475, 4.68872009005731361 51.49608719723787686, 4.68043157497350926 51.4955900318850226, 4.67683189221396489 51.49841936915726137, 4.67790623176337839 51.49897057269912892, 4.6760444309732776 51.50079383547930689, 4.67028163045701472 51.50118304875631736, 4.66410859690021251 51.50254895417383239, 4.66258502728964963 51.5052479926325546, 4.64603602946128369 51.50793072624713886, 4.63443054593788961 51.50512554681927924, 4.63156103111723993 51.50591883345192201, 4.6291251877453421 51.50886856613780651, 4.62288796877980701 51.50733350150579071, 4.61078455438895674 51.50833860059384506, 4.6150200483793089 51.50894689662773374, 4.61637946914577046 51.50808729755049598, 4.6170868911900067 51.50970684329953286, 4.61819765917119085 51.50961524682799109, 4.6182017555557664 51.51067224283588786, 4.62053910366480114 51.51073618396988962, 4.61940537925823413 51.51617200220200488, 4.62161819566118393 51.51626192493788636, 4.6215073837774705 51.51744384163266943, 4.62640175165963186 51.51892066106281476, 4.62498662370963309 51.52109012806780441, 4.62765956395878142 51.52246774669001894, 4.63105977021245963 51.52331137616600643, 4.63871604785359271 51.5244126552196704, 4.63815778876585139 51.51720523988460343, 4.64306151474443496 51.5181473942995467, 4.65092652636278281 51.52128729537302831, 4.65238451641509432 51.52192661771071158, 4.65421701722097136 51.52414513843557842, 4.66042377393230023 51.52639214195649231, 4.68107940661690947 51.54069536459369516, 4.68707671832322248 51.5426030278419347, 4.69418676440048266 51.54484844980426317, 4.7039968178571856 51.54979854237664938, 4.72841724399339647 51.53687754825063649)))</t>
  </si>
  <si>
    <t>MultiPolygon (((4.73879875949356943 51.5322669861204119, 4.73973257789578106 51.53210976235105534, 4.74146393608569738 51.53285799373298914, 4.74180161286548962 51.53109635245867537, 4.74011874527128541 51.52785817303870175, 4.74113387814033427 51.5263145595042289, 4.74323483645314514 51.52539384179740267, 4.74398372350508168 51.51876133372457645, 4.74348381396902141 51.51090972191414608, 4.7421577098049239 51.50563140087159297, 4.73565198925167241 51.49174772947135637, 4.73399659986775223 51.48554820654415209, 4.72915185353750012 51.48390719048825304, 4.7247459300967769 51.47877863115315478, 4.71492145589385903 51.47889517747989174, 4.71174816419787579 51.47796364375504652, 4.70685179207323579 51.48233697669752473, 4.69881610834528196 51.49192150848119809, 4.69713112659985033 51.49250848551026394, 4.68872009005731361 51.49608719723787686, 4.69033336682926549 51.49869210492898475, 4.69985523656322712 51.50225140196653939, 4.69984282004904674 51.50479350594665817, 4.70316940657310845 51.50923642146707238, 4.70305402129694272 51.51231360287942351, 4.70670348653110882 51.51488411665097544, 4.70902129652775159 51.52018194335207113, 4.71005280203787091 51.52119046880374498, 4.7128749538961543 51.52171016998433828, 4.71640473027697027 51.52486648713603756, 4.719097754025813 51.52880022922181524, 4.7217716996769985 51.52885425265514385, 4.72395320220489179 51.53025796525909641, 4.72624157542958834 51.53245185694013486, 4.72550095139708493 51.53310066469996542, 4.72817493340443473 51.53366100699732755, 4.72886445729386118 51.53484175259539768, 4.73001328357774131 51.53519340077686905, 4.73019922563595774 51.53641698635236423, 4.73203146249981277 51.53634115096567569, 4.7356185460347815 51.53369368073300905, 4.73879875949356943 51.5322669861204119)))</t>
  </si>
  <si>
    <t>MultiPolygon (((4.70902129652775159 51.52018194335207113, 4.70670348653110882 51.51488411665097544, 4.70305402129694272 51.51231360287942351, 4.70316940657310845 51.50923642146707238, 4.69789460591542163 51.51092847365232785, 4.69443009802305866 51.51291447120605227, 4.6905663454840596 51.513948534510142, 4.68573423016554624 51.5140342265874196, 4.68142718830930704 51.51778700010313372, 4.67943913592591176 51.52123711050991517, 4.68931626977591254 51.52253837962292238, 4.69143168328614646 51.52351078745020629, 4.69266583719055852 51.52508796302107186, 4.69398572594681696 51.5251742928550911, 4.69589268792634762 51.52389048148699402, 4.69359832928224119 51.52260524600566072, 4.69558098236596511 51.52123490808567396, 4.70223802151285941 51.52377894115161183, 4.70640906359077871 51.52310808511440143, 4.70902129652775159 51.52018194335207113, 4.70902129652775159 51.52018194335207113)))</t>
  </si>
  <si>
    <t>MultiPolygon (((4.59866606747676876 51.46862237061576195, 4.59955181027782078 51.46742297946681788, 4.60410554935445937 51.46783199813128817, 4.60616715135643151 51.46502943931673713, 4.60867344387101685 51.46413576447115901, 4.60733942426676801 51.45985173876561447, 4.61433506071875055 51.45496330341829605, 4.60864735880981868 51.4497523167451476, 4.60748374705383767 51.44562195486061995, 4.60588873884463101 51.44476744106687249, 4.61058135099013278 51.43740613573186238, 4.59796522766232485 51.43457335928526675, 4.59705488676465013 51.43012046668425086, 4.58824822497260953 51.43135765041132146, 4.58248798045939676 51.43137757652367981, 4.58221913967808803 51.43193372839402855, 4.57472819035275879 51.43284851855393214, 4.53540878175122675 51.42302963542471872, 4.52989646381241773 51.44952050981180491, 4.54816079283885166 51.47331259445622464, 4.556100788683902 51.48563433021441682, 4.57229921338254641 51.48267487875983761, 4.58008816696137622 51.48214777297330613, 4.58079160706809763 51.48160008878906524, 4.59804219203967968 51.48062130396429836, 4.59318001285687938 51.4751480137745645, 4.59309681409672432 51.4740058418694062, 4.59536617941191494 51.47377602375612327, 4.59675047483458599 51.47260334887836564, 4.59920876416035185 51.46961932132128936, 4.59866606747676876 51.46862237061576195, 4.59866606747676876 51.46862237061576195),(4.57875253127999393 51.45330140623004667, 4.58115413058210574 51.45100081185649543, 4.58688359702955495 51.45321109900253731, 4.59099434199538781 51.45331478079015142, 4.59150702421814927 51.45401520830122877, 4.58865842211691799 51.45452554399636114, 4.58569830354824592 51.456898302105337, 4.57875253127999393 51.45330140623004667, 4.57875253127999393 51.45330140623004667)))</t>
  </si>
  <si>
    <t>MultiPolygon (((4.58865842211691799 51.45452554399636114, 4.59150702421814927 51.45401520830122877, 4.59099434199538781 51.45331478079015142, 4.58688359702955495 51.45321109900253731, 4.58115413058210574 51.45100081185649543, 4.57875253127999393 51.45330140623004667, 4.58569830354824592 51.456898302105337, 4.58865842211691799 51.45452554399636114, 4.58865842211691799 51.45452554399636114)))</t>
  </si>
  <si>
    <t>MultiPolygon (((4.64844328558662223 51.46218717232365236, 4.65063111600858559 51.46326001328581157, 4.64960333620268518 51.46137089347232774, 4.65135151982382045 51.46095129910194288, 4.65236688360641892 51.46181614435184315, 4.65683600920228091 51.45986718133703164, 4.65585549128012843 51.45677332785901115, 4.66722744074304607 51.44943964908477341, 4.66351891493946358 51.44734138050799288, 4.66661633487557115 51.44423748126400397, 4.66968962311775382 51.42636260316989905, 4.66447233054275046 51.42615861777542818, 4.65641861200079177 51.42499344961604635, 4.6517165703691381 51.42688536051514347, 4.64664998444687516 51.42339517504491653, 4.64129037811559719 51.42201444647584907, 4.63747376233679098 51.42301511279834614, 4.63393614258751985 51.42507498746032013, 4.63009446525496493 51.42591692857125452, 4.59705488676465013 51.43012046668425086, 4.59796522766232485 51.43457335928526675, 4.61058135099013278 51.43740613573186238, 4.60588873884463101 51.44476744106687249, 4.60748374705383767 51.44562195486061995, 4.60864735880981868 51.4497523167451476, 4.61433506071875055 51.45496330341829605, 4.62250303285962705 51.46079507365052308, 4.63934663848682671 51.46252419633704989, 4.64611720089587532 51.46199657884120171, 4.6455333333274762 51.4610956581800707, 4.64624171188570756 51.46089425292161934, 4.64844328558662223 51.46218717232365236, 4.64844328558662223 51.46218717232365236),(4.64245899321292121 51.45977734354818978, 4.64143569029746228 51.46006289598938821, 4.63611838706445845 51.45745217920920567, 4.6358083798710279 51.4560001841973147, 4.64011018637756667 51.45290384321635457, 4.64227921671819477 51.45239269450426178, 4.64750174989224885 51.4560257211291443, 4.64245899321292121 51.45977734354818978, 4.64245899321292121 51.45977734354818978)))</t>
  </si>
  <si>
    <t>MultiPolygon (((4.64245899321292121 51.45977734354818978, 4.64750174989224885 51.4560257211291443, 4.64227921671819477 51.45239269450426178, 4.64011018637756667 51.45290384321635457, 4.6358083798710279 51.4560001841973147, 4.63611838706445845 51.45745217920920567, 4.64143569029746228 51.46006289598938821, 4.64245899321292121 51.45977734354818978, 4.64245899321292121 51.45977734354818978)))</t>
  </si>
  <si>
    <t>MultiPolygon (((4.61078455438895674 51.50833860059384506, 4.62288796877980701 51.50733350150579071, 4.6291251877453421 51.50886856613780651, 4.63156103111723993 51.50591883345192201, 4.63443054593788961 51.50512554681927924, 4.64603602946128369 51.50793072624713886, 4.66258502728964963 51.5052479926325546, 4.66410859690021251 51.50254895417383239, 4.67028163045701472 51.50118304875631736, 4.6760444309732776 51.50079383547930689, 4.67790623176337839 51.49897057269912892, 4.67683189221396489 51.49841936915726137, 4.68043157497350926 51.4955900318850226, 4.68872009005731361 51.49608719723787686, 4.69713112659985033 51.49250848551026394, 4.69467768169918021 51.49012706525193295, 4.6916862263380299 51.48848313128092258, 4.6893441869446546 51.48459043443631344, 4.68831045770688082 51.48440363060563385, 4.68259188724300301 51.48663981083159769, 4.67930912049157932 51.48654916734337661, 4.6678115396351112 51.48305494968816021, 4.66353514991330798 51.48010430306366914, 4.66035440511986554 51.47900193672953861, 4.65883619803249882 51.47929304354552471, 4.65845671915395432 51.4808117760202677, 4.66050431410256838 51.48288413380763728, 4.65794063789959711 51.48451593828857398, 4.64906699671376522 51.4817975039724729, 4.65267779132810677 51.47791180889783647, 4.65492960274525647 51.47923686294608103, 4.6560540783425779 51.47828153012597596, 4.65406726565497042 51.47722269925535699, 4.6540138808858913 51.47615913718215097, 4.64895575866690525 51.47348899787510845, 4.64411150883073809 51.47221216613416317, 4.64164449727407913 51.47212368147982886, 4.63686872691779062 51.47308552359576339, 4.62851613991305744 51.47170201153849689, 4.62437677623672627 51.46971992902533799, 4.61973625858960713 51.46888780539028119, 4.61533243755283173 51.46887393780571074, 4.60967894065837669 51.46669450435330617, 4.60867344387101685 51.46413576447115901, 4.60616715135643151 51.46502943931673713, 4.60410554935445937 51.46783199813128817, 4.59955181027782078 51.46742297946681788, 4.59866606747676876 51.46862237061576195, 4.59920876416035185 51.46961932132128936, 4.59675047483458599 51.47260334887836564, 4.59536617941191494 51.47377602375612327, 4.59309681409672432 51.4740058418694062, 4.59318001285687938 51.4751480137745645, 4.59804219203967968 51.48062130396429836, 4.58079160706809763 51.48160008878906524, 4.58008816696137622 51.48214777297330613, 4.57229921338254641 51.48267487875983761, 4.57580804590545398 51.48813956834303696, 4.57397627958819886 51.48846857006630273, 4.57617767215405458 51.49253944384479809, 4.57917991961360649 51.49340621416205011, 4.5837099422758909 51.49576408216417889, 4.58973120320069139 51.49673744504884354, 4.57957354661799609 51.51071275075204881, 4.61078455438895674 51.50833860059384506, 4.61078455438895674 51.50833860059384506)))</t>
  </si>
  <si>
    <t>MultiPolygon (((4.65807447859196078 51.47880091822199233, 4.6560540783425779 51.47828153012597596, 4.65492960274525647 51.47923686294608103, 4.65267779132810677 51.47791180889783647, 4.64906699671376522 51.4817975039724729, 4.65794063789959711 51.48451593828857398, 4.66050431410256838 51.48288413380763728, 4.65845671915395432 51.4808117760202677, 4.65883619803249882 51.47929304354552471, 4.66035440511986554 51.47900193672953861, 4.65807447859196078 51.47880091822199233, 4.65807447859196078 51.47880091822199233)))</t>
  </si>
  <si>
    <t>MultiPolygon (((4.65467080594452298 51.47216457472335094, 4.65073448922064347 51.47105719862813089, 4.64586323174906912 51.47082355054525493, 4.64503453215728079 51.46848395917431418, 4.64559142731317376 51.46422503587595543, 4.64844328558662223 51.46218717232365236, 4.64624171188570756 51.46089425292161934, 4.6455333333274762 51.4610956581800707, 4.64611720089587532 51.46199657884120171, 4.63934663848682671 51.46252419633704989, 4.62250303285962705 51.46079507365052308, 4.61433506071875055 51.45496330341829605, 4.60733942426676801 51.45985173876561447, 4.60867344387101685 51.46413576447115901, 4.60967894065837669 51.46669450435330617, 4.61533243755283173 51.46887393780571074, 4.61973625858960713 51.46888780539028119, 4.62437677623672627 51.46971992902533799, 4.62851613991305744 51.47170201153849689, 4.63686872691779062 51.47308552359576339, 4.64164449727407913 51.47212368147982886, 4.64411150883073809 51.47221216613416317, 4.64895575866690525 51.47348899787510845, 4.6540138808858913 51.47615913718215097, 4.65406726565497042 51.47722269925535699, 4.6560540783425779 51.47828153012597596, 4.65807447859196078 51.47880091822199233, 4.65975474646744914 51.47605291082171419, 4.65467080594452298 51.47216457472335094, 4.65467080594452298 51.47216457472335094)),((4.70685179207323579 51.48233697669752473, 4.71174816419787579 51.47796364375504652, 4.71492145589385903 51.47889517747989174, 4.7247459300967769 51.47877863115315478, 4.72060327594790952 51.47345491466917622, 4.71598964713227886 51.47106594035800242, 4.71689810448483371 51.46886462280923524, 4.70324877881105863 51.46696831901470404, 4.70275085633210654 51.46608306478223938, 4.70405612887545654 51.4654653328939915, 4.69934569721693141 51.46086093459125976, 4.69931432307469432 51.45997228285249037, 4.69309689637936955 51.45172993177123999, 4.68644055888133959 51.45127081831464011, 4.66661633487557115 51.44423748126400397, 4.66351891493946358 51.44734138050799288, 4.66722744074304607 51.44943964908477341, 4.65585549128012843 51.45677332785901115, 4.65683600920228091 51.45986718133703164, 4.65236688360641892 51.46181614435184315, 4.65346828078095509 51.46311439546223454, 4.67537611720806989 51.47277778458528275, 4.67522834223862738 51.47444714218188011, 4.66930126934959677 51.47642240606455033, 4.66773784048839957 51.47535011808975725, 4.66035440511986554 51.47900193672953861, 4.66353514991330798 51.48010430306366914, 4.6678115396351112 51.48305494968816021, 4.67930912049157932 51.48654916734337661, 4.68259188724300301 51.48663981083159769, 4.68831045770688082 51.48440363060563385, 4.6893441869446546 51.48459043443631344, 4.6916862263380299 51.48848313128092258, 4.69467768169918021 51.49012706525193295, 4.69713112659985033 51.49250848551026394, 4.69881610834528196 51.49192150848119809, 4.70685179207323579 51.48233697669752473, 4.70685179207323579 51.48233697669752473)))</t>
  </si>
  <si>
    <t>MultiPolygon (((4.65807447859196078 51.47880091822199233, 4.66035440511986554 51.47900193672953861, 4.66773784048839957 51.47535011808975725, 4.66930126934959677 51.47642240606455033, 4.67522834223862738 51.47444714218188011, 4.67537611720806989 51.47277778458528275, 4.65346828078095509 51.46311439546223454, 4.65236688360641892 51.46181614435184315, 4.65135151982382045 51.46095129910194288, 4.64960333620268518 51.46137089347232774, 4.65063111600858559 51.46326001328581157, 4.64844328558662223 51.46218717232365236, 4.64559142731317376 51.46422503587595543, 4.64503453215728079 51.46848395917431418, 4.64586323174906912 51.47082355054525493, 4.65073448922064347 51.47105719862813089, 4.65467080594452298 51.47216457472335094, 4.65975474646744914 51.47605291082171419, 4.65807447859196078 51.47880091822199233, 4.65807447859196078 51.47880091822199233)))</t>
  </si>
  <si>
    <t>MultiPolygon (((4.39161099072956684 51.40817181143199832, 4.43169167175089651 51.37504901633870702, 4.42508093269033242 51.37128953691352962, 4.4277543703531812 51.36967902013055465, 4.42981568211179688 51.3673749027894786, 4.43135161180734194 51.36385308252027215, 4.42185372154520451 51.36523053138442663, 4.40739742953777824 51.36007563317355107, 4.40197428876977526 51.36002990931689993, 4.40059015946408749 51.36517636082237459, 4.41099795903660841 51.3692091722692723, 4.40674664221348777 51.37284841160928295, 4.40610647573010006 51.37308489182031934, 4.39970895896072811 51.370461617425903, 4.39222123104041628 51.36834669065152781, 4.38437550827586531 51.37736397046726466, 4.37888680849476941 51.37642499288405418, 4.38822865896699366 51.36273018527213452, 4.38732918198175614 51.36178252690790913, 4.3847266407987231 51.36121434802044661, 4.38598354576982885 51.35910311737027456, 4.3870522925857891 51.35893435655334116, 4.38909929459914139 51.35524900326837638, 4.38454334029351678 51.35435189284550717, 4.38403907855621 51.3552305539136924, 4.3787586119089319 51.3549209122169259, 4.36980082009953108 51.35670323720852792, 4.36824013769905495 51.35610363098503939, 4.36652679769197327 51.35730558777351717, 4.35096468806662173 51.3582592122766286, 4.35088961941802843 51.35868282363738047, 4.34135376690576269 51.35756324920574656, 4.33729220069299704 51.36964413886379077, 4.39041345400045913 51.38772113447737411, 4.39161099072956684 51.40817181143199832, 4.39161099072956684 51.40817181143199832)))</t>
  </si>
  <si>
    <t>MultiPolygon (((4.38437550827586531 51.37736397046726466, 4.39222123104041628 51.36834669065152781, 4.39970895896072811 51.370461617425903, 4.40610647573010006 51.37308489182031934, 4.40674664221348777 51.37284841160928295, 4.41099795903660841 51.3692091722692723, 4.40059015946408749 51.36517636082237459, 4.40197428876977526 51.36002990931689993, 4.40739742953777824 51.36007563317355107, 4.39739347610016562 51.35650351523781865, 4.38909929459914139 51.35524900326837638, 4.3870522925857891 51.35893435655334116, 4.38598354576982885 51.35910311737027456, 4.3847266407987231 51.36121434802044661, 4.38732918198175614 51.36178252690790913, 4.38822865896699366 51.36273018527213452, 4.37888680849476941 51.37642499288405418, 4.38437550827586531 51.37736397046726466, 4.38437550827586531 51.37736397046726466)))</t>
  </si>
  <si>
    <t>MultiPolygon (((4.32713556009821421 51.41669544988231877, 4.33473369723479873 51.41602053701588204, 4.35489559941393622 51.41412463035567981, 4.35977193784698169 51.41517084227879053, 4.3915149732994907 51.40832769620920573, 4.39161099072956684 51.40817181143199832, 4.39041345400045913 51.38772113447737411, 4.33729220069299704 51.36964413886379077, 4.33516473560241788 51.37564873573085578, 4.33840491302071296 51.37945674689918008, 4.33846360645887152 51.38316425681802002, 4.33394605691927381 51.38258865963759803, 4.32917009709835909 51.38286284487247002, 4.32747814325684299 51.38485210257000091, 4.33030316313028241 51.3878515406991383, 4.33018059690071766 51.39037615630024192, 4.33075147069790223 51.39113001176274054, 4.33332854923157118 51.38933929830078995, 4.33679789545672545 51.38964248492673903, 4.33827580735020302 51.39115420549430979, 4.33914874216897584 51.3958740435594521, 4.33811364588006931 51.39672462225410499, 4.3379402017898272 51.40112755618781648, 4.32868523362477298 51.40025593313053776, 4.32074578943026655 51.39803878053074726, 4.32048147738179811 51.39957663382628539, 4.32219209786256009 51.40279781948047599, 4.32431493836056458 51.41342574739896776, 4.32713556009821421 51.41669544988231877, 4.32713556009821421 51.41669544988231877)))</t>
  </si>
  <si>
    <t>MultiPolygon (((4.3135170445022375 51.41627787391295357, 4.31096788949887344 51.41209763917696307, 4.31188923811650238 51.4076249395189393, 4.31085782053831501 51.39914041462731831, 4.31126659608160345 51.39562737679419513, 4.31420229038383152 51.39075803350062444, 4.32478168100023197 51.39166846156532387, 4.32874033334503139 51.39130444315895119, 4.33018059690071766 51.39037615630024192, 4.33030316313028241 51.3878515406991383, 4.32747814325684299 51.38485210257000091, 4.32917009709835909 51.38286284487247002, 4.33394605691927381 51.38258865963759803, 4.33846360645887152 51.38316425681802002, 4.33840491302071296 51.37945674689918008, 4.33516473560241788 51.37564873573085578, 4.33450512732891724 51.37764124565228485, 4.27742457792971997 51.37603524010917511, 4.27456353356794772 51.38165658381721812, 4.28098473416687675 51.38346363568601305, 4.27823889304464 51.38638888460835119, 4.28227950180036654 51.38891900642505561, 4.28305997826014995 51.39062090538826055, 4.28225713433229593 51.39273564239859837, 4.28668623313360975 51.39689665025154852, 4.28668570950233452 51.3985147379669769, 4.28516407127605792 51.40006367872845061, 4.28584484250345188 51.40188934164584111, 4.29012041211287709 51.40457983499967298, 4.30105736411818462 51.40833022570834743, 4.30186540566762776 51.41197479583019714, 4.30119204875231009 51.41396416896436961, 4.3135170445022375 51.41627787391295357, 4.3135170445022375 51.41627787391295357)))</t>
  </si>
  <si>
    <t>MultiPolygon (((4.32025786470606121 51.41727434838256983, 4.32713556009821421 51.41669544988231877, 4.32431493836056458 51.41342574739896776, 4.32219209786256009 51.40279781948047599, 4.32048147738179811 51.39957663382628539, 4.32074578943026655 51.39803878053074726, 4.31505667336410337 51.39574431942155286, 4.31126659608160345 51.39562737679419513, 4.31085782053831501 51.39914041462731831, 4.31188923811650238 51.4076249395189393, 4.31096788949887344 51.41209763917696307, 4.3135170445022375 51.41627787391295357, 4.32025786470606121 51.41727434838256983, 4.32025786470606121 51.41727434838256983)))</t>
  </si>
  <si>
    <t>MultiPolygon (((4.31126659608160345 51.39562737679419513, 4.31505667336410337 51.39574431942155286, 4.32074578943026655 51.39803878053074726, 4.32868523362477298 51.40025593313053776, 4.3379402017898272 51.40112755618781648, 4.33811364588006931 51.39672462225410499, 4.33914874216897584 51.3958740435594521, 4.33827580735020302 51.39115420549430979, 4.33679789545672545 51.38964248492673903, 4.33332854923157118 51.38933929830078995, 4.33075147069790223 51.39113001176274054, 4.33018059690071766 51.39037615630024192, 4.32874033334503139 51.39130444315895119, 4.32478168100023197 51.39166846156532387, 4.31420229038383152 51.39075803350062444, 4.31126659608160345 51.39562737679419513, 4.31126659608160345 51.39562737679419513)))</t>
  </si>
  <si>
    <t>MultiPolygon (((4.38483861584430823 51.44931593856271235, 4.38270931317439771 51.45023238515037889, 4.38148819497483988 51.44832519600511489, 4.37980610760988487 51.44775616528984585, 4.37932822240482711 51.4467889287394442, 4.38664005938820445 51.44524326571492878, 4.39203420546325152 51.4463762962725184, 4.39652626644917532 51.44215123727396133, 4.39704745670282104 51.44091111826458729, 4.39548498505943819 51.4397701464743804, 4.39541519605945918 51.43551266665648569, 4.39881823999592303 51.43524365249749764, 4.39720552577101831 51.43159783549207731, 4.39251316776858314 51.43251346608970209, 4.3857642403837529 51.43132675413708199, 4.38206923649167024 51.43421648794810608, 4.37706014882763039 51.43626772340594044, 4.37564979453452807 51.43773985712786612, 4.37120837787767247 51.43597166949751198, 4.36903468287499219 51.43347420470050935, 4.3689286733848034 51.43261676965369844, 4.37124202714228538 51.43020786724721916, 4.3616414723610708 51.42714053618030334, 4.36041943580410774 51.42795848649748791, 4.35786319144563983 51.44512180488333541, 4.35297663775843624 51.45151605140251405, 4.35976900382148891 51.45791304045233971, 4.36696586550934018 51.45671886284281271, 4.38341241971726259 51.45511525989995505, 4.3910832197835008 51.45148726246836191, 4.38483861584430823 51.44931593856271235)))</t>
  </si>
  <si>
    <t>MultiPolygon (((4.39230568645725938 51.43146202393750599, 4.39460518744084361 51.43152291807463428, 4.39422899321682703 51.42972093050423865, 4.39520143717167766 51.42690252358567449, 4.39133046104118474 51.42735273048708677, 4.39052690009769897 51.42426678431696985, 4.38972315566667781 51.42445970922857157, 4.38365999700704023 51.42107646693764877, 4.3915149732994907 51.40832769620920573, 4.35977193784698169 51.41517084227879053, 4.36202993036727271 51.41996768151818742, 4.36545203811290161 51.42121210913565932, 4.3647917649447896 51.42246032986232507, 4.36709403253311024 51.42578489457902435, 4.3747852754390042 51.42779920672644778, 4.37758412284407239 51.42872861752314151, 4.37784900933155185 51.4268188808568425, 4.38039189054917433 51.42667939140870459, 4.38005140418630656 51.42935489696718321, 4.3857642403837529 51.43132675413708199, 4.39251316776858314 51.43251346608970209, 4.39230568645725938 51.43146202393750599, 4.39230568645725938 51.43146202393750599)))</t>
  </si>
  <si>
    <t>MultiPolygon (((4.37124202714228538 51.43020786724721916, 4.37235444031923404 51.42892871102046826, 4.37368059969646961 51.42942201059172902, 4.3747852754390042 51.42779920672644778, 4.36709403253311024 51.42578489457902435, 4.3647917649447896 51.42246032986232507, 4.3616414723610708 51.42714053618030334, 4.37124202714228538 51.43020786724721916, 4.37124202714228538 51.43020786724721916)))</t>
  </si>
  <si>
    <t>MultiPolygon (((4.37124202714228538 51.43020786724721916, 4.3689286733848034 51.43261676965369844, 4.36903468287499219 51.43347420470050935, 4.37120837787767247 51.43597166949751198, 4.37564979453452807 51.43773985712786612, 4.37706014882763039 51.43626772340594044, 4.38206923649167024 51.43421648794810608, 4.3857642403837529 51.43132675413708199, 4.38005140418630656 51.42935489696718321, 4.38039189054917433 51.42667939140870459, 4.37784900933155185 51.4268188808568425, 4.37758412284407239 51.42872861752314151, 4.3747852754390042 51.42779920672644778, 4.37368059969646961 51.42942201059172902, 4.37235444031923404 51.42892871102046826, 4.37124202714228538 51.43020786724721916, 4.37124202714228538 51.43020786724721916)))</t>
  </si>
  <si>
    <t>MultiPolygon (((4.29910013592304541 51.46680089623791332, 4.29951252119136917 51.46602468913290096, 4.2995648004077287 51.46639311944333883, 4.3014467933192515 51.4666208580088167, 4.30391751520583021 51.46664307884676504, 4.30418234956114798 51.46581574812950777, 4.3073588460990786 51.46621685373012411, 4.30847191966707399 51.46540730977967115, 4.31116656201500703 51.46017328639394606, 4.31223907051422461 51.4601269338007512, 4.32001065570690912 51.46058933889905518, 4.3224773019273206 51.46029990310474034, 4.32419103787470682 51.46140710780397853, 4.32421585609185399 51.46229142472407858, 4.3279611488238503 51.46424161275323428, 4.33651470945097017 51.45980063313165687, 4.34018303776105707 51.46254827109633823, 4.34430830976169791 51.46058696752371731, 4.35976900382148891 51.45791304045233971, 4.35297663775843624 51.45151605140251405, 4.35786319144563983 51.44512180488333541, 4.36041943580410774 51.42795848649748791, 4.3616414723610708 51.42714053618030334, 4.3647917649447896 51.42246032986232507, 4.36545203811290161 51.42121210913565932, 4.36202993036727271 51.41996768151818742, 4.35977193784698169 51.41517084227879053, 4.35489559941393622 51.41412463035567981, 4.33473369723479873 51.41602053701588204, 4.3362421277246268 51.41742590944424762, 4.3360781637073913 51.42345967405998408, 4.33772920664462625 51.42346077750800504, 4.33770331738798376 51.42684952043425994, 4.3355879208205188 51.42801481226941718, 4.33528784790683996 51.42875007467002746, 4.33926341882096356 51.43153939909477401, 4.33947138284503975 51.43269779886836091, 4.33762151258325712 51.43719409030751422, 4.33339160543973279 51.43995115593371992, 4.3263996729515668 51.43886854723196222, 4.31990440747448812 51.43571388368342667, 4.31926586122851131 51.43930012543490449, 4.31721925086992275 51.44088878040338386, 4.30954678949149628 51.43589199794730149, 4.30670041549002569 51.43782085526589043, 4.30553023589692785 51.44034332521299291, 4.30608265476146812 51.44544007234285488, 4.29373357266490796 51.44537612084548783, 4.29508221164170312 51.44882293225772685, 4.29746222897412178 51.45011275626315239, 4.29766483641743058 51.45833942459060495, 4.29768493839008325 51.46622204816549839, 4.29910013592304541 51.46680089623791332, 4.29910013592304541 51.46680089623791332),(4.34401926907692104 51.42916811175984293, 4.34456526192964088 51.42429600931014733, 4.34884249100299058 51.4245027137451558, 4.35347376904991901 51.42597285831483589, 4.35203482887954962 51.43091799123762797, 4.34401926907692104 51.42916811175984293, 4.34401926907692104 51.42916811175984293)))</t>
  </si>
  <si>
    <t>MultiPolygon (((4.30553023589692785 51.44034332521299291, 4.30670041549002569 51.43782085526589043, 4.30643561730514968 51.43592810761094114, 4.29773118530217069 51.43238876523800229, 4.2970070184035345 51.42717181420760397, 4.30338934564059894 51.42728606885498266, 4.30533483088035762 51.42541832832339566, 4.30779397717979329 51.42441351459316223, 4.31272987012623421 51.42601874091229064, 4.3209224560289563 51.42049664670215492, 4.32025786470606121 51.41727434838256983, 4.3135170445022375 51.41627787391295357, 4.30119204875231009 51.41396416896436961, 4.30186540566762776 51.41197479583019714, 4.30105736411818462 51.40833022570834743, 4.29012041211287709 51.40457983499967298, 4.28584484250345188 51.40188934164584111, 4.28516407127605792 51.40006367872845061, 4.28668570950233452 51.3985147379669769, 4.28668623313360975 51.39689665025154852, 4.28225713433229593 51.39273564239859837, 4.28305997826014995 51.39062090538826055, 4.28227950180036654 51.38891900642505561, 4.27823889304464 51.38638888460835119, 4.28098473416687675 51.38346363568601305, 4.27456353356794772 51.38165658381721812, 4.2736976877114472 51.38314988645752379, 4.26838204982739366 51.38354588817438184, 4.26634902206736832 51.38654063201948219, 4.26863359619005056 51.38812644950628084, 4.26906103540494097 51.40034738964128991, 4.26373225713262638 51.41644910742060404, 4.26644687108457799 51.41997948172468824, 4.27585163819582448 51.42504940900948895, 4.26543175191043034 51.43968067783875853, 4.2682722776003299 51.44026421092712553, 4.28317329021716731 51.4396669827586237, 4.28713336873710738 51.44396977916361635, 4.29025158162983988 51.44518284949689502, 4.29373357266490796 51.44537612084548783, 4.30608265476146812 51.44544007234285488, 4.30553023589692785 51.44034332521299291, 4.30553023589692785 51.44034332521299291)))</t>
  </si>
  <si>
    <t>MultiPolygon (((4.35347376904991901 51.42597285831483589, 4.34884249100299058 51.4245027137451558, 4.34456526192964088 51.42429600931014733, 4.34401926907692104 51.42916811175984293, 4.35203482887954962 51.43091799123762797, 4.35347376904991901 51.42597285831483589)))</t>
  </si>
  <si>
    <t>MultiPolygon (((4.30954678949149628 51.43589199794730149, 4.31721925086992275 51.44088878040338386, 4.31926586122851131 51.43930012543490449, 4.31990440747448812 51.43571388368342667, 4.3263996729515668 51.43886854723196222, 4.33339160543973279 51.43995115593371992, 4.33762151258325712 51.43719409030751422, 4.33947138284503975 51.43269779886836091, 4.33926341882096356 51.43153939909477401, 4.33528784790683996 51.42875007467002746, 4.3355879208205188 51.42801481226941718, 4.32922774844201186 51.42964027248254411, 4.31984720334776995 51.42901180427553243, 4.31169587278794086 51.42927234900461286, 4.31159740622201415 51.4330452847317261, 4.30954678949149628 51.43589199794730149, 4.30954678949149628 51.43589199794730149)))</t>
  </si>
  <si>
    <t>MultiPolygon (((4.30670041549002569 51.43782085526589043, 4.30954678949149628 51.43589199794730149, 4.31159740622201415 51.4330452847317261, 4.31169587278794086 51.42927234900461286, 4.30983534993262651 51.4284812521278738, 4.31272987012623421 51.42601874091229064, 4.30779397717979329 51.42441351459316223, 4.30533483088035762 51.42541832832339566, 4.30338934564059894 51.42728606885498266, 4.2970070184035345 51.42717181420760397, 4.29773118530217069 51.43238876523800229, 4.30643561730514968 51.43592810761094114, 4.30670041549002569 51.43782085526589043, 4.30670041549002569 51.43782085526589043)))</t>
  </si>
  <si>
    <t>MultiPolygon (((4.31169587278794086 51.42927234900461286, 4.31984720334776995 51.42901180427553243, 4.32922774844201186 51.42964027248254411, 4.3355879208205188 51.42801481226941718, 4.33770331738798376 51.42684952043425994, 4.33772920664462625 51.42346077750800504, 4.3360781637073913 51.42345967405998408, 4.3362421277246268 51.41742590944424762, 4.33473369723479873 51.41602053701588204, 4.32713556009821421 51.41669544988231877, 4.32025786470606121 51.41727434838256983, 4.3209224560289563 51.42049664670215492, 4.31272987012623421 51.42601874091229064, 4.30983534993262651 51.4284812521278738, 4.31169587278794086 51.42927234900461286, 4.31169587278794086 51.42927234900461286)))</t>
  </si>
  <si>
    <t>MultiPolygon (((4.96623445517047646 51.69435479389818511, 4.94846873667170239 51.69300141945041105, 4.94816061652739414 51.69429470487051503, 4.94947703430021058 51.69542395096703302, 4.94832793469883647 51.70653219142594281, 4.93516466047371694 51.70804062918875843, 4.92100704074238315 51.71140922520243777, 4.9179911523197708 51.7199593661448489, 4.92142548403804003 51.72044282691931016, 4.93595263585061872 51.72242679349111683, 4.94556341116042386 51.72304160023139019, 4.95848423725976861 51.72262897155241745, 4.96998678317711207 51.72109967395029173, 4.97139026197235268 51.69479744840007385, 4.96623445517047646 51.69435479389818511, 4.96623445517047646 51.69435479389818511)))</t>
  </si>
  <si>
    <t>MultiPolygon (((4.92695786142977799 51.69426273058682852, 4.92100704074238315 51.71140922520243777, 4.93516466047371694 51.70804062918875843, 4.94832793469883647 51.70653219142594281, 4.94947703430021058 51.69542395096703302, 4.94816061652739414 51.69429470487051503, 4.94846873667170239 51.69300141945041105, 4.92695786142977799 51.69426273058682852, 4.92695786142977799 51.69426273058682852)))</t>
  </si>
  <si>
    <t>MultiPolygon (((4.96490330926039647 51.67959891832952479, 4.971120637785444 51.67543094129906933, 4.97215658903444169 51.6737300532371151, 4.97298204838381785 51.66599105745157772, 4.97473549219180988 51.66174675461603272, 4.97650151933481766 51.66105284736157444, 4.97687189111159523 51.65359703615596487, 4.95789672491447675 51.65153188536329765, 4.95779570989320817 51.6571248343308298, 4.95838138167403653 51.657358383964457, 4.95644349078305879 51.6640174681123483, 4.95373200329173358 51.6707691481825151, 4.94750661202473818 51.6769435951457794, 4.94782694391572253 51.68137250046309816, 4.95764477867565656 51.67990410588915751, 4.96490330926039647 51.67959891832952479, 4.96490330926039647 51.67959891832952479)))</t>
  </si>
  <si>
    <t>MultiPolygon (((4.92695786142977799 51.69426273058682852, 4.94846873667170239 51.69300141945041105, 4.96623445517047646 51.69435479389818511, 4.96643155795926017 51.69035355484423633, 4.96493912570301354 51.69011540642765823, 4.96490330926039647 51.67959891832952479, 4.95764477867565656 51.67990410588915751, 4.94782694391572253 51.68137250046309816, 4.94750661202473818 51.6769435951457794, 4.94581140580007617 51.67706619669671397, 4.94424847654050037 51.67888572303824191, 4.94357577232562395 51.67891799901178018, 4.93316942130380465 51.67674997570760098, 4.93075986947517642 51.68351018572593603, 4.93036239950057453 51.68428090259158836, 4.92910905190374393 51.68813508821618541, 4.92695786142977799 51.69426273058682852, 4.92695786142977799 51.69426273058682852)))</t>
  </si>
  <si>
    <t>MultiPolygon (((5.04508203791987508 51.68133306878875999, 5.05425064769030108 51.67337520878463408, 5.05139103122664412 51.67275779991160789, 5.05149519216492848 51.67151947375729293, 5.05023240076485003 51.67148537639587857, 5.04379001944370398 51.67303882497107992, 5.04333756038894077 51.67417187034811121, 5.04108849020213334 51.67411590795080656, 5.04070806178501929 51.66966021939789044, 5.0388219435129642 51.6688890785728745, 5.03147665201634098 51.67025313494427508, 5.03109459553302685 51.67152065421117157, 5.02600530943765023 51.67112879017908256, 5.02546206053841615 51.67884118755653589, 5.04508203791987508 51.68133306878875999, 5.04508203791987508 51.68133306878875999)))</t>
  </si>
  <si>
    <t>MultiPolygon (((5.0276542945109961 51.71106133254144055, 5.02959679292524608 51.69253831859075632, 5.01213564654415134 51.69443902477858899, 4.99515468525888728 51.69567286435399467, 4.97139026197235268 51.69479744840007385, 4.96998678317711207 51.72109967395029173, 4.98863692125729141 51.71687135297920435, 5.00945241016891529 51.71281936135162027, 5.0276542945109961 51.71106133254144055, 5.0276542945109961 51.71106133254144055)))</t>
  </si>
  <si>
    <t>MultiPolygon (((5.01262476478380137 51.67724298395566507, 5.00965750097157603 51.67648593057129602, 5.00700106722852567 51.67707793774823699, 5.00685197793279801 51.6764271202774168, 5.00773720512969511 51.67478678723840346, 5.01360031298658271 51.6732235257310748, 5.01852846312967049 51.66970290451715186, 4.9922462702199164 51.67625089116253179, 4.98864991029232829 51.66071931604164291, 4.98726691012733436 51.65460893119485775, 4.97687189111159523 51.65359703615596487, 4.97650151933481766 51.66105284736157444, 4.97473549219180988 51.66174675461603272, 4.97298204838381785 51.66599105745157772, 4.97215658903444169 51.6737300532371151, 4.971120637785444 51.67543094129906933, 4.96490330926039647 51.67959891832952479, 4.96493912570301354 51.69011540642765823, 4.96643155795926017 51.69035355484423633, 4.96623445517047646 51.69435479389818511, 4.97139026197235268 51.69479744840007385, 4.99515468525888728 51.69567286435399467, 5.01213564654415134 51.69443902477858899, 5.01320931446378282 51.68976088435488947, 5.01336682435078895 51.67971511490072345, 5.01262476478380137 51.67724298395566507, 5.01262476478380137 51.67724298395566507)))</t>
  </si>
  <si>
    <t>MultiPolygon (((5.02546206053841615 51.67884118755653589, 5.02600530943765023 51.67112879017908256, 5.0301188039400202 51.67026642655854118, 5.03009102377098305 51.66962818014989978, 5.0272093171283565 51.66961448560853398, 5.02708319246925761 51.66775310063432869, 5.02914708802655586 51.6669763822400796, 5.02126965001140668 51.66896757481362101, 5.01852846312967049 51.66970290451715186, 5.01360031298658271 51.6732235257310748, 5.00773720512969511 51.67478678723840346, 5.00685197793279801 51.6764271202774168, 5.00700106722852567 51.67707793774823699, 5.00965750097157603 51.67648593057129602, 5.01262476478380137 51.67724298395566507, 5.01336682435078895 51.67971511490072345, 5.01320931446378282 51.68976088435488947, 5.01213564654415134 51.69443902477858899, 5.02959679292524608 51.69253831859075632, 5.03520703607889253 51.69157155328694842, 5.04050940027334526 51.68959770874987214, 5.04084557322622029 51.68838038494748588, 5.04502709257893134 51.68139039920157529, 5.04508203791987508 51.68133306878875999, 5.02546206053841615 51.67884118755653589, 5.02546206053841615 51.67884118755653589)))</t>
  </si>
  <si>
    <t>MultiPolygon (((5.04379001944370398 51.67303882497107992, 5.05023240076485003 51.67148537639587857, 5.05149519216492848 51.67151947375729293, 5.05139103122664412 51.67275779991160789, 5.05425064769030108 51.67337520878463408, 5.05898935869666744 51.67178821231387786, 5.06062149212453427 51.6711132472303234, 5.06101349362678299 51.66829025561698785, 5.05797046221416036 51.66831616768675417, 5.05868252322373024 51.66533765388167865, 5.0584036335487701 51.66172694978483548, 5.05381837318074112 51.66165609136771053, 5.05322675080874451 51.66165092263634762, 5.04830853408130498 51.66181676780563947, 5.0473651520906575 51.6620848727603601, 5.04724661888138026 51.66325097380418896, 5.04523898618137245 51.66313134242527383, 5.0452857070088557 51.66269389652020294, 5.04373277577478607 51.66311707875219383, 5.02914708802655586 51.6669763822400796, 5.02708319246925761 51.66775310063432869, 5.0272093171283565 51.66961448560853398, 5.03009102377098305 51.66962818014989978, 5.0301188039400202 51.67026642655854118, 5.02600530943765023 51.67112879017908256, 5.03109459553302685 51.67152065421117157, 5.03147665201634098 51.67025313494427508, 5.0388219435129642 51.6688890785728745, 5.04070806178501929 51.66966021939789044, 5.04108849020213334 51.67411590795080656, 5.04333756038894077 51.67417187034811121, 5.04379001944370398 51.67303882497107992, 5.04379001944370398 51.67303882497107992)))</t>
  </si>
  <si>
    <t>MultiPolygon (((5.0908592131756123 51.6839924817931049, 5.0955230742346167 51.68279175524299518, 5.10566575383328036 51.68387804322264856, 5.10649321215436647 51.67732783493014637, 5.10150939109956081 51.67683469284076381, 5.09499787719638242 51.6745853985906578, 5.08974222717375646 51.67475224779079213, 5.09019478822265636 51.67943513144765433, 5.0908592131756123 51.6839924817931049, 5.0908592131756123 51.6839924817931049)))</t>
  </si>
  <si>
    <t>MultiPolygon (((5.10108418444400513 51.68950733128237829, 5.10488329022171961 51.69003669169564574, 5.10566575383328036 51.68387804322264856, 5.0955230742346167 51.68279175524299518, 5.0908592131756123 51.6839924817931049, 5.09036709597739279 51.68788113726338906, 5.09036860297719151 51.68790140845607795, 5.10108418444400513 51.68950733128237829, 5.10108418444400513 51.68950733128237829)))</t>
  </si>
  <si>
    <t>MultiPolygon (((5.08176024138801807 51.7223443984289375, 5.08353976987128675 51.72090653518849734, 5.09041333933476903 51.71931503255154894, 5.09315706312442718 51.71920493446702238, 5.09382494963118226 51.71861524795875198, 5.09574908922348069 51.71827206268275745, 5.09911411481954779 51.71661922206340734, 5.10160137342642983 51.71320531216381511, 5.10302730614096145 51.71255156604049574, 5.10542124572440503 51.71095604782286159, 5.10685471379087641 51.71086111475919722, 5.10872054019729571 51.70903270438253685, 5.11150612771403701 51.70357640703475965, 5.1030527956523235 51.70248382257214814, 5.10420241512902262 51.69498373360845278, 5.10488329022171961 51.69003669169564574, 5.10108418444400513 51.68950733128237829, 5.1003411668215044 51.69413584033462428, 5.09863788942867124 51.69603883715285519, 5.09623921873847419 51.69707657389508171, 5.09456479044269805 51.69600708300706771, 5.07457355036156965 51.69365917655690623, 5.06950084797603484 51.69338091675956548, 5.06698876857624025 51.70542482443804744, 5.06292750778081668 51.70550096304712184, 5.05734714787577833 51.70647266382120222, 5.0572150247782055 51.70731625299986689, 5.06217564228721439 51.70957366359442631, 5.07344879982537567 51.71276667456413634, 5.06909890018397746 51.71628159849444017, 5.0750582760342704 51.71887713856023083, 5.08176024138801807 51.7223443984289375, 5.08176024138801807 51.7223443984289375)))</t>
  </si>
  <si>
    <t>MultiPolygon (((5.07344879982537567 51.71276667456413634, 5.06217564228721439 51.70957366359442631, 5.0572150247782055 51.70731625299986689, 5.05734714787577833 51.70647266382120222, 5.06292750778081668 51.70550096304712184, 5.06698876857624025 51.70542482443804744, 5.06950084797603484 51.69338091675956548, 5.06097518773181587 51.69195956518083079, 5.05487865391478319 51.69116356487042196, 5.04916739539931037 51.68911448081368576, 5.04084557322622029 51.68838038494748588, 5.04050940027334526 51.68959770874987214, 5.03520703607889253 51.69157155328694842, 5.02959679292524608 51.69253831859075632, 5.0276542945109961 51.71106133254144055, 5.04176068255719478 51.7108827494123986, 5.05362978889140546 51.71181782829856388, 5.06245661477879416 51.71384289909249787, 5.06909890018397746 51.71628159849444017, 5.07344879982537567 51.71276667456413634, 5.07344879982537567 51.71276667456413634)))</t>
  </si>
  <si>
    <t>MultiPolygon (((5.06030770411699038 51.68398981512815027, 5.06079326761692272 51.68343396897583375, 5.06051358949114416 51.67425153958986783, 5.05898935869666744 51.67178821231387786, 5.05425064769030108 51.67337520878463408, 5.04508203791987508 51.68133306878875999, 5.04502709257893134 51.68139039920157529, 5.06049014652799922 51.6833570628319805, 5.06030770411699038 51.68398981512815027, 5.06030770411699038 51.68398981512815027)))</t>
  </si>
  <si>
    <t>MultiPolygon (((5.1003411668215044 51.69413584033462428, 5.10108418444400513 51.68950733128237829, 5.09036860297719151 51.68790140845607795, 5.09117181665386287 51.69328602601936495, 5.09802159721765413 51.69256074012055535, 5.10011715730838056 51.6929568943930704, 5.1003411668215044 51.69413584033462428, 5.1003411668215044 51.69413584033462428)))</t>
  </si>
  <si>
    <t>MultiPolygon (((5.09019478822265636 51.67943513144765433, 5.08974222717375646 51.67475224779079213, 5.08026500712601248 51.67138915894669537, 5.07017471941962938 51.67083640508040787, 5.06916721112229851 51.67123878327632269, 5.06845167416966724 51.67920309760036446, 5.07667570578983618 51.67951854271296241, 5.09019478822265636 51.67943513144765433, 5.09019478822265636 51.67943513144765433)))</t>
  </si>
  <si>
    <t>MultiPolygon (((5.06916721112229851 51.67123878327632269, 5.07017471941962938 51.67083640508040787, 5.06062149212453427 51.6711132472303234, 5.05898935869666744 51.67178821231387786, 5.06051358949114416 51.67425153958986783, 5.06079326761692272 51.68343396897583375, 5.06757330538697381 51.68458336965215238, 5.06655752576537122 51.68315311107733123, 5.06845167416966724 51.67920309760036446, 5.06916721112229851 51.67123878327632269, 5.06916721112229851 51.67123878327632269)))</t>
  </si>
  <si>
    <t>MultiPolygon (((5.08975635028133144 51.68779877326965533, 5.09036709597739279 51.68788113726338906, 5.0908592131756123 51.6839924817931049, 5.09019478822265636 51.67943513144765433, 5.07667570578983618 51.67951854271296241, 5.07755118028168351 51.67955846277888554, 5.07606624288189412 51.68594608399638446, 5.08975635028133144 51.68779877326965533, 5.08975635028133144 51.68779877326965533)))</t>
  </si>
  <si>
    <t>MultiPolygon (((5.07572342037784008 51.68591036041933506, 5.07606624288189412 51.68594608399638446, 5.07755118028168351 51.67955846277888554, 5.07667570578983618 51.67951854271296241, 5.06845167416966724 51.67920309760036446, 5.06655752576537122 51.68315311107733123, 5.06757330538697381 51.68458336965215238, 5.07572342037784008 51.68591036041933506, 5.07572342037784008 51.68591036041933506)))</t>
  </si>
  <si>
    <t>MultiPolygon (((5.07516429233378918 51.69183399967391068, 5.07938085195960998 51.6920230712125317, 5.08251450819846085 51.69339414077020933, 5.08616863807721842 51.69333913758462273, 5.08644167742456954 51.68868124745317516, 5.08724916509172953 51.68765069511282206, 5.08975635028133144 51.68779877326965533, 5.07606624288189412 51.68594608399638446, 5.07572342037784008 51.68591036041933506, 5.07633629775012096 51.68633613103970958, 5.07516429233378918 51.69183399967391068, 5.07516429233378918 51.69183399967391068)))</t>
  </si>
  <si>
    <t>MultiPolygon (((5.07457355036156965 51.69365917655690623, 5.09456479044269805 51.69600708300706771, 5.09623921873847419 51.69707657389508171, 5.09863788942867124 51.69603883715285519, 5.1003411668215044 51.69413584033462428, 5.10011715730838056 51.6929568943930704, 5.09802159721765413 51.69256074012055535, 5.09117181665386287 51.69328602601936495, 5.09036860297719151 51.68790140845607795, 5.09036709597739279 51.68788113726338906, 5.08975635028133144 51.68779877326965533, 5.08724916509172953 51.68765069511282206, 5.08644167742456954 51.68868124745317516, 5.08616863807721842 51.69333913758462273, 5.08251450819846085 51.69339414077020933, 5.07938085195960998 51.6920230712125317, 5.07516429233378918 51.69183399967391068, 5.07457355036156965 51.69365917655690623, 5.07457355036156965 51.69365917655690623)))</t>
  </si>
  <si>
    <t>MultiPolygon (((5.04084557322622029 51.68838038494748588, 5.04916739539931037 51.68911448081368576, 5.05487865391478319 51.69116356487042196, 5.06097518773181587 51.69195956518083079, 5.05894067997291597 51.69137078641546879, 5.05806655055188692 51.69024261641544626, 5.05950709262130882 51.68435203764968833, 5.06030770411699038 51.68398981512815027, 5.06049014652799922 51.6833570628319805, 5.04502709257893134 51.68139039920157529, 5.04084557322622029 51.68838038494748588, 5.04084557322622029 51.68838038494748588)))</t>
  </si>
  <si>
    <t>MultiPolygon (((5.06950084797603484 51.69338091675956548, 5.07457355036156965 51.69365917655690623, 5.07516429233378918 51.69183399967391068, 5.07633629775012096 51.68633613103970958, 5.07572342037784008 51.68591036041933506, 5.06757330538697381 51.68458336965215238, 5.06079326761692272 51.68343396897583375, 5.06030770411699038 51.68398981512815027, 5.05950709262130882 51.68435203764968833, 5.05806655055188692 51.69024261641544626, 5.05894067997291597 51.69137078641546879, 5.06097518773181587 51.69195956518083079, 5.06950084797603484 51.69338091675956548, 5.06950084797603484 51.69338091675956548)))</t>
  </si>
  <si>
    <t>MultiPolygon (((5.4618008658305488 51.40495994548896164, 5.46115714232202265 51.39517372975808485, 5.46105981289189479 51.39344065809124373, 5.45241989932527549 51.39404216776573975, 5.44915904897695391 51.39655376560710209, 5.44651404518065885 51.3951824012702474, 5.44308640573884794 51.39823183100740778, 5.44063247297620212 51.3990871927455828, 5.43663353987085163 51.39631257682411558, 5.43876256046903084 51.39508525664099636, 5.43792213333468677 51.39359041167290343, 5.42679468997264269 51.39221497093898705, 5.42714217985369363 51.39141991353064753, 5.43025956583184222 51.39178284184353629, 5.43633616784800289 51.38540097870148315, 5.43910289386987245 51.38346046312192072, 5.44229830505769208 51.38319635183597001, 5.44370355160657837 51.38208753843025534, 5.44215236826096849 51.38037284383607073, 5.43905913240558281 51.37952679831391833, 5.43923463913997374 51.37795734688280902, 5.44440838098923141 51.37821867879614501, 5.44403837198543439 51.38043036335501057, 5.44906779813976527 51.38178452848762134, 5.45297177602260508 51.38397647347796493, 5.45232489588171454 51.38648328201348647, 5.45991704357179408 51.38693439755562054, 5.4632323284373232 51.38687300878488173, 5.47298884031780997 51.38140698590582645, 5.47596463776686981 51.38909347084695156, 5.48084056965930699 51.39162249886684464, 5.4851967407258293 51.39158632816365468, 5.48791286679830659 51.39159243547302935, 5.48874226454257474 51.39064368747316536, 5.4920416545998112 51.39127924184966645, 5.49452594392302807 51.39360533257809749, 5.4944760375315056 51.39786714989265448, 5.49859765015786195 51.39761889835197195, 5.49851640340552894 51.39992879289853533, 5.49038679091826509 51.40181660711432698, 5.48458878831949548 51.40144267195947236, 5.48053057649459507 51.40193447701000906, 5.48044998148316154 51.40303902828305382, 5.48190651681856078 51.40298925663290674, 5.48231601014758763 51.40465299731237536, 5.49004774757376257 51.40445181842775213, 5.49985096694239761 51.40385773999297925, 5.50362449950966681 51.40152226810103997, 5.50463717576116718 51.4001136647885204, 5.50487393458297181 51.40015481872670478, 5.51200387449374052 51.38381131184311101, 5.5164176024094278 51.37833551387407027, 5.5084794881624406 51.37276574686227804, 5.50180405249394333 51.37416531371976447, 5.49647719073450958 51.37313736433078049, 5.49187544148694418 51.37405483045277066, 5.47125528841627062 51.37083198289582242, 5.46105771068834489 51.36947108168395459, 5.44523410488451098 51.36815096611809395, 5.44188598885117791 51.36747830162384076, 5.43922154571609617 51.36625243079513581, 5.4363011109644237 51.36623949985479953, 5.43540650882179133 51.36813334290278021, 5.43195647043435148 51.36913436320730852, 5.43126661013532797 51.36997507178829636, 5.42905525500639463 51.37021446851135664, 5.42938217670032053 51.37100515017470315, 5.42706842814955692 51.37180462400782233, 5.42683400437648089 51.37262114002095359, 5.42489785630663768 51.37262440980171618, 5.42450233732351172 51.37407069544259031, 5.42316500983082417 51.37438982141156174, 5.42320735317639624 51.37486642567531447, 5.42423682691318554 51.3765531387244252, 5.42383357816941825 51.37760135027246378, 5.42485185473728126 51.3791933471744855, 5.42555264802685144 51.37924222301645472, 5.4240834823655506 51.38029432418816356, 5.42180118510642295 51.38340991093038213, 5.42165546756660532 51.38446947107470919, 5.42031925840195683 51.3850337217719968, 5.42111606206478669 51.38572829150518828, 5.42022687412898474 51.38562523189835929, 5.42074436614833566 51.38629027455106524, 5.42006130171682532 51.38620731556085275, 5.41940201426123647 51.3872172016822617, 5.41777311583035104 51.38795372755457436, 5.41833804396793273 51.389090342645936, 5.4175731220347485 51.38908989834185803, 5.41825204571330232 51.38974184894855313, 5.41780543543194337 51.39018434670546753, 5.42016902665912159 51.39185767847238395, 5.41963408783403011 51.39221166504403726, 5.42159958557141408 51.3928703752285756, 5.42303605661496579 51.3949730628999788, 5.4221899091463639 51.39508128439410228, 5.42209563273198292 51.39673939540198688, 5.42398246797279615 51.39838426609360056, 5.42340753593120706 51.39871832310169708, 5.42436338840703858 51.39911977089364115, 5.42385375978666229 51.39964820774426357, 5.42727671508757581 51.40265360726333199, 5.42990328533107292 51.40281006327509061, 5.43096538984052923 51.40263734564042863, 5.43119156302023143 51.40206272963451539, 5.43535593155481767 51.40336336968182707, 5.43574947155225274 51.40418968695106372, 5.43618892343843108 51.40497634875443111, 5.45350951519710936 51.40529311573362037, 5.4618008658305488 51.40495994548896164, 5.4618008658305488 51.40495994548896164)))</t>
  </si>
  <si>
    <t>MultiPolygon (((5.4851967407258293 51.39158632816365468, 5.4823119750806395 51.39360106820376473, 5.48175640032338851 51.397416664404318, 5.48008838439288937 51.39848766337286889, 5.48053057649459507 51.40193447701000906, 5.48458878831949548 51.40144267195947236, 5.49038679091826509 51.40181660711432698, 5.49851640340552894 51.39992879289853533, 5.49859765015786195 51.39761889835197195, 5.4944760375315056 51.39786714989265448, 5.49452594392302807 51.39360533257809749, 5.4920416545998112 51.39127924184966645, 5.48874226454257474 51.39064368747316536, 5.48791286679830659 51.39159243547302935, 5.4851967407258293 51.39158632816365468, 5.4851967407258293 51.39158632816365468)))</t>
  </si>
  <si>
    <t>MultiPolygon (((5.47710451520793029 51.40487574823141159, 5.48006995511666517 51.40473679249961236, 5.47970956482510108 51.40266462131300784, 5.47826191451808153 51.40131464789062221, 5.47070170971624137 51.39691220378364989, 5.4669691883019027 51.39528674374450645, 5.46562292120960347 51.39574411615934224, 5.46115714232202265 51.39517372975808485, 5.4618008658305488 51.40495994548896164, 5.46197863741664502 51.40495408758698659, 5.46932155784624108 51.40534964450399258, 5.47710451520793029 51.40487574823141159)))</t>
  </si>
  <si>
    <t>MultiPolygon (((5.48006995511666517 51.40473679249961236, 5.48037209847800266 51.40468914192874905, 5.48231601014758763 51.40465299731237536, 5.48190651681856078 51.40298925663290674, 5.48044998148316154 51.40303902828305382, 5.48053057649459507 51.40193447701000906, 5.48008838439288937 51.39848766337286889, 5.48175640032338851 51.397416664404318, 5.4823119750806395 51.39360106820376473, 5.4851967407258293 51.39158632816365468, 5.48084056965930699 51.39162249886684464, 5.47596463776686981 51.38909347084695156, 5.47298884031780997 51.38140698590582645, 5.4632323284373232 51.38687300878488173, 5.45991704357179408 51.38693439755562054, 5.46053984309211593 51.39203088410530995, 5.46105981289189479 51.39344065809124373, 5.46115714232202265 51.39517372975808485, 5.46562292120960347 51.39574411615934224, 5.4669691883019027 51.39528674374450645, 5.47070170971624137 51.39691220378364989, 5.47826191451808153 51.40131464789062221, 5.47970956482510108 51.40266462131300784, 5.48006995511666517 51.40473679249961236, 5.48006995511666517 51.40473679249961236)))</t>
  </si>
  <si>
    <t>MultiPolygon (((5.46105981289189479 51.39344065809124373, 5.46053984309211593 51.39203088410530995, 5.45991704357179408 51.38693439755562054, 5.45232489588171454 51.38648328201348647, 5.45297177602260508 51.38397647347796493, 5.44906779813976527 51.38178452848762134, 5.44403837198543439 51.38043036335501057, 5.44440838098923141 51.37821867879614501, 5.43923463913997374 51.37795734688280902, 5.43905913240558281 51.37952679831391833, 5.44215236826096849 51.38037284383607073, 5.44370355160657837 51.38208753843025534, 5.44229830505769208 51.38319635183597001, 5.43910289386987245 51.38346046312192072, 5.43633616784800289 51.38540097870148315, 5.43025956583184222 51.39178284184353629, 5.42714217985369363 51.39141991353064753, 5.42679468997264269 51.39221497093898705, 5.43792213333468677 51.39359041167290343, 5.43876256046903084 51.39508525664099636, 5.43663353987085163 51.39631257682411558, 5.44063247297620212 51.3990871927455828, 5.44308640573884794 51.39823183100740778, 5.44651404518065885 51.3951824012702474, 5.44915904897695391 51.39655376560710209, 5.45241989932527549 51.39404216776573975, 5.46105981289189479 51.39344065809124373, 5.46105981289189479 51.39344065809124373)))</t>
  </si>
  <si>
    <t>MultiPolygon (((5.37913050676135551 51.43660995226310462, 5.37968636712114279 51.43509235813085212, 5.38737440081435626 51.43780160604048746, 5.38922129644886461 51.43763570004497154, 5.39114297671658438 51.43652184770497371, 5.39380503480457474 51.43457765673451121, 5.39634006729554727 51.4339234145734423, 5.39121174234083256 51.43369774260992955, 5.39107161838322213 51.43470363738272511, 5.38108151035611293 51.43500579852688759, 5.37941692799456561 51.43349476040157242, 5.37978380818816859 51.4309787964160563, 5.36891300249525738 51.43013717303050214, 5.36706352619252502 51.43402250866698466, 5.36060773592019935 51.43199343404431545, 5.35978610317736592 51.43039522642243355, 5.35285678509942464 51.43282549260683822, 5.35419378486543529 51.43299987780017091, 5.35579479055792174 51.43411019488489444, 5.35691689411979066 51.4382035028592739, 5.36225265498321413 51.43605549368759711, 5.36222661569611958 51.43546433870360346, 5.36689938296471336 51.43620534878557038, 5.3668223940025328 51.43744853256659866, 5.36780024652238641 51.43836529133372437, 5.37124905510287753 51.43890879707065977, 5.37319855617342679 51.43760824821156774, 5.37913050676135551 51.43660995226310462, 5.37913050676135551 51.43660995226310462)))</t>
  </si>
  <si>
    <t>MultiPolygon (((5.35978610317736592 51.43039522642243355, 5.35637831554117838 51.42377309131655494, 5.35835805291649159 51.42392387496403217, 5.3621585186481564 51.42298093468438935, 5.36514283014888882 51.4208503713106353, 5.36519031375222788 51.41786417098590789, 5.36785712834603057 51.41756099049651851, 5.36707880123020242 51.41556087656478979, 5.3606537350546386 51.41463376486789372, 5.36015982081737175 51.4161740879099014, 5.35766834228923727 51.41630747607406704, 5.35570808357153361 51.41575163209450494, 5.35696213820239198 51.41259580914464777, 5.35437922875383787 51.40877269802924587, 5.33513683367571367 51.40740267172138545, 5.33159335798025324 51.40628572328768087, 5.32366432951925272 51.4061872122122665, 5.32178995765414786 51.40869162465402553, 5.31714870393825922 51.4149138936118888, 5.31589567342428904 51.41891100034978024, 5.31608976492605123 51.4194092718095348, 5.31999653162334152 51.41992794731412175, 5.31937141615491083 51.42379530218914852, 5.33984223365679256 51.42555794224858801, 5.34336982825595275 51.42743624354913834, 5.34236880472091169 51.43106775091225558, 5.34553474619948332 51.43092242279318782, 5.34625516472750917 51.42895623179165199, 5.35285678509942464 51.43282549260683822, 5.35978610317736592 51.43039522642243355, 5.35978610317736592 51.43039522642243355)))</t>
  </si>
  <si>
    <t>MultiPolygon (((5.36785712834603057 51.41756099049651851, 5.37675095501032363 51.41830171505364433, 5.38236100663740213 51.41280914257000489, 5.38141662212871896 51.41251696751970712, 5.38458490706741344 51.40939800112659697, 5.38570027377245886 51.40563793724860631, 5.37821730600851122 51.40427582403270179, 5.37068702261943542 51.3980480014691139, 5.3676175614988848 51.40007118048514911, 5.35437922875383787 51.40877269802924587, 5.35696213820239198 51.41259580914464777, 5.36056030385651461 51.41192084438529264, 5.3606537350546386 51.41463376486789372, 5.36707880123020242 51.41556087656478979, 5.36785712834603057 51.41756099049651851, 5.36785712834603057 51.41756099049651851)))</t>
  </si>
  <si>
    <t>MultiPolygon (((5.35696213820239198 51.41259580914464777, 5.35570808357153361 51.41575163209450494, 5.35766834228923727 51.41630747607406704, 5.36015982081737175 51.4161740879099014, 5.3606537350546386 51.41463376486789372, 5.36056030385651461 51.41192084438529264, 5.35696213820239198 51.41259580914464777, 5.35696213820239198 51.41259580914464777)))</t>
  </si>
  <si>
    <t>MultiPolygon (((5.35978610317736592 51.43039522642243355, 5.36060773592019935 51.43199343404431545, 5.36706352619252502 51.43402250866698466, 5.36891300249525738 51.43013717303050214, 5.37978380818816859 51.4309787964160563, 5.38134576399420528 51.42779941729097715, 5.37891367670193965 51.42659126704445072, 5.38250697235358011 51.41981414514066984, 5.37675095501032363 51.41830171505364433, 5.36785712834603057 51.41756099049651851, 5.36519031375222788 51.41786417098590789, 5.36514283014888882 51.4208503713106353, 5.3621585186481564 51.42298093468438935, 5.35835805291649159 51.42392387496403217, 5.35637831554117838 51.42377309131655494, 5.35978610317736592 51.43039522642243355, 5.35978610317736592 51.43039522642243355)))</t>
  </si>
  <si>
    <t>MultiPolygon (((5.40900117066848818 51.43445983134374444, 5.41069943484848004 51.43506177399243029, 5.41207367976905829 51.43134117397222838, 5.41463471986794964 51.43016632647936603, 5.40981072029459487 51.42615521371597254, 5.40390908385796376 51.42427224509248873, 5.40356975777741066 51.42965750651289625, 5.39975268360436367 51.4306693025410766, 5.39764659321932871 51.43364262435149925, 5.40079491321614835 51.43296752880946343, 5.40492288463918324 51.43712798123392105, 5.40900117066848818 51.43445983134374444)))</t>
  </si>
  <si>
    <t>MultiPolygon (((5.39634006729554727 51.4339234145734423, 5.39764659321932871 51.43364262435149925, 5.39975268360436367 51.4306693025410766, 5.39849284054819467 51.42916443112346059, 5.39252846664362018 51.42993536342300587, 5.3903139848981283 51.42936635073393603, 5.38134576399420528 51.42779941729097715, 5.37978380818816859 51.4309787964160563, 5.37941692799456561 51.43349476040157242, 5.38108151035611293 51.43500579852688759, 5.39107161838322213 51.43470363738272511, 5.39121174234083256 51.43369774260992955, 5.39634006729554727 51.4339234145734423, 5.39634006729554727 51.4339234145734423)))</t>
  </si>
  <si>
    <t>MultiPolygon (((5.3903139848981283 51.42936635073393603, 5.39252846664362018 51.42993536342300587, 5.39849284054819467 51.42916443112346059, 5.39975268360436367 51.4306693025410766, 5.40356975777741066 51.42965750651289625, 5.40390908385796376 51.42427224509248873, 5.39265687673819638 51.42178149743261883, 5.3903139848981283 51.42936635073393603, 5.3903139848981283 51.42936635073393603)))</t>
  </si>
  <si>
    <t>MultiPolygon (((5.38134576399420528 51.42779941729097715, 5.3903139848981283 51.42936635073393603, 5.39265687673819638 51.42178149743261883, 5.38250697235358011 51.41981414514066984, 5.37891367670193965 51.42659126704445072, 5.38134576399420528 51.42779941729097715, 5.38134576399420528 51.42779941729097715)))</t>
  </si>
  <si>
    <t>MultiPolygon (((5.41825204571330232 51.38974184894855313, 5.4175731220347485 51.38908989834185803, 5.41833804396793273 51.389090342645936, 5.41777311583035104 51.38795372755457436, 5.41940201426123647 51.3872172016822617, 5.42006130171682532 51.38620731556085275, 5.42074436614833566 51.38629027455106524, 5.42022687412898474 51.38562523189835929, 5.42111606206478669 51.38572829150518828, 5.42031925840195683 51.3850337217719968, 5.42165546756660532 51.38446947107470919, 5.42180118510642295 51.38340991093038213, 5.41783762615891984 51.3820875734470448, 5.41348191063369555 51.38390500892570145, 5.41027381997170753 51.38124803772334559, 5.40981319469625177 51.38010489090726196, 5.40841378367426184 51.37981847012250114, 5.39651527905854866 51.38082016455309997, 5.39589180726080464 51.37932929264267301, 5.39315293455178413 51.37747696768753514, 5.39086225344611325 51.3775917882619666, 5.38890703014940442 51.37646010365587301, 5.37403471828149204 51.38856541889497009, 5.37248468322743022 51.39224644101879846, 5.38468621384947976 51.39587451078170943, 5.40149542016483597 51.39804440881453473, 5.42480780709078214 51.40428352299069559, 5.42538308910715994 51.40442274359934061, 5.42727671508757581 51.40265360726333199, 5.42385375978666229 51.39964820774426357, 5.42436338840703858 51.39911977089364115, 5.42340753593120706 51.39871832310169708, 5.42398246797279615 51.39838426609360056, 5.42209563273198292 51.39673939540198688, 5.4221899091463639 51.39508128439410228, 5.42303605661496579 51.3949730628999788, 5.42159958557141408 51.3928703752285756, 5.41963408783403011 51.39221166504403726, 5.42016902665912159 51.39185767847238395, 5.41780543543194337 51.39018434670546753, 5.41825204571330232 51.38974184894855313, 5.41825204571330232 51.38974184894855313)))</t>
  </si>
  <si>
    <t>MultiPolygon (((5.39265687673819638 51.42178149743261883, 5.40390908385796376 51.42427224509248873, 5.40510448909208474 51.42209230980438406, 5.40799981563316212 51.42145531309575546, 5.41038643149915988 51.41843286390848533, 5.41045362160847088 51.41812818963410336, 5.39617804795574063 51.4159251445804486, 5.39265687673819638 51.42178149743261883, 5.39265687673819638 51.42178149743261883)))</t>
  </si>
  <si>
    <t>MultiPolygon (((5.38250697235358011 51.41981414514066984, 5.39265687673819638 51.42178149743261883, 5.39617804795574063 51.4159251445804486, 5.38236100663740213 51.41280914257000489, 5.37675095501032363 51.41830171505364433, 5.38250697235358011 51.41981414514066984, 5.38250697235358011 51.41981414514066984)))</t>
  </si>
  <si>
    <t>MultiPolygon (((5.38236100663740213 51.41280914257000489, 5.39617804795574063 51.4159251445804486, 5.40099271513006407 51.40831574059827602, 5.39407212058688135 51.4073242364481473, 5.39045467215801466 51.40591036463993646, 5.38570027377245886 51.40563793724860631, 5.38458490706741344 51.40939800112659697, 5.38141662212871896 51.41251696751970712, 5.38236100663740213 51.41280914257000489, 5.38236100663740213 51.41280914257000489)))</t>
  </si>
  <si>
    <t>MultiPolygon (((5.39617804795574063 51.4159251445804486, 5.41045362160847088 51.41812818963410336, 5.41250864320582448 51.41162893503050668, 5.41152057161422917 51.41059910008320344, 5.41084088352091719 51.41084558670901572, 5.40898317894280822 51.40958191624478246, 5.40468809423194685 51.40840259908663512, 5.40454889747785128 51.40908744613465586, 5.40099271513006407 51.40831574059827602, 5.39617804795574063 51.4159251445804486, 5.39617804795574063 51.4159251445804486)))</t>
  </si>
  <si>
    <t>MultiPolygon (((5.42633141280458631 51.43040752680219185, 5.42790932293337836 51.42217103128311351, 5.42780756836372724 51.42185794329225956, 5.42671906039459895 51.42102419012876879, 5.42215105347483206 51.41993712395691318, 5.41038643149915988 51.41843286390848533, 5.40799981563316212 51.42145531309575546, 5.40510448909208474 51.42209230980438406, 5.40390908385796376 51.42427224509248873, 5.40981072029459487 51.42615521371597254, 5.41463471986794964 51.43016632647936603, 5.41673931961639532 51.43171567129281385, 5.41716845663681745 51.43148792287763627, 5.4199440155340044 51.43285290410090482, 5.42633141280458631 51.43040752680219185)))</t>
  </si>
  <si>
    <t>MultiPolygon (((5.42538308910715994 51.40442274359934061, 5.42480780709078214 51.40428352299069559, 5.42180917975776389 51.40700718824211179, 5.41152057161422917 51.41059910008320344, 5.41250864320582448 51.41162893503050668, 5.41045362160847088 51.41812818963410336, 5.41038643149915988 51.41843286390848533, 5.42215105347483206 51.41993712395691318, 5.42671906039459895 51.42102419012876879, 5.42780756836372724 51.42185794329225956, 5.42737289094843778 51.41701306650170977, 5.42942557926136882 51.41156088516177647, 5.42985169299229486 51.40617767031852736, 5.42865217434154523 51.4052134737433164, 5.42538308910715994 51.40442274359934061, 5.42538308910715994 51.40442274359934061)))</t>
  </si>
  <si>
    <t>MultiPolygon (((5.41152057161422917 51.41059910008320344, 5.42180917975776389 51.40700718824211179, 5.42480780709078214 51.40428352299069559, 5.40149542016483597 51.39804440881453473, 5.38468621384947976 51.39587451078170943, 5.37248468322743022 51.39224644101879846, 5.37228236503649281 51.39274187730204346, 5.3702125904453899 51.39762177436747237, 5.37068702261943542 51.3980480014691139, 5.37821730600851122 51.40427582403270179, 5.38570027377245886 51.40563793724860631, 5.39045467215801466 51.40591036463993646, 5.39407212058688135 51.4073242364481473, 5.40099271513006407 51.40831574059827602, 5.40454889747785128 51.40908744613465586, 5.40468809423194685 51.40840259908663512, 5.40898317894280822 51.40958191624478246, 5.41084088352091719 51.41084558670901572, 5.41152057161422917 51.41059910008320344, 5.41152057161422917 51.41059910008320344)))</t>
  </si>
  <si>
    <t>MultiPolygon (((5.4339226730521144 51.32432076444420943, 5.43665036195481655 51.32278120443488234, 5.45849157216158343 51.31804177563506641, 5.46588098393347632 51.31445674891505604, 5.46519821039539089 51.31671241018884189, 5.47002384437607159 51.31774648746785061, 5.47356014433935023 51.31784590068303942, 5.47682977078059974 51.31440298684328383, 5.4850127187059261 51.31736630316903103, 5.48636986974968099 51.31481684523750886, 5.48912312257733337 51.31452232980952743, 5.49008911246639553 51.31667891803851234, 5.49137186638754926 51.31422232287695806, 5.49067912461781926 51.3102989686386266, 5.48919409403963598 51.30647116580866651, 5.48573384050657342 51.3024328734943964, 5.48485932630865758 51.29999994438949784, 5.48301649754639531 51.30016467802339974, 5.48319927715901034 51.29864551879391144, 5.47956894603800482 51.2968487565138247, 5.47761395952815455 51.29496815366650253, 5.47688754528820532 51.29139133843099074, 5.47023086696399297 51.28814986486051453, 5.46483621934240382 51.28456533167673825, 5.44178153744291926 51.28210587007130528, 5.44061006564164984 51.27858687900853596, 5.43837127089156347 51.27602619285771368, 5.43771904589463606 51.27602756098777803, 5.4369402513490348 51.27669163236591743, 5.44109543150937824 51.28418374245585909, 5.43829266692926439 51.28815222508986693, 5.43783039614897135 51.29084405857733486, 5.44014864978476975 51.29219204322415493, 5.44006820972700655 51.29429647561242689, 5.44469494316778935 51.29668381597390692, 5.4480484346357656 51.29616911896952303, 5.44764478555453469 51.29450641281871981, 5.45380914507884906 51.2931594902797201, 5.45873972719070721 51.29334055894371147, 5.45823287673720436 51.29468918207093253, 5.46706876151177745 51.29557985065901704, 5.46751353902416781 51.30230888493304775, 5.45779246962008546 51.30290267810829619, 5.45775571535613047 51.30598832372282914, 5.45467625576330661 51.3071956202082049, 5.4529121826973217 51.30550050288069031, 5.45382840888019604 51.30425276408512758, 5.45115124684497054 51.30130439028609857, 5.44543214284945165 51.30063312601944858, 5.43214205598176125 51.30445500198555209, 5.42934872988928685 51.30767401973645292, 5.42985562087344142 51.31296820063997899, 5.42737527273704679 51.31438950819294575, 5.4339226730521144 51.32432076444420943, 5.4339226730521144 51.32432076444420943)))</t>
  </si>
  <si>
    <t>MultiPolygon (((5.41286145468372393 51.32051812983166172, 5.41365254255927297 51.31864645225552124, 5.4164874048736662 51.31939178085435316, 5.41985066958484119 51.31801834680427277, 5.42392780207092873 51.31250749843429304, 5.42579912384486462 51.31199022683872357, 5.41955681395771816 51.30249690605126744, 5.41975004125926141 51.3013310606812567, 5.42416653204033583 51.30141063454668426, 5.42663287985581988 51.30084440746063734, 5.42832765947420359 51.29917602940756893, 5.42638679118136746 51.29874024873532079, 5.42648619640938001 51.29550887413539328, 5.43235999133629477 51.29720806192067073, 5.43531181495151827 51.29717373731892138, 5.44006820972700655 51.29429647561242689, 5.44014864978476975 51.29219204322415493, 5.43783039614897135 51.29084405857733486, 5.43829266692926439 51.28815222508986693, 5.44109543150937824 51.28418374245585909, 5.4369402513490348 51.27669163236591743, 5.43771904589463606 51.27602756098777803, 5.43329770509716692 51.27633315585508456, 5.41741151905495766 51.26228572985173315, 5.40379719669702041 51.27346994805203195, 5.40089683989196079 51.27446196954669233, 5.39801139167960198 51.27767064913069817, 5.38780362622655939 51.2852388991019339, 5.39720209354576763 51.29062027169215554, 5.39708558900340751 51.29147627998964509, 5.39266497575802184 51.29399001034889949, 5.39486622840756969 51.29627130709280891, 5.39342535547440338 51.29965080266877919, 5.39546403004112829 51.30600865185096637, 5.39476282170653931 51.30634619169918409, 5.39445964620932816 51.30899424980680124, 5.39590530710012128 51.3101775331062413, 5.3976725084990278 51.31432058161188792, 5.4007191574708262 51.31350099408819432, 5.41078557215309708 51.31997691955686491, 5.41286145468372393 51.32051812983166172, 5.41286145468372393 51.32051812983166172)))</t>
  </si>
  <si>
    <t>MultiPolygon (((5.44469494316778935 51.29668381597390692, 5.44422967842066008 51.29743750184183426, 5.45068464450971568 51.2995410062518431, 5.45115124684497054 51.30130439028609857, 5.45382840888019604 51.30425276408512758, 5.4529121826973217 51.30550050288069031, 5.45467625576330661 51.3071956202082049, 5.45775571535613047 51.30598832372282914, 5.45779246962008546 51.30290267810829619, 5.46751353902416781 51.30230888493304775, 5.46706876151177745 51.29557985065901704, 5.45823287673720436 51.29468918207093253, 5.45873972719070721 51.29334055894371147, 5.45380914507884906 51.2931594902797201, 5.44764478555453469 51.29450641281871981, 5.4480484346357656 51.29616911896952303, 5.44469494316778935 51.29668381597390692, 5.44469494316778935 51.29668381597390692)))</t>
  </si>
  <si>
    <t>MultiPolygon (((5.42579912384486462 51.31199022683872357, 5.42737527273704679 51.31438950819294575, 5.42985562087344142 51.31296820063997899, 5.42934872988928685 51.30767401973645292, 5.43214205598176125 51.30445500198555209, 5.44543214284945165 51.30063312601944858, 5.45115124684497054 51.30130439028609857, 5.45068464450971568 51.2995410062518431, 5.44422967842066008 51.29743750184183426, 5.44469494316778935 51.29668381597390692, 5.44006820972700655 51.29429647561242689, 5.43531181495151827 51.29717373731892138, 5.43235999133629477 51.29720806192067073, 5.42648619640938001 51.29550887413539328, 5.42638679118136746 51.29874024873532079, 5.42832765947420359 51.29917602940756893, 5.42663287985581988 51.30084440746063734, 5.42416653204033583 51.30141063454668426, 5.41975004125926141 51.3013310606812567, 5.41955681395771816 51.30249690605126744, 5.42579912384486462 51.31199022683872357, 5.42579912384486462 51.31199022683872357)))</t>
  </si>
  <si>
    <t>MultiPolygon (((5.43802688148968638 51.35097373125041287, 5.43997024736265189 51.34791304202073547, 5.44239016207034609 51.34540153468951473, 5.44309946087642249 51.34247110641972967, 5.43983888573128826 51.34075574279194143, 5.43289448222976823 51.34021681802377657, 5.43215208957462359 51.3410209059131688, 5.42729107628114615 51.33984011414176507, 5.42281988936932091 51.33626671172993383, 5.42195176719831373 51.33855653708896227, 5.42120190826257353 51.33837728153088875, 5.42140124447650074 51.34069367163654363, 5.42497929260553224 51.34437128865648958, 5.42518258241440776 51.34537388570121408, 5.42271297818958242 51.34832435371498605, 5.42290510606281195 51.34984847282574805, 5.42897947943736892 51.35100378093146389, 5.43011067409054604 51.3499721846954813, 5.43193416709582344 51.35026452498694738, 5.43199805779619282 51.35139847886964048, 5.43802688148968638 51.35097373125041287, 5.43802688148968638 51.35097373125041287)))</t>
  </si>
  <si>
    <t>MultiPolygon (((5.43073787343867131 51.36610608374047615, 5.42707576634109934 51.36438907448795277, 5.42802288953722289 51.36002583064523463, 5.42964652536390791 51.35772326711677493, 5.4301953971710093 51.35664194421381268, 5.4261132661612228 51.35718396994438706, 5.42462071461771522 51.35875407457131558, 5.42297283248509654 51.36320748174465933, 5.43073787343867131 51.36610608374047615, 5.43073787343867131 51.36610608374047615)))</t>
  </si>
  <si>
    <t>MultiPolygon (((5.42316500983082417 51.37438982141156174, 5.42450233732351172 51.37407069544259031, 5.42489785630663768 51.37262440980171618, 5.42683400437648089 51.37262114002095359, 5.42706842814955692 51.37180462400782233, 5.42938217670032053 51.37100515017470315, 5.42905525500639463 51.37021446851135664, 5.43126661013532797 51.36997507178829636, 5.43195647043435148 51.36913436320730852, 5.43540650882179133 51.36813334290278021, 5.43073787343867131 51.36610608374047615, 5.42297283248509654 51.36320748174465933, 5.42462071461771522 51.35875407457131558, 5.4261132661612228 51.35718396994438706, 5.42097983104183534 51.35665119825787883, 5.41970340797836947 51.35925012697057923, 5.41988198594694293 51.36510337607528243, 5.42098197999277698 51.36929950494544528, 5.41887117208669267 51.37180738516209288, 5.42136078798846466 51.37431725256574566, 5.42320735317639624 51.37486642567531447, 5.42316500983082417 51.37438982141156174, 5.42316500983082417 51.37438982141156174)))</t>
  </si>
  <si>
    <t>MultiPolygon (((5.42857348306790399 51.35404136896222838, 5.42930995572386443 51.35251421343969724, 5.43067529603673016 51.35259830289726324, 5.43199805779619282 51.35139847886964048, 5.43193416709582344 51.35026452498694738, 5.43011067409054604 51.3499721846954813, 5.42897947943736892 51.35100378093146389, 5.42290510606281195 51.34984847282574805, 5.42352787001770587 51.35223978632388508, 5.42154675538291286 51.35418829066261992, 5.42097983104183534 51.35665119825787883, 5.4261132661612228 51.35718396994438706, 5.4301953971710093 51.35664194421381268, 5.43054491469729328 51.35482959572988904, 5.42893406180781213 51.35472147564662038, 5.42857348306790399 51.35404136896222838, 5.42857348306790399 51.35404136896222838)))</t>
  </si>
  <si>
    <t>MultiPolygon (((5.43212883450488082 51.35802742709694257, 5.42964652536390791 51.35772326711677493, 5.42802288953722289 51.36002583064523463, 5.42707576634109934 51.36438907448795277, 5.43073787343867131 51.36610608374047615, 5.43540650882179133 51.36813334290278021, 5.4363011109644237 51.36623949985479953, 5.43796445851206389 51.35975084129140811, 5.43401793522880272 51.35909237509795133, 5.4344609246180573 51.35851173924702096, 5.43212883450488082 51.35802742709694257, 5.43212883450488082 51.35802742709694257)))</t>
  </si>
  <si>
    <t>MultiPolygon (((5.43212883450488082 51.35802742709694257, 5.4344609246180573 51.35851173924702096, 5.43401793522880272 51.35909237509795133, 5.43796445851206389 51.35975084129140811, 5.43882780526085163 51.3560270752449668, 5.44053640999114396 51.35248339704089204, 5.43802688148968638 51.35097373125041287, 5.43199805779619282 51.35139847886964048, 5.43067529603673016 51.35259830289726324, 5.42930995572386443 51.35251421343969724, 5.42857348306790399 51.35404136896222838, 5.42893406180781213 51.35472147564662038, 5.43054491469729328 51.35482959572988904, 5.43337927060942238 51.35520695132817792, 5.43212883450488082 51.35802742709694257, 5.43212883450488082 51.35802742709694257)))</t>
  </si>
  <si>
    <t>MultiPolygon (((5.42964652536390791 51.35772326711677493, 5.43212883450488082 51.35802742709694257, 5.43337927060942238 51.35520695132817792, 5.43054491469729328 51.35482959572988904, 5.4301953971710093 51.35664194421381268, 5.42964652536390791 51.35772326711677493, 5.42964652536390791 51.35772326711677493)))</t>
  </si>
  <si>
    <t>MultiPolygon (((5.5164176024094278 51.37833551387407027, 5.52718053488362404 51.36694107263742382, 5.4941441021948263 51.35548676160204451, 5.49382852890556439 51.35403826733447374, 5.49428760647770975 51.35329230180374083, 5.49666876846233077 51.35265008813797749, 5.49603016611958584 51.34650779036226709, 5.48772507611912364 51.34312352034206128, 5.48700528860568948 51.34227837266389827, 5.48186806924763648 51.34084031845952012, 5.47834600285497242 51.33871160789994548, 5.47763224415516081 51.33723067849712152, 5.4736034842282244 51.33398314723530831, 5.4760216365818053 51.33121664220445268, 5.47716853549804217 51.32752035660030288, 5.48078622685465167 51.32444177969581744, 5.4802378114288679 51.32405503902091937, 5.48293149668403235 51.32134136327057661, 5.48905598569338693 51.31836866118051432, 5.49008911246639553 51.31667891803851234, 5.48912312257733337 51.31452232980952743, 5.48636986974968099 51.31481684523750886, 5.4850127187059261 51.31736630316903103, 5.47682977078059974 51.31440298684328383, 5.47356014433935023 51.31784590068303942, 5.47002384437607159 51.31774648746785061, 5.46519821039539089 51.31671241018884189, 5.46588098393347632 51.31445674891505604, 5.45849157216158343 51.31804177563506641, 5.43665036195481655 51.32278120443488234, 5.4339226730521144 51.32432076444420943, 5.42429073617752966 51.33075986118740985, 5.42303514683648746 51.33258136371407687, 5.42281988936932091 51.33626671172993383, 5.42729107628114615 51.33984011414176507, 5.43215208957462359 51.3410209059131688, 5.43289448222976823 51.34021681802377657, 5.43983888573128826 51.34075574279194143, 5.44309946087642249 51.34247110641972967, 5.44611707117483235 51.34381940353146234, 5.45725086135472104 51.33989179617478982, 5.46305481664792225 51.34084470753415275, 5.46697927467709199 51.34367897693839211, 5.46714625959813283 51.34179355469787964, 5.47824970775195919 51.34153940488715051, 5.48313719177075409 51.34361267638581694, 5.48708886213614466 51.34641926479085328, 5.48921136567384949 51.34554219988007162, 5.49321052280837119 51.34933609735293913, 5.49284170766206081 51.35248751216480656, 5.48717089137249747 51.3529579441475974, 5.48411733368636867 51.35568781823781137, 5.48282091701464314 51.35980392777980796, 5.4806954357318407 51.35951801653428106, 5.47332168521762163 51.36264728980886929, 5.46615924617262916 51.36400517648033315, 5.47125528841627062 51.37083198289582242, 5.49187544148694418 51.37405483045277066, 5.49647719073450958 51.37313736433078049, 5.50180405249394333 51.37416531371976447, 5.5084794881624406 51.37276574686227804, 5.5164176024094278 51.37833551387407027, 5.5164176024094278 51.37833551387407027)))</t>
  </si>
  <si>
    <t>MultiPolygon (((5.46697927467709199 51.34367897693839211, 5.46736322518194395 51.34482906948976222, 5.47032045685568225 51.34536445580297936, 5.47549599588842195 51.34363822962765056, 5.47201299842754629 51.34803208536610697, 5.47816303996703269 51.35027391756199222, 5.47830603926510129 51.35264236354129253, 5.48717089137249747 51.3529579441475974, 5.49284170766206081 51.35248751216480656, 5.49321052280837119 51.34933609735293913, 5.48921136567384949 51.34554219988007162, 5.48708886213614466 51.34641926479085328, 5.48313719177075409 51.34361267638581694, 5.47824970775195919 51.34153940488715051, 5.46714625959813283 51.34179355469787964, 5.46697927467709199 51.34367897693839211, 5.46697927467709199 51.34367897693839211)))</t>
  </si>
  <si>
    <t>MultiPolygon (((5.46105771068834489 51.36947108168395459, 5.46236522279582992 51.36344202993971209, 5.45804433702194025 51.36249777351284251, 5.44819425971653626 51.35883200200172638, 5.44965383782965951 51.35679913333959234, 5.44689507857809385 51.35612932452590229, 5.44116760471328487 51.35654964149182433, 5.43882780526085163 51.3560270752449668, 5.43796445851206389 51.35975084129140811, 5.4363011109644237 51.36623949985479953, 5.43922154571609617 51.36625243079513581, 5.44188598885117791 51.36747830162384076, 5.44523410488451098 51.36815096611809395, 5.46105771068834489 51.36947108168395459, 5.46105771068834489 51.36947108168395459)))</t>
  </si>
  <si>
    <t>MultiPolygon (((5.43882780526085163 51.3560270752449668, 5.44116760471328487 51.35654964149182433, 5.44689507857809385 51.35612932452590229, 5.44965383782965951 51.35679913333959234, 5.45191352116018724 51.35330878008043953, 5.45128243229516407 51.34889738536426051, 5.43997024736265189 51.34791304202073547, 5.43802688148968638 51.35097373125041287, 5.44053640999114396 51.35248339704089204, 5.43882780526085163 51.3560270752449668, 5.43882780526085163 51.3560270752449668)))</t>
  </si>
  <si>
    <t>MultiPolygon (((5.43997024736265189 51.34791304202073547, 5.45128243229516407 51.34889738536426051, 5.45578904547551691 51.34906149447524371, 5.45753121724971546 51.34697429428315729, 5.46238037161201806 51.34647695731327843, 5.46595194785115712 51.34683049677201438, 5.46697927467709199 51.34367897693839211, 5.46305481664792225 51.34084470753415275, 5.45725086135472104 51.33989179617478982, 5.44611707117483235 51.34381940353146234, 5.44309946087642249 51.34247110641972967, 5.44239016207034609 51.34540153468951473, 5.43997024736265189 51.34791304202073547, 5.43997024736265189 51.34791304202073547)))</t>
  </si>
  <si>
    <t>MultiPolygon (((5.46429642301721774 51.35475945821031019, 5.47822327527333641 51.3549050628647592, 5.48411733368636867 51.35568781823781137, 5.48717089137249747 51.3529579441475974, 5.47830603926510129 51.35264236354129253, 5.47816303996703269 51.35027391756199222, 5.47201299842754629 51.34803208536610697, 5.47549599588842195 51.34363822962765056, 5.47032045685568225 51.34536445580297936, 5.46736322518194395 51.34482906948976222, 5.46697927467709199 51.34367897693839211, 5.46595194785115712 51.34683049677201438, 5.46429642301721774 51.35475945821031019, 5.46429642301721774 51.35475945821031019)))</t>
  </si>
  <si>
    <t>MultiPolygon (((5.46105771068834489 51.36947108168395459, 5.47125528841627062 51.37083198289582242, 5.46615924617262916 51.36400517648033315, 5.47332168521762163 51.36264728980886929, 5.4806954357318407 51.35951801653428106, 5.48282091701464314 51.35980392777980796, 5.48411733368636867 51.35568781823781137, 5.47822327527333641 51.3549050628647592, 5.46429642301721774 51.35475945821031019, 5.46236522279582992 51.36344202993971209, 5.46105771068834489 51.36947108168395459, 5.46105771068834489 51.36947108168395459)))</t>
  </si>
  <si>
    <t>MultiPolygon (((5.44965383782965951 51.35679913333959234, 5.44819425971653626 51.35883200200172638, 5.45804433702194025 51.36249777351284251, 5.46236522279582992 51.36344202993971209, 5.46429642301721774 51.35475945821031019, 5.45820685162317876 51.3554628475794388, 5.4510016303347717 51.35713504407715391, 5.44965383782965951 51.35679913333959234, 5.44965383782965951 51.35679913333959234)))</t>
  </si>
  <si>
    <t>MultiPolygon (((5.44965383782965951 51.35679913333959234, 5.4510016303347717 51.35713504407715391, 5.45820685162317876 51.3554628475794388, 5.46429642301721774 51.35475945821031019, 5.46595194785115712 51.34683049677201438, 5.46238037161201806 51.34647695731327843, 5.45753121724971546 51.34697429428315729, 5.45578904547551691 51.34906149447524371, 5.45128243229516407 51.34889738536426051, 5.45191352116018724 51.35330878008043953, 5.44965383782965951 51.35679913333959234, 5.44965383782965951 51.35679913333959234)))</t>
  </si>
  <si>
    <t>MultiPolygon (((5.71626661817858839 51.67136343011028288, 5.73134827768314015 51.67393544765708668, 5.7339158610623322 51.67002651035195981, 5.73669219547485199 51.66141938301718284, 5.73037531192516791 51.65932104444433293, 5.7301662095206769 51.65768981506552393, 5.73284228977477994 51.65800944782780135, 5.73403228712029112 51.65203979149774227, 5.74254633233794909 51.65006172638680937, 5.74767610171189869 51.63266798026980808, 5.75047824215118109 51.62268337516537287, 5.74006045224725625 51.62249637652119105, 5.7092287840198761 51.62575360859008811, 5.6866548623392239 51.62812295533021967, 5.6817807080998799 51.62781660052068133, 5.68145987661178964 51.62903105138469328, 5.68601892012556309 51.63161703963513816, 5.6860759399588563 51.63276799590507693, 5.6827024800585999 51.63288583721055147, 5.68243789382598852 51.6375119781152776, 5.6838969641364141 51.64393203625547102, 5.68272824404026711 51.64523749579779377, 5.6810381369908507 51.64576927233281367, 5.68101346459820888 51.64645499503392756, 5.69020927818579914 51.64708826226177507, 5.69309476104120638 51.64720041221657709, 5.71278115726298097 51.65342692510391487, 5.71413197126232753 51.65100859896953267, 5.71548597007747716 51.65141547318653892, 5.72134941630003535 51.65670185820886218, 5.72343983853035621 51.66012501485845121, 5.7301029180678924 51.66295084513657088, 5.72877740781809042 51.66587292195048775, 5.72523936906812558 51.66631577248861618, 5.7194123063999287 51.66523276600358372, 5.71626661817858839 51.67136343011028288, 5.71626661817858839 51.67136343011028288),(5.70291209986727221 51.64516565573809714, 5.70143424887903638 51.64788222345752899, 5.69847190942016724 51.64760138577116777, 5.69839935118608398 51.6418738807267772, 5.70542951893519934 51.64226975883724435, 5.70866936367697875 51.64163936724408188, 5.70763283218893225 51.6397605056198401, 5.70992295667157634 51.63915309634199957, 5.71135655393078601 51.63950895615607095, 5.71245119288210557 51.64172610086384196, 5.71143932309298474 51.64605579521676759, 5.70291209986727221 51.64516565573809714, 5.70291209986727221 51.64516565573809714)))</t>
  </si>
  <si>
    <t>MultiPolygon (((5.70291209986727221 51.64516565573809714, 5.71143932309298474 51.64605579521676759, 5.71245119288210557 51.64172610086384196, 5.71135655393078601 51.63950895615607095, 5.70992295667157634 51.63915309634199957, 5.70763283218893225 51.6397605056198401, 5.70866936367697875 51.64163936724408188, 5.70542951893519934 51.64226975883724435, 5.69839935118608398 51.6418738807267772, 5.69847190942016724 51.64760138577116777, 5.70143424887903638 51.64788222345752899, 5.70291209986727221 51.64516565573809714, 5.70291209986727221 51.64516565573809714)))</t>
  </si>
  <si>
    <t>MultiPolygon (((5.68426032009656357 51.66589598753193258, 5.71626661817858839 51.67136343011028288, 5.7194123063999287 51.66523276600358372, 5.71206787924517645 51.66254838845331676, 5.70938511502833546 51.66269625342425087, 5.70508345550857232 51.66781437254219611, 5.7011903276881144 51.66664766314837465, 5.69993952364410816 51.66510891124251259, 5.69151884268365649 51.66303116088636926, 5.68724961740186519 51.66255343427282298, 5.68745524823226223 51.66018919291753519, 5.67279006048640344 51.66010934252541631, 5.67298734166615493 51.65526823475827456, 5.68419944952977119 51.65528552973700727, 5.68627400568130437 51.65411257156539904, 5.68607091165524547 51.65153168425732844, 5.68871607066293095 51.65019879892887644, 5.69043901355645154 51.64795197408733429, 5.69020927818579914 51.64708826226177507, 5.68101346459820888 51.64645499503392756, 5.6810381369908507 51.64576927233281367, 5.68272824404026711 51.64523749579779377, 5.6838969641364141 51.64393203625547102, 5.68243789382598852 51.6375119781152776, 5.6827024800585999 51.63288583721055147, 5.6860759399588563 51.63276799590507693, 5.68601892012556309 51.63161703963513816, 5.68145987661178964 51.62903105138469328, 5.68007796574816659 51.62837816182116768, 5.67427893740055733 51.62813533434008662, 5.67434472353013053 51.62743839490681097, 5.67274023362862412 51.62735722009799133, 5.67260730768069799 51.62868878238771231, 5.66659120392036986 51.62845310022965606, 5.66492471510214735 51.62833937010607599, 5.664711236320219 51.62898681282354119, 5.65812876779138563 51.62802295229975869, 5.65821304320335372 51.62766403137251103, 5.65134389004576843 51.62669566275675237, 5.65098259865814967 51.62571165268946771, 5.63557462924035324 51.62536373582950944, 5.6332547473950223 51.62463859649908926, 5.62662402002172968 51.62913609704984452, 5.62841565811052291 51.63194471590046675, 5.63163347206431375 51.63304081937823753, 5.62974490866595279 51.63687191846238278, 5.63098106009770927 51.63816398379265848, 5.62948825674282816 51.64150690230785301, 5.63484279869021432 51.64237825113296054, 5.63755499631285861 51.64352301338689699, 5.63803065827881156 51.64629918070945536, 5.6364628272218491 51.64810698756982532, 5.64650904060688408 51.64685202582158041, 5.64884511638124565 51.64559460271618718, 5.64924596031336534 51.64171822510127186, 5.65352055680762788 51.63733478321789505, 5.6615616749811748 51.64113971185493313, 5.66138217409033384 51.64299543212528931, 5.66299633174043748 51.64438992245987947, 5.66629701467352653 51.64429389206532051, 5.66570012914800003 51.6458317999181773, 5.66413027809196112 51.64686837060832403, 5.65982030161430849 51.64606924391192422, 5.6601522053544393 51.64813640365816383, 5.65817851471544131 51.64801009689687561, 5.65308942195357389 51.65008942840655237, 5.65291853499588015 51.65243948516822314, 5.65725983776134189 51.65371490676857746, 5.65868360233403589 51.65392958373588783, 5.65876898250578275 51.65337040895546039, 5.66875043199790252 51.65489930481787439, 5.66283212934655555 51.66217110473159124, 5.66909407713569458 51.66316149875244434, 5.66787819555136618 51.6646582088609847, 5.67249664208108229 51.66572032780300816, 5.67230229894495785 51.66669894404352448, 5.67866929378995611 51.66494267957055797, 5.68426032009656357 51.66589598753193258, 5.68426032009656357 51.66589598753193258)))</t>
  </si>
  <si>
    <t>MultiPolygon (((5.7194123063999287 51.66523276600358372, 5.72523936906812558 51.66631577248861618, 5.72877740781809042 51.66587292195048775, 5.7301029180678924 51.66295084513657088, 5.72343983853035621 51.66012501485845121, 5.72134941630003535 51.65670185820886218, 5.71548597007747716 51.65141547318653892, 5.71413197126232753 51.65100859896953267, 5.71278115726298097 51.65342692510391487, 5.69309476104120638 51.64720041221657709, 5.69020927818579914 51.64708826226177507, 5.69043901355645154 51.64795197408733429, 5.68871607066293095 51.65019879892887644, 5.68607091165524547 51.65153168425732844, 5.68627400568130437 51.65411257156539904, 5.68419944952977119 51.65528552973700727, 5.67298734166615493 51.65526823475827456, 5.67279006048640344 51.66010934252541631, 5.68745524823226223 51.66018919291753519, 5.68724961740186519 51.66255343427282298, 5.69151884268365649 51.66303116088636926, 5.69993952364410816 51.66510891124251259, 5.7011903276881144 51.66664766314837465, 5.70508345550857232 51.66781437254219611, 5.70938511502833546 51.66269625342425087, 5.71206787924517645 51.66254838845331676, 5.7194123063999287 51.66523276600358372, 5.7194123063999287 51.66523276600358372)))</t>
  </si>
  <si>
    <t>MultiPolygon (((5.64650904060688408 51.64685202582158041, 5.6466241142505833 51.64684137804449904, 5.65817851471544131 51.64801009689687561, 5.6601522053544393 51.64813640365816383, 5.65982030161430849 51.64606924391192422, 5.66413027809196112 51.64686837060832403, 5.66570012914800003 51.6458317999181773, 5.66629701467352653 51.64429389206532051, 5.66299633174043748 51.64438992245987947, 5.66138217409033384 51.64299543212528931, 5.6615616749811748 51.64113971185493313, 5.65352055680762788 51.63733478321789505, 5.64924596031336534 51.64171822510127186, 5.64884511638124565 51.64559460271618718, 5.64650904060688408 51.64685202582158041, 5.64650904060688408 51.64685202582158041)))</t>
  </si>
  <si>
    <t>MultiPolygon (((5.59704061606191061 51.70198748986318549, 5.62396219661254637 51.70352650499539493, 5.6225802416114572 51.69909439103109605, 5.64873387659017112 51.68206000334468797, 5.64504466793632798 51.67877053662883924, 5.64169381087419364 51.67674730330056576, 5.63817377706800293 51.67577319046414175, 5.62759991048011354 51.67480524840391354, 5.62146861961015087 51.67422959889981371, 5.6098126026728492 51.67294611143290695, 5.60654521338692824 51.67155793626471905, 5.60268348055550991 51.66873709346917565, 5.60055472196258997 51.66467003058750151, 5.60014095584503835 51.66375423366293518, 5.59812753940869712 51.67551123730945051, 5.59402618962077636 51.681797046999435, 5.58924027246356925 51.68504100175063343, 5.59683746336231458 51.69092255391666413, 5.59885598491505654 51.69587089174779493, 5.60058871645217504 51.69657293001790777, 5.60022846379476835 51.69828990694332305, 5.59704061606191061 51.70198748986318549, 5.59704061606191061 51.70198748986318549)))</t>
  </si>
  <si>
    <t>MultiPolygon (((5.56590784548572071 51.66736890231793211, 5.57352289069314821 51.67709016375167863, 5.57301625730168482 51.67809009801684539, 5.57675341795253932 51.67873319959323197, 5.57641262301132645 51.6799716417717363, 5.58686414637774931 51.68305317301000201, 5.58924027246356925 51.68504100175063343, 5.59402618962077636 51.681797046999435, 5.59812753940869712 51.67551123730945051, 5.60014095584503835 51.66375423366293518, 5.60145997600713841 51.65567252552597921, 5.60094918119361296 51.65360946416257804, 5.59939244461979246 51.65218199654583486, 5.59551671270843975 51.64919914705879478, 5.58677699001550199 51.6434228569034417, 5.585765815117119 51.64387020590780963, 5.57819657541835756 51.64697300687737425, 5.57276716552919282 51.65061252112303691, 5.57030030001868592 51.6514342508042219, 5.56740947936977459 51.6535070598077013, 5.57109578859557075 51.65509591552324054, 5.56891027873297784 51.65956352687199171, 5.56773885716575734 51.65933339367732202, 5.56639423591745519 51.66134443415128885, 5.56196639158995065 51.66077736065860648, 5.56223967754803894 51.66315233431280518, 5.56590784548572071 51.66736890231793211, 5.56590784548572071 51.66736890231793211)))</t>
  </si>
  <si>
    <t>MultiPolygon (((5.58677699001550199 51.6434228569034417, 5.59551671270843975 51.64919914705879478, 5.6017957724321672 51.6463002194176255, 5.6028727835185661 51.64467805025764591, 5.60202100888901011 51.64428861487331091, 5.60259257194426041 51.64324151974148691, 5.60551096456231424 51.64049234888891249, 5.61102207123075036 51.63762890215781454, 5.61320845530704648 51.63784210847563827, 5.61321725720486508 51.6391077941509522, 5.62948825674282816 51.64150690230785301, 5.63098106009770927 51.63816398379265848, 5.62974490866595279 51.63687191846238278, 5.63163347206431375 51.63304081937823753, 5.62841565811052291 51.63194471590046675, 5.62662402002172968 51.62913609704984452, 5.6332547473950223 51.62463859649908926, 5.62656849842794671 51.62340098885782425, 5.62339234126956189 51.62665999409645678, 5.60747098972176694 51.63377758583002475, 5.60562873385064453 51.63209290585141531, 5.60227359834732574 51.62941366629568307, 5.5950693227602768 51.63414861766376163, 5.59303600502029497 51.63378747708758709, 5.58943618356267269 51.63543304901257613, 5.58682632547915414 51.63803947153700591, 5.58662680759032781 51.64023725439711399, 5.58835642953927536 51.64265349924235693, 5.58677699001550199 51.6434228569034417, 5.58677699001550199 51.6434228569034417)))</t>
  </si>
  <si>
    <t>MultiPolygon (((5.64504466793632798 51.67877053662883924, 5.64873387659017112 51.68206000334468797, 5.66776221312446449 51.66966206130944528, 5.67230229894495785 51.66669894404352448, 5.67249664208108229 51.66572032780300816, 5.66787819555136618 51.6646582088609847, 5.66909407713569458 51.66316149875244434, 5.66283212934655555 51.66217110473159124, 5.6536020205071793 51.66053915350273229, 5.65429192663193092 51.65962327558603562, 5.65058536492766894 51.65807806356603749, 5.64731478710390444 51.65950585575162535, 5.64204059754399534 51.65848937937641949, 5.64223515560312538 51.66382272265833109, 5.64240575115694298 51.67055960347637722, 5.64245090037787644 51.67138355351556811, 5.65314633689169099 51.67381848531463362, 5.65001349131847963 51.67556845691833445, 5.64876633513909177 51.67555814082448506, 5.64565851116444861 51.67751134815718217, 5.64504466793632798 51.67877053662883924, 5.64504466793632798 51.67877053662883924)))</t>
  </si>
  <si>
    <t>MultiPolygon (((5.59939244461979246 51.65218199654583486, 5.60296061293159831 51.65150048342946576, 5.60625391843966536 51.64876886207969875, 5.60870089025540608 51.64778084812490277, 5.61603994649967131 51.64770127081624196, 5.61637702708013187 51.64690287593963092, 5.61324173691439565 51.64260963540669991, 5.61321725720486508 51.6391077941509522, 5.61320845530704648 51.63784210847563827, 5.61102207123075036 51.63762890215781454, 5.60551096456231424 51.64049234888891249, 5.60259257194426041 51.64324151974148691, 5.60202100888901011 51.64428861487331091, 5.6028727835185661 51.64467805025764591, 5.6017957724321672 51.6463002194176255, 5.59551671270843975 51.64919914705879478, 5.59939244461979246 51.65218199654583486, 5.59939244461979246 51.65218199654583486)))</t>
  </si>
  <si>
    <t>MultiPolygon (((5.6272211617803336 51.64855496122127931, 5.63496126977866041 51.64839247574082037, 5.6364628272218491 51.64810698756982532, 5.63803065827881156 51.64629918070945536, 5.63755499631285861 51.64352301338689699, 5.63484279869021432 51.64237825113296054, 5.62948825674282816 51.64150690230785301, 5.61321725720486508 51.6391077941509522, 5.61324173691439565 51.64260963540669991, 5.61637702708013187 51.64690287593963092, 5.61603994649967131 51.64770127081624196, 5.6272211617803336 51.64855496122127931, 5.6272211617803336 51.64855496122127931)))</t>
  </si>
  <si>
    <t>MultiPolygon (((5.64204059754399534 51.65848937937641949, 5.64731478710390444 51.65950585575162535, 5.65058536492766894 51.65807806356603749, 5.65429192663193092 51.65962327558603562, 5.6536020205071793 51.66053915350273229, 5.66283212934655555 51.66217110473159124, 5.66875043199790252 51.65489930481787439, 5.65876898250578275 51.65337040895546039, 5.65868360233403589 51.65392958373588783, 5.65725983776134189 51.65371490676857746, 5.65291853499588015 51.65243948516822314, 5.65308942195357389 51.65008942840655237, 5.65817851471544131 51.64801009689687561, 5.6466241142505833 51.64684137804449904, 5.64650904060688408 51.64685202582158041, 5.6364628272218491 51.64810698756982532, 5.63496126977866041 51.64839247574082037, 5.63818930070366608 51.65109199324659528, 5.63571380280116951 51.65543538289414016, 5.63304361855917524 51.65628651276431782, 5.626587306653696 51.65416399855730134, 5.62615618313196553 51.6545325687846244, 5.62445526285432251 51.65401272836844271, 5.6213470873891902 51.65210527231754156, 5.62002099536537703 51.65446039309018289, 5.62416555035801746 51.65568996288698855, 5.62986548752690474 51.6567150497607841, 5.64204059754399534 51.65848937937641949, 5.64204059754399534 51.65848937937641949)))</t>
  </si>
  <si>
    <t>MultiPolygon (((5.64169381087419364 51.67674730330056576, 5.64504466793632798 51.67877053662883924, 5.64565851116444861 51.67751134815718217, 5.64876633513909177 51.67555814082448506, 5.65001349131847963 51.67556845691833445, 5.65314633689169099 51.67381848531463362, 5.64245090037787644 51.67138355351556811, 5.64169381087419364 51.67674730330056576, 5.64169381087419364 51.67674730330056576)))</t>
  </si>
  <si>
    <t>MultiPolygon (((5.60793247781194282 51.6544155755888923, 5.60972056587201617 51.65520289860194936, 5.61024486914062503 51.6543307832691525, 5.60961129820073978 51.65393058257964043, 5.61055497578471929 51.65317721434711018, 5.61538145258927823 51.65402432169586433, 5.62002099536537703 51.65446039309018289, 5.6213470873891902 51.65210527231754156, 5.62445526285432251 51.65401272836844271, 5.62615618313196553 51.6545325687846244, 5.626587306653696 51.65416399855730134, 5.62522881644585127 51.65323842111011032, 5.62834608859739038 51.65174836229886068, 5.62870113666152516 51.65042837497774286, 5.6272211617803336 51.64855496122127931, 5.61603994649967131 51.64770127081624196, 5.60870089025540608 51.64778084812490277, 5.60625391843966536 51.64876886207969875, 5.60296061293159831 51.65150048342946576, 5.60793247781194282 51.6544155755888923, 5.60793247781194282 51.6544155755888923)))</t>
  </si>
  <si>
    <t>MultiPolygon (((5.626587306653696 51.65416399855730134, 5.63304361855917524 51.65628651276431782, 5.63571380280116951 51.65543538289414016, 5.63818930070366608 51.65109199324659528, 5.63496126977866041 51.64839247574082037, 5.6272211617803336 51.64855496122127931, 5.62870113666152516 51.65042837497774286, 5.62834608859739038 51.65174836229886068, 5.62522881644585127 51.65323842111011032, 5.626587306653696 51.65416399855730134, 5.626587306653696 51.65416399855730134)))</t>
  </si>
  <si>
    <t>MultiPolygon (((5.62649615042325202 51.66100756586339315, 5.64223515560312538 51.66382272265833109, 5.64204059754399534 51.65848937937641949, 5.62986548752690474 51.6567150497607841, 5.62649615042325202 51.66100756586339315, 5.62649615042325202 51.66100756586339315)))</t>
  </si>
  <si>
    <t>MultiPolygon (((5.63185754197953603 51.66849320690927527, 5.64240575115694298 51.67055960347637722, 5.64223515560312538 51.66382272265833109, 5.62649615042325202 51.66100756586339315, 5.62399173398067376 51.665963599413125, 5.63185754197953603 51.66849320690927527, 5.63185754197953603 51.66849320690927527)))</t>
  </si>
  <si>
    <t>MultiPolygon (((5.62759991048011354 51.67480524840391354, 5.63817377706800293 51.67577319046414175, 5.64169381087419364 51.67674730330056576, 5.64245090037787644 51.67138355351556811, 5.64240575115694298 51.67055960347637722, 5.63185754197953603 51.66849320690927527, 5.6300432800588549 51.67183538930306952, 5.62728982809074552 51.67388287522295798, 5.62759991048011354 51.67480524840391354, 5.62759991048011354 51.67480524840391354)))</t>
  </si>
  <si>
    <t>MultiPolygon (((5.62146861961015087 51.67422959889981371, 5.62759991048011354 51.67480524840391354, 5.62728982809074552 51.67388287522295798, 5.6300432800588549 51.67183538930306952, 5.63185754197953603 51.66849320690927527, 5.62399173398067376 51.665963599413125, 5.62246255003022988 51.66892752331231264, 5.62439852111036664 51.67066918933866759, 5.62146861961015087 51.67422959889981371, 5.62146861961015087 51.67422959889981371)))</t>
  </si>
  <si>
    <t>MultiPolygon (((5.6200782752991012 51.65979919957732136, 5.62649615042325202 51.66100756586339315, 5.62986548752690474 51.6567150497607841, 5.62416555035801746 51.65568996288698855, 5.62134140132697624 51.65646136293802471, 5.61894048430927651 51.6579700418114669, 5.6200782752991012 51.65979919957732136, 5.6200782752991012 51.65979919957732136)))</t>
  </si>
  <si>
    <t>MultiPolygon (((5.62246255003022988 51.66892752331231264, 5.62399173398067376 51.665963599413125, 5.62649615042325202 51.66100756586339315, 5.6200782752991012 51.65979919957732136, 5.62021027065960066 51.66056717650122465, 5.6180374785453937 51.66120349198040884, 5.61222419993421262 51.66461892347331286, 5.62246255003022988 51.66892752331231264, 5.62246255003022988 51.66892752331231264)))</t>
  </si>
  <si>
    <t>MultiPolygon (((5.60654521338692824 51.67155793626471905, 5.6098126026728492 51.67294611143290695, 5.62146861961015087 51.67422959889981371, 5.62439852111036664 51.67066918933866759, 5.62246255003022988 51.66892752331231264, 5.61222419993421262 51.66461892347331286, 5.61041744349279181 51.66441680002134973, 5.60955476614204773 51.66831622494697029, 5.60654521338692824 51.67155793626471905, 5.60654521338692824 51.67155793626471905)))</t>
  </si>
  <si>
    <t>MultiPolygon (((5.60972056587201617 51.65520289860194936, 5.61377349491944866 51.65607880378158256, 5.61538145258927823 51.65402432169586433, 5.61055497578471929 51.65317721434711018, 5.60961129820073978 51.65393058257964043, 5.61024486914062503 51.6543307832691525, 5.60972056587201617 51.65520289860194936, 5.60972056587201617 51.65520289860194936)))</t>
  </si>
  <si>
    <t>MultiPolygon (((5.60014095584503835 51.66375423366293518, 5.60055472196258997 51.66467003058750151, 5.60892566908800116 51.66140510360278881, 5.60647399827848414 51.65741721707337319, 5.60640721376540618 51.65538724120632708, 5.60793247781194282 51.6544155755888923, 5.60296061293159831 51.65150048342946576, 5.59939244461979246 51.65218199654583486, 5.60094918119361296 51.65360946416257804, 5.60145997600713841 51.65567252552597921, 5.60014095584503835 51.66375423366293518, 5.60014095584503835 51.66375423366293518)))</t>
  </si>
  <si>
    <t>MultiPolygon (((5.60055472196258997 51.66467003058750151, 5.60268348055550991 51.66873709346917565, 5.60654521338692824 51.67155793626471905, 5.60955476614204773 51.66831622494697029, 5.61041744349279181 51.66441680002134973, 5.60892566908800116 51.66140510360278881, 5.60055472196258997 51.66467003058750151, 5.60055472196258997 51.66467003058750151)))</t>
  </si>
  <si>
    <t>MultiPolygon (((5.61041744349279181 51.66441680002134973, 5.61222419993421262 51.66461892347331286, 5.6180374785453937 51.66120349198040884, 5.62021027065960066 51.66056717650122465, 5.6200782752991012 51.65979919957732136, 5.61894048430927651 51.6579700418114669, 5.62134140132697624 51.65646136293802471, 5.62416555035801746 51.65568996288698855, 5.62002099536537703 51.65446039309018289, 5.61538145258927823 51.65402432169586433, 5.61377349491944866 51.65607880378158256, 5.60972056587201617 51.65520289860194936, 5.60793247781194282 51.6544155755888923, 5.60640721376540618 51.65538724120632708, 5.60647399827848414 51.65741721707337319, 5.60892566908800116 51.66140510360278881, 5.61041744349279181 51.66441680002134973, 5.61041744349279181 51.66441680002134973)))</t>
  </si>
  <si>
    <t>MultiPolygon (((4.97623828044836891 52.42402599753763326, 4.97331980850478583 52.42279733416754084, 4.95600527125138779 52.42196033854782655, 4.95577711075208693 52.42243193230637388, 4.95355921408163624 52.42225663224290599, 4.95232917929671324 52.42352357120089579, 4.95134021900984855 52.42322851566267161, 4.95148136591567134 52.42192974467061362, 4.94778857418794349 52.42156224111933227, 4.95068965720141563 52.42359613093972825, 4.95086129714169232 52.43714072432768347, 4.94878613299034686 52.44797399567669061, 4.96566381434122661 52.45217776345875649, 4.96883374573280623 52.44893213915028696, 4.97197527438123199 52.44616603702144175, 4.97270826870203742 52.43950603048634207, 4.97170840756753041 52.43635239586636487, 4.97314109086089307 52.42846015864471809, 4.97159435099735258 52.42798991889207372, 4.97623828044836891 52.42402599753763326, 4.97623828044836891 52.42402599753763326)))</t>
  </si>
  <si>
    <t>MultiPolygon (((4.97649422004142927 52.47274082957924435, 4.9865729436238917 52.46892402601618954, 4.98537546498268469 52.46823411700634665, 4.99407270340506759 52.46498283710908339, 4.98145249153519121 52.46211572950529245, 4.97571796205330497 52.45882339650274417, 4.97178629206064926 52.45759637456338709, 4.96626393377229203 52.45759403176381852, 4.96282706878945934 52.45887513944779101, 4.95741753503005711 52.4593230062901057, 4.95449896892931019 52.46034146191816916, 4.95247041608622496 52.46194898526644579, 4.95228785335627908 52.46255862419635463, 4.95689950268678015 52.46628110711864679, 4.95803612513722491 52.47122813509785288, 4.9639408513591281 52.4715821174727779, 4.96898922130184495 52.47048192093559038, 4.97401011115800173 52.47040436917022532, 4.97649422004142927 52.47274082957924435, 4.97649422004142927 52.47274082957924435)))</t>
  </si>
  <si>
    <t>MultiPolygon (((4.96566381434122661 52.45217776345875649, 4.94878613299034686 52.44797399567669061, 4.9480016071419195 52.45238869257959635, 4.95066078445686308 52.45859522050498214, 4.94687722863378987 52.46888310692067847, 4.94693897680179617 52.47399456432654574, 4.94831632193687287 52.4840048283039593, 4.95389601351894449 52.48295869880971765, 4.95361733989875752 52.47569402352959855, 4.95803612513722491 52.47122813509785288, 4.95689950268678015 52.46628110711864679, 4.95228785335627908 52.46255862419635463, 4.95247041608622496 52.46194898526644579, 4.95449896892931019 52.46034146191816916, 4.95741753503005711 52.4593230062901057, 4.96282706878945934 52.45887513944779101, 4.96626393377229203 52.45759403176381852, 4.96566381434122661 52.45217776345875649, 4.96566381434122661 52.45217776345875649)))</t>
  </si>
  <si>
    <t>MultiPolygon (((5.09192139437870317 52.43736575306346737, 5.08675633330808541 52.43209183016934816, 5.08821237460988751 52.4342317448651869, 5.08592249139274433 52.43504640391478944, 5.08169842497368229 52.4310582987979501, 5.07636988496203045 52.42886106560629145, 5.07697056919901613 52.42760444528340003, 5.07544335887691211 52.42783632029689755, 5.07563219154455325 52.42858145957635685, 5.07487912186157075 52.42872187596854872, 5.07383864973061804 52.42743243546148335, 5.07601887680936592 52.42665165081692891, 5.07508588955310014 52.42641679216701789, 5.07391741513517047 52.42441102425992483, 5.07326368890005774 52.42058217998613401, 5.06826352414762571 52.41655809957559597, 5.06541254601262381 52.41723944783790756, 5.06255628653206013 52.41617331173843297, 5.05775654401219743 52.41653777671602654, 5.04917713342392016 52.41512927254886733, 5.04010913897912616 52.41730725393035328, 5.06242465863722124 52.43238905326766286, 5.06485200875866415 52.4346588465644956, 5.06590338970057097 52.43424911843168701, 5.07170562706813399 52.43773290211310467, 5.07806116461707191 52.43655796842882921, 5.08692738896267027 52.43702394723998594, 5.08718753814634628 52.43506145043825484, 5.08884640947955358 52.43484328526304239, 5.09300253201604392 52.44011564274438086, 5.09439110211464641 52.44854367418198393, 5.09493894461609464 52.44845248173693619, 5.09387120314273645 52.44101025256837545, 5.09192139437870317 52.43736575306346737, 5.09192139437870317 52.43736575306346737)))</t>
  </si>
  <si>
    <t>MultiPolygon (((5.05030496417794961 52.44500109910917729, 5.0479518617228285 52.44225372350562253, 5.04941621327999179 52.43935903933945042, 5.05748901217367575 52.43912755533095549, 5.06383301483016357 52.4373251937601097, 5.06484278638481911 52.43734319560137891, 5.06566309206413479 52.43858305634964267, 5.06719666444293182 52.4388955848924283, 5.07170562706813399 52.43773290211310467, 5.06590338970057097 52.43424911843168701, 5.06485200875866415 52.4346588465644956, 5.06242465863722124 52.43238905326766286, 5.04010913897912616 52.41730725393035328, 5.03523807228091425 52.41825099084747563, 5.03293420561508587 52.41646284753899465, 5.03004479177868102 52.41564349579150672, 5.02972779354438959 52.41770682017268967, 5.02835730757779498 52.41941642512188793, 5.02114575330242019 52.42105481996857463, 5.02098911562432182 52.42305521121745926, 5.01988347560775239 52.42431088769018288, 5.01577219818668762 52.42493169751064386, 5.00760489236102924 52.42961698016100769, 5.01403702834461296 52.43124729727811228, 5.0203597633171162 52.43407563866102805, 5.02458619915481375 52.43691156778628937, 5.02691814332280362 52.43587247490792436, 5.03862267459671198 52.44568868700486775, 5.04315835625619435 52.4449874302633674, 5.04822394183212175 52.44767441487740456, 5.04912540949579025 52.44732624827858558, 5.05030496417794961 52.44500109910917729)))</t>
  </si>
  <si>
    <t>MultiPolygon (((5.02584275269415315 52.44943669086445226, 5.03021714322490965 52.44820348870219107, 5.0347544331475147 52.44864846282217741, 5.03835215093765321 52.44573754637018226, 5.03862267459671198 52.44568868700486775, 5.02691814332280362 52.43587247490792436, 5.02458619915481375 52.43691156778628937, 5.0203597633171162 52.43407563866102805, 5.01403702834461296 52.43124729727811228, 5.00760489236102924 52.42961698016100769, 5.01577219818668762 52.42493169751064386, 5.01988347560775239 52.42431088769018288, 5.02098911562432182 52.42305521121745926, 5.02114575330242019 52.42105481996857463, 5.02031396427529852 52.4198985244573592, 5.01820510921641105 52.41905954943272405, 5.0002921050118001 52.4254069189457681, 4.99044519768916128 52.42552077996823101, 4.98918370462961303 52.42337248651295312, 4.98710149189929108 52.42284169787549075, 4.98263641950962199 52.42676229238883678, 4.97623828044836891 52.42402599753763326, 4.97159435099735258 52.42798991889207372, 4.97314109086089307 52.42846015864471809, 4.97170840756753041 52.43635239586636487, 4.97270826870203742 52.43950603048634207, 4.97197527438123199 52.44616603702144175, 4.96883374573280623 52.44893213915028696, 4.97503048503566969 52.45098670876598845, 4.98043723223208445 52.45141150474814395, 4.98794931336351688 52.45002712286281366, 4.99475909979737853 52.45159908052171716, 5.00863765756669554 52.45359112045202465, 5.0103533068590238 52.44995215461774052, 5.01352015391412031 52.44821579363681963, 5.01866193775071334 52.44793445898238105, 5.02584275269415315 52.44943669086445226, 5.02584275269415315 52.44943669086445226)))</t>
  </si>
  <si>
    <t>MultiPolygon (((5.09299702886210781 52.45036743828416803, 5.10544928680674559 52.45651534010244887, 5.11332748085511657 52.45869190571082896, 5.12418185198433029 52.46055075438286508, 5.13341682416792189 52.45981850747957509, 5.12431542057143741 52.45706796828474694, 5.12192227102606612 52.45564508815797922, 5.11108576328150743 52.45404569794332872, 5.10617684598971522 52.45019353467108658, 5.09912287479833548 52.45026848232751604, 5.09493894461609464 52.44845248173693619, 5.09439110211464641 52.44854367418198393, 5.09299702886210781 52.45036743828416803, 5.09299702886210781 52.45036743828416803)))</t>
  </si>
  <si>
    <t>MultiPolygon (((5.10325767485957371 52.46817365582591464, 5.10634498531042791 52.46754563690053885, 5.11176313909680502 52.4639777551905695, 5.11364459865165433 52.46178894994726249, 5.12009836436346788 52.46179295968126866, 5.13208041317167307 52.46309801058288258, 5.13474421427648853 52.46288108597826039, 5.13652398817872502 52.4624047925148389, 5.13759626238796763 52.46038670493707912, 5.13938165126488222 52.45968798083887918, 5.13629965287722978 52.46023759091946204, 5.13341682416792189 52.45981850747957509, 5.12418185198433029 52.46055075438286508, 5.11332748085511657 52.45869190571082896, 5.10544928680674559 52.45651534010244887, 5.09299702886210781 52.45036743828416803, 5.09263656734829073 52.45166215427480694, 5.09468671531857975 52.45414627800737861, 5.09895719351594057 52.45761721540572609, 5.10027663261849806 52.45717501833872376, 5.10096202650780928 52.45831836403605308, 5.10006401837866008 52.4587567553910219, 5.10153550879732798 52.4620551911669466, 5.10052192665257831 52.46417212356453064, 5.10325767485957371 52.46817365582591464, 5.10325767485957371 52.46817365582591464)))</t>
  </si>
  <si>
    <t>MultiPolygon (((5.05909493561640566 52.49095566685158332, 5.05864561840300375 52.4855248519715829, 5.05948143537748596 52.48561453750719608, 5.05906197047222417 52.48179665782026149, 5.06057107686215346 52.47670651647485585, 5.06765222353224853 52.47230440914158578, 5.0690889450619121 52.47071173818870449, 5.06847500304812293 52.46876668106282438, 5.0619048536240383 52.46770496650491822, 5.05783884663622363 52.467925785846667, 5.05106682427493503 52.46933276899024889, 5.04142413628772079 52.46549749612765368, 5.0388241223450132 52.46502714898247888, 5.03822794717867772 52.46629635883081733, 5.03360525210838095 52.46738982295866549, 5.0334158927874455 52.46596572993200169, 5.03314597615828774 52.46600524849882419, 5.02961176831255674 52.46652264236831797, 5.0241382773247043 52.469788963575823, 5.02110869995863229 52.46827874500813493, 5.01949059756601645 52.46836473736716044, 5.01708917594984793 52.46920911116277608, 5.01332705987270266 52.4719853900004054, 5.01201116837775551 52.4718174949243803, 5.01339351979376868 52.47319609765381188, 5.01326297568977175 52.47529509976146755, 5.01548468888984811 52.47960004826640557, 5.02379481108690573 52.48355049834555786, 5.0246111811803571 52.48492547750787196, 5.02552045041968132 52.4851361394831315, 5.03062171392163204 52.48706072548549884, 5.03144807666139648 52.4885673938812829, 5.03878011813837823 52.48834375219085757, 5.05909493561640566 52.49095566685158332, 5.05909493561640566 52.49095566685158332)))</t>
  </si>
  <si>
    <t>MultiPolygon (((4.9951638576903612 52.49187261309059238, 4.99796443229722964 52.49473276621613849, 5.0246111811803571 52.48492547750787196, 5.02379481108690573 52.48355049834555786, 5.01548468888984811 52.47960004826640557, 5.01326297568977175 52.47529509976146755, 5.01339351979376868 52.47319609765381188, 5.01201116837775551 52.4718174949243803, 5.00579861701095208 52.4685540469973617, 4.99407270340506759 52.46498283710908339, 4.98537546498268469 52.46823411700634665, 4.9865729436238917 52.46892402601618954, 4.97649422004142927 52.47274082957924435, 4.9951638576903612 52.49187261309059238, 4.9951638576903612 52.49187261309059238)))</t>
  </si>
  <si>
    <t>MultiPolygon (((5.01201116837775551 52.4718174949243803, 5.01332705987270266 52.4719853900004054, 5.01708917594984793 52.46920911116277608, 5.01949059756601645 52.46836473736716044, 5.02110869995863229 52.46827874500813493, 5.0241382773247043 52.469788963575823, 5.02961176831255674 52.46652264236831797, 5.03314597615828774 52.46600524849882419, 5.0308224462117872 52.46134416801542955, 5.03073600302239754 52.45629294721205582, 5.02929347115470016 52.45401195988373644, 5.02584275269415315 52.44943669086445226, 5.01866193775071334 52.44793445898238105, 5.01352015391412031 52.44821579363681963, 5.0103533068590238 52.44995215461774052, 5.00863765756669554 52.45359112045202465, 4.99475909979737853 52.45159908052171716, 4.98794931336351688 52.45002712286281366, 4.98043723223208445 52.45141150474814395, 4.97503048503566969 52.45098670876598845, 4.96883374573280623 52.44893213915028696, 4.96566381434122661 52.45217776345875649, 4.96626393377229203 52.45759403176381852, 4.97178629206064926 52.45759637456338709, 4.97571796205330497 52.45882339650274417, 4.98145249153519121 52.46211572950529245, 4.99407270340506759 52.46498283710908339, 5.00579861701095208 52.4685540469973617, 5.01201116837775551 52.4718174949243803, 5.01201116837775551 52.4718174949243803)))</t>
  </si>
  <si>
    <t>MultiPolygon (((5.04772671313703558 52.44837989614938323, 5.04822394183212175 52.44767441487740456, 5.04315835625619435 52.4449874302633674, 5.03862267459671198 52.44568868700486775, 5.03835215093765321 52.44573754637018226, 5.04056672675068373 52.44735438355504442, 5.04772671313703558 52.44837989614938323, 5.04772671313703558 52.44837989614938323)))</t>
  </si>
  <si>
    <t>MultiPolygon (((5.0395091358914863 52.45046208169336666, 5.04043684355431765 52.45119885421859607, 5.04816550417782928 52.45056768422021065, 5.04772671313703558 52.44837989614938323, 5.04056672675068373 52.44735438355504442, 5.0395091358914863 52.45046208169336666, 5.0395091358914863 52.45046208169336666)))</t>
  </si>
  <si>
    <t>MultiPolygon (((5.03583448452666715 52.4519427752839178, 5.04043684355431765 52.45119885421859607, 5.0395091358914863 52.45046208169336666, 5.03513239544755908 52.44989405157520679, 5.03583448452666715 52.4519427752839178, 5.03583448452666715 52.4519427752839178)))</t>
  </si>
  <si>
    <t>MultiPolygon (((5.03513239544755908 52.44989405157520679, 5.0395091358914863 52.45046208169336666, 5.04056672675068373 52.44735438355504442, 5.03835215093765321 52.44573754637018226, 5.0347544331475147 52.44864846282217741, 5.03513239544755908 52.44989405157520679, 5.03513239544755908 52.44989405157520679)))</t>
  </si>
  <si>
    <t>MultiPolygon (((5.02929347115470016 52.45401195988373644, 5.03448838896657858 52.45343716089706732, 5.0377892592683402 52.45457935650632919, 5.03583448452666715 52.4519427752839178, 5.03513239544755908 52.44989405157520679, 5.0347544331475147 52.44864846282217741, 5.03021714322490965 52.44820348870219107, 5.02584275269415315 52.44943669086445226, 5.02929347115470016 52.45401195988373644, 5.02929347115470016 52.45401195988373644)))</t>
  </si>
  <si>
    <t>MultiPolygon (((5.03629987608544649 52.45667606328947841, 5.04188054113751338 52.45706991989371204, 5.0456939763100852 52.45633135054273311, 5.04817851261214479 52.45388354330931691, 5.04816550417782928 52.45056768422021065, 5.04043684355431765 52.45119885421859607, 5.03583448452666715 52.4519427752839178, 5.0377892592683402 52.45457935650632919, 5.03629987608544649 52.45667606328947841, 5.03629987608544649 52.45667606328947841)))</t>
  </si>
  <si>
    <t>MultiPolygon (((5.03073600302239754 52.45629294721205582, 5.03629987608544649 52.45667606328947841, 5.0377892592683402 52.45457935650632919, 5.03448838896657858 52.45343716089706732, 5.02929347115470016 52.45401195988373644, 5.03073600302239754 52.45629294721205582, 5.03073600302239754 52.45629294721205582)))</t>
  </si>
  <si>
    <t>MultiPolygon (((5.03314597615828774 52.46600524849882419, 5.0334158927874455 52.46596572993200169, 5.03409875639047755 52.46439798324592374, 5.03851683342099577 52.4640010640833907, 5.03875058107687668 52.46342452314282667, 5.03644916097367901 52.46317098351936892, 5.03879913171642801 52.46046327646278939, 5.03987112936764436 52.46085258021644648, 5.04167171842054707 52.46013783154437249, 5.04065331886157963 52.45904187557266596, 5.04229233763394635 52.45777627649774644, 5.04346065072032701 52.45759403255529207, 5.04607406723593499 52.46118132413614887, 5.04925772432600706 52.46276531219863415, 5.05403600207241954 52.46208359783615549, 5.05495288505738838 52.46136896167731578, 5.04980143062121289 52.45551401213914744, 5.04846496674039713 52.45510029847536515, 5.04817851261214479 52.45388354330931691, 5.0456939763100852 52.45633135054273311, 5.04188054113751338 52.45706991989371204, 5.03629987608544649 52.45667606328947841, 5.03073600302239754 52.45629294721205582, 5.0308224462117872 52.46134416801542955, 5.03314597615828774 52.46600524849882419, 5.03314597615828774 52.46600524849882419)))</t>
  </si>
  <si>
    <t>MultiPolygon (((4.24645694962596476 51.60316470502566233, 4.25706843598654316 51.59171026762117407, 4.24738593705726863 51.58811606808050243, 4.24691847245553156 51.58727437725419662, 4.24780383640784098 51.586065515252983, 4.24420361115970479 51.58351954070122503, 4.26205036728968345 51.58293164065567993, 4.25811068400579629 51.57437149575169144, 4.25328250133586483 51.57211816287456685, 4.25202671172206426 51.57065767860762406, 4.24297544676973892 51.5629798088460376, 4.24293582420297799 51.5591253031154011, 4.23972511300940713 51.55091846755072282, 4.23611885111301056 51.55036579812600195, 4.23558563584330816 51.55272393468801795, 4.23244371096121252 51.55905485980527914, 4.22812111847472849 51.56371630668508033, 4.19889144728905084 51.5859753508878498, 4.19571796640728412 51.58897518335542287, 4.19223151756226819 51.59390158065129839, 4.19081704283932943 51.59738453780104095, 4.19016232240678033 51.60095389654679821, 4.19057356049427998 51.60605583542404418, 4.19168488753337609 51.60933696942692706, 4.24467646921251873 51.60515896852395201, 4.24645694962596476 51.60316470502566233, 4.24645694962596476 51.60316470502566233),(4.21446000996344416 51.58540856700034993, 4.22065829501593193 51.5836971350426623, 4.22182749922281264 51.58688092022894978, 4.22659742508311265 51.59287145718191425, 4.22446395098690974 51.59321320959650592, 4.21749167786280488 51.59697062055774097, 4.21057807607113066 51.59044857144674268, 4.21446000996344416 51.58540856700034993, 4.21446000996344416 51.58540856700034993)))</t>
  </si>
  <si>
    <t>MultiPolygon (((4.22446395098690974 51.59321320959650592, 4.22659742508311265 51.59287145718191425, 4.22182749922281264 51.58688092022894978, 4.22065829501593193 51.5836971350426623, 4.21446000996344416 51.58540856700034993, 4.21057807607113066 51.59044857144674268, 4.21749167786280488 51.59697062055774097, 4.22446395098690974 51.59321320959650592)))</t>
  </si>
  <si>
    <t>MultiPolygon (((4.38666833132565603 51.64618069897063179, 4.38263003479591617 51.64401044855262057, 4.37691145726317821 51.64206535870696513, 4.36758837096267172 51.64220586201174257, 4.35147322905883627 51.64069350344876597, 4.35205574024478459 51.63870306278163724, 4.34570806380016084 51.63735932495566061, 4.34224107443640595 51.63517635026880015, 4.34083946159737799 51.63280332360472613, 4.33965795784300656 51.63044854061026712, 4.33840074921449936 51.61514216217126005, 4.34286176001511404 51.61228839506387089, 4.34957660615116293 51.61170092909720353, 4.357254197332459 51.60902342679644761, 4.35704408983859626 51.6044595661447616, 4.35013265054823162 51.6021348971937357, 4.34017990443180857 51.60434745929730838, 4.33533700365367203 51.60457733601185737, 4.32780377568934771 51.6013695771050962, 4.32101077396447764 51.60587606447094089, 4.31644566076374048 51.6075513049697463, 4.31173135533622709 51.60804572348385477, 4.30581395849732651 51.61020336275930021, 4.29864446596781935 51.61164256201314515, 4.28931806992914488 51.61243887551959375, 4.2837221936902985 51.61213564400014064, 4.28026072388334722 51.61409855914245526, 4.27619065099419338 51.61856697272281735, 4.26679579598332293 51.62097190009043857, 4.25570811263349036 51.62518683298197431, 4.25418938719696005 51.62639414799834725, 4.25325485157346161 51.63077229399788592, 4.25869434953381099 51.63147026843524401, 4.25926657829619781 51.63313957205757276, 4.26440645108010852 51.63592153498189674, 4.27157535915711506 51.63794276921908022, 4.2744340599467554 51.63814808781965837, 4.276204111972703 51.63727817834523393, 4.28243231421567305 51.63980846761869969, 4.29018894943868467 51.64051485423327392, 4.29290321164281785 51.64139172177888781, 4.29217768121797683 51.63891184000261347, 4.29531727627219517 51.63896319261895229, 4.29493723921372705 51.64200551904976777, 4.2956627294282077 51.6423501861187404, 4.29879511427383498 51.6418782897446107, 4.30928279050411334 51.64526568016665919, 4.31744576656579682 51.6462775858575398, 4.33211982140341245 51.64474372090085552, 4.33711818787759817 51.64519883864953442, 4.35026893214370691 51.6481184805021627, 4.36106034159588596 51.65247350517233116, 4.36784698917068592 51.6566948942600348, 4.36843558611570426 51.65829217764166259, 4.37639706266811501 51.65193326186346923, 4.38076916532135119 51.65058446973142026, 4.38666833132565603 51.64618069897063179, 4.38666833132565603 51.64618069897063179),(4.31167268584084074 51.61621639930541505, 4.32250066574816838 51.6059328967625035, 4.32649725548767883 51.60793953358670905, 4.31635800801925562 51.61812183823619193, 4.32581763368540084 51.62453813564354732, 4.32243379750077761 51.62645720606236921, 4.31047779983226231 51.61843024297938598, 4.31167268584084074 51.61621639930541505, 4.31167268584084074 51.61621639930541505)))</t>
  </si>
  <si>
    <t>MultiPolygon (((4.41349236765934361 51.63116412561706881, 4.42120734054838849 51.63081840146354295, 4.42385921854880504 51.63026500717271006, 4.4250018968592979 51.62946592159259751, 4.42881596953903856 51.62327071539915124, 4.4378278664116122 51.61711916144195555, 4.435704529432698 51.61517465102276248, 4.43376546781858139 51.61593944914247345, 4.43193499023764836 51.61391121170764507, 4.432463570091417 51.61289110293261473, 4.43154654433148654 51.61084499634677769, 4.42667480075450648 51.61174020391225525, 4.42801825057505649 51.60540513173349808, 4.42933803442484475 51.59387856058761912, 4.42992264307773809 51.5902477004755724, 4.42577168060569548 51.59014158195441979, 4.42242808053240299 51.58928170759375575, 4.41696827254981361 51.59033039962654499, 4.4158730031789295 51.59149804069817691, 4.41646695161077218 51.59354266100601194, 4.4156118648107654 51.5949631455725779, 4.41169281974381189 51.59846128253639108, 4.40817849594576305 51.60003563358406353, 4.39984730706808502 51.60023808139691681, 4.39572505476151054 51.59924755017352282, 4.3909652821064773 51.60125129112564224, 4.38658727671506998 51.60136392535927286, 4.38262976535071225 51.60027012228502485, 4.38031795029625481 51.59873837782230765, 4.37170868218611641 51.59658210536512968, 4.36854139427583021 51.59737959795973694, 4.36733500528087504 51.60176591561027237, 4.36451649200448166 51.6042158573508587, 4.36153734036020602 51.60488839817248419, 4.35704408983859626 51.6044595661447616, 4.357254197332459 51.60902342679644761, 4.34957660615116293 51.61170092909720353, 4.34286176001511404 51.61228839506387089, 4.33840074921449936 51.61514216217126005, 4.33965795784300656 51.63044854061026712, 4.34083946159737799 51.63280332360472613, 4.34224107443640595 51.63517635026880015, 4.34570806380016084 51.63735932495566061, 4.35205574024478459 51.63870306278163724, 4.35232268803562228 51.63749638187536561, 4.3621326266744207 51.63823489165186942, 4.35872362040899208 51.63182924615131952, 4.3632880435780983 51.63064225501729254, 4.3616560025008253 51.62825229586724163, 4.36385989691674592 51.62769066663636153, 4.36581257015331836 51.63017806225050776, 4.3674619902661691 51.63061493880103114, 4.37285239184291097 51.62920639196703831, 4.38101378343206171 51.63230900799053558, 4.3875973229191132 51.63072491762345351, 4.38883742788552311 51.63276620372242576, 4.38349240629645198 51.63429526278533643, 4.38058537188038777 51.63875755477771889, 4.38775832557649892 51.6417730844000431, 4.39243623083128121 51.6448142954520435, 4.39716933262883369 51.64305110262803566, 4.39990456192555435 51.63880521009012625, 4.40910825371030235 51.632719370112099, 4.41349236765934361 51.63116412561706881, 4.41349236765934361 51.63116412561706881)))</t>
  </si>
  <si>
    <t>MultiPolygon (((4.32581763368540084 51.62453813564354732, 4.31635800801925562 51.61812183823619193, 4.32649725548767883 51.60793953358670905, 4.32250066574816838 51.6059328967625035, 4.31167268584084074 51.61621639930541505, 4.31047779983226231 51.61843024297938598, 4.32243379750077761 51.62645720606236921, 4.32581763368540084 51.62453813564354732, 4.32581763368540084 51.62453813564354732)))</t>
  </si>
  <si>
    <t>MultiPolygon (((4.39243623083128121 51.6448142954520435, 4.38775832557649892 51.6417730844000431, 4.38058537188038777 51.63875755477771889, 4.38349240629645198 51.63429526278533643, 4.38883742788552311 51.63276620372242576, 4.3875973229191132 51.63072491762345351, 4.38101378343206171 51.63230900799053558, 4.37285239184291097 51.62920639196703831, 4.3674619902661691 51.63061493880103114, 4.36581257015331836 51.63017806225050776, 4.36385989691674592 51.62769066663636153, 4.3616560025008253 51.62825229586724163, 4.3632880435780983 51.63064225501729254, 4.35872362040899208 51.63182924615131952, 4.3621326266744207 51.63823489165186942, 4.35232268803562228 51.63749638187536561, 4.35205574024478459 51.63870306278163724, 4.35147322905883627 51.64069350344876597, 4.36758837096267172 51.64220586201174257, 4.37691145726317821 51.64206535870696513, 4.38263003479591617 51.64401044855262057, 4.38666833132565603 51.64618069897063179, 4.39243623083128121 51.6448142954520435, 4.39243623083128121 51.6448142954520435)))</t>
  </si>
  <si>
    <t>MultiPolygon (((4.23827625560136845 51.63249103906696291, 4.24097186828370187 51.6320516745342033, 4.2529230639349489 51.63232645409691202, 4.25325485157346161 51.63077229399788592, 4.25418938719696005 51.62639414799834725, 4.25570811263349036 51.62518683298197431, 4.26679579598332293 51.62097190009043857, 4.27619065099419338 51.61856697272281735, 4.28026072388334722 51.61409855914245526, 4.2837221936902985 51.61213564400014064, 4.28931806992914488 51.61243887551959375, 4.29864446596781935 51.61164256201314515, 4.30581395849732651 51.61020336275930021, 4.31173135533622709 51.60804572348385477, 4.31199861571446075 51.60500335572005071, 4.30680186140264887 51.59797278583195634, 4.30722929984976677 51.59473526618491235, 4.30763279013477351 51.59367657406648533, 4.29718363106786327 51.59433108937805912, 4.29719560216643703 51.59086218683920322, 4.28932410379803297 51.59209564610750931, 4.2776113254070971 51.60053054006462503, 4.26394149261392474 51.60558238327943315, 4.24645694962596476 51.60316470502566233, 4.24467646921251873 51.60515896852395201, 4.19168488753337609 51.60933696942692706, 4.19765949398559446 51.61804795509240051, 4.20502084466850867 51.62356141704837853, 4.21446660866474065 51.62766402692120948, 4.22782235382863369 51.63102259657827631, 4.23732367191310111 51.63401442676378394, 4.24041802014967839 51.63321148471712974, 4.23827625560136845 51.63249103906696291, 4.23827625560136845 51.63249103906696291),(4.26715615441474938 51.60581603258192018, 4.27140051540361121 51.60469501514825907, 4.28039743017039598 51.61116934770902276, 4.2705747214773524 51.61217072007993067, 4.26715615441474938 51.60581603258192018, 4.26715615441474938 51.60581603258192018)))</t>
  </si>
  <si>
    <t>MultiPolygon (((4.28039743017039598 51.61116934770902276, 4.27140051540361121 51.60469501514825907, 4.26715615441474938 51.60581603258192018, 4.2705747214773524 51.61217072007993067, 4.28039743017039598 51.61116934770902276, 4.28039743017039598 51.61116934770902276)))</t>
  </si>
  <si>
    <t>MultiPolygon (((4.3909652821064773 51.60125129112564224, 4.39572505476151054 51.59924755017352282, 4.39984730706808502 51.60023808139691681, 4.40817849594576305 51.60003563358406353, 4.41169281974381189 51.59846128253639108, 4.4156118648107654 51.5949631455725779, 4.41646695161077218 51.59354266100601194, 4.4158730031789295 51.59149804069817691, 4.41696827254981361 51.59033039962654499, 4.42242808053240299 51.58928170759375575, 4.42577168060569548 51.59014158195441979, 4.42992264307773809 51.5902477004755724, 4.43292598544108518 51.58279715532400189, 4.44399924006971059 51.5690954376151538, 4.44195391683026841 51.5673850445926476, 4.44107818774446894 51.55849163960849069, 4.43838146995928717 51.55639125986200355, 4.4290323085305241 51.55570126584809287, 4.42820472291175271 51.55359840859670584, 4.42687835293942999 51.55238275684243376, 4.41146848941234104 51.55159855079671161, 4.37809041983499192 51.54431474646217737, 4.37359801902027012 51.5440030857058602, 4.3615827078966305 51.54591288511492309, 4.36177185273705259 51.54808122817210858, 4.34647217539911512 51.56277905739340639, 4.34339768893736 51.56727884502466708, 4.33762803822219745 51.57239936515937728, 4.33388926256750917 51.57739971134245849, 4.34161893924716935 51.57836548944227673, 4.34661299213419294 51.57991939019567695, 4.34527498819839764 51.58215477881179822, 4.34191555155871178 51.58260122254522173, 4.34113013360927003 51.57970865758646539, 4.33284286321806089 51.57868922393202382, 4.33107123935748373 51.58414149831320827, 4.33226573977426632 51.58721508153483626, 4.34397028557676279 51.5887906708826236, 4.35250986263081874 51.58927892440653551, 4.37341922628422886 51.59272317340202108, 4.37170868218611641 51.59658210536512968, 4.38031795029625481 51.59873837782230765, 4.38262976535071225 51.60027012228502485, 4.38658727671506998 51.60136392535927286, 4.3909652821064773 51.60125129112564224),(4.40073597980971876 51.57330060703115748, 4.40893941714271875 51.55932033446637774, 4.41477008655458114 51.56056988369024907, 4.41233390523583857 51.56454976360993925, 4.42089549805961113 51.56635126135913083, 4.42162944763909582 51.57775189834362806, 4.40073597980971876 51.57330060703115748)))</t>
  </si>
  <si>
    <t>MultiPolygon (((4.42089549805961113 51.56635126135913083, 4.41233390523583857 51.56454976360993925, 4.41477008655458114 51.56056988369024907, 4.40893941714271875 51.55932033446637774, 4.40073597980971876 51.57330060703115748, 4.42162944763909582 51.57775189834362806, 4.42089549805961113 51.56635126135913083)))</t>
  </si>
  <si>
    <t>MultiPolygon (((4.33154925308095695 51.57267386179577784, 4.33440471437951125 51.57136358698768674, 4.33762803822219745 51.57239936515937728, 4.34339768893736 51.56727884502466708, 4.34647217539911512 51.56277905739340639, 4.36177185273705259 51.54808122817210858, 4.3615827078966305 51.54591288511492309, 4.31797760791427088 51.55121575304360704, 4.29716039628026891 51.55365762118999129, 4.29623391946741684 51.55385951829377689, 4.29781388541683196 51.55591309440582393, 4.29816588342934036 51.55894815996936842, 4.30012747113076355 51.56402811313689938, 4.30178978784721355 51.56366264001975708, 4.30318503386053841 51.56489223152431123, 4.31479485018082709 51.57178762114043025, 4.32463288980718286 51.57876968140612206, 4.32780804535887409 51.57504913662663171, 4.33154925308095695 51.57267386179577784, 4.33154925308095695 51.57267386179577784)))</t>
  </si>
  <si>
    <t>MultiPolygon (((4.29763756028307231 51.58762314443293917, 4.30155186255900279 51.58713705118905324, 4.30450047208079489 51.58894819773530571, 4.3115401451515627 51.58688102699750999, 4.3095581478621714 51.58498121400247527, 4.3129151480218475 51.58384490699916114, 4.31152816522374138 51.5815750081407316, 4.30902927701510929 51.57893358792844651, 4.30154303929970361 51.58082425381824976, 4.3028573660348961 51.57898943663499125, 4.30944291420305348 51.57737804373986279, 4.30258123170788576 51.56522934595854935, 4.30318503386053841 51.56489223152431123, 4.30178978784721355 51.56366264001975708, 4.30012747113076355 51.56402811313689938, 4.29816588342934036 51.55894815996936842, 4.27312931500773008 51.56443789977232939, 4.26839491708894148 51.56485143686158779, 4.26726952607372745 51.56494500337718989, 4.26750453205745828 51.56631015915714045, 4.26762250715242697 51.56801014070006772, 4.25202671172206426 51.57065767860762406, 4.25328250133586483 51.57211816287456685, 4.25811068400579629 51.57437149575169144, 4.26205036728968345 51.58293164065567993, 4.24420361115970479 51.58351954070122503, 4.24780383640784098 51.586065515252983, 4.24691847245553156 51.58727437725419662, 4.24738593705726863 51.58811606808050243, 4.25706843598654316 51.59171026762117407, 4.24645694962596476 51.60316470502566233, 4.26394149261392474 51.60558238327943315, 4.2776113254070971 51.60053054006462503, 4.28932410379803297 51.59209564610750931, 4.29719560216643703 51.59086218683920322, 4.29851016037571743 51.5905831239102497, 4.29763756028307231 51.58762314443293917, 4.29763756028307231 51.58762314443293917)))</t>
  </si>
  <si>
    <t>MultiPolygon (((4.31173135533622709 51.60804572348385477, 4.31644566076374048 51.6075513049697463, 4.32101077396447764 51.60587606447094089, 4.32780377568934771 51.6013695771050962, 4.33533700365367203 51.60457733601185737, 4.34017990443180857 51.60434745929730838, 4.35013265054823162 51.6021348971937357, 4.35704408983859626 51.6044595661447616, 4.36153734036020602 51.60488839817248419, 4.36451649200448166 51.6042158573508587, 4.36733500528087504 51.60176591561027237, 4.36854139427583021 51.59737959795973694, 4.37170868218611641 51.59658210536512968, 4.37341922628422886 51.59272317340202108, 4.35250986263081874 51.58927892440653551, 4.34397028557676279 51.5887906708826236, 4.33226573977426632 51.58721508153483626, 4.33288792853844029 51.5911065673104261, 4.33547608337829082 51.59395445594642382, 4.30722929984976677 51.59473526618491235, 4.30680186140264887 51.59797278583195634, 4.31199861571446075 51.60500335572005071, 4.31173135533622709 51.60804572348385477, 4.31173135533622709 51.60804572348385477)))</t>
  </si>
  <si>
    <t>MultiPolygon (((4.30763279013477351 51.59367657406648533, 4.3079733665679969 51.59291563091316846, 4.30616882362965026 51.59099717301680244, 4.30453080620922623 51.59070082210089225, 4.30450047208079489 51.58894819773530571, 4.30155186255900279 51.58713705118905324, 4.29763756028307231 51.58762314443293917, 4.29851016037571743 51.5905831239102497, 4.29719560216643703 51.59086218683920322, 4.29718363106786327 51.59433108937805912, 4.30763279013477351 51.59367657406648533, 4.30763279013477351 51.59367657406648533)))</t>
  </si>
  <si>
    <t>MultiPolygon (((4.30763279013477351 51.59367657406648533, 4.30722929984976677 51.59473526618491235, 4.33547608337829082 51.59395445594642382, 4.33288792853844029 51.5911065673104261, 4.33191776938752415 51.58844908445246347, 4.32458880090612041 51.58824956025939912, 4.32468976738858046 51.59001854756727568, 4.3237308073865135 51.59066126958346388, 4.31688500646840012 51.59166909298420478, 4.31472467926432834 51.58975453526730348, 4.31362441811077346 51.5896494891353754, 4.3079733665679969 51.59291563091316846, 4.30763279013477351 51.59367657406648533, 4.30763279013477351 51.59367657406648533)))</t>
  </si>
  <si>
    <t>MultiPolygon (((4.31152816522374138 51.5815750081407316, 4.31854987742652785 51.58143348760869884, 4.32356022802437945 51.58269187863336924, 4.32581998742967411 51.57971085081915419, 4.32463288980718286 51.57876968140612206, 4.31479485018082709 51.57178762114043025, 4.30318503386053841 51.56489223152431123, 4.30258123170788576 51.56522934595854935, 4.30944291420305348 51.57737804373986279, 4.3028573660348961 51.57898943663499125, 4.30154303929970361 51.58082425381824976, 4.30902927701510929 51.57893358792844651, 4.31152816522374138 51.5815750081407316, 4.31152816522374138 51.5815750081407316)))</t>
  </si>
  <si>
    <t>MultiPolygon (((4.32581998742967411 51.57971085081915419, 4.33107123935748373 51.58414149831320827, 4.33284286321806089 51.57868922393202382, 4.34113013360927003 51.57970865758646539, 4.34191555155871178 51.58260122254522173, 4.34527498819839764 51.58215477881179822, 4.34661299213419294 51.57991939019567695, 4.34161893924716935 51.57836548944227673, 4.33388926256750917 51.57739971134245849, 4.33762803822219745 51.57239936515937728, 4.33440471437951125 51.57136358698768674, 4.33154925308095695 51.57267386179577784, 4.32780804535887409 51.57504913662663171, 4.32463288980718286 51.57876968140612206, 4.32581998742967411 51.57971085081915419, 4.32581998742967411 51.57971085081915419)))</t>
  </si>
  <si>
    <t>MultiPolygon (((4.30450047208079489 51.58894819773530571, 4.30453080620922623 51.59070082210089225, 4.30616882362965026 51.59099717301680244, 4.3079733665679969 51.59291563091316846, 4.31362441811077346 51.5896494891353754, 4.31472467926432834 51.58975453526730348, 4.31688500646840012 51.59166909298420478, 4.3237308073865135 51.59066126958346388, 4.32468976738858046 51.59001854756727568, 4.32458880090612041 51.58824956025939912, 4.33191776938752415 51.58844908445246347, 4.33288792853844029 51.5911065673104261, 4.33226573977426632 51.58721508153483626, 4.33107123935748373 51.58414149831320827, 4.32581998742967411 51.57971085081915419, 4.32356022802437945 51.58269187863336924, 4.31854987742652785 51.58143348760869884, 4.31152816522374138 51.5815750081407316, 4.3129151480218475 51.58384490699916114, 4.3095581478621714 51.58498121400247527, 4.3115401451515627 51.58688102699750999, 4.30450047208079489 51.58894819773530571, 4.30450047208079489 51.58894819773530571)))</t>
  </si>
  <si>
    <t>MultiPolygon (((5.54019494023413284 51.52601177468753235, 5.5431619139352124 51.52363008617768969, 5.54474784970535506 51.52353737357200458, 5.54403011040468652 51.52175801456980508, 5.545634244710409 51.51994971497042286, 5.54067477233181371 51.52066492726378755, 5.54175801126019252 51.51807459797973365, 5.54436349764430414 51.51568439900980678, 5.54627278467589413 51.51269567567126018, 5.54227233993215407 51.51062703924599617, 5.53867577181735893 51.50759594775417582, 5.53279435347708581 51.50521215420944543, 5.53161939479162079 51.50556075286423408, 5.52783444138937874 51.50231902827897557, 5.52597399096322572 51.50229274470639496, 5.52611653559459004 51.50144634755612572, 5.52398298612036953 51.50194623819970019, 5.5185991747261598 51.50199579832756314, 5.51493950901846564 51.49998161594142942, 5.50979228657817455 51.4985875494777261, 5.50751270537756898 51.50174021485160125, 5.50490051727054297 51.50304623444148433, 5.50378532658698827 51.5056324323991106, 5.50999995201210524 51.51079199627352523, 5.5273040228634871 51.51990860583389775, 5.52327242286855125 51.52078527557763721, 5.51978176185965363 51.52246471358604651, 5.52106477535238582 51.5229024412837191, 5.52160331318383157 51.52244858365246216, 5.52261357341828951 51.52343081708908556, 5.52504782607128675 51.52186900429215655, 5.53086359173425723 51.52504867531974497, 5.53673341939977526 51.5250519700224956, 5.53681155115226353 51.52600619336202925, 5.54019494023413284 51.52601177468753235, 5.54019494023413284 51.52601177468753235)))</t>
  </si>
  <si>
    <t>MultiPolygon (((5.50010886196563753 51.52137710300154794, 5.50545334138831777 51.5216672796591979, 5.50656494194393442 51.52303670730879048, 5.50834108168010239 51.52382771868556688, 5.50893140775743273 51.52268703086425461, 5.51303045482649257 51.5242963748322822, 5.51455134809839631 51.52324910368741939, 5.51978176185965363 51.52246471358604651, 5.52327242286855125 51.52078527557763721, 5.51561977702014339 51.51643467993900316, 5.51465584176080714 51.51799847482015338, 5.50252323886804184 51.51742425558467886, 5.50020537527498821 51.51810235745441702, 5.49976872484998491 51.52040134167463492, 5.50010886196563753 51.52137710300154794, 5.50010886196563753 51.52137710300154794)))</t>
  </si>
  <si>
    <t>MultiPolygon (((5.50252323886804184 51.51742425558467886, 5.51465584176080714 51.51799847482015338, 5.51561977702014339 51.51643467993900316, 5.52327242286855125 51.52078527557763721, 5.5273040228634871 51.51990860583389775, 5.50999995201210524 51.51079199627352523, 5.50378532658698827 51.5056324323991106, 5.50364760657273155 51.5064272227516895, 5.49993052375427727 51.50659463671515681, 5.4966633514668759 51.51004826421706895, 5.50542196089958402 51.51524526008681448, 5.50252323886804184 51.51742425558467886, 5.50252323886804184 51.51742425558467886)))</t>
  </si>
  <si>
    <t>MultiPolygon (((5.49637763926950385 51.49677809624763825, 5.49621393294773153 51.4967762701340277, 5.49473104152769132 51.50128894416744885, 5.49990380805816947 51.5028129718164891, 5.50378532658698827 51.5056324323991106, 5.50490051727054297 51.50304623444148433, 5.50751270537756898 51.50174021485160125, 5.50979228657817455 51.4985875494777261, 5.51024040160334128 51.49728703557382659, 5.51142414211405285 51.49692216264556777, 5.49637763926950385 51.49677809624763825, 5.49637763926950385 51.49677809624763825)),((5.48794459395826539 51.54136262168496785, 5.48881541374192228 51.53328521295677689, 5.4934490722406899 51.52668555369669434, 5.49425369243778672 51.52720637415347937, 5.4964525204200454 51.52704871518564289, 5.49827152874140346 51.52852964457801477, 5.50189824189110865 51.52743713554791327, 5.50185841868469439 51.52672686621970399, 5.50257155912082396 51.52729317482702243, 5.50372514686528813 51.52649645354545527, 5.50334282560133126 51.52578917792870783, 5.49992388231773965 51.52520354298651739, 5.50010886196563753 51.52137710300154794, 5.49976872484998491 51.52040134167463492, 5.4921707562513582 51.52013315075630118, 5.49171852858230558 51.52211021380890799, 5.49047021003225311 51.52757641271922751, 5.48697874089611659 51.53029317406579679, 5.47326251584745282 51.52893165167350276, 5.47001330442186617 51.51966757262228924, 5.47654134741233012 51.52031808054808693, 5.4784636540346785 51.51313017900746161, 5.47215990788074791 51.51332538941885275, 5.47063843908243008 51.51067162014615519, 5.47356860596709005 51.50554934944857166, 5.47532575232237484 51.50459591417775584, 5.45253355369196502 51.50382750633882978, 5.44978332402450327 51.49524937167728922, 5.44257056891830349 51.49392721604360901, 5.44070480801379297 51.49605928723151038, 5.44750769232806054 51.51206895350571102, 5.4333703669751614 51.52439703957936246, 5.4265840509070884 51.53127681005510397, 5.42750503873153889 51.53166630413173266, 5.42643377859790821 51.53273278347331399, 5.42546327176823961 51.53241278379859125, 5.42384280751135961 51.53405509919580396, 5.42983478378100948 51.53497013954500261, 5.43157264886481972 51.5333468916065911, 5.43442436168237375 51.53432805493475399, 5.43741230097391881 51.53397280601986807, 5.45700987467474263 51.53801174046753886, 5.46828384722283101 51.54064679511813551, 5.48274951675766875 51.54157113599880091, 5.48714571779098481 51.54184837065476188, 5.48794459395826539 51.54136262168496785, 5.48794459395826539 51.54136262168496785)))</t>
  </si>
  <si>
    <t>MultiPolygon (((5.4784636540346785 51.51313017900746161, 5.48263273059596923 51.51203528244316487, 5.48022500504215682 51.51105184905524226, 5.48319766448817791 51.50659304076310008, 5.48269880662356446 51.50503420253392051, 5.47532575232237484 51.50459591417775584, 5.47356860596709005 51.50554934944857166, 5.47063843908243008 51.51067162014615519, 5.47215990788074791 51.51332538941885275, 5.4784636540346785 51.51313017900746161, 5.4784636540346785 51.51313017900746161)))</t>
  </si>
  <si>
    <t>MultiPolygon (((5.49473104152769132 51.50128894416744885, 5.49621393294773153 51.4967762701340277, 5.47914467436459596 51.49661304815679586, 5.47644760171136369 51.49706834047513127, 5.472133174437813 51.49574223361885572, 5.46873800862741177 51.49579209717706618, 5.46824998660410522 51.49684394204310678, 5.46389514465373427 51.49697850155621381, 5.45129730854475891 51.49546414360080604, 5.44978332402450327 51.49524937167728922, 5.45253355369196502 51.50382750633882978, 5.47532575232237484 51.50459591417775584, 5.48269880662356446 51.50503420253392051, 5.49142120198313499 51.50523329590921406, 5.49256906516137366 51.50241811666954561, 5.49473104152769132 51.50128894416744885, 5.49473104152769132 51.50128894416744885)))</t>
  </si>
  <si>
    <t>MultiPolygon (((5.47654134741233012 51.52031808054808693, 5.47001330442186617 51.51966757262228924, 5.47326251584745282 51.52893165167350276, 5.48697874089611659 51.53029317406579679, 5.49047021003225311 51.52757641271922751, 5.49171852858230558 51.52211021380890799, 5.48964707949319131 51.52171936101911598, 5.47654134741233012 51.52031808054808693, 5.47654134741233012 51.52031808054808693)))</t>
  </si>
  <si>
    <t>MultiPolygon (((5.47654134741233012 51.52031808054808693, 5.48964707949319131 51.52171936101911598, 5.49171852858230558 51.52211021380890799, 5.4921707562513582 51.52013315075630118, 5.49976872484998491 51.52040134167463492, 5.50020537527498821 51.51810235745441702, 5.50252323886804184 51.51742425558467886, 5.50542196089958402 51.51524526008681448, 5.4966633514668759 51.51004826421706895, 5.49993052375427727 51.50659463671515681, 5.50364760657273155 51.5064272227516895, 5.50378532658698827 51.5056324323991106, 5.49990380805816947 51.5028129718164891, 5.49473104152769132 51.50128894416744885, 5.49256906516137366 51.50241811666954561, 5.49142120198313499 51.50523329590921406, 5.48269880662356446 51.50503420253392051, 5.48319766448817791 51.50659304076310008, 5.48022500504215682 51.51105184905524226, 5.48263273059596923 51.51203528244316487, 5.4784636540346785 51.51313017900746161, 5.47654134741233012 51.52031808054808693, 5.47654134741233012 51.52031808054808693)))</t>
  </si>
  <si>
    <t>MultiPolygon (((5.67223761583024189 51.45771484591747225, 5.68219776627667539 51.4493267386866151, 5.678712756390631 51.44571091235306426, 5.66471041458024605 51.44635546770609835, 5.66213860588109075 51.45091883884087025, 5.66286312938478442 51.45534406946826778, 5.65601772633783284 51.45527247111164826, 5.65646818233351034 51.45655960919771132, 5.6689961368629147 51.45684947793745323, 5.67223761583024189 51.45771484591747225, 5.67223761583024189 51.45771484591747225)))</t>
  </si>
  <si>
    <t>MultiPolygon (((5.63894178683552916 51.38912373602397565, 5.65677772662124223 51.39320911378474932, 5.66211030211511002 51.38427728731667088, 5.66269117875018058 51.37888631575277998, 5.66903755005482957 51.37571945195909251, 5.66974872105955363 51.37738710990793578, 5.67623271768430371 51.37816586324284884, 5.68616823534922222 51.37470061889839457, 5.69364091285315155 51.37280900769045644, 5.70164050970456948 51.3648918965442931, 5.70746990105125995 51.36096589420540681, 5.70915336382967631 51.35759495530670193, 5.70455823089968739 51.35394014822179543, 5.69846181322733525 51.35147570025774399, 5.6935085752938086 51.35329473606559958, 5.69263708105580069 51.34470010506782955, 5.70136694286969892 51.34581311388276958, 5.70488197292463095 51.34208671472194396, 5.70562630319464059 51.34222204076757379, 5.70697356522442423 51.33991188182269383, 5.71365006186756919 51.32301163498305385, 5.70173017161308149 51.32074365405467375, 5.67211078204799879 51.31509401291456385, 5.67049380639851286 51.31748248659178557, 5.67209067694290514 51.3235921549135341, 5.67010068121648203 51.32565352465960018, 5.66676923752109563 51.32672501866519355, 5.65470715148351744 51.35387728600997548, 5.63894178683552916 51.38912373602397565, 5.63894178683552916 51.38912373602397565)))</t>
  </si>
  <si>
    <t>MultiPolygon (((5.69846181322733525 51.35147570025774399, 5.70544857835403008 51.34741804298532486, 5.70136694286969892 51.34581311388276958, 5.69263708105580069 51.34470010506782955, 5.6935085752938086 51.35329473606559958, 5.69846181322733525 51.35147570025774399, 5.69846181322733525 51.35147570025774399)))</t>
  </si>
  <si>
    <t>MultiPolygon (((5.71959327249645266 51.37017042151891388, 5.72139770133526415 51.36672620937062561, 5.72390272918677034 51.36370691014590761, 5.71697988422624359 51.35670030015091925, 5.73383378859894588 51.3475429010711224, 5.74359790458446096 51.34835219212316559, 5.74593841404844063 51.33458118660931291, 5.7458957073564445 51.32914204194310059, 5.71365006186756919 51.32301163498305385, 5.70697356522442423 51.33991188182269383, 5.70562630319464059 51.34222204076757379, 5.70488197292463095 51.34208671472194396, 5.70136694286969892 51.34581311388276958, 5.70544857835403008 51.34741804298532486, 5.69846181322733525 51.35147570025774399, 5.70455823089968739 51.35394014822179543, 5.70915336382967631 51.35759495530670193, 5.70746990105125995 51.36096589420540681, 5.70164050970456948 51.3648918965442931, 5.71258890178029333 51.37008879598071331, 5.71372858060964894 51.37021678520340373, 5.71590494276258276 51.36850813487974676, 5.71959327249645266 51.37017042151891388, 5.71959327249645266 51.37017042151891388)))</t>
  </si>
  <si>
    <t>MultiPolygon (((5.74021603806125658 51.36979327691894071, 5.7454597672806953 51.37110572514257711, 5.77044861287139899 51.33380458877762464, 5.76009276684314031 51.33183790293557536, 5.74706421384878929 51.32936248244093491, 5.7458957073564445 51.32914204194310059, 5.74593841404844063 51.33458118660931291, 5.74359790458446096 51.34835219212316559, 5.74021603806125658 51.36979327691894071)))</t>
  </si>
  <si>
    <t>MultiPolygon (((5.73022556392200766 51.37126684592598735, 5.73501269090514487 51.37208326932088909, 5.73624229394681695 51.37418380851174504, 5.73936998896904438 51.37480176329138004, 5.74021603806125658 51.36979327691894071, 5.74359790458446096 51.34835219212316559, 5.73383378859894588 51.3475429010711224, 5.71697988422624359 51.35670030015091925, 5.72390272918677034 51.36370691014590761, 5.72139770133526415 51.36672620937062561, 5.72325652815781449 51.36741664823983911, 5.72570314294155303 51.37065985038909588, 5.73022556392200766 51.37126684592598735, 5.73022556392200766 51.37126684592598735)))</t>
  </si>
  <si>
    <t>MultiPolygon (((5.66471041458024605 51.44635546770609835, 5.678712756390631 51.44571091235306426, 5.68219776627667539 51.4493267386866151, 5.68972517508741849 51.44298323841947251, 5.69398345195795397 51.43923979306062222, 5.69997875953777289 51.42215434826757559, 5.70029616938560402 51.42127374536367057, 5.68439908360009216 51.42280029377083395, 5.66983713046940885 51.42341909453407567, 5.65207213917304063 51.42411165766178271, 5.63922495129084655 51.42310408695666979, 5.64303450428343911 51.43481263387232616, 5.6424573071495896 51.43492847831547721, 5.64362378878075788 51.4401926136903711, 5.64447576119821459 51.44112322594838815, 5.64752958409949724 51.44200507142710421, 5.64826574478914178 51.44150688875465249, 5.6533076634212529 51.44638526121192967, 5.65528561195687285 51.45237826909247758, 5.65629877615531296 51.45282600022351005, 5.65601772633783284 51.45527247111164826, 5.66286312938478442 51.45534406946826778, 5.66213860588109075 51.45091883884087025, 5.66471041458024605 51.44635546770609835)))</t>
  </si>
  <si>
    <t>MultiPolygon (((5.63922495129084655 51.42310408695666979, 5.65207213917304063 51.42411165766178271, 5.66983713046940885 51.42341909453407567, 5.670491186648972 51.42155683823558121, 5.66921593925520018 51.41829533501167049, 5.66990356773661386 51.41674760676360023, 5.67674950568938641 51.41658698161352703, 5.67950813380483144 51.41454133735167886, 5.6944894601995637 51.41646684232843967, 5.69625190759902278 51.41691527183630939, 5.69663337376355727 51.41761987618846774, 5.70028031158728155 51.41758766471134123, 5.70042877532974224 51.4149392378104082, 5.69870516527393711 51.4117553803783025, 5.69527568203420387 51.40860242276826853, 5.69216543403126884 51.40667437110369065, 5.68502268952878964 51.40451391518527657, 5.68276995828770293 51.40461937006107718, 5.67772081395642481 51.40250454275530245, 5.67863678418748652 51.39833231922967371, 5.65677772662124223 51.39320911378474932, 5.63894178683552916 51.38912373602397565, 5.63900149938083128 51.39797123410775725, 5.63787220150179547 51.40670746379468881, 5.63901550191544754 51.42245648422158411, 5.63922495129084655 51.42310408695666979, 5.63922495129084655 51.42310408695666979)))</t>
  </si>
  <si>
    <t>MultiPolygon (((5.66983713046940885 51.42341909453407567, 5.68439908360009216 51.42280029377083395, 5.70029616938560402 51.42127374536367057, 5.70071692241681482 51.41854799118219432, 5.70028031158728155 51.41758766471134123, 5.69663337376355727 51.41761987618846774, 5.69625190759902278 51.41691527183630939, 5.6944894601995637 51.41646684232843967, 5.67950813380483144 51.41454133735167886, 5.67674950568938641 51.41658698161352703, 5.66990356773661386 51.41674760676360023, 5.66921593925520018 51.41829533501167049, 5.670491186648972 51.42155683823558121, 5.66983713046940885 51.42341909453407567, 5.66983713046940885 51.42341909453407567)))</t>
  </si>
  <si>
    <t>MultiPolygon (((5.70028031158728155 51.41758766471134123, 5.70071692241681482 51.41854799118219432, 5.70287729796997223 51.41254119697246949, 5.70524536312571762 51.40966420147096727, 5.73372413940883252 51.39187286187242165, 5.7361087614812023 51.38968524912991853, 5.73749646793074586 51.3868146099827996, 5.73936998896904438 51.37480176329138004, 5.73624229394681695 51.37418380851174504, 5.73501269090514487 51.37208326932088909, 5.73022556392200766 51.37126684592598735, 5.72669173319118929 51.37671288081409671, 5.72935335276550184 51.37826998397275702, 5.72856748675429639 51.38151976502172857, 5.71958877444305802 51.39478168908924971, 5.69436513137327172 51.38735428928726634, 5.69186642890270988 51.38599287369685698, 5.6878700015875312 51.38625578467937771, 5.68348227276461593 51.3857223632003155, 5.68190061755868658 51.38640334056061931, 5.67781295991087021 51.39645853746747406, 5.67863678418748652 51.39833231922967371, 5.67772081395642481 51.40250454275530245, 5.68276995828770293 51.40461937006107718, 5.68502268952878964 51.40451391518527657, 5.69216543403126884 51.40667437110369065, 5.69527568203420387 51.40860242276826853, 5.69870516527393711 51.4117553803783025, 5.70042877532974224 51.4149392378104082, 5.70028031158728155 51.41758766471134123)))</t>
  </si>
  <si>
    <t>MultiPolygon (((5.65677772662124223 51.39320911378474932, 5.67863678418748652 51.39833231922967371, 5.67781295991087021 51.39645853746747406, 5.68190061755868658 51.38640334056061931, 5.68348227276461593 51.3857223632003155, 5.6878700015875312 51.38625578467937771, 5.69186642890270988 51.38599287369685698, 5.69743999345123342 51.38132282854785871, 5.70496513576227482 51.37798119600898872, 5.70753658334480107 51.37618903945509885, 5.70627114424949333 51.37494391677573446, 5.71572438960043527 51.37216454621678707, 5.71959327249645266 51.37017042151891388, 5.71590494276258276 51.36850813487974676, 5.71372858060964894 51.37021678520340373, 5.71258890178029333 51.37008879598071331, 5.70164050970456948 51.3648918965442931, 5.69364091285315155 51.37280900769045644, 5.68616823534922222 51.37470061889839457, 5.67623271768430371 51.37816586324284884, 5.66974872105955363 51.37738710990793578, 5.66903755005482957 51.37571945195909251, 5.66269117875018058 51.37888631575277998, 5.66211030211511002 51.38427728731667088, 5.65677772662124223 51.39320911378474932, 5.65677772662124223 51.39320911378474932)))</t>
  </si>
  <si>
    <t>MultiPolygon (((5.69186642890270988 51.38599287369685698, 5.69436513137327172 51.38735428928726634, 5.71958877444305802 51.39478168908924971, 5.72856748675429639 51.38151976502172857, 5.72935335276550184 51.37826998397275702, 5.72669173319118929 51.37671288081409671, 5.73022556392200766 51.37126684592598735, 5.72570314294155303 51.37065985038909588, 5.72325652815781449 51.36741664823983911, 5.72139770133526415 51.36672620937062561, 5.71959327249645266 51.37017042151891388, 5.71572438960043527 51.37216454621678707, 5.70627114424949333 51.37494391677573446, 5.70753658334480107 51.37618903945509885, 5.70496513576227482 51.37798119600898872, 5.69743999345123342 51.38132282854785871, 5.69186642890270988 51.38599287369685698, 5.69186642890270988 51.38599287369685698)))</t>
  </si>
  <si>
    <t>MultiPolygon (((5.44536915834115742 51.68855582190704467, 5.45167881814974464 51.68675126891664462, 5.45271875586132726 51.6884749627495097, 5.45687272790405853 51.68759084153013106, 5.44882683641383636 51.66955216104381776, 5.44563126751938498 51.6664168304267335, 5.44504249315469924 51.66427895953040661, 5.43941057351982149 51.66487438314821645, 5.43260928461048476 51.6641772494751379, 5.4358940560182214 51.6676230222263797, 5.42969166839134143 51.66967904028340541, 5.42714655905178045 51.67398796382573067, 5.42232775040698911 51.67991603079021701, 5.43630964813320805 51.67614170802749385, 5.44536915834115742 51.68855582190704467, 5.44536915834115742 51.68855582190704467)))</t>
  </si>
  <si>
    <t>MultiPolygon (((5.41442357938438512 51.67407421396868727, 5.42714655905178045 51.67398796382573067, 5.42969166839134143 51.66967904028340541, 5.4358940560182214 51.6676230222263797, 5.43260928461048476 51.6641772494751379, 5.43159315812028698 51.66318684355347557, 5.43166342637077548 51.66089459167125142, 5.42842373803588973 51.65647169451963805, 5.42352929848414789 51.65385120033671029, 5.41170774246663289 51.65716208375078367, 5.39931880968466871 51.66435457394800324, 5.40588545684898847 51.66830892753580429, 5.40943434952476654 51.67044588280171524, 5.41141912126623392 51.67092215867818794, 5.41358567270912872 51.67239861193753114, 5.41442357938438512 51.67407421396868727, 5.41442357938438512 51.67407421396868727),(5.41245321700922855 51.66777876855920226, 5.41124907271571853 51.66887646364690312, 5.41043780984508249 51.66852242550345409, 5.41049383189631072 51.66417787164259323, 5.41115224785268722 51.66350079111250437, 5.41530037747213822 51.66485375746658804, 5.41633305682638699 51.66433778748459105, 5.41794137309204427 51.66315594577103099, 5.41518392348074507 51.66207689557609228, 5.41565082257293628 51.66046222058218262, 5.41768562341629512 51.65967043530698533, 5.4252468593443135 51.66408316318725724, 5.42586636947633494 51.66539430655658549, 5.4251069162945269 51.66604271154643158, 5.41479908497517926 51.66793637696844144, 5.41386503579044476 51.66697313845904205, 5.41245321700922855 51.66777876855920226, 5.41245321700922855 51.66777876855920226)))</t>
  </si>
  <si>
    <t>MultiPolygon (((5.41245321700922855 51.66777876855920226, 5.41386503579044476 51.66697313845904205, 5.41479908497517926 51.66793637696844144, 5.4251069162945269 51.66604271154643158, 5.42586636947633494 51.66539430655658549, 5.4252468593443135 51.66408316318725724, 5.41768562341629512 51.65967043530698533, 5.41565082257293628 51.66046222058218262, 5.41518392348074507 51.66207689557609228, 5.41794137309204427 51.66315594577103099, 5.41633305682638699 51.66433778748459105, 5.41530037747213822 51.66485375746658804, 5.41115224785268722 51.66350079111250437, 5.41049383189631072 51.66417787164259323, 5.41043780984508249 51.66852242550345409, 5.41124907271571853 51.66887646364690312, 5.41245321700922855 51.66777876855920226, 5.41245321700922855 51.66777876855920226)))</t>
  </si>
  <si>
    <t>MultiPolygon (((5.42980825354266461 51.70147867681009757, 5.4393303865149889 51.70043437038851408, 5.4397384788330756 51.69864293232702579, 5.44335017373526142 51.69761803805822353, 5.44193626916350315 51.6947716053840054, 5.44599827839481243 51.6952980911875386, 5.44740468748975992 51.69502338754420379, 5.44536915834115742 51.68855582190704467, 5.43630964813320805 51.67614170802749385, 5.42232775040698911 51.67991603079021701, 5.42714655905178045 51.67398796382573067, 5.41442357938438512 51.67407421396868727, 5.40883397827722412 51.67447969195423951, 5.41160232910089078 51.67679526707178894, 5.40497817183807872 51.68198789064494747, 5.40342873016342118 51.68569531172505549, 5.4020625707937473 51.68614688740551344, 5.39855724403748471 51.68377207329995571, 5.39204635511463071 51.68574185692762057, 5.38757711979546006 51.68825958471869342, 5.38397893697434249 51.68455993668052884, 5.37914827454014866 51.67941604069364558, 5.38032763717334195 51.6773872418154383, 5.38191084614538084 51.67690840174184075, 5.38180866831365279 51.6755657401408115, 5.37658720669611334 51.67851694937414209, 5.37711025375018625 51.67880180460335993, 5.3697840794610352 51.68440050254621809, 5.36563360053609806 51.68886342380957188, 5.35927405013733704 51.69867914500642314, 5.36246314661103352 51.69849595494093109, 5.36621585902449993 51.69696762385137134, 5.36799782460576314 51.69708634771696154, 5.37154481731029954 51.69796906629991895, 5.37311662019357161 51.69974095790456659, 5.37567913958610699 51.70027536252651146, 5.38570755051600614 51.70098497574110041, 5.3977153688775461 51.69848850958238984, 5.42980825354266461 51.70147867681009757, 5.42980825354266461 51.70147867681009757)))</t>
  </si>
  <si>
    <t>MultiPolygon (((5.38397893697434249 51.68455993668052884, 5.3912652851326337 51.68124960408253088, 5.39145377181787389 51.67496578995031342, 5.38890849866545096 51.67218475918992482, 5.39089351062624189 51.67182741651171796, 5.39227801924156225 51.67266160960252819, 5.39792891933453856 51.67254745813851713, 5.40198270336740372 51.67077543316248267, 5.40588545684898847 51.66830892753580429, 5.39931880968466871 51.66435457394800324, 5.38816578212842145 51.67145051985749404, 5.38180866831365279 51.6755657401408115, 5.38191084614538084 51.67690840174184075, 5.38032763717334195 51.6773872418154383, 5.37914827454014866 51.67941604069364558, 5.38397893697434249 51.68455993668052884, 5.38397893697434249 51.68455993668052884)))</t>
  </si>
  <si>
    <t>MultiPolygon (((5.3912652851326337 51.68124960408253088, 5.39842700069719417 51.67797618806797999, 5.39684044952516828 51.6771626356203555, 5.39713871301977566 51.67655932070219649, 5.39949803661501271 51.67539866293268602, 5.40157163743301805 51.67647532147554301, 5.40571612809909929 51.67361326866060267, 5.40198270336740372 51.67077543316248267, 5.39792891933453856 51.67254745813851713, 5.39227801924156225 51.67266160960252819, 5.39089351062624189 51.67182741651171796, 5.38890849866545096 51.67218475918992482, 5.39145377181787389 51.67496578995031342, 5.3912652851326337 51.68124960408253088, 5.3912652851326337 51.68124960408253088)))</t>
  </si>
  <si>
    <t>MultiPolygon (((5.40883397827722412 51.67447969195423951, 5.41442357938438512 51.67407421396868727, 5.41358567270912872 51.67239861193753114, 5.41141912126623392 51.67092215867818794, 5.40943434952476654 51.67044588280171524, 5.40588545684898847 51.66830892753580429, 5.40198270336740372 51.67077543316248267, 5.40571612809909929 51.67361326866060267, 5.40883397827722412 51.67447969195423951, 5.40883397827722412 51.67447969195423951)))</t>
  </si>
  <si>
    <t>MultiPolygon (((5.38397893697434249 51.68455993668052884, 5.38757711979546006 51.68825958471869342, 5.39204635511463071 51.68574185692762057, 5.39855724403748471 51.68377207329995571, 5.4020625707937473 51.68614688740551344, 5.40342873016342118 51.68569531172505549, 5.40497817183807872 51.68198789064494747, 5.41160232910089078 51.67679526707178894, 5.40883397827722412 51.67447969195423951, 5.40571612809909929 51.67361326866060267, 5.40157163743301805 51.67647532147554301, 5.39949803661501271 51.67539866293268602, 5.39713871301977566 51.67655932070219649, 5.39684044952516828 51.6771626356203555, 5.39842700069719417 51.67797618806797999, 5.3912652851326337 51.68124960408253088, 5.38397893697434249 51.68455993668052884, 5.38397893697434249 51.68455993668052884)))</t>
  </si>
  <si>
    <t>MultiPolygon (((5.35596209100369691 51.67400388345087237, 5.35706320188250107 51.67341404801773308, 5.3553307252445439 51.6723380590351411, 5.35600341527515145 51.6713298408488626, 5.36869949146024883 51.65796125875264977, 5.36086779414035686 51.65509832923359568, 5.3495459929179896 51.65803702667187736, 5.3420066486255342 51.66530157234927145, 5.34148565670957876 51.66618577510583066, 5.34395968458941617 51.66744589469495708, 5.35369293323781203 51.67107346448076299, 5.35293243591521861 51.67181427616264244, 5.35461326168041563 51.67250667122743835, 5.35387843546923925 51.67314201591066336, 5.35596209100369691 51.67400388345087237, 5.35596209100369691 51.67400388345087237)))</t>
  </si>
  <si>
    <t>MultiPolygon (((5.35735135161533993 51.68200275524142739, 5.37246651482709492 51.68010862457578725, 5.37658720669611334 51.67851694937414209, 5.38180866831365279 51.6755657401408115, 5.38816578212842145 51.67145051985749404, 5.38650740310149345 51.67044409141733041, 5.38530132208830725 51.66846829261091756, 5.38241535115003877 51.66747020889513209, 5.37881260482261592 51.67048031860252877, 5.37104527300097523 51.67300545354898134, 5.36838736256907989 51.67316882464041328, 5.36652006305087603 51.67232984128913387, 5.35938105020052014 51.67412105859246196, 5.35706320188250107 51.67341404801773308, 5.35596209100369691 51.67400388345087237, 5.35093936333625653 51.67714481638123658, 5.35218048204562269 51.68108248954492012, 5.35702436348546129 51.68106612399744648, 5.35735135161533993 51.68200275524142739, 5.35735135161533993 51.68200275524142739)))</t>
  </si>
  <si>
    <t>MultiPolygon (((5.41170774246663289 51.65716208375078367, 5.42352929848414789 51.65385120033671029, 5.42338980054096087 51.6537831457781067, 5.42248594461104982 51.65399787125549125, 5.42223027450495465 51.65359395014304056, 5.4146442783999964 51.65570260778962819, 5.41509566493174077 51.65407919094414524, 5.41142550196245331 51.65445827731042527, 5.41126489572599123 51.65397047646094819, 5.41347484968301185 51.65374641757559715, 5.41262133344558283 51.65277887562064052, 5.41108083894034042 51.6526915101556412, 5.41097886104036885 51.65155129781935983, 5.41256383669182561 51.65098530855285475, 5.41229688973526013 51.65030327203652405, 5.40605800601985909 51.65021491751856075, 5.40595979323233067 51.64831180121895926, 5.40194873802702169 51.64794316815286379, 5.40004211840015547 51.64656699087073832, 5.39615477937323007 51.64532075682006251, 5.39537085383327408 51.64617497744922758, 5.38982378223462888 51.64563103033155755, 5.38516044110859848 51.64641909095693961, 5.3841919553366564 51.64590569145209287, 5.38009628359067182 51.64635627705433052, 5.37911152673345239 51.64734966286629003, 5.37809846316798623 51.64663865103162266, 5.37346620332661207 51.64561448280545619, 5.37209319767340343 51.65314501717632822, 5.37646050028074463 51.65444714409272109, 5.3753504708868638 51.65720201994938776, 5.37663108528750211 51.65788667336274642, 5.38330186637498542 51.6589887319447314, 5.38259953367682886 51.65946566077058577, 5.38202181898572452 51.66420455305091508, 5.38241535115003877 51.66747020889513209, 5.38530132208830725 51.66846829261091756, 5.38650740310149345 51.67044409141733041, 5.38816578212842145 51.67145051985749404, 5.39931880968466871 51.66435457394800324, 5.41170774246663289 51.65716208375078367, 5.41170774246663289 51.65716208375078367)))</t>
  </si>
  <si>
    <t>MultiPolygon (((5.35706320188250107 51.67341404801773308, 5.36166372332697083 51.67041241062663914, 5.36328732012037879 51.66734598329890815, 5.36789749693081752 51.66301311051742573, 5.37273321852708996 51.6634167295667055, 5.37704639320708999 51.66076752933890504, 5.37801337109410849 51.65962915708022507, 5.37525015989809596 51.65913763128207847, 5.3753504708868638 51.65720201994938776, 5.37646050028074463 51.65444714409272109, 5.37209319767340343 51.65314501717632822, 5.36940924064625325 51.6565238613392097, 5.36183734101023024 51.65426095444430388, 5.36086779414035686 51.65509832923359568, 5.36869949146024883 51.65796125875264977, 5.35600341527515145 51.6713298408488626, 5.3553307252445439 51.6723380590351411, 5.35706320188250107 51.67341404801773308, 5.35706320188250107 51.67341404801773308)))</t>
  </si>
  <si>
    <t>MultiPolygon (((5.35706320188250107 51.67341404801773308, 5.35938105020052014 51.67412105859246196, 5.36652006305087603 51.67232984128913387, 5.36838736256907989 51.67316882464041328, 5.37104527300097523 51.67300545354898134, 5.37881260482261592 51.67048031860252877, 5.38241535115003877 51.66747020889513209, 5.38202181898572452 51.66420455305091508, 5.38259953367682886 51.65946566077058577, 5.38330186637498542 51.6589887319447314, 5.37663108528750211 51.65788667336274642, 5.3753504708868638 51.65720201994938776, 5.37525015989809596 51.65913763128207847, 5.37801337109410849 51.65962915708022507, 5.37704639320708999 51.66076752933890504, 5.37273321852708996 51.6634167295667055, 5.36789749693081752 51.66301311051742573, 5.36328732012037879 51.66734598329890815, 5.36166372332697083 51.67041241062663914, 5.35706320188250107 51.67341404801773308, 5.35706320188250107 51.67341404801773308)))</t>
  </si>
  <si>
    <t>MultiPolygon (((5.37194810848685833 51.62983604130820225, 5.3682240171422837 51.62787206536206952, 5.36829765402750869 51.62442440723324921, 5.35341725258440881 51.62492808807716926, 5.35000527106415191 51.62078277296793516, 5.35101785169157296 51.61740535941794406, 5.35433542598699486 51.61426708048190193, 5.35519300622437999 51.61379654226121971, 5.35914960108289584 51.61457955615050253, 5.36036311078414851 51.61412732192343356, 5.35922912270959895 51.61255771122716851, 5.35988993619292753 51.61016718991204755, 5.36126148550535842 51.60884786701732452, 5.35989398800587491 51.60377491900860036, 5.36354407741537109 51.60256843236798829, 5.36313833981642141 51.60177909552374587, 5.35292896258533712 51.60069064649911752, 5.35098514175063844 51.60396604574268054, 5.34586686892625718 51.60273791991678394, 5.34283453374730755 51.60022387897889473, 5.34138562106210557 51.60146832906535508, 5.34083373746882017 51.60435001789246456, 5.3359635345018539 51.60309326216788151, 5.33213101808435752 51.61113648713274671, 5.33486264875516447 51.61363979322990758, 5.33904826977284053 51.61386069946475885, 5.34317744055765509 51.61686778872050496, 5.34381093463692114 51.6229715681623702, 5.34740894916457332 51.6262663440889682, 5.35364105758715247 51.62834492401124464, 5.35413539698641916 51.6306436041978003, 5.35844601355684702 51.62953745970765596, 5.36147995045763359 51.62944771545407008, 5.36716830356724461 51.63112911583420583, 5.37143996013055247 51.63162890789423187, 5.37194810848685833 51.62983604130820225)))</t>
  </si>
  <si>
    <t>MultiPolygon (((5.38450855613384061 51.62335994851554233, 5.38591721672155721 51.62090596121802122, 5.38895732963801777 51.62128980874159367, 5.38861526862546736 51.61772611138429312, 5.39101521839549136 51.61654837390936734, 5.39052269018053654 51.61432929479956044, 5.39241466337276876 51.61236067496405155, 5.39071600943552731 51.61178033147442079, 5.39485626512705352 51.60584201533559678, 5.39042360170277934 51.60542363831455503, 5.38052876178398609 51.60290189900474189, 5.3783445068146376 51.60254625833544395, 5.37413913349032413 51.60173034732653008, 5.36313833981642141 51.60177909552374587, 5.36354407741537109 51.60256843236798829, 5.35989398800587491 51.60377491900860036, 5.36126148550535842 51.60884786701732452, 5.35988993619292753 51.61016718991204755, 5.35922912270959895 51.61255771122716851, 5.36036311078414851 51.61412732192343356, 5.36748676795280222 51.61902018920884672, 5.36632695891514544 51.6217971719644666, 5.36829765402750869 51.62442440723324921, 5.3682240171422837 51.62787206536206952, 5.37194810848685833 51.62983604130820225, 5.37143996013055247 51.63162890789423187, 5.37117520138241478 51.63300367892484388, 5.37499776518285977 51.6336934156637426, 5.38328492466511754 51.63160385117726037, 5.3832110064893417 51.62848576759300556, 5.38407826716887161 51.62838770074304762, 5.38357916328456998 51.6277080253183982, 5.38724488473148266 51.62592658393958089, 5.38445481731051423 51.62546737562689714, 5.38385269018273149 51.62408583879007296, 5.38588799766648751 51.62345431402629714, 5.38450855613384061 51.62335994851554233, 5.38450855613384061 51.62335994851554233)))</t>
  </si>
  <si>
    <t>MultiPolygon (((5.36829765402750869 51.62442440723324921, 5.36632695891514544 51.6217971719644666, 5.36748676795280222 51.61902018920884672, 5.36036311078414851 51.61412732192343356, 5.35914960108289584 51.61457955615050253, 5.35519300622437999 51.61379654226121971, 5.35433542598699486 51.61426708048190193, 5.35101785169157296 51.61740535941794406, 5.35000527106415191 51.62078277296793516, 5.35341725258440881 51.62492808807716926, 5.36829765402750869 51.62442440723324921, 5.36829765402750869 51.62442440723324921)))</t>
  </si>
  <si>
    <t>MultiPolygon (((5.31905740421145534 51.67037213133488649, 5.3274747543986809 51.67336715997576135, 5.33888318844166054 51.66399664097978217, 5.3420066486255342 51.66530157234927145, 5.3495459929179896 51.65803702667187736, 5.36086779414035686 51.65509832923359568, 5.35634207440607035 51.64957293893733237, 5.35225201447610122 51.65345062475292792, 5.34613664439184166 51.64960464786304328, 5.34457866583413566 51.65051418157296581, 5.33880382087243621 51.6475690426669729, 5.33589699918052318 51.64693299346861721, 5.33398876145289247 51.64706697201454944, 5.33347828945011582 51.64900685826508919, 5.32883027920248953 51.64896868471853963, 5.32592007777496423 51.65154241495719845, 5.32139056178398118 51.64964310080748788, 5.31915032811003918 51.64997492604081231, 5.31687691870510548 51.65224136618046913, 5.31450957847035177 51.65247153053231699, 5.31257377489559968 51.65394568300915523, 5.31173901808009763 51.65812898429198441, 5.30619407688483236 51.66111104869509063, 5.30379722079650406 51.66399303022914324, 5.30397115111063044 51.66554835638953591, 5.30894868902647943 51.66794078661545342, 5.31905740421145534 51.67037213133488649, 5.31905740421145534 51.67037213133488649)))</t>
  </si>
  <si>
    <t>MultiPolygon (((5.37209319767340343 51.65314501717632822, 5.37346620332661207 51.64561448280545619, 5.37809846316798623 51.64663865103162266, 5.37989863440031613 51.64570585503414435, 5.37907000044497341 51.64555079432124529, 5.37959213136420011 51.6441515748838782, 5.37716948723353472 51.64353919565810003, 5.3762415553512275 51.6446300429962335, 5.37543929777305785 51.64445032142012337, 5.37603447625346931 51.64332890657219366, 5.37186816223255903 51.64193102019701342, 5.37529615208928124 51.63998953111686774, 5.37789164023804656 51.63949458428106709, 5.37939989704449761 51.6399335577501617, 5.38008901775560666 51.63918822628781413, 5.38318635984811689 51.63845110332125188, 5.37868727293683957 51.638670664558731, 5.37319066749370489 51.63703586515532606, 5.37136104886987109 51.63722591271660889, 5.37117520138241478 51.63300367892484388, 5.37143996013055247 51.63162890789423187, 5.36716830356724461 51.63112911583420583, 5.36147995045763359 51.62944771545407008, 5.35844601355684702 51.62953745970765596, 5.35413539698641916 51.6306436041978003, 5.35647998343370002 51.63222481887865456, 5.35654353094473734 51.63303633280886373, 5.34957065543412291 51.63641652695581286, 5.35684926698493236 51.63652789858451797, 5.35794145649122999 51.63786011498692829, 5.3597262704820956 51.63808306094754386, 5.36531037633230135 51.64087797984461048, 5.37064437099369396 51.64242628161774462, 5.36011941319932639 51.65221593404216804, 5.36183734101023024 51.65426095444430388, 5.36940924064625325 51.6565238613392097, 5.37209319767340343 51.65314501717632822, 5.37209319767340343 51.65314501717632822)))</t>
  </si>
  <si>
    <t>MultiPolygon (((5.34613664439184166 51.64960464786304328, 5.33953595500240752 51.64388956798254071, 5.33786151227772621 51.64506322470327149, 5.33371685654954142 51.64356501912268982, 5.333593428344785 51.64248582530929355, 5.32789780283026904 51.63812748077817361, 5.32874862074740108 51.63681164919815814, 5.33966885187243623 51.63123525541520564, 5.34855091805482719 51.63643220637868581, 5.34957065543412291 51.63641652695581286, 5.35654353094473734 51.63303633280886373, 5.35647998343370002 51.63222481887865456, 5.35413539698641916 51.6306436041978003, 5.35364105758715247 51.62834492401124464, 5.34740894916457332 51.6262663440889682, 5.34381093463692114 51.6229715681623702, 5.33840493376616987 51.62212705570447469, 5.31773190715987454 51.63463393519379707, 5.32042475041344431 51.63565485393726107, 5.32119071856985926 51.63696179004828934, 5.31955829083914278 51.638491401818996, 5.31867132563721157 51.6420544830974535, 5.31969638967395486 51.64548954310606632, 5.31915032811003918 51.64997492604081231, 5.32139056178398118 51.64964310080748788, 5.32139833357690772 51.64677407810160048, 5.32583808689304572 51.64722338311143091, 5.32883027920248953 51.64896868471853963, 5.33347828945011582 51.64900685826508919, 5.33398876145289247 51.64706697201454944, 5.33589699918052318 51.64693299346861721, 5.33880382087243621 51.6475690426669729, 5.34457866583413566 51.65051418157296581, 5.34613664439184166 51.64960464786304328, 5.34613664439184166 51.64960464786304328)))</t>
  </si>
  <si>
    <t>MultiPolygon (((5.32139056178398118 51.64964310080748788, 5.32592007777496423 51.65154241495719845, 5.32883027920248953 51.64896868471853963, 5.32583808689304572 51.64722338311143091, 5.32139833357690772 51.64677407810160048, 5.32139056178398118 51.64964310080748788, 5.32139056178398118 51.64964310080748788)))</t>
  </si>
  <si>
    <t>MultiPolygon (((5.36011941319932639 51.65221593404216804, 5.37064437099369396 51.64242628161774462, 5.36531037633230135 51.64087797984461048, 5.3597262704820956 51.63808306094754386, 5.35794145649122999 51.63786011498692829, 5.35662814092374084 51.63905087831698637, 5.35756562652025536 51.64139347782683132, 5.3599185665986111 51.64337931929203052, 5.3561421993559053 51.64806227766368352, 5.36011941319932639 51.65221593404216804, 5.36011941319932639 51.65221593404216804)))</t>
  </si>
  <si>
    <t>MultiPolygon (((5.33953595500240752 51.64388956798254071, 5.33887079951669197 51.64373935925034687, 5.34767995071340341 51.6390131725392223, 5.34855091805482719 51.63643220637868581, 5.33966885187243623 51.63123525541520564, 5.32874862074740108 51.63681164919815814, 5.32789780283026904 51.63812748077817361, 5.333593428344785 51.64248582530929355, 5.33371685654954142 51.64356501912268982, 5.33786151227772621 51.64506322470327149, 5.33953595500240752 51.64388956798254071, 5.33953595500240752 51.64388956798254071)))</t>
  </si>
  <si>
    <t>MultiPolygon (((5.36086779414035686 51.65509832923359568, 5.36183734101023024 51.65426095444430388, 5.36011941319932639 51.65221593404216804, 5.3561421993559053 51.64806227766368352, 5.3599185665986111 51.64337931929203052, 5.35756562652025536 51.64139347782683132, 5.35662814092374084 51.63905087831698637, 5.35794145649122999 51.63786011498692829, 5.35684926698493236 51.63652789858451797, 5.34957065543412291 51.63641652695581286, 5.34855091805482719 51.63643220637868581, 5.34767995071340341 51.6390131725392223, 5.33887079951669197 51.64373935925034687, 5.33953595500240752 51.64388956798254071, 5.34613664439184166 51.64960464786304328, 5.35225201447610122 51.65345062475292792, 5.35634207440607035 51.64957293893733237, 5.36086779414035686 51.65509832923359568, 5.36086779414035686 51.65509832923359568)))</t>
  </si>
  <si>
    <t>MultiPolygon (((4.50945001675542034 51.56855866694564128, 4.5366163139757596 51.56577633404857153, 4.53090532108042687 51.55988761112477903, 4.52868967371465558 51.55548657243153343, 4.5280689830101446 51.55199880568805071, 4.530358611448845 51.54925565664276377, 4.53348267111438208 51.54926947425391148, 4.51513719577947015 51.54489355610910195, 4.51579570138681152 51.54299794398566803, 4.51583320614699701 51.54208777260591035, 4.51444403596009369 51.54190104945232775, 4.51131546650058901 51.54398242981435629, 4.50678973761625112 51.54363247452593555, 4.49883056661643455 51.54478508028361716, 4.49878920609050414 51.54570441970056294, 4.49747234516054917 51.54627328852212997, 4.49808123288547534 51.54994209922980986, 4.50020415078659219 51.55853633324060326, 4.50163475462653651 51.56327073223844337, 4.50415385101721277 51.5629850422902436, 4.50495557456559048 51.56602631184370722, 4.5087134748491362 51.56554861898298725, 4.50945001675542034 51.56855866694564128, 4.50945001675542034 51.56855866694564128),(4.51523495813733344 51.56307322854264186, 4.51306453823663833 51.55893919352043042, 4.5125484574653898 51.55421636376111394, 4.51421807671136133 51.55280408199619302, 4.51980603438447925 51.55373616347381471, 4.52097400609551059 51.55801855248527943, 4.51993135781315214 51.56212864374055727, 4.51863275197929415 51.56280919089019932, 4.51523495813733344 51.56307322854264186, 4.51523495813733344 51.56307322854264186)))</t>
  </si>
  <si>
    <t>MultiPolygon (((4.51863275197929415 51.56280919089019932, 4.51993135781315214 51.56212864374055727, 4.52097400609551059 51.55801855248527943, 4.51980603438447925 51.55373616347381471, 4.51421807671136133 51.55280408199619302, 4.5125484574653898 51.55421636376111394, 4.51306453823663833 51.55893919352043042, 4.51523495813733344 51.56307322854264186, 4.51863275197929415 51.56280919089019932, 4.51863275197929415 51.56280919089019932)))</t>
  </si>
  <si>
    <t>MultiPolygon (((4.55381430327208037 51.5183834238024545, 4.5559806409302146 51.51641593484620074, 4.56804082669373468 51.51741520007996655, 4.56800125917100619 51.51405078222968115, 4.57450030548167597 51.51394729937879902, 4.57589553894766254 51.51568654047552798, 4.57957354661799609 51.51071275075204881, 4.58973120320069139 51.49673744504884354, 4.5837099422758909 51.49576408216417889, 4.57917991961360649 51.49340621416205011, 4.57617767215405458 51.49253944384479809, 4.57397627958819886 51.48846857006630273, 4.57580804590545398 51.48813956834303696, 4.57229921338254641 51.48267487875983761, 4.556100788683902 51.48563433021441682, 4.54816079283885166 51.47331259445622464, 4.53818454781951885 51.48239772376044954, 4.48668156818370978 51.47735282156500602, 4.48540649826814075 51.48162255858000691, 4.49286165237528134 51.48329129513162172, 4.49031344221908935 51.48699162464964019, 4.49789325479637458 51.50143279456449363, 4.5089864507357813 51.50324015948770295, 4.50852667269266405 51.50548846766004374, 4.51622418692454008 51.50682875469206579, 4.5171147496012054 51.51151336426536886, 4.52347538518286019 51.51111926501290839, 4.52949221710281513 51.50926775388764867, 4.54340255878200505 51.5171139811023977, 4.55467440599907114 51.52066996173797975, 4.55478971057440685 51.51886033671507192, 4.55381430327208037 51.5183834238024545, 4.55381430327208037 51.5183834238024545),(4.55703427685020657 51.49745150078621947, 4.55983638967957461 51.4956255447534943, 4.56317803305051495 51.49672083406739631, 4.56574074624804105 51.50061709578584868, 4.56514657768578136 51.50076404307171885, 4.56377948328718741 51.49905969841505282, 4.56270370801209424 51.49908553582223192, 4.56039422405327599 51.5004285194922744, 4.5605118982213666 51.50135213303880732, 4.55875833063894387 51.50142229292028873, 4.5567486166471749 51.49984898336059302, 4.55703427685020657 51.49745150078621947, 4.55703427685020657 51.49745150078621947)))</t>
  </si>
  <si>
    <t>MultiPolygon (((4.5605118982213666 51.50135213303880732, 4.56039422405327599 51.5004285194922744, 4.56270370801209424 51.49908553582223192, 4.56377948328718741 51.49905969841505282, 4.56514657768578136 51.50076404307171885, 4.56574074624804105 51.50061709578584868, 4.56317803305051495 51.49672083406739631, 4.55983638967957461 51.4956255447534943, 4.55703427685020657 51.49745150078621947, 4.5567486166471749 51.49984898336059302, 4.55875833063894387 51.50142229292028873, 4.5605118982213666 51.50135213303880732, 4.5605118982213666 51.50135213303880732)))</t>
  </si>
  <si>
    <t>MultiPolygon (((4.61579046423214567 51.55317942049100566, 4.6247957012676002 51.55238557354846307, 4.62580934428814494 51.54741155954428677, 4.62701665403202966 51.54808112188056413, 4.62878239198464758 51.54662708105819036, 4.63007772510343241 51.54716178243545954, 4.63177580309218229 51.54388153225706048, 4.63277725241954297 51.54424918609309003, 4.63528573379647391 51.54235140021243211, 4.63608348543298021 51.54318899615280003, 4.63786840174629056 51.54232597465304622, 4.64011007489129135 51.54342316121105938, 4.63871604785359271 51.5244126552196704, 4.63105977021245963 51.52331137616600643, 4.62765956395878142 51.52246774669001894, 4.62498662370963309 51.52109012806780441, 4.62640175165963186 51.51892066106281476, 4.6215073837774705 51.51744384163266943, 4.62161819566118393 51.51626192493788636, 4.61940537925823413 51.51617200220200488, 4.62053910366480114 51.51073618396988962, 4.6182017555557664 51.51067224283588786, 4.61819765917119085 51.50961524682799109, 4.6170868911900067 51.50970684329953286, 4.61637946914577046 51.50808729755049598, 4.6150200483793089 51.50894689662773374, 4.61078455438895674 51.50833860059384506, 4.57957354661799609 51.51071275075204881, 4.57589553894766254 51.51568654047552798, 4.57718805786970417 51.52113751416975163, 4.57929236505698967 51.52349821651007744, 4.57782188902696419 51.52918987656627081, 4.57928417294222179 51.53068655335822257, 4.58349693513468903 51.53267520871438023, 4.58794010623600546 51.53376779232645788, 4.59368661346130214 51.53195382283588089, 4.59643609431572298 51.53326182036565939, 4.60267475481674904 51.53389012413654768, 4.60654362959315922 51.5384585565608333, 4.61137149068496832 51.53919409624120362, 4.61385007423001348 51.53715907607488589, 4.61516205484335451 51.53737281323085284, 4.61341862161534966 51.54040910200015446, 4.61115202861716078 51.5410390298998351, 4.6051647022730311 51.5393869993428595, 4.6027641519401632 51.53960546597030401, 4.60124334208973806 51.54059161828872959, 4.60116890067417206 51.5421737386697032, 4.59609108318283699 51.54228610656454634, 4.59312493184382387 51.54172693162919927, 4.59667208207589972 51.54298640349644955, 4.59817881085525748 51.54682307983579648, 4.60723490999689744 51.54944431887174972, 4.61010784657177286 51.55360287399521013, 4.61100327324442372 51.55433847621388566, 4.61579046423214567 51.55317942049100566)))</t>
  </si>
  <si>
    <t>MultiPolygon (((4.58507713112389137 51.53947697011109597, 4.58637566972323896 51.53758695247677224, 4.58845755991886861 51.53832678022721581, 4.58967921449302008 51.53503279526295699, 4.58951807446602533 51.5342695980912282, 4.58794010623600546 51.53376779232645788, 4.58349693513468903 51.53267520871438023, 4.57427388121473211 51.53112063426830503, 4.57120258352251785 51.53149361867501455, 4.56962279541081084 51.53278710402362606, 4.57343097678298438 51.53472525616303557, 4.58084893638193957 51.5361418862181111, 4.58079834028598398 51.53899329562052145, 4.58507713112389137 51.53947697011109597, 4.58507713112389137 51.53947697011109597)))</t>
  </si>
  <si>
    <t>MultiPolygon (((4.58489111356665813 51.53997317702675218, 4.59312493184382387 51.54172693162919927, 4.59609108318283699 51.54228610656454634, 4.60116890067417206 51.5421737386697032, 4.60124334208973806 51.54059161828872959, 4.6027641519401632 51.53960546597030401, 4.6051647022730311 51.5393869993428595, 4.61115202861716078 51.5410390298998351, 4.61341862161534966 51.54040910200015446, 4.61516205484335451 51.53737281323085284, 4.61385007423001348 51.53715907607488589, 4.61137149068496832 51.53919409624120362, 4.60654362959315922 51.5384585565608333, 4.60267475481674904 51.53389012413654768, 4.59643609431572298 51.53326182036565939, 4.59368661346130214 51.53195382283588089, 4.58794010623600546 51.53376779232645788, 4.58951807446602533 51.5342695980912282, 4.58967921449302008 51.53503279526295699, 4.58845755991886861 51.53832678022721581, 4.58637566972323896 51.53758695247677224, 4.58507713112389137 51.53947697011109597, 4.58489111356665813 51.53997317702675218, 4.58489111356665813 51.53997317702675218)))</t>
  </si>
  <si>
    <t>MultiPolygon (((4.60723490999689744 51.54944431887174972, 4.59817881085525748 51.54682307983579648, 4.59696934167413929 51.54948519464161194, 4.60008236143691907 51.55015537312378626, 4.59628960401538844 51.55861788343332108, 4.59740158825258494 51.5588574297691622, 4.59681921927755166 51.56002088123340599, 4.60165874803542518 51.55869488643909904, 4.6065712634556526 51.55602308258958288, 4.60813633420357505 51.55424161186122944, 4.61010784657177286 51.55360287399521013, 4.60723490999689744 51.54944431887174972, 4.60723490999689744 51.54944431887174972)),((4.59200038312250758 51.5602463530557884, 4.58514990908502629 51.5590237307329744, 4.5834120622730854 51.55560581380692753, 4.57529832840185335 51.55296315429558973, 4.57553045207040832 51.55158495662876561, 4.57935261826781392 51.55053360073017643, 4.57892387380907007 51.54742662721865543, 4.57507750449313644 51.54597717345069441, 4.57551506252250118 51.54533497159805222, 4.57373538061806695 51.54437987634162255, 4.56684190838352233 51.5559630961873907, 4.56802073504537098 51.55619935714712909, 4.58201161088174658 51.55904784596271639, 4.58175075587664882 51.56026674216910521, 4.58287905128416906 51.5604191259131639, 4.58489632689702908 51.55963491098465568, 4.59176131561337986 51.56103164863110777, 4.59185783258932734 51.56089944931933644, 4.59200038312250758 51.5602463530557884, 4.59200038312250758 51.5602463530557884)))</t>
  </si>
  <si>
    <t>MultiPolygon (((4.59817881085525748 51.54682307983579648, 4.59667208207589972 51.54298640349644955, 4.59312493184382387 51.54172693162919927, 4.58489111356665813 51.53997317702675218, 4.57762590681398507 51.54202649478264675, 4.57630627815455426 51.54423116668652938, 4.57769773693797433 51.54453098893655749, 4.57622215298436963 51.54568202409232214, 4.57551506252250118 51.54533497159805222, 4.57507750449313644 51.54597717345069441, 4.57892387380907007 51.54742662721865543, 4.57935261826781392 51.55053360073017643, 4.57553045207040832 51.55158495662876561, 4.57529832840185335 51.55296315429558973, 4.5834120622730854 51.55560581380692753, 4.58514990908502629 51.5590237307329744, 4.59200038312250758 51.5602463530557884, 4.59681921927755166 51.56002088123340599, 4.59740158825258494 51.5588574297691622, 4.59628960401538844 51.55861788343332108, 4.60008236143691907 51.55015537312378626, 4.59696934167413929 51.54948519464161194, 4.59817881085525748 51.54682307983579648, 4.59817881085525748 51.54682307983579648)))</t>
  </si>
  <si>
    <t>MultiPolygon (((4.56684190838352233 51.5559630961873907, 4.57373538061806695 51.54437987634162255, 4.57551506252250118 51.54533497159805222, 4.57622215298436963 51.54568202409232214, 4.57769773693797433 51.54453098893655749, 4.57630627815455426 51.54423116668652938, 4.57762590681398507 51.54202649478264675, 4.58489111356665813 51.53997317702675218, 4.58507713112389137 51.53947697011109597, 4.58079834028598398 51.53899329562052145, 4.58084893638193957 51.5361418862181111, 4.57343097678298438 51.53472525616303557, 4.56962279541081084 51.53278710402362606, 4.57120258352251785 51.53149361867501455, 4.57427388121473211 51.53112063426830503, 4.58349693513468903 51.53267520871438023, 4.57928417294222179 51.53068655335822257, 4.57782188902696419 51.52918987656627081, 4.57929236505698967 51.52349821651007744, 4.57718805786970417 51.52113751416975163, 4.57589553894766254 51.51568654047552798, 4.57450030548167597 51.51394729937879902, 4.56800125917100619 51.51405078222968115, 4.56804082669373468 51.51741520007996655, 4.5559806409302146 51.51641593484620074, 4.55381430327208037 51.5183834238024545, 4.55478971057440685 51.51886033671507192, 4.55467440599907114 51.52066996173797975, 4.54340255878200505 51.5171139811023977, 4.52949221710281513 51.50926775388764867, 4.52347538518286019 51.51111926501290839, 4.5171147496012054 51.51151336426536886, 4.51622418692454008 51.50682875469206579, 4.50852667269266405 51.50548846766004374, 4.5089864507357813 51.50324015948770295, 4.49789325479637458 51.50143279456449363, 4.49809638559682767 51.50181197961667579, 4.49665352042448063 51.50830048246738357, 4.49851706503418125 51.5098634618450788, 4.50217954290845235 51.51672352113193654, 4.50268817967526491 51.51674905987096764, 4.51433221499077675 51.51789552715704446, 4.51356358860207241 51.52160148619608293, 4.51595375552845901 51.52152027691435165, 4.51765080560542653 51.52538824169137399, 4.51965820920943173 51.5254013677557765, 4.52013710916983324 51.52655808479979527, 4.51957921074463531 51.52708135819923285, 4.5211895715913677 51.5289505536792376, 4.52041893240747861 51.52899127640200305, 4.52196863614218181 51.53177565360518741, 4.52140838649550947 51.53309497117191285, 4.52319156166075498 51.54255684074621513, 4.51579570138681152 51.54299794398566803, 4.51513719577947015 51.54489355610910195, 4.53348267111438208 51.54926947425391148, 4.54242247071360516 51.55108708203161427, 4.5450839261192213 51.55164556627062211, 4.54464032414976149 51.55294826693497612, 4.54537104580146067 51.55390881324380103, 4.54644497884423515 51.55365063025581662, 4.54731078856601378 51.55236143002980498, 4.55049340018857773 51.55271176205806682, 4.56684190838352233 51.5559630961873907, 4.56684190838352233 51.5559630961873907),(4.55513583166086455 51.53622482499812918, 4.55513509750138468 51.53404470173712326, 4.54804933322709903 51.53475472380447542, 4.54804292629307838 51.53069866048910797, 4.55104092299707297 51.53122719024849374, 4.55218482985938344 51.5309055860867673, 4.5549761633091661 51.52940467105376854, 4.55475275090695142 51.52828759893412069, 4.55695315654195898 51.52797375179746808, 4.56584285309133886 51.52856890431112191, 4.56577689408711418 51.53221882249246732, 4.56307799375679668 51.53759940543390172, 4.56081245796094237 51.53700052339224413, 4.55966941396496317 51.53950205441900323, 4.55684181724421045 51.53851848573027894, 4.55513583166086455 51.53622482499812918, 4.55513583166086455 51.53622482499812918)))</t>
  </si>
  <si>
    <t>MultiPolygon (((4.56081245796094237 51.53700052339224413, 4.56307799375679668 51.53759940543390172, 4.56577689408711418 51.53221882249246732, 4.56584285309133886 51.52856890431112191, 4.55695315654195898 51.52797375179746808, 4.55475275090695142 51.52828759893412069, 4.5549761633091661 51.52940467105376854, 4.55218482985938344 51.5309055860867673, 4.55104092299707297 51.53122719024849374, 4.54804292629307838 51.53069866048910797, 4.54804933322709903 51.53475472380447542, 4.55513509750138468 51.53404470173712326, 4.55513583166086455 51.53622482499812918, 4.55684181724421045 51.53851848573027894, 4.55966941396496317 51.53950205441900323, 4.56081245796094237 51.53700052339224413, 4.56081245796094237 51.53700052339224413)))</t>
  </si>
  <si>
    <t>MultiPolygon (((4.91615068222148555 51.60081160178457083, 4.91626873461322234 51.60001556156537106, 4.91377507095578103 51.59970727838134508, 4.9131132945917706 51.60039662937001026, 4.911635156528396 51.60006717138264065, 4.91378589360403506 51.59809047066144672, 4.8999225448133279 51.59267523176941239, 4.89990005567821107 51.59266738621445825, 4.88639733472837712 51.61222486534133225, 4.88102989218530325 51.61799821304897051, 4.89173684468281778 51.62096801678938363, 4.89438257776746433 51.62295173077069421, 4.89382767166141974 51.62452826538309125, 4.89470079856387308 51.62624872371198137, 4.90501914933698213 51.62453244357161708, 4.90427921115023047 51.6243325726400144, 4.91555443364239597 51.62243285875389631, 4.91355878289590287 51.61963768656440266, 4.90989958908714552 51.61832710828731763, 4.9113267643953824 51.61806179515669157, 4.9111672837914977 51.61615656938219843, 4.91188166509360258 51.61539925513545057, 4.91744281062872801 51.60854073740416936, 4.91849898925855022 51.60136742969625345, 4.91615068222148555 51.60081160178457083)))</t>
  </si>
  <si>
    <t>MultiPolygon (((4.88639733472837712 51.61222486534133225, 4.89990005567821107 51.59266738621445825, 4.89024554008703838 51.58903605766953149, 4.86744904526154354 51.59241146978786929, 4.86102433886290797 51.59336324388456063, 4.86099892726852989 51.594921411310537, 4.85420085064628459 51.59725400663627681, 4.85314663997126239 51.59452436642356332, 4.84889854477927873 51.59515578981434913, 4.84137118207173511 51.59625956368601152, 4.83472264667849316 51.59734643116139807, 4.83407261859419979 51.59741167098574266, 4.83980296888578909 51.60168142281653303, 4.83989248140018358 51.60245739932418019, 4.84355192931454859 51.60387614900446351, 4.85038133311198472 51.60744674073064431, 4.85679161137486393 51.61267877161434825, 4.87949086986638125 51.61926931954869957, 4.88102989218530325 51.61799821304897051, 4.88639733472837712 51.61222486534133225)))</t>
  </si>
  <si>
    <t>MultiPolygon (((4.84696086861214326 51.5936969891703896, 4.85381809028952738 51.58780511143937986, 4.8601988429337748 51.58828319779782134, 4.86495089542339176 51.58777623007275537, 4.86766215100388688 51.59007753373835214, 4.86744904526154354 51.59241146978786929, 4.89024554008703838 51.58903605766953149, 4.88962037874350841 51.58881109520078212, 4.86896610939064178 51.58100243275431751, 4.86917137501120578 51.57844190152702168, 4.8642385221296518 51.57908886124154435, 4.85439794841350825 51.57937045329732229, 4.84573003952707904 51.58345025699038189, 4.84262184483887204 51.58582934208546078, 4.84202057443452549 51.59602694681939283, 4.84137118207173511 51.59625956368601152, 4.84889854477927873 51.59515578981434913, 4.84696086861214326 51.5936969891703896)))</t>
  </si>
  <si>
    <t>MultiPolygon (((4.84889854477927873 51.59515578981434913, 4.85314663997126239 51.59452436642356332, 4.85420085064628459 51.59725400663627681, 4.86099892726852989 51.594921411310537, 4.86102433886290797 51.59336324388456063, 4.86744904526154354 51.59241146978786929, 4.86766215100388688 51.59007753373835214, 4.86495089542339176 51.58777623007275537, 4.8601988429337748 51.58828319779782134, 4.85381809028952738 51.58780511143937986, 4.84696086861214326 51.5936969891703896, 4.84889854477927873 51.59515578981434913, 4.84889854477927873 51.59515578981434913)))</t>
  </si>
  <si>
    <t>MultiPolygon (((4.91378088319599904 51.67504891879307394, 4.91752096366036717 51.67525843740810387, 4.92503235379581028 51.67300929624858696, 4.92677558628723933 51.66908741924743964, 4.93094291992303635 51.66710163679483969, 4.93104755361131097 51.66355207218300905, 4.93312617778325091 51.65988414902026449, 4.93300025751823679 51.6588934710687866, 4.93441030325451457 51.65725366924677076, 4.93245999333765006 51.65582367614086223, 4.93290636079403821 51.6515764508649724, 4.92348264155819848 51.65252338580435776, 4.90824244333023785 51.64934387987668174, 4.89724976425939929 51.6460972314580502, 4.88858806305759419 51.6455003716144958, 4.88814318561260919 51.64958105253261067, 4.88242894596258115 51.64958590018431295, 4.88210539542756639 51.65345676527613961, 4.88075493288398032 51.66253491061130632, 4.88016312336274805 51.6667740974200882, 4.87971331339846515 51.67204316161865307, 4.88022876689469065 51.67183546130773664, 4.88050045747436556 51.67420789744380727, 4.89683555204441934 51.67477446130673968, 4.89872109363263508 51.674183337414199, 4.90693191519513316 51.6749435243843962, 4.90655154757778256 51.67595309626376121, 4.91282700623999435 51.67659001717827039, 4.91378088319599904 51.67504891879307394, 4.91378088319599904 51.67504891879307394)))</t>
  </si>
  <si>
    <t>MultiPolygon (((4.8885619725126146 51.64194658176010932, 4.89235662474959643 51.63959643194072413, 4.89847564822627746 51.64288585989492475, 4.90564172640001139 51.64315915816099789, 4.90531920783372222 51.64407255031419197, 4.92480057729076837 51.64915287393073839, 4.92721002765842453 51.64913435071134984, 4.9273177199588849 51.64739788551413113, 4.92894634441480139 51.64667311768593549, 4.91319168796134154 51.6340227603728934, 4.9111475487653049 51.6312482155324588, 4.91002809159832143 51.6294600532984731, 4.91053776797317632 51.62742595171658877, 4.91211733465374412 51.6268254768247985, 4.91182250400492482 51.62636494908242923, 4.90501914933698213 51.62453244357161708, 4.89470079856387308 51.62624872371198137, 4.89165966111006245 51.62675436632663661, 4.89530134963996844 51.63268837350896234, 4.88076593393156255 51.6354195047268334, 4.88020867251031021 51.63494189337906448, 4.8827549234154537 51.63842758761323637, 4.88242894596258115 51.64958590018431295, 4.88814318561260919 51.64958105253261067, 4.88858806305759419 51.6455003716144958, 4.8885619725126146 51.64194658176010932, 4.8885619725126146 51.64194658176010932)))</t>
  </si>
  <si>
    <t>MultiPolygon (((4.93010588822734164 51.64795477210062558, 4.9292802089340455 51.64853232020902141, 4.92894634441480139 51.64667311768593549, 4.9273177199588849 51.64739788551413113, 4.92721002765842453 51.64913435071134984, 4.92480057729076837 51.64915287393073839, 4.90531920783372222 51.64407255031419197, 4.90564172640001139 51.64315915816099789, 4.89847564822627746 51.64288585989492475, 4.89235662474959643 51.63959643194072413, 4.8885619725126146 51.64194658176010932, 4.88858806305759419 51.6455003716144958, 4.89724976425939929 51.6460972314580502, 4.90824244333023785 51.64934387987668174, 4.92348264155819848 51.65252338580435776, 4.93290636079403821 51.6515764508649724, 4.93281572806120217 51.65069770869293109, 4.93035437617213645 51.64954139406223277, 4.93010588822734164 51.64795477210062558)))</t>
  </si>
  <si>
    <t>MultiPolygon (((4.82780517175171209 51.66902262513063704, 4.82885285293883815 51.66651949065715144, 4.82970003505098244 51.66164734629062139, 4.82683988101918704 51.66030538390965177, 4.82663908502702732 51.65643445083124874, 4.82552986230992076 51.6550533823780853, 4.82332303133195417 51.65596305188292092, 4.81511773099965534 51.66673406217784503, 4.81159574432440085 51.66664713254209573, 4.81148512913875415 51.66450675106054291, 4.81295631057331263 51.664513974403107, 4.8104271091731432 51.6612264135045578, 4.80870618474086164 51.6613643855644753, 4.80811653660679017 51.65931891094803774, 4.80320361073078672 51.65855149477896902, 4.80438736834747004 51.65657619483796026, 4.80831376197808513 51.65654825919583715, 4.80745777547713349 51.65338904467522241, 4.8147554442461642 51.65313015792436602, 4.81497950515058726 51.65599543935788063, 4.8245501930816399 51.65260479629606039, 4.82259432033338964 51.65252775874124325, 4.81736379644635804 51.64829447825993469, 4.81552664174082157 51.64809621221809266, 4.81545034252249415 51.64644351744880169, 4.80563855658389727 51.64454615777677304, 4.79648909621552288 51.64118696201884262, 4.79430510640029883 51.641740574415536, 4.78108091784286238 51.6638855680875011, 4.79678740910233969 51.6695151185896222, 4.80119786698841189 51.67020524925054303, 4.80683312243012573 51.67127250363552804, 4.81695446265015903 51.67364924813563221, 4.82178788603851061 51.67474395853746216, 4.82250915322700457 51.67332071709122232, 4.82780517175171209 51.66902262513063704)))</t>
  </si>
  <si>
    <t>MultiPolygon (((4.8245501930816399 51.65260479629606039, 4.81497950515058726 51.65599543935788063, 4.8147554442461642 51.65313015792436602, 4.80745777547713349 51.65338904467522241, 4.80831376197808513 51.65654825919583715, 4.80438736834747004 51.65657619483796026, 4.80320361073078672 51.65855149477896902, 4.80811653660679017 51.65931891094803774, 4.80870618474086164 51.6613643855644753, 4.8104271091731432 51.6612264135045578, 4.81295631057331263 51.664513974403107, 4.81148512913875415 51.66450675106054291, 4.81159574432440085 51.66664713254209573, 4.81511773099965534 51.66673406217784503, 4.82332303133195417 51.65596305188292092, 4.82552986230992076 51.6550533823780853, 4.82663908502702732 51.65643445083124874, 4.83199622524477146 51.65125265625012929, 4.82962723063304367 51.65090717546941335, 4.82505844502530401 51.65359131831691286, 4.8245501930816399 51.65260479629606039, 4.8245501930816399 51.65260479629606039)))</t>
  </si>
  <si>
    <t>MultiPolygon (((4.81982402741166105 51.64333250736432035, 4.81653180977733708 51.64065425667664755, 4.83505462853009149 51.64087710515285323, 4.83531570552058731 51.63860332767153949, 4.84131516732404599 51.63581840171394788, 4.84259460523494845 51.63730875089593297, 4.8453921437515115 51.6362209983048146, 4.83686999488851299 51.62675235186306821, 4.8442746914650181 51.62381285722094049, 4.85018415943860948 51.62123289683763971, 4.860451599128365 51.61644646888328225, 4.85679161137486393 51.61267877161434825, 4.85038133311198472 51.60744674073064431, 4.84355192931454859 51.60387614900446351, 4.83907877446526236 51.60893419244351321, 4.84268313554184626 51.61698586229531571, 4.82803839751042663 51.62457819860868113, 4.82603635257108277 51.62698441787311765, 4.82377944909407042 51.62769529704284821, 4.8218665342226652 51.62727431579165938, 4.8212602494826049 51.62955859556554117, 4.82003521095233101 51.6306234766041996, 4.81827309225980471 51.63161564651257862, 4.81184514466208224 51.63290504499035194, 4.8069695458705386 51.63260713251494849, 4.78891263904504427 51.63441769886426158, 4.7875059385922345 51.63704801274007394, 4.79648909621552288 51.64118696201884262, 4.80563855658389727 51.64454615777677304, 4.81545034252249415 51.64644351744880169, 4.82184998570018397 51.64709797840750127, 4.82191358783751056 51.64592313559580106, 4.81982402741166105 51.64333250736432035)))</t>
  </si>
  <si>
    <t>MultiPolygon (((4.87644635304349361 51.66433961330038471, 4.87581717150367311 51.66409123116773117, 4.86463935750948906 51.66668196403362856, 4.85553789717559781 51.66927891369250858, 4.85069274231371672 51.67152460932827296, 4.84415147983818084 51.67711810599907807, 4.84268556917606219 51.67973350266804289, 4.84226557910491184 51.68285559747821623, 4.84339126291885336 51.68601738649427801, 4.84621120767390501 51.68449154314079408, 4.85106027242438387 51.68396465852250543, 4.85662177859926114 51.68166786062364082, 4.85658048893072003 51.68024267334287458, 4.86068064953418233 51.67870860989922477, 4.86265213891207004 51.67706678668442777, 4.86620349118165496 51.67610591238296536, 4.87124828686643241 51.67582017721619536, 4.87202028499279205 51.67517472284716717, 4.87578711305542001 51.67473331120091018, 4.87655024558927952 51.67333145287826568, 4.87971331339846515 51.67204316161865307, 4.88016312336274805 51.6667740974200882, 4.87555855141793693 51.66665823946591019, 4.87644635304349361 51.66433961330038471, 4.87644635304349361 51.66433961330038471)))</t>
  </si>
  <si>
    <t>MultiPolygon (((4.84415147983818084 51.67711810599907807, 4.85069274231371672 51.67152460932827296, 4.85160677876105506 51.66896700183983171, 4.82885285293883815 51.66651949065715144, 4.82780517175171209 51.66902262513063704, 4.82250915322700457 51.67332071709122232, 4.82178788603851061 51.67474395853746216, 4.82735159469676578 51.67696269494941674, 4.82856148559788334 51.67644375770786525, 4.8423679313917587 51.6796540469262311, 4.84268556917606219 51.67973350266804289, 4.84415147983818084 51.67711810599907807, 4.84415147983818084 51.67711810599907807)))</t>
  </si>
  <si>
    <t>MultiPolygon (((4.82885285293883815 51.66651949065715144, 4.85160677876105506 51.66896700183983171, 4.84830841011276448 51.65555825741037665, 4.83263644752145805 51.6559745803201551, 4.83057955036331332 51.65752819401978968, 4.82970003505098244 51.66164734629062139, 4.82885285293883815 51.66651949065715144, 4.82885285293883815 51.66651949065715144)))</t>
  </si>
  <si>
    <t>MultiPolygon (((4.85069274231371672 51.67152460932827296, 4.85553789717559781 51.66927891369250858, 4.85700497081645199 51.66642575181278829, 4.85617967838169307 51.66320119980768055, 4.85336361410580963 51.65493784424184298, 4.85079614006956472 51.64992646874009097, 4.85120885883900854 51.64889613129010826, 4.85006852012778555 51.6485586949672637, 4.8498568345046662 51.64711023464339945, 4.84550804769138121 51.64714951566278245, 4.84673935287266033 51.65104681957461707, 4.84623152512252808 51.65161977591897369, 4.84830841011276448 51.65555825741037665, 4.85160677876105506 51.66896700183983171, 4.85069274231371672 51.67152460932827296, 4.85069274231371672 51.67152460932827296)))</t>
  </si>
  <si>
    <t>MultiPolygon (((4.87419828597924099 51.62964975153513336, 4.88020867251031021 51.63494189337906448, 4.88076593393156255 51.6354195047268334, 4.89530134963996844 51.63268837350896234, 4.89165966111006245 51.62675436632663661, 4.87419828597924099 51.62964975153513336, 4.87419828597924099 51.62964975153513336)))</t>
  </si>
  <si>
    <t>MultiPolygon (((4.87419828597924099 51.62964975153513336, 4.89165966111006245 51.62675436632663661, 4.89470079856387308 51.62624872371198137, 4.89382767166141974 51.62452826538309125, 4.89438257776746433 51.62295173077069421, 4.89173684468281778 51.62096801678938363, 4.88102989218530325 51.61799821304897051, 4.87949086986638125 51.61926931954869957, 4.85679161137486393 51.61267877161434825, 4.860451599128365 51.61644646888328225, 4.86456576789431061 51.62065921961902148, 4.86753000492633259 51.62361211212949286, 4.87419828597924099 51.62964975153513336, 4.87419828597924099 51.62964975153513336)))</t>
  </si>
  <si>
    <t>MultiPolygon (((4.8245501930816399 51.65260479629606039, 4.82505844502530401 51.65359131831691286, 4.82962723063304367 51.65090717546941335, 4.83199622524477146 51.65125265625012929, 4.83321019842217936 51.64820892690899967, 4.82184998570018397 51.64709797840750127, 4.81545034252249415 51.64644351744880169, 4.81552664174082157 51.64809621221809266, 4.81736379644635804 51.64829447825993469, 4.82259432033338964 51.65252775874124325, 4.8245501930816399 51.65260479629606039, 4.8245501930816399 51.65260479629606039)))</t>
  </si>
  <si>
    <t>MultiPolygon (((4.82184998570018397 51.64709797840750127, 4.83321019842217936 51.64820892690899967, 4.83386943408897807 51.64548718655237991, 4.83478408263233295 51.64550131854132786, 4.83505462853009149 51.64087710515285323, 4.81653180977733708 51.64065425667664755, 4.81982402741166105 51.64333250736432035, 4.82191358783751056 51.64592313559580106, 4.82184998570018397 51.64709797840750127, 4.82184998570018397 51.64709797840750127)))</t>
  </si>
  <si>
    <t>MultiPolygon (((4.82663908502702732 51.65643445083124874, 4.82683988101918704 51.66030538390965177, 4.82970003505098244 51.66164734629062139, 4.83057955036331332 51.65752819401978968, 4.83263644752145805 51.6559745803201551, 4.84830841011276448 51.65555825741037665, 4.84623152512252808 51.65161977591897369, 4.84191675444426739 51.64925054589645725, 4.83321019842217936 51.64820892690899967, 4.83199622524477146 51.65125265625012929, 4.82663908502702732 51.65643445083124874, 4.82663908502702732 51.65643445083124874)))</t>
  </si>
  <si>
    <t>MultiPolygon (((4.83321019842217936 51.64820892690899967, 4.84191675444426739 51.64925054589645725, 4.84022783978519744 51.64750983071304091, 4.83931345137427726 51.64159629414361063, 4.83970343763490973 51.6399039634290844, 4.84193123000887926 51.63768359278044073, 4.84259460523494845 51.63730875089593297, 4.84131516732404599 51.63581840171394788, 4.83531570552058731 51.63860332767153949, 4.83505462853009149 51.64087710515285323, 4.83478408263233295 51.64550131854132786, 4.83386943408897807 51.64548718655237991, 4.83321019842217936 51.64820892690899967, 4.83321019842217936 51.64820892690899967)))</t>
  </si>
  <si>
    <t>MultiPolygon (((4.86463935750948906 51.66668196403362856, 4.87581717150367311 51.66409123116773117, 4.87644635304349361 51.66433961330038471, 4.87555855141793693 51.66665823946591019, 4.88016312336274805 51.6667740974200882, 4.88075493288398032 51.66253491061130632, 4.8725315815008301 51.66171510836005609, 4.86281846478680979 51.6624607962293112, 4.86463935750948906 51.66668196403362856, 4.86463935750948906 51.66668196403362856)))</t>
  </si>
  <si>
    <t>MultiPolygon (((4.85553789717559781 51.66927891369250858, 4.86463935750948906 51.66668196403362856, 4.86281846478680979 51.6624607962293112, 4.85617967838169307 51.66320119980768055, 4.85700497081645199 51.66642575181278829, 4.85553789717559781 51.66927891369250858, 4.85553789717559781 51.66927891369250858)))</t>
  </si>
  <si>
    <t>MultiPolygon (((4.8725315815008301 51.66171510836005609, 4.88075493288398032 51.66253491061130632, 4.88210539542756639 51.65345676527613961, 4.87110414468342245 51.65591162878070719, 4.87213425653581567 51.65886496979153009, 4.8725315815008301 51.66171510836005609, 4.8725315815008301 51.66171510836005609)))</t>
  </si>
  <si>
    <t>MultiPolygon (((4.85617967838169307 51.66320119980768055, 4.86281846478680979 51.6624607962293112, 4.8617420075218023 51.65986947593057721, 4.86117022066879301 51.65818212916902752, 4.86237855785964168 51.65761804764095899, 4.86245177419664376 51.65676310529117643, 4.86113878919695619 51.65352775999945578, 4.85336361410580963 51.65493784424184298, 4.85617967838169307 51.66320119980768055, 4.85617967838169307 51.66320119980768055)))</t>
  </si>
  <si>
    <t>MultiPolygon (((4.86281846478680979 51.6624607962293112, 4.8725315815008301 51.66171510836005609, 4.87213425653581567 51.65886496979153009, 4.8617420075218023 51.65986947593057721, 4.86281846478680979 51.6624607962293112, 4.86281846478680979 51.6624607962293112)))</t>
  </si>
  <si>
    <t>MultiPolygon (((4.8617420075218023 51.65986947593057721, 4.87213425653581567 51.65886496979153009, 4.87110414468342245 51.65591162878070719, 4.86245177419664376 51.65676310529117643, 4.86237855785964168 51.65761804764095899, 4.86117022066879301 51.65818212916902752, 4.8617420075218023 51.65986947593057721, 4.8617420075218023 51.65986947593057721)))</t>
  </si>
  <si>
    <t>MultiPolygon (((4.86245177419664376 51.65676310529117643, 4.87110414468342245 51.65591162878070719, 4.87002886848225636 51.65103512900086713, 4.86113878919695619 51.65352775999945578, 4.86245177419664376 51.65676310529117643, 4.86245177419664376 51.65676310529117643)))</t>
  </si>
  <si>
    <t>MultiPolygon (((4.87110414468342245 51.65591162878070719, 4.88210539542756639 51.65345676527613961, 4.88242894596258115 51.64958590018431295, 4.87854856908340384 51.64953866646418845, 4.87002886848225636 51.65103512900086713, 4.87110414468342245 51.65591162878070719, 4.87110414468342245 51.65591162878070719)))</t>
  </si>
  <si>
    <t>MultiPolygon (((4.85571656783760286 51.6329640020178573, 4.85907880981795337 51.63223683852142898, 4.85814436349494194 51.62937514206696221, 4.85611251101135455 51.62745939311515997, 4.85503765787370867 51.62611904557198272, 4.8493384678830278 51.62858909385726491, 4.84816592380622247 51.63004397698207271, 4.85462391237752744 51.63209058645199434, 4.85571656783760286 51.6329640020178573, 4.85571656783760286 51.6329640020178573)))</t>
  </si>
  <si>
    <t>MultiPolygon (((4.8453921437515115 51.6362209983048146, 4.85571656783760286 51.6329640020178573, 4.85462391237752744 51.63209058645199434, 4.84816592380622247 51.63004397698207271, 4.8493384678830278 51.62858909385726491, 4.84486937299735843 51.62592124785970071, 4.8460680898158266 51.62542253518516588, 4.8442746914650181 51.62381285722094049, 4.83686999488851299 51.62675235186306821, 4.8453921437515115 51.6362209983048146, 4.8453921437515115 51.6362209983048146)))</t>
  </si>
  <si>
    <t>MultiPolygon (((4.8493384678830278 51.62858909385726491, 4.85503765787370867 51.62611904557198272, 4.85382938122995267 51.62442304255704073, 4.85018415943860948 51.62123289683763971, 4.8442746914650181 51.62381285722094049, 4.8460680898158266 51.62542253518516588, 4.84486937299735843 51.62592124785970071, 4.8493384678830278 51.62858909385726491, 4.8493384678830278 51.62858909385726491)))</t>
  </si>
  <si>
    <t>MultiPolygon (((4.85018415943860948 51.62123289683763971, 4.85382938122995267 51.62442304255704073, 4.86183163280392439 51.62091633372870092, 4.86456576789431061 51.62065921961902148, 4.860451599128365 51.61644646888328225, 4.85018415943860948 51.62123289683763971, 4.85018415943860948 51.62123289683763971)))</t>
  </si>
  <si>
    <t>MultiPolygon (((4.85503765787370867 51.62611904557198272, 4.85611251101135455 51.62745939311515997, 4.86424509711992137 51.62386217977699943, 4.86511399756935248 51.62462245130253535, 4.86753000492633259 51.62361211212949286, 4.86456576789431061 51.62065921961902148, 4.86183163280392439 51.62091633372870092, 4.85382938122995267 51.62442304255704073, 4.85503765787370867 51.62611904557198272, 4.85503765787370867 51.62611904557198272)))</t>
  </si>
  <si>
    <t>MultiPolygon (((4.85907880981795337 51.63223683852142898, 4.8694712039410124 51.63044958775178372, 4.87419828597924099 51.62964975153513336, 4.86753000492633259 51.62361211212949286, 4.86511399756935248 51.62462245130253535, 4.86424509711992137 51.62386217977699943, 4.85611251101135455 51.62745939311515997, 4.85814436349494194 51.62937514206696221, 4.85907880981795337 51.63223683852142898, 4.85907880981795337 51.63223683852142898)))</t>
  </si>
  <si>
    <t>MultiPolygon (((4.87002886848225636 51.65103512900086713, 4.87854856908340384 51.64953866646418845, 4.87883297834095586 51.64846290692881325, 4.87717066635821794 51.64752389535787813, 4.86940437662536318 51.64559835703506252, 4.86861767965776249 51.64768305300844276, 4.87002886848225636 51.65103512900086713, 4.87002886848225636 51.65103512900086713)))</t>
  </si>
  <si>
    <t>MultiPolygon (((4.87854856908340384 51.64953866646418845, 4.88242894596258115 51.64958590018431295, 4.8827549234154537 51.63842758761323637, 4.87246989111776418 51.63928758458300194, 4.86903403583466243 51.6404220276852044, 4.86996556628918764 51.64230181622198756, 4.86940437662536318 51.64559835703506252, 4.87717066635821794 51.64752389535787813, 4.87883297834095586 51.64846290692881325, 4.87854856908340384 51.64953866646418845, 4.87854856908340384 51.64953866646418845)))</t>
  </si>
  <si>
    <t>MultiPolygon (((4.86113878919695619 51.65352775999945578, 4.87002886848225636 51.65103512900086713, 4.86861767965776249 51.64768305300844276, 4.86049338235737505 51.64765864667775475, 4.86113878919695619 51.65352775999945578, 4.86113878919695619 51.65352775999945578)))</t>
  </si>
  <si>
    <t>MultiPolygon (((4.85336361410580963 51.65493784424184298, 4.86113878919695619 51.65352775999945578, 4.86049338235737505 51.64765864667775475, 4.85237554541566496 51.64700312081110667, 4.85120885883900854 51.64889613129010826, 4.85079614006956472 51.64992646874009097, 4.85336361410580963 51.65493784424184298, 4.85336361410580963 51.65493784424184298)))</t>
  </si>
  <si>
    <t>MultiPolygon (((4.84191675444426739 51.64925054589645725, 4.84623152512252808 51.65161977591897369, 4.84673935287266033 51.65104681957461707, 4.84550804769138121 51.64714951566278245, 4.84454562073958162 51.64178838315373099, 4.84193123000887926 51.63768359278044073, 4.83970343763490973 51.6399039634290844, 4.83931345137427726 51.64159629414361063, 4.84022783978519744 51.64750983071304091, 4.84191675444426739 51.64925054589645725, 4.84191675444426739 51.64925054589645725)))</t>
  </si>
  <si>
    <t>MultiPolygon (((4.84550804769138121 51.64714951566278245, 4.8498568345046662 51.64711023464339945, 4.85006852012778555 51.6485586949672637, 4.85120885883900854 51.64889613129010826, 4.85237554541566496 51.64700312081110667, 4.85006863323137072 51.64114260245452925, 4.8453921437515115 51.6362209983048146, 4.84259460523494845 51.63730875089593297, 4.84193123000887926 51.63768359278044073, 4.84454562073958162 51.64178838315373099, 4.84550804769138121 51.64714951566278245, 4.84550804769138121 51.64714951566278245)))</t>
  </si>
  <si>
    <t>MultiPolygon (((4.85006863323137072 51.64114260245452925, 4.85799306021354038 51.64071597574441341, 4.8582979556062087 51.63753011953488681, 4.85957670928667262 51.63541223983868633, 4.85907880981795337 51.63223683852142898, 4.85571656783760286 51.6329640020178573, 4.8453921437515115 51.6362209983048146, 4.85006863323137072 51.64114260245452925, 4.85006863323137072 51.64114260245452925)))</t>
  </si>
  <si>
    <t>MultiPolygon (((4.85799306021354038 51.64071597574441341, 4.86488386664320238 51.64108124354833507, 4.86903403583466243 51.6404220276852044, 4.86799056939525254 51.63639691037906232, 4.8700678199784555 51.63283322694500299, 4.8694712039410124 51.63044958775178372, 4.85907880981795337 51.63223683852142898, 4.85957670928667262 51.63541223983868633, 4.8582979556062087 51.63753011953488681, 4.85799306021354038 51.64071597574441341, 4.85799306021354038 51.64071597574441341)))</t>
  </si>
  <si>
    <t>MultiPolygon (((4.86903403583466243 51.6404220276852044, 4.87246989111776418 51.63928758458300194, 4.8827549234154537 51.63842758761323637, 4.88020867251031021 51.63494189337906448, 4.87419828597924099 51.62964975153513336, 4.8694712039410124 51.63044958775178372, 4.8700678199784555 51.63283322694500299, 4.86799056939525254 51.63639691037906232, 4.86903403583466243 51.6404220276852044, 4.86903403583466243 51.6404220276852044)))</t>
  </si>
  <si>
    <t>MultiPolygon (((4.86049338235737505 51.64765864667775475, 4.86861767965776249 51.64768305300844276, 4.86940437662536318 51.64559835703506252, 4.86996556628918764 51.64230181622198756, 4.86903403583466243 51.6404220276852044, 4.86488386664320238 51.64108124354833507, 4.85799306021354038 51.64071597574441341, 4.85006863323137072 51.64114260245452925, 4.85237554541566496 51.64700312081110667, 4.86049338235737505 51.64765864667775475, 4.86049338235737505 51.64765864667775475)))</t>
  </si>
  <si>
    <t>MultiPolygon (((5.25124980346794512 51.50963084917251678, 5.26684745040128188 51.50132000717916725, 5.27305355438128398 51.49891895806293718, 5.27711662134267367 51.49813185356030232, 5.29872452413578632 51.48594641793874871, 5.31442832774548801 51.47377648943771078, 5.33381657964921629 51.46853656618218764, 5.33472803921564331 51.46587476493424873, 5.33262688457633516 51.46542220483998875, 5.33459900064919523 51.46293479384206648, 5.33159793787612646 51.46283189776735156, 5.33051226430868219 51.46384089385956884, 5.32804197571035587 51.46422636355653424, 5.32583997795572994 51.46379170635545108, 5.32589632110029942 51.46287659993258501, 5.32420471423365527 51.46272253456316292, 5.3204237618305914 51.46086814320236158, 5.31880390766787148 51.46148139390308529, 5.31507750052144257 51.46137201965945707, 5.31425177328074927 51.46078095214802062, 5.30309665213090664 51.4591492089554805, 5.3031782669865013 51.4585854893085255, 5.29806828728186741 51.45462579108483681, 5.29722982360117634 51.45313795488158348, 5.29449766627909302 51.45528347466702002, 5.28501831210569861 51.45411158365782001, 5.28224964861963198 51.45225002947605475, 5.27925339255477422 51.45021940983886566, 5.27102032853590963 51.44903281951683027, 5.26466276448107173 51.44892776828150716, 5.26579798053942039 51.45527085114778743, 5.26661532635163887 51.45571298486069622, 5.26589775107375679 51.45832963186441589, 5.26292430340598827 51.46013772501970607, 5.261266853658916 51.46217834505632283, 5.26274814012718295 51.46883154896240598, 5.25351976312224345 51.47484460623290659, 5.23928667037928442 51.48259984437589054, 5.23553685554981296 51.47985012446610398, 5.23232655824644688 51.48075461222213534, 5.22621152112167486 51.48071123418431938, 5.22312049980744408 51.4815738044418012, 5.22525612297156883 51.48837433371230787, 5.22615518198157236 51.4891108298089577, 5.2299669103119637 51.48972677283771304, 5.23060615070595869 51.4909386643158129, 5.22844394379777899 51.49870000601072206, 5.24711077022893324 51.49887857153089499, 5.24789206814851283 51.50633608428254462, 5.25096914082264643 51.50620901526956885, 5.25007628007481486 51.50800093675436386, 5.25124980346794512 51.50963084917251678, 5.25124980346794512 51.50963084917251678),(5.26311769990340395 51.4736714949355374, 5.26785390618991123 51.46846637246571987, 5.27411534028098838 51.47094111104635772, 5.27341267016892967 51.47505161851193378, 5.27254895469683493 51.47571256572884124, 5.26343582509080576 51.47528248861296163, 5.26311769990340395 51.4736714949355374, 5.26311769990340395 51.4736714949355374)))</t>
  </si>
  <si>
    <t>MultiPolygon (((5.27254895469683493 51.47571256572884124, 5.27341267016892967 51.47505161851193378, 5.27411534028098838 51.47094111104635772, 5.26785390618991123 51.46846637246571987, 5.26311769990340395 51.4736714949355374, 5.26343582509080576 51.47528248861296163, 5.27254895469683493 51.47571256572884124, 5.27254895469683493 51.47571256572884124)))</t>
  </si>
  <si>
    <t>MultiPolygon (((5.20973027154572588 51.46561307020940745, 5.22043496759545977 51.4728795196662503, 5.22312049980744408 51.4815738044418012, 5.22621152112167486 51.48071123418431938, 5.23232655824644688 51.48075461222213534, 5.23553685554981296 51.47985012446610398, 5.23928667037928442 51.48259984437589054, 5.25351976312224345 51.47484460623290659, 5.26274814012718295 51.46883154896240598, 5.261266853658916 51.46217834505632283, 5.26292430340598827 51.46013772501970607, 5.26589775107375679 51.45832963186441589, 5.26661532635163887 51.45571298486069622, 5.26579798053942039 51.45527085114778743, 5.26466276448107173 51.44892776828150716, 5.26044282346520475 51.44823537568327509, 5.25887427085316883 51.44712453187052859, 5.24902510425793967 51.44572070184373302, 5.24797986041680709 51.45029737167475758, 5.2447443268798839 51.45304653565497688, 5.24066067345548792 51.45285187881431455, 5.23581234328400491 51.44980471215396989, 5.22998004748167222 51.45403882360368897, 5.23592360218214203 51.46525471057493917, 5.23008802169037423 51.46615121357687173, 5.21472902817720652 51.46491158187527759, 5.20973027154572588 51.46561307020940745, 5.20973027154572588 51.46561307020940745),(5.25153414417389985 51.47120640203438313, 5.24872270627674187 51.47185478266315783, 5.24316709398312941 51.4700801068456073, 5.24188288960156079 51.46568390014661531, 5.240298590775474 51.46476507415243162, 5.25327403720659181 51.46241439859676348, 5.26029459796889576 51.46365059317127333, 5.25917238758801897 51.46909650318740148, 5.25547407614342443 51.46849183649099047, 5.25332957175467286 51.47053151267228088, 5.25153414417389985 51.47120640203438313, 5.25153414417389985 51.47120640203438313)))</t>
  </si>
  <si>
    <t>MultiPolygon (((5.23592360218214203 51.46525471057493917, 5.22998004748167222 51.45403882360368897, 5.23581234328400491 51.44980471215396989, 5.24066067345548792 51.45285187881431455, 5.2447443268798839 51.45304653565497688, 5.24797986041680709 51.45029737167475758, 5.24902510425793967 51.44572070184373302, 5.24839613069741251 51.4456310274727997, 5.24881996354659108 51.44308190791195301, 5.25248218361667174 51.43793921347285902, 5.23906244132714338 51.43366952318341845, 5.23916952615678255 51.43099051609137007, 5.23759773779332427 51.43071422296991813, 5.23770466693368508 51.42855889787025347, 5.23270004271349976 51.42685665651207216, 5.22928502606611811 51.42545207095521675, 5.22373839239872773 51.42509767097785556, 5.22314069836238115 51.42792126166266797, 5.21954310468824012 51.42891876840791809, 5.21748528318424487 51.43050388254551564, 5.2157713298213082 51.43417994903562374, 5.20993716646884053 51.43417123737579999, 5.20921770683166319 51.43650054347119749, 5.2066761027740398 51.43469553127163607, 5.19542029238092518 51.43078311309659512, 5.19102487879610663 51.43022499990370733, 5.20973027154572588 51.46561307020940745, 5.21472902817720652 51.46491158187527759, 5.23008802169037423 51.46615121357687173, 5.23592360218214203 51.46525471057493917)))</t>
  </si>
  <si>
    <t>MultiPolygon (((5.25153414417389985 51.47120640203438313, 5.25332957175467286 51.47053151267228088, 5.25547407614342443 51.46849183649099047, 5.25917238758801897 51.46909650318740148, 5.26029459796889576 51.46365059317127333, 5.25327403720659181 51.46241439859676348, 5.240298590775474 51.46476507415243162, 5.24188288960156079 51.46568390014661531, 5.24316709398312941 51.4700801068456073, 5.24872270627674187 51.47185478266315783, 5.25153414417389985 51.47120640203438313, 5.25153414417389985 51.47120640203438313)))</t>
  </si>
  <si>
    <t>MultiPolygon (((5.29937049929644655 51.54600333696613745, 5.29862767157175263 51.54470055276681251, 5.29457398293279535 51.54111882257753052, 5.29464837557317924 51.53078561871209473, 5.29557783053492237 51.52869846148867339, 5.29330797907881401 51.52735820011632484, 5.29165205105587688 51.51785306771093786, 5.28964393423744106 51.51033438216248328, 5.29148712311677105 51.49971301630004206, 5.27305355438128398 51.49891895806293718, 5.26684745040128188 51.50132000717916725, 5.25124980346794512 51.50963084917251678, 5.23594257983327793 51.51390959388702839, 5.23236316814022207 51.50891978705174523, 5.22653415619834316 51.50747366542572792, 5.22443478957991303 51.51714845112589103, 5.23084374524310203 51.52093733495674144, 5.2347913306669378 51.53099436812733813, 5.24400681997330498 51.52575063054581506, 5.24949545953654084 51.53163563455161267, 5.25333065650102071 51.54033268177402505, 5.26130500451229821 51.54068763316150381, 5.26336860481867408 51.54423020142186829, 5.26797121859538908 51.54322547938806309, 5.26986212450112568 51.54620915814135884, 5.27688447784348025 51.54486318437557912, 5.27748736381025019 51.54873672074838709, 5.27193264415992502 51.54980699471033034, 5.27327094823710585 51.55282079385564487, 5.29899375141188056 51.54784879878980064, 5.29937049929644655 51.54600333696613745),(5.26871417768072892 51.51616553285737865, 5.27439670753270828 51.51599868291197737, 5.27526641177817535 51.51796185003631479, 5.27238295462164519 51.51991211651991165, 5.26670576720723371 51.52059403722435604, 5.26573983009753466 51.51921243855908017, 5.26871417768072892 51.51616553285737865)))</t>
  </si>
  <si>
    <t>MultiPolygon (((5.27238295462164519 51.51991211651991165, 5.27526641177817535 51.51796185003631479, 5.27439670753270828 51.51599868291197737, 5.26871417768072892 51.51616553285737865, 5.26573983009753466 51.51921243855908017, 5.26670576720723371 51.52059403722435604, 5.27238295462164519 51.51991211651991165)))</t>
  </si>
  <si>
    <t>MultiPolygon (((5.33313588565885244 51.55110836403132168, 5.33719339838201456 51.54640272313733362, 5.34393194437587127 51.54447086559004987, 5.35084624603812298 51.54423572368163775, 5.35691077941695148 51.54471657359209757, 5.36859591966133376 51.53148999974290945, 5.36562247855760344 51.52998049203520736, 5.35545923037664817 51.52890283319234044, 5.35373188623056873 51.52608388109101156, 5.35357037820750037 51.52380261114717541, 5.34622908442755751 51.52817068431276226, 5.339482416601113 51.52649540651243143, 5.3184591494311535 51.51914209056464955, 5.31249047440838851 51.51533539924855631, 5.31520146512051994 51.51285426945315749, 5.31209100027238357 51.5121458629444362, 5.31091967231835582 51.50971536560182074, 5.3027109999151536 51.5125133392707184, 5.30201552707042101 51.51609845714944669, 5.29165205105587688 51.51785306771093786, 5.29330797907881401 51.52735820011632484, 5.29557783053492237 51.52869846148867339, 5.29464837557317924 51.53078561871209473, 5.29457398293279535 51.54111882257753052, 5.29862767157175263 51.54470055276681251, 5.29937049929644655 51.54600333696613745, 5.29899375141188056 51.54784879878980064, 5.30839562618972316 51.54597983203577627, 5.32494313542193787 51.55120837066106532, 5.33313588565885244 51.55110836403132168)))</t>
  </si>
  <si>
    <t>MultiPolygon (((5.37501764267528337 51.48904925286448986, 5.38601449449835368 51.48670346159600086, 5.38973676568758719 51.48751683561006587, 5.3900340375815281 51.48581365028766044, 5.39101656215702807 51.48555482874211719, 5.39104163948523141 51.4850373064086142, 5.39051850848497782 51.48515425651837063, 5.39118688815016434 51.47175640408737962, 5.39082615771799567 51.4713343116887998, 5.39068573128642914 51.47063815988404656, 5.38957610844644464 51.47059912458557562, 5.38711439922892055 51.46927157223862537, 5.38753809968486674 51.46820582181015169, 5.38467770239240284 51.46766003457116767, 5.37915075685256383 51.4638423435224226, 5.36944654951216638 51.4653166023297004, 5.35838913752898627 51.46701532722347139, 5.35600228054844862 51.46231472516718242, 5.33381657964921629 51.46853656618218764, 5.31442832774548801 51.47377648943771078, 5.29872452413578632 51.48594641793874871, 5.27711662134267367 51.49813185356030232, 5.27305355438128398 51.49891895806293718, 5.29148712311677105 51.49971301630004206, 5.29591655259815042 51.49990981277040447, 5.31583650065171121 51.50102926154324479, 5.32306483150334575 51.50110086018118949, 5.33665923173686529 51.49942748387480407, 5.35557448710258033 51.49693450004745898, 5.35588744161080221 51.49610683603766148, 5.36461054804645876 51.49144656253061925, 5.37501764267528337 51.48904925286448986)))</t>
  </si>
  <si>
    <t>MultiPolygon (((5.35557448710258033 51.49693450004745898, 5.33665923173686529 51.49942748387480407, 5.33670346091753167 51.50500860517725243, 5.33584599626905742 51.51562465307471683, 5.34367335324112513 51.51695448674263389, 5.34948632246824118 51.51716841534381786, 5.35089263489850264 51.51212749992139805, 5.3507513518051999 51.50755310421368449, 5.35131772885861512 51.50605383049565944, 5.35260669143320644 51.50599216908945976, 5.35332620421238037 51.50179639292132094, 5.35518151353710437 51.49915912545520058, 5.35557448710258033 51.49693450004745898)))</t>
  </si>
  <si>
    <t>MultiPolygon (((5.35390217862897089 51.52118687275990538, 5.35150697166915013 51.51800704391920505, 5.34948632246824118 51.51716841534381786, 5.34367335324112513 51.51695448674263389, 5.33584599626905742 51.51562465307471683, 5.33670346091753167 51.50500860517725243, 5.3291301089005394 51.5051534068799981, 5.32848905974413611 51.5075064249490282, 5.32610471219826476 51.50887484961381091, 5.32402665637782224 51.51162876364622889, 5.321306042271714 51.51227556936110119, 5.31840189223461568 51.51129048634089713, 5.31744413068630717 51.51308034321353091, 5.31520146512051994 51.51285426945315749, 5.31249047440838851 51.51533539924855631, 5.3184591494311535 51.51914209056464955, 5.339482416601113 51.52649540651243143, 5.34622908442755751 51.52817068431276226, 5.35357037820750037 51.52380261114717541, 5.35390217862897089 51.52118687275990538)))</t>
  </si>
  <si>
    <t>MultiPolygon (((5.3291301089005394 51.5051534068799981, 5.33670346091753167 51.50500860517725243, 5.33665923173686529 51.49942748387480407, 5.32306483150334575 51.50110086018118949, 5.31583650065171121 51.50102926154324479, 5.3159368096492603 51.50135122840671897, 5.32415561477437294 51.50480308708453236, 5.3291301089005394 51.5051534068799981, 5.3291301089005394 51.5051534068799981)))</t>
  </si>
  <si>
    <t>MultiPolygon (((5.31091967231835582 51.50971536560182074, 5.31209100027238357 51.5121458629444362, 5.31520146512051994 51.51285426945315749, 5.31744413068630717 51.51308034321353091, 5.31840189223461568 51.51129048634089713, 5.321306042271714 51.51227556936110119, 5.32402665637782224 51.51162876364622889, 5.32610471219826476 51.50887484961381091, 5.32848905974413611 51.5075064249490282, 5.3291301089005394 51.5051534068799981, 5.32415561477437294 51.50480308708453236, 5.3159368096492603 51.50135122840671897, 5.3145218096367195 51.50487896157848411, 5.31500817038810336 51.50812837501010932, 5.31091967231835582 51.50971536560182074, 5.31091967231835582 51.50971536560182074)))</t>
  </si>
  <si>
    <t>MultiPolygon (((5.29165205105587688 51.51785306771093786, 5.30201552707042101 51.51609845714944669, 5.3027109999151536 51.5125133392707184, 5.30287201982361101 51.5116012814404769, 5.29753494743358377 51.51109396571321497, 5.30083737676687239 51.50781137868369797, 5.29928386557091979 51.50432413027922252, 5.29591655259815042 51.49990981277040447, 5.29148712311677105 51.49971301630004206, 5.28964393423744106 51.51033438216248328, 5.29165205105587688 51.51785306771093786, 5.29165205105587688 51.51785306771093786)))</t>
  </si>
  <si>
    <t>MultiPolygon (((5.3027109999151536 51.5125133392707184, 5.31091967231835582 51.50971536560182074, 5.31500817038810336 51.50812837501010932, 5.3145218096367195 51.50487896157848411, 5.3159368096492603 51.50135122840671897, 5.31583650065171121 51.50102926154324479, 5.29591655259815042 51.49990981277040447, 5.29928386557091979 51.50432413027922252, 5.30083737676687239 51.50781137868369797, 5.29753494743358377 51.51109396571321497, 5.30287201982361101 51.5116012814404769, 5.3027109999151536 51.5125133392707184, 5.3027109999151536 51.5125133392707184)))</t>
  </si>
  <si>
    <t>MultiPolygon (((5.53654587304714418 51.49116941776593848, 5.54117810212538586 51.4882024744216551, 5.53743413565957265 51.48369223941733708, 5.53586983193534277 51.47776622064173324, 5.53349304049063839 51.47766417102116066, 5.52499225856555043 51.47837030566378047, 5.52583727400039315 51.47645106702158557, 5.52004823276799694 51.47310756342275795, 5.516810226225771 51.47279211081652761, 5.51561910445962766 51.47403133649862639, 5.50809000372401059 51.47446186049209871, 5.50835032806386149 51.47555480143525131, 5.5087516502296765 51.47705983195233159, 5.50794242864228156 51.47856703792908206, 5.50956098924931048 51.47923634486112832, 5.50602018799030191 51.48230045955268253, 5.50552538478935638 51.48356456871855613, 5.5065973754912676 51.48375745098395129, 5.50814835800586344 51.48542457142828965, 5.50841459592142701 51.48768431115051669, 5.51057392262117851 51.48735403211576767, 5.51245642952646087 51.48956182136080173, 5.53113001951965266 51.48872766217931485, 5.53510023145144547 51.48981565887321921, 5.53654587304714418 51.49116941776593848, 5.53654587304714418 51.49116941776593848)),((5.53161939479162079 51.50556075286423408, 5.53279435347708581 51.50521215420944543, 5.53477345783208641 51.50447038760572127, 5.53858053681564044 51.4993877647113294, 5.53523136386137793 51.49871707033574353, 5.53394506744178205 51.49639147841904219, 5.53392193157194878 51.49277975231945703, 5.53011624191882856 51.49285723050110164, 5.51973951170715615 51.49711774804735143, 5.51557460807008937 51.49753672835566931, 5.51338725509644867 51.49548154427837687, 5.51332580377440618 51.49625140159970016, 5.51142414211405285 51.49692216264556777, 5.51024040160334128 51.49728703557382659, 5.50979228657817455 51.4985875494777261, 5.51493950901846564 51.49998161594142942, 5.5185991747261598 51.50199579832756314, 5.52398298612036953 51.50194623819970019, 5.52611653559459004 51.50144634755612572, 5.52597399096322572 51.50229274470639496, 5.52783444138937874 51.50231902827897557, 5.53161939479162079 51.50556075286423408, 5.53161939479162079 51.50556075286423408)))</t>
  </si>
  <si>
    <t>MultiPolygon (((5.53510023145144547 51.48981565887321921, 5.53113001951965266 51.48872766217931485, 5.51245642952646087 51.48956182136080173, 5.51249176945551955 51.49102840114203872, 5.51555606273828669 51.49334165120224327, 5.51338725509644867 51.49548154427837687, 5.51557460807008937 51.49753672835566931, 5.51973951170715615 51.49711774804735143, 5.53011624191882856 51.49285723050110164, 5.53392193157194878 51.49277975231945703, 5.53654587304714418 51.49116941776593848, 5.53510023145144547 51.48981565887321921, 5.53510023145144547 51.48981565887321921)))</t>
  </si>
  <si>
    <t>MultiPolygon (((5.54791438368761192 51.53807588392162131, 5.55438093296231372 51.51898814219001821, 5.55765244339943632 51.50936972429676786, 5.56655170208552441 51.50167244998326765, 5.57672985105789909 51.49945316655242067, 5.57015603850540764 51.496936265394055, 5.58044565155992256 51.48533211657090902, 5.5747135541753341 51.4864545222636778, 5.56914766365037384 51.49040037330831865, 5.567672214082525 51.49271359440820817, 5.56551170350205293 51.49399246490575166, 5.5589128699708148 51.4945498306338223, 5.55015727480762422 51.49279611967928361, 5.54898761649402594 51.49148708896494497, 5.54960293706828889 51.49003625040388243, 5.54728903590417399 51.48920097630448822, 5.54369271365125815 51.48968394174853103, 5.54117810212538586 51.4882024744216551, 5.53654587304714418 51.49116941776593848, 5.53392193157194878 51.49277975231945703, 5.53394506744178205 51.49639147841904219, 5.53523136386137793 51.49871707033574353, 5.53858053681564044 51.4993877647113294, 5.53477345783208641 51.50447038760572127, 5.53279435347708581 51.50521215420944543, 5.53867577181735893 51.50759594775417582, 5.54227233993215407 51.51062703924599617, 5.54627278467589413 51.51269567567126018, 5.54436349764430414 51.51568439900980678, 5.54175801126019252 51.51807459797973365, 5.54067477233181371 51.52066492726378755, 5.545634244710409 51.51994971497042286, 5.54403011040468652 51.52175801456980508, 5.54474784970535506 51.52353737357200458, 5.5431619139352124 51.52363008617768969, 5.54019494023413284 51.52601177468753235, 5.53681155115226353 51.52600619336202925, 5.53673341939977526 51.5250519700224956, 5.53086359173425723 51.52504867531974497, 5.54743734407268185 51.53773203260991664, 5.54791438368761192 51.53807588392162131, 5.54791438368761192 51.53807588392162131)))</t>
  </si>
  <si>
    <t>MultiPolygon (((5.54117810212538586 51.4882024744216551, 5.54369271365125815 51.48968394174853103, 5.54728903590417399 51.48920097630448822, 5.54960293706828889 51.49003625040388243, 5.54898761649402594 51.49148708896494497, 5.55015727480762422 51.49279611967928361, 5.5589128699708148 51.4945498306338223, 5.56551170350205293 51.49399246490575166, 5.567672214082525 51.49271359440820817, 5.56914766365037384 51.49040037330831865, 5.5747135541753341 51.4864545222636778, 5.58044565155992256 51.48533211657090902, 5.58578426916361082 51.47931204682660677, 5.58336534424096786 51.4784979568656027, 5.57654301063602809 51.47794126024874828, 5.57266246735712656 51.47776294749979797, 5.56948788144675078 51.47829378918761734, 5.56491248374723124 51.47924550470430205, 5.56465518439469875 51.48080543089479733, 5.56067752342331634 51.48116394027923803, 5.54994452709983843 51.48126031014280812, 5.54117810212538586 51.4882024744216551, 5.54117810212538586 51.4882024744216551)))</t>
  </si>
  <si>
    <t>MultiPolygon (((5.57654301063602809 51.47794126024874828, 5.58336534424096786 51.4784979568656027, 5.58578426916361082 51.47931204682660677, 5.59610731021017216 51.47489922924971495, 5.60353423539278417 51.47258967907819027, 5.60520217706192714 51.47098563635621105, 5.59283899762560477 51.46712443389650815, 5.58297365083812647 51.46554855577629439, 5.58465154928126406 51.46414425595919795, 5.58780783347926313 51.46347118912706975, 5.5847084536899283 51.46050901813075029, 5.5790007197568352 51.45507906066167436, 5.5612537524507033 51.45229678390215611, 5.5591221359696652 51.46040689781106892, 5.55897336625926197 51.46405736360748762, 5.56204525008792228 51.46318173858284695, 5.57547340478633302 51.4729666360968281, 5.57858023311290552 51.47589244953046972, 5.57654301063602809 51.47794126024874828, 5.57654301063602809 51.47794126024874828)))</t>
  </si>
  <si>
    <t>MultiPolygon (((5.53349304049063839 51.47766417102116066, 5.53252316025947177 51.47187920928929827, 5.53501773464571567 51.46846037810597352, 5.53134184784847793 51.46791217764814519, 5.53207043714224334 51.46396524784479709, 5.53461537367295797 51.46198735681530678, 5.54240993260321169 51.46188566734402769, 5.54343878410155355 51.45684332935478977, 5.53158607961622195 51.45554067565611689, 5.53169258436399502 51.45561923956079653, 5.53252952902259043 51.45720547388810928, 5.53100452966294309 51.45724546832779112, 5.52984010827134309 51.45869858853616563, 5.52491842666477329 51.45949421675388891, 5.52187138030594049 51.4610949209413846, 5.52106890024584462 51.46101639448517773, 5.52095458332027178 51.46155183723232085, 5.51827188874090524 51.46262847408759455, 5.51811392848757709 51.46295231574775642, 5.51898570570234792 51.46290991352117317, 5.5175823066253491 51.46434754909904541, 5.5169303772813949 51.46424073605896865, 5.51589371125324401 51.46513035253575197, 5.51493797011239728 51.4649756481841365, 5.51438978201636232 51.46555665783860434, 5.51411946272605746 51.46652217121076234, 5.51286620392303117 51.46660048115239761, 5.51158165284842028 51.46749730218453323, 5.50904166187586064 51.46942619282852149, 5.51011006618876742 51.46987410897177284, 5.50809649998136752 51.47116973796765649, 5.50809000372401059 51.47446186049209871, 5.51561910445962766 51.47403133649862639, 5.516810226225771 51.47279211081652761, 5.52004823276799694 51.47310756342275795, 5.52583727400039315 51.47645106702158557, 5.52499225856555043 51.47837030566378047, 5.53349304049063839 51.47766417102116066, 5.53349304049063839 51.47766417102116066)))</t>
  </si>
  <si>
    <t>MultiPolygon (((5.5591221359696652 51.46040689781106892, 5.5612537524507033 51.45229678390215611, 5.5790007197568352 51.45507906066167436, 5.57117304132001667 51.44773157492472393, 5.56612656909282677 51.44156599551590148, 5.54867897115238673 51.43467727449301208, 5.54670466736141687 51.4339117118927831, 5.54588678347777719 51.43657916264174901, 5.54438408710560626 51.43721482110982635, 5.5435642414690669 51.43871059064045426, 5.54392521702743934 51.43960299734951747, 5.54262624703810758 51.43997941259737416, 5.5426591121384563 51.43923843999889556, 5.5412586684324463 51.43971970257641857, 5.54071053777721279 51.44051423507567478, 5.5413182165601782 51.4404643008432032, 5.5414054099751322 51.44104305710615677, 5.53851189586795201 51.44353596151136543, 5.53940854770316005 51.44456654238904036, 5.53852215632340172 51.44561391686313101, 5.54015123441062318 51.44797505962883122, 5.53907906566120012 51.44844590478615487, 5.53882625489407499 51.44944283726129441, 5.53447106552999291 51.45156654106046545, 5.53158607961622195 51.45554067565611689, 5.54343878410155355 51.45684332935478977, 5.5591221359696652 51.46040689781106892, 5.5591221359696652 51.46040689781106892)))</t>
  </si>
  <si>
    <t>MultiPolygon (((5.56067752342331634 51.48116394027923803, 5.56465518439469875 51.48080543089479733, 5.56491248374723124 51.47924550470430205, 5.56948788144675078 51.47829378918761734, 5.57266246735712656 51.47776294749979797, 5.57654301063602809 51.47794126024874828, 5.57858023311290552 51.47589244953046972, 5.57547340478633302 51.4729666360968281, 5.56204525008792228 51.46318173858284695, 5.55897336625926197 51.46405736360748762, 5.55835029129525271 51.46860351005813072, 5.55526955912361942 51.47063049460205519, 5.55524787391141928 51.47173627662360218, 5.55855270924752887 51.47470267036881353, 5.56067752342331634 51.48116394027923803, 5.56067752342331634 51.48116394027923803)))</t>
  </si>
  <si>
    <t>MultiPolygon (((5.53501773464571567 51.46846037810597352, 5.54600950781540369 51.47036613007812633, 5.55526955912361942 51.47063049460205519, 5.55835029129525271 51.46860351005813072, 5.55897336625926197 51.46405736360748762, 5.5591221359696652 51.46040689781106892, 5.54343878410155355 51.45684332935478977, 5.54240993260321169 51.46188566734402769, 5.53461537367295797 51.46198735681530678, 5.53207043714224334 51.46396524784479709, 5.53134184784847793 51.46791217764814519, 5.53501773464571567 51.46846037810597352, 5.53501773464571567 51.46846037810597352)))</t>
  </si>
  <si>
    <t>MultiPolygon (((5.54117810212538586 51.4882024744216551, 5.54994452709983843 51.48126031014280812, 5.56067752342331634 51.48116394027923803, 5.55855270924752887 51.47470267036881353, 5.55524787391141928 51.47173627662360218, 5.55526955912361942 51.47063049460205519, 5.54600950781540369 51.47036613007812633, 5.53501773464571567 51.46846037810597352, 5.53252316025947177 51.47187920928929827, 5.53349304049063839 51.47766417102116066, 5.53586983193534277 51.47776622064173324, 5.53743413565957265 51.48369223941733708, 5.54117810212538586 51.4882024744216551, 5.54117810212538586 51.4882024744216551)))</t>
  </si>
  <si>
    <t>MultiPolygon (((5.70933708122522265 51.72540436079621173, 5.71008755144660274 51.72605712943907719, 5.71313906613605482 51.72641507561007757, 5.7147449520057183 51.72565421377723283, 5.71601853156944539 51.7258282733785606, 5.71573042316869007 51.72518727708000341, 5.71717599942556642 51.72450230251998704, 5.72152439521726475 51.72304588180679019, 5.7219946699342481 51.72329736764723407, 5.72888598545851124 51.72008100703867939, 5.73192745598063436 51.7215775829058515, 5.73298028429140061 51.72313903214487141, 5.74347376768276607 51.72130707637258951, 5.74505722766404148 51.71960762094167308, 5.74817190311598658 51.7179787216559248, 5.75187873170903252 51.72105508033098431, 5.75231467223830872 51.72261211949367521, 5.75621321731520474 51.72192761132639305, 5.75945384778877045 51.72222900634289289, 5.76326246125000363 51.71770837212199723, 5.76426679091345751 51.71429858894875764, 5.75935284258135916 51.71053181764917639, 5.75316461736496088 51.70736375599430801, 5.75095293008023312 51.7081473310217703, 5.74511483006335677 51.70384519004760904, 5.74447601142372832 51.70184100327170995, 5.75316530837767814 51.69775433558518074, 5.75341622174180323 51.69465567751632307, 5.75125277908733867 51.69138749467313687, 5.748605567760527 51.68991676348282738, 5.74628265735231381 51.69009209758917223, 5.74549455983072299 51.68944143911403444, 5.74427866282473332 51.68510627279250258, 5.74476797713557819 51.68054254700998484, 5.74358116026708299 51.6803672403482679, 5.74496382759615898 51.67625607733132398, 5.73527551088845922 51.67460275846978845, 5.73435911822362865 51.67762198297378262, 5.71381478406446774 51.69782167820299179, 5.70710650361930494 51.70442258212921161, 5.69996020317578456 51.71145157486125044, 5.70382514057350321 51.71959909462709248, 5.70579821297430545 51.72250998881950323, 5.70764891179826694 51.72337345522708318, 5.70933708122522265 51.72540436079621173, 5.70933708122522265 51.72540436079621173),(5.72207852539422301 51.71155950673564661, 5.7188910481797306 51.71137701326327374, 5.71700727228202688 51.71059050009483116, 5.71574787818425367 51.7085160020902066, 5.71624463474681033 51.70502059292515185, 5.71974855000796989 51.70265035635709694, 5.73504610055454656 51.69544932988630137, 5.73968943309346447 51.69811037820581845, 5.7353052805236473 51.70075630234793351, 5.73451764951080367 51.70629558952544613, 5.72842524414644938 51.70763650473844564, 5.72207852539422301 51.71155950673564661, 5.72207852539422301 51.71155950673564661)))</t>
  </si>
  <si>
    <t>MultiPolygon (((5.72207852539422301 51.71155950673564661, 5.72842524414644938 51.70763650473844564, 5.73451764951080367 51.70629558952544613, 5.7353052805236473 51.70075630234793351, 5.73968943309346447 51.69811037820581845, 5.73504610055454656 51.69544932988630137, 5.71974855000796989 51.70265035635709694, 5.71624463474681033 51.70502059292515185, 5.71574787818425367 51.7085160020902066, 5.71700727228202688 51.71059050009483116, 5.7188910481797306 51.71137701326327374, 5.72207852539422301 51.71155950673564661, 5.72207852539422301 51.71155950673564661)))</t>
  </si>
  <si>
    <t>MultiPolygon (((5.77040439524088722 51.67183085810418675, 5.78279328584775865 51.67276858533627859, 5.7847228806820592 51.66412715858336213, 5.79023296048599967 51.66456344787622612, 5.78701296563093148 51.65518088988756773, 5.7950086914756076 51.65609115918149996, 5.79035028014312836 51.64993762766056307, 5.77857986592958817 51.6450018232767647, 5.74767610171189869 51.63266798026980808, 5.74254633233794909 51.65006172638680937, 5.73906130687062443 51.66184429192619376, 5.77040439524088722 51.67183085810418675, 5.77040439524088722 51.67183085810418675),(5.77351943792110767 51.65983450761660833, 5.77188167989859924 51.66048708335994633, 5.76984329358582837 51.65950577400653998, 5.77114979552183627 51.65270745978258304, 5.77773863125634524 51.6448281540488594, 5.77958924323943091 51.64554859667990883, 5.77984134473654976 51.64671873447941408, 5.77982265373802928 51.65539281325386867, 5.77715884174349359 51.65838331401297978, 5.77351943792110767 51.65983450761660833, 5.77351943792110767 51.65983450761660833)))</t>
  </si>
  <si>
    <t>MultiPolygon (((5.77351943792110767 51.65983450761660833, 5.77715884174349359 51.65838331401297978, 5.77982265373802928 51.65539281325386867, 5.77984134473654976 51.64671873447941408, 5.77958924323943091 51.64554859667990883, 5.77773863125634524 51.6448281540488594, 5.77114979552183627 51.65270745978258304, 5.76984329358582837 51.65950577400653998, 5.77188167989859924 51.66048708335994633, 5.77351943792110767 51.65983450761660833, 5.77351943792110767 51.65983450761660833)))</t>
  </si>
  <si>
    <t>MultiPolygon (((5.83010707801868211 51.6918582530772639, 5.84280501575530575 51.67997029813231791, 5.83059453004254369 51.67366781847579205, 5.82997237122172596 51.67397212874208634, 5.82418053656277745 51.66904444969926402, 5.82574374464372013 51.66849999291076045, 5.8231170322533039 51.66704208146996535, 5.82132214817444549 51.66783438655381389, 5.81885559882815251 51.66722165096621211, 5.81437426840172211 51.66504759903573785, 5.81264547791673269 51.66603589156616039, 5.8104263405420058 51.66531456613626005, 5.80907226143380218 51.66281271824104238, 5.80695457647439284 51.66116639187066539, 5.80090036214504057 51.6609627415003132, 5.79865741093934339 51.66089785421374359, 5.7950086914756076 51.65609115918149996, 5.78701296563093148 51.65518088988756773, 5.79023296048599967 51.66456344787622612, 5.7847228806820592 51.66412715858336213, 5.78279328584775865 51.67276858533627859, 5.79932418120166471 51.67383719650409546, 5.79587806793982185 51.67774705092565313, 5.79783787442137388 51.67699990236479124, 5.79760064245571094 51.6762552646142197, 5.80013393817287959 51.67946800437068333, 5.79830987608145954 51.68046513132429709, 5.79708262473633518 51.67980629258789094, 5.79637068150651391 51.68069398011987658, 5.8015824397975404 51.6840935966242867, 5.80867887409553152 51.68443966761535791, 5.80693884390159099 51.68898280799560752, 5.81534842239521232 51.69266997741559777, 5.83010707801868211 51.6918582530772639, 5.83010707801868211 51.6918582530772639),(5.81233917998171457 51.67798558451759305, 5.80910768677828759 51.68080841377663859, 5.80208816195202992 51.68003486106280775, 5.80029885268541445 51.67897098367181741, 5.80261808739202412 51.67537576019373091, 5.80794968951166002 51.67388567210060302, 5.81056851562208454 51.67635399420411346, 5.81450498658730996 51.67550206094387022, 5.81549512142726854 51.67590939032600517, 5.81557930257780331 51.67680738265177354, 5.81401180794048855 51.67790202581078063, 5.81233917998171457 51.67798558451759305, 5.81233917998171457 51.67798558451759305)))</t>
  </si>
  <si>
    <t>MultiPolygon (((5.81233917998171457 51.67798558451759305, 5.81401180794048855 51.67790202581078063, 5.81557930257780331 51.67680738265177354, 5.81549512142726854 51.67590939032600517, 5.81450498658730996 51.67550206094387022, 5.81056851562208454 51.67635399420411346, 5.80794968951166002 51.67388567210060302, 5.80261808739202412 51.67537576019373091, 5.80029885268541445 51.67897098367181741, 5.80208816195202992 51.68003486106280775, 5.80910768677828759 51.68080841377663859, 5.81233917998171457 51.67798558451759305, 5.81233917998171457 51.67798558451759305)))</t>
  </si>
  <si>
    <t>MultiPolygon (((5.76426679091345751 51.71429858894875764, 5.766813105069029 51.70868304776055879, 5.77255339624887309 51.70357030933910636, 5.76983349140298607 51.70207898041669381, 5.77491670644885424 51.69909771477848182, 5.77480030282575729 51.69780543005776252, 5.77644376963297201 51.69540676891910636, 5.77507293136183097 51.69567263118192102, 5.77128249904914092 51.69770060309911486, 5.76350319934118271 51.69596101774764207, 5.76155365012740184 51.69382517939077815, 5.7683987976945712 51.69134523860650887, 5.76484045610800688 51.68808777678023603, 5.75983846474640693 51.68854368516234388, 5.7583692833327369 51.68637396075462931, 5.76462345706235268 51.68592800147908406, 5.7767122521893004 51.68624553878759542, 5.77761918764505733 51.68482737483146394, 5.77563236805991664 51.6833983396600587, 5.77711963880049417 51.68249706410139055, 5.77683931559247643 51.68196709469837913, 5.77683296071202346 51.68195905398786039, 5.74496382759615898 51.67625607733132398, 5.74358116026708299 51.6803672403482679, 5.74476797713557819 51.68054254700998484, 5.74427866282473332 51.68510627279250258, 5.74549455983072299 51.68944143911403444, 5.74628265735231381 51.69009209758917223, 5.748605567760527 51.68991676348282738, 5.75125277908733867 51.69138749467313687, 5.75341622174180323 51.69465567751632307, 5.75316530837767814 51.69775433558518074, 5.74447601142372832 51.70184100327170995, 5.74511483006335677 51.70384519004760904, 5.75095293008023312 51.7081473310217703, 5.75316461736496088 51.70736375599430801, 5.75935284258135916 51.71053181764917639, 5.76426679091345751 51.71429858894875764, 5.76426679091345751 51.71429858894875764)))</t>
  </si>
  <si>
    <t>MultiPolygon (((5.75945384778877045 51.72222900634289289, 5.76297948358527012 51.72272805083623126, 5.76543331548053306 51.72212182272821934, 5.76616933509821639 51.72317946545160083, 5.76794049906228423 51.72343007153381933, 5.77076690115371171 51.72287796755692568, 5.78240621708119207 51.71978148853144575, 5.78487566075174708 51.71830317606249139, 5.78732939851805916 51.7200174397108654, 5.79243996164752062 51.72055883911237828, 5.79321948946543053 51.71005509321225446, 5.7884301558321436 51.70886443699878754, 5.80290803299567148 51.70524036992284778, 5.79955492340705447 51.70372818610924526, 5.80533859590957579 51.70051128835464738, 5.81580084142545495 51.70110718776388836, 5.82256388197783181 51.69950161753273932, 5.83010707801868211 51.6918582530772639, 5.81534842239521232 51.69266997741559777, 5.80693884390159099 51.68898280799560752, 5.80867887409553152 51.68443966761535791, 5.8015824397975404 51.6840935966242867, 5.79637068150651391 51.68069398011987658, 5.79708262473633518 51.67980629258789094, 5.79830987608145954 51.68046513132429709, 5.80013393817287959 51.67946800437068333, 5.79760064245571094 51.6762552646142197, 5.79783787442137388 51.67699990236479124, 5.79587806793982185 51.67774705092565313, 5.79144728943769493 51.68025171794601391, 5.78849948553780624 51.68308372019453145, 5.7917848860888439 51.6839721125691085, 5.79156278368003274 51.68743404927846541, 5.79065928244519057 51.68851017992388108, 5.78187936477910203 51.69245999102881939, 5.78042886129182243 51.6920862158614014, 5.77901524216417073 51.69345693974558031, 5.77644376963297201 51.69540676891910636, 5.77480030282575729 51.69780543005776252, 5.77491670644885424 51.69909771477848182, 5.76983349140298607 51.70207898041669381, 5.77255339624887309 51.70357030933910636, 5.766813105069029 51.70868304776055879, 5.76426679091345751 51.71429858894875764, 5.76326246125000363 51.71770837212199723, 5.75945384778877045 51.72222900634289289, 5.75945384778877045 51.72222900634289289)))</t>
  </si>
  <si>
    <t>MultiPolygon (((5.77683296071202346 51.68195905398786039, 5.77336037484261322 51.67757998795464403, 5.77041081684700163 51.67468753098000178, 5.77040439524088722 51.67183085810418675, 5.73906130687062443 51.66184429192619376, 5.73527551088845922 51.67460275846978845, 5.74496382759615898 51.67625607733132398, 5.77683296071202346 51.68195905398786039, 5.77683296071202346 51.68195905398786039)))</t>
  </si>
  <si>
    <t>MultiPolygon (((5.76484045610800688 51.68808777678023603, 5.76407644222802329 51.68746047510264674, 5.76462345706235268 51.68592800147908406, 5.7583692833327369 51.68637396075462931, 5.75983846474640693 51.68854368516234388, 5.76484045610800688 51.68808777678023603, 5.76484045610800688 51.68808777678023603)))</t>
  </si>
  <si>
    <t>MultiPolygon (((5.77683296071202346 51.68195905398786039, 5.77683931559247643 51.68196709469837913, 5.77694745396240616 51.68158422521732831, 5.78672593101424315 51.68331207809021777, 5.79354054335233837 51.67774700487110096, 5.7903463206738639 51.6784609480646111, 5.78500384498112918 51.67568152771124801, 5.78370242371326526 51.67730445435886821, 5.7808273618308279 51.67855088852832779, 5.7784738864131624 51.67811230241822074, 5.77771963208526085 51.67592692135271903, 5.77336037484261322 51.67757998795464403, 5.77683296071202346 51.68195905398786039, 5.77683296071202346 51.68195905398786039)))</t>
  </si>
  <si>
    <t>MultiPolygon (((5.78672593101424315 51.68331207809021777, 5.78849948553780624 51.68308372019453145, 5.79144728943769493 51.68025171794601391, 5.79587806793982185 51.67774705092565313, 5.79932418120166471 51.67383719650409546, 5.78279328584775865 51.67276858533627859, 5.77040439524088722 51.67183085810418675, 5.77041081684700163 51.67468753098000178, 5.77336037484261322 51.67757998795464403, 5.77771963208526085 51.67592692135271903, 5.7784738864131624 51.67811230241822074, 5.7808273618308279 51.67855088852832779, 5.78370242371326526 51.67730445435886821, 5.78500384498112918 51.67568152771124801, 5.7903463206738639 51.6784609480646111, 5.79354054335233837 51.67774700487110096, 5.78672593101424315 51.68331207809021777, 5.78672593101424315 51.68331207809021777)))</t>
  </si>
  <si>
    <t>MultiPolygon (((5.7683987976945712 51.69134523860650887, 5.76155365012740184 51.69382517939077815, 5.76350319934118271 51.69596101774764207, 5.77128249904914092 51.69770060309911486, 5.77507293136183097 51.69567263118192102, 5.77089199250976037 51.69403169950640375, 5.7683987976945712 51.69134523860650887, 5.7683987976945712 51.69134523860650887)))</t>
  </si>
  <si>
    <t>MultiPolygon (((5.77507293136183097 51.69567263118192102, 5.77644376963297201 51.69540676891910636, 5.77901524216417073 51.69345693974558031, 5.7769618538291061 51.69050979094496512, 5.77604616928494519 51.68756261349549419, 5.7767122521893004 51.68624553878759542, 5.76462345706235268 51.68592800147908406, 5.76407644222802329 51.68746047510264674, 5.76484045610800688 51.68808777678023603, 5.7683987976945712 51.69134523860650887, 5.77089199250976037 51.69403169950640375, 5.77507293136183097 51.69567263118192102, 5.77507293136183097 51.69567263118192102)))</t>
  </si>
  <si>
    <t>MultiPolygon (((5.7767122521893004 51.68624553878759542, 5.77604616928494519 51.68756261349549419, 5.7769618538291061 51.69050979094496512, 5.77901524216417073 51.69345693974558031, 5.78042886129182243 51.6920862158614014, 5.78187936477910203 51.69245999102881939, 5.79065928244519057 51.68851017992388108, 5.79156278368003274 51.68743404927846541, 5.7917848860888439 51.6839721125691085, 5.78849948553780624 51.68308372019453145, 5.78672593101424315 51.68331207809021777, 5.77694745396240616 51.68158422521732831, 5.77683931559247643 51.68196709469837913, 5.77711963880049417 51.68249706410139055, 5.77563236805991664 51.6833983396600587, 5.77761918764505733 51.68482737483146394, 5.7767122521893004 51.68624553878759542, 5.7767122521893004 51.68624553878759542)))</t>
  </si>
  <si>
    <t>MultiPolygon (((4.99508438237583974 51.63884382365559844, 4.99728835069880617 51.63715261349927488, 5.00812372157058938 51.63757751922685202, 5.01428639783047281 51.63946425032491305, 5.02883468163420044 51.64066219027396443, 5.03687542529360055 51.64064265509030349, 5.03750845022715499 51.64047420273811184, 5.02676036816011518 51.63754977543486291, 5.02128245882867486 51.6366345285326247, 5.01233754137399856 51.63618584906891584, 5.01280547104113783 51.63455694982479116, 5.01712740030259141 51.63376085078932931, 5.01840539361734272 51.62786200290818783, 5.01960099496828871 51.62620722760249947, 5.0233872248023097 51.62541867552301511, 5.03171189416439724 51.62548908638773071, 5.03241271549238167 51.62418893940827758, 5.02063338849608076 51.62352350226990438, 5.02076893990750772 51.62179568030098409, 5.02290929839277123 51.6198144519708535, 5.02350541221824365 51.61789063829453283, 5.02286262187347887 51.6155649505068439, 5.01727751145776235 51.61543984111538919, 5.02299163821666639 51.60977682494444707, 5.03348894500565613 51.60950656564696715, 5.04148062835504263 51.61138253720006475, 5.04893811938410497 51.6122955565842787, 5.0584089213715453 51.61176677898358633, 5.06024894662229574 51.61077841915157904, 5.04501089975932526 51.61109712124034843, 5.04402501673829562 51.60735973692935374, 5.04203655644331583 51.60613749253006688, 5.00449212769443363 51.60788676831000998, 5.00241915105176904 51.61302569238302596, 4.9893609417339766 51.64869462401971845, 4.99508438237583974 51.63884382365559844)))</t>
  </si>
  <si>
    <t>MultiPolygon (((5.06024894662229574 51.61077841915157904, 5.0584089213715453 51.61176677898358633, 5.04893811938410497 51.6122955565842787, 5.04148062835504263 51.61138253720006475, 5.03348894500565613 51.60950656564696715, 5.02299163821666639 51.60977682494444707, 5.01727751145776235 51.61543984111538919, 5.02286262187347887 51.6155649505068439, 5.02350541221824365 51.61789063829453283, 5.02290929839277123 51.6198144519708535, 5.02076893990750772 51.62179568030098409, 5.02063338849608076 51.62352350226990438, 5.03241271549238167 51.62418893940827758, 5.03300544824525442 51.62324479891377393, 5.03711862614274963 51.6231807097938713, 5.05616187531066785 51.62467073816939234, 5.06361877405754868 51.62408762878889235, 5.06932767870046597 51.61506535905462556, 5.07028522871104581 51.6125404927238165, 5.07097772320509943 51.60863377115184392, 5.07059054401376663 51.61029067517431912, 5.06177135858651361 51.60934612803648491, 5.06024894662229574 51.61077841915157904, 5.06024894662229574 51.61077841915157904)))</t>
  </si>
  <si>
    <t>MultiPolygon (((5.10322959145225052 51.65226428227087752, 5.10613697257879373 51.6359558448703595, 5.10136791593484684 51.63271186735843088, 5.09818461014123869 51.62882257969087618, 5.09811923663915678 51.62824361568909382, 5.09984915286141582 51.62785158573982613, 5.10121684666974851 51.62040588670581087, 5.10295864702718927 51.61691113671448505, 5.10132320863712518 51.61658048074669836, 5.09915762861959632 51.61770626112397053, 5.09600330914039112 51.61246582850085929, 5.09374531231720162 51.61124928786998112, 5.07943867799764526 51.61078422217179451, 5.08018158890106086 51.60954228396536791, 5.07554219968606013 51.6089523217594035, 5.07553993918022694 51.60576774665667443, 5.07402519275084618 51.60568095322769011, 5.07405884118666428 51.60948333742648231, 5.07207110787448379 51.60832239942134692, 5.07054204081883508 51.61523821414943569, 5.07034478798250898 51.62254887559712557, 5.06877314839899551 51.62435068630476565, 5.0765201199430221 51.62566343750042108, 5.07718663306215756 51.62500101329136015, 5.07859055780193724 51.62165392016745358, 5.08302158439893681 51.61997942315423415, 5.08718353935254797 51.62235360664625716, 5.08662157839366813 51.62453346240326368, 5.08605312785594776 51.62843381709129886, 5.08791372677023279 51.63005618412351794, 5.08736606716764062 51.63268009902912326, 5.07815875433498931 51.63374149832736748, 5.07566089593886183 51.63280064223216215, 5.06596041136856545 51.63117222491874969, 5.0627723473555184 51.63125926290225465, 5.06168645997259148 51.63140212352877256, 5.06137743540186413 51.6350721441148508, 5.05861087755322636 51.64166818104050805, 5.06713923405787536 51.64267926777495887, 5.07065461773636539 51.64517118001668905, 5.0766157420190261 51.64635643194606018, 5.07874924715826648 51.64608325473908224, 5.08181298701365591 51.6466302563978914, 5.08510616511033309 51.64946964365368842, 5.08887577863816976 51.65138458224830487, 5.09422998762522106 51.64716384843642061, 5.10322959145225052 51.65226428227087752)))</t>
  </si>
  <si>
    <t>MultiPolygon (((5.03687542529360055 51.64064265509030349, 5.03693129710279308 51.64261657472275147, 5.04129536606292028 51.64058116811328603, 5.05718942940378025 51.64263731559557868, 5.06137743540186413 51.6350721441148508, 5.06168645997259148 51.63140212352877256, 5.06294851872965079 51.62563685391633328, 5.0613063214637295 51.62621032550385536, 5.0448944801282849 51.62433967165215165, 5.03241271549238167 51.62418893940827758, 5.03171189416439724 51.62548908638773071, 5.0233872248023097 51.62541867552301511, 5.01960099496828871 51.62620722760249947, 5.01840539361734272 51.62786200290818783, 5.01712740030259141 51.63376085078932931, 5.01280547104113783 51.63455694982479116, 5.01233754137399856 51.63618584906891584, 5.02128245882867486 51.6366345285326247, 5.02676036816011518 51.63754977543486291, 5.03750845022715499 51.64047420273811184, 5.03687542529360055 51.64064265509030349, 5.03687542529360055 51.64064265509030349)))</t>
  </si>
  <si>
    <t>MultiPolygon (((5.06168645997259148 51.63140212352877256, 5.0627723473555184 51.63125926290225465, 5.06801503365898487 51.62650178224076569, 5.06294851872965079 51.62563685391633328, 5.06168645997259148 51.63140212352877256, 5.06168645997259148 51.63140212352877256)))</t>
  </si>
  <si>
    <t>MultiPolygon (((5.07718663306215756 51.62500101329136015, 5.08132214701548079 51.62385082358975552, 5.08662157839366813 51.62453346240326368, 5.08718353935254797 51.62235360664625716, 5.08302158439893681 51.61997942315423415, 5.07859055780193724 51.62165392016745358, 5.07718663306215756 51.62500101329136015, 5.07718663306215756 51.62500101329136015)))</t>
  </si>
  <si>
    <t>MultiPolygon (((5.07456924198195125 51.62712477992063498, 5.08605312785594776 51.62843381709129886, 5.08662157839366813 51.62453346240326368, 5.08132214701548079 51.62385082358975552, 5.07718663306215756 51.62500101329136015, 5.0765201199430221 51.62566343750042108, 5.07456924198195125 51.62712477992063498, 5.07456924198195125 51.62712477992063498)))</t>
  </si>
  <si>
    <t>MultiPolygon (((5.07566089593886183 51.63280064223216215, 5.07815875433498931 51.63374149832736748, 5.08736606716764062 51.63268009902912326, 5.08791372677023279 51.63005618412351794, 5.08605312785594776 51.62843381709129886, 5.07456924198195125 51.62712477992063498, 5.07657894030820067 51.63048997708775545, 5.07566089593886183 51.63280064223216215, 5.07566089593886183 51.63280064223216215)))</t>
  </si>
  <si>
    <t>MultiPolygon (((5.07566089593886183 51.63280064223216215, 5.07657894030820067 51.63048997708775545, 5.07456924198195125 51.62712477992063498, 5.0765201199430221 51.62566343750042108, 5.06877314839899551 51.62435068630476565, 5.07034478798250898 51.62254887559712557, 5.07054204081883508 51.61523821414943569, 5.07207110787448379 51.60832239942134692, 5.07151266606190365 51.60826735081772654, 5.07097772320509943 51.60863377115184392, 5.07028522871104581 51.6125404927238165, 5.06932767870046597 51.61506535905462556, 5.06361877405754868 51.62408762878889235, 5.05616187531066785 51.62467073816939234, 5.03711862614274963 51.6231807097938713, 5.03300544824525442 51.62324479891377393, 5.03241271549238167 51.62418893940827758, 5.0448944801282849 51.62433967165215165, 5.0613063214637295 51.62621032550385536, 5.06294851872965079 51.62563685391633328, 5.06801503365898487 51.62650178224076569, 5.0627723473555184 51.63125926290225465, 5.06596041136856545 51.63117222491874969, 5.07566089593886183 51.63280064223216215, 5.07566089593886183 51.63280064223216215)))</t>
  </si>
  <si>
    <t>MultiPolygon (((5.03919249063448493 51.65397269690962645, 5.04155368248303315 51.65397034327308745, 5.0521103481985028 51.65389813693239063, 5.05345479558315702 51.65332014146301987, 5.05718942940378025 51.64263731559557868, 5.04129536606292028 51.64058116811328603, 5.03693129710279308 51.64261657472275147, 5.032290907810272 51.64248253415160406, 5.0195712485293642 51.64763668817425213, 5.02275221250575044 51.64889491950254552, 5.02634968445123675 51.65156353473911821, 5.03261459111523557 51.65131284831699077, 5.03629824405207938 51.65149138160869313, 5.03919249063448493 51.65397269690962645, 5.03919249063448493 51.65397269690962645)))</t>
  </si>
  <si>
    <t>MultiPolygon (((5.10402183071741433 51.67490017700461635, 5.10158126676233614 51.67244220645563502, 5.10231152785185049 51.67194302551163787, 5.10199427280875195 51.66983731308061323, 5.10271796082358886 51.66834965967084514, 5.10162562968354383 51.66134450656431909, 5.10322959145225052 51.65226428227087752, 5.09422998762522106 51.64716384843642061, 5.08887577863816976 51.65138458224830487, 5.08510616511033309 51.64946964365368842, 5.08181298701365591 51.6466302563978914, 5.07874924715826648 51.64608325473908224, 5.0766157420190261 51.64635643194606018, 5.07065461773636539 51.64517118001668905, 5.06713923405787536 51.64267926777495887, 5.05861087755322636 51.64166818104050805, 5.05381389006917114 51.65577150324785549, 5.05381837318074112 51.66165609136771053, 5.0584036335487701 51.66172694978483548, 5.05868252322373024 51.66533765388167865, 5.05797046221416036 51.66831616768675417, 5.06101349362678299 51.66829025561698785, 5.06062149212453427 51.6711132472303234, 5.07017471941962938 51.67083640508040787, 5.08026500712601248 51.67138915894669537, 5.08974222717375646 51.67475224779079213, 5.09499787719638242 51.6745853985906578, 5.10150939109956081 51.67683469284076381, 5.10402183071741433 51.67490017700461635, 5.10402183071741433 51.67490017700461635)))</t>
  </si>
  <si>
    <t>MultiPolygon (((5.05322675080874451 51.66165092263634762, 5.05381837318074112 51.66165609136771053, 5.05381389006917114 51.65577150324785549, 5.05861087755322636 51.64166818104050805, 5.06137743540186413 51.6350721441148508, 5.05718942940378025 51.64263731559557868, 5.05345479558315702 51.65332014146301987, 5.0521103481985028 51.65389813693239063, 5.04155368248303315 51.65397034327308745, 5.0435291405985323 51.65580304526275057, 5.05212395260935399 51.65563311299882088, 5.05276258337584228 51.66065446740539358, 5.05322675080874451 51.66165092263634762, 5.05322675080874451 51.66165092263634762)))</t>
  </si>
  <si>
    <t>MultiPolygon (((5.04600430459765903 51.65843865313526351, 5.05141416679769861 51.66063865049155623, 5.05276258337584228 51.66065446740539358, 5.05212395260935399 51.65563311299882088, 5.0435291405985323 51.65580304526275057, 5.04328682430101427 51.65596737608989741, 5.04600430459765903 51.65843865313526351, 5.04600430459765903 51.65843865313526351)))</t>
  </si>
  <si>
    <t>MultiPolygon (((5.04724661888138026 51.66325097380418896, 5.0473651520906575 51.6620848727603601, 5.04830853408130498 51.66181676780563947, 5.05322675080874451 51.66165092263634762, 5.05276258337584228 51.66065446740539358, 5.05141416679769861 51.66063865049155623, 5.04600430459765903 51.65843865313526351, 5.04241019447780392 51.66008597631893196, 5.03811565884402857 51.66099609859850261, 5.03817913357936309 51.66128453388982678, 5.04373277577478607 51.66311707875219383, 5.0452857070088557 51.66269389652020294, 5.04523898618137245 51.66313134242527383, 5.04724661888138026 51.66325097380418896, 5.04724661888138026 51.66325097380418896)))</t>
  </si>
  <si>
    <t>MultiPolygon (((5.03566837296971048 51.65891743968732897, 5.03811565884402857 51.66099609859850261, 5.04241019447780392 51.66008597631893196, 5.04600430459765903 51.65843865313526351, 5.04328682430101427 51.65596737608989741, 5.03941293060290096 51.6575044418858198, 5.03566837296971048 51.65891743968732897, 5.03566837296971048 51.65891743968732897)))</t>
  </si>
  <si>
    <t>MultiPolygon (((5.03941293060290096 51.6575044418858198, 5.04328682430101427 51.65596737608989741, 5.0435291405985323 51.65580304526275057, 5.04155368248303315 51.65397034327308745, 5.03919249063448493 51.65397269690962645, 5.03673703277568485 51.65547744956278109, 5.0366273022135335 51.65688233507965066, 5.03941293060290096 51.6575044418858198, 5.03941293060290096 51.6575044418858198)))</t>
  </si>
  <si>
    <t>MultiPolygon (((5.03323445519319179 51.6592072647036531, 5.03566837296971048 51.65891743968732897, 5.03941293060290096 51.6575044418858198, 5.0366273022135335 51.65688233507965066, 5.03673703277568485 51.65547744956278109, 5.03263061288583113 51.65687265310575071, 5.03323445519319179 51.6592072647036531, 5.03323445519319179 51.6592072647036531)))</t>
  </si>
  <si>
    <t>MultiPolygon (((5.03263061288583113 51.65687265310575071, 5.03673703277568485 51.65547744956278109, 5.03919249063448493 51.65397269690962645, 5.03629824405207938 51.65149138160869313, 5.03261459111523557 51.65131284831699077, 5.03259162443445351 51.65272727428808253, 5.03253258407359372 51.65545822620635619, 5.03263061288583113 51.65687265310575071, 5.03263061288583113 51.65687265310575071)))</t>
  </si>
  <si>
    <t>MultiPolygon (((4.98864991029232829 51.66071931604164291, 5.00159245297603849 51.65955778761647821, 5.01596358235477258 51.65994752874082963, 5.01682222490567131 51.65836752405560617, 5.01674218308138364 51.65716447999209038, 5.01624114900371687 51.65400622648317608, 5.01673411213781417 51.64859715885572911, 5.02114445671124354 51.64889954878342593, 5.02541717357617124 51.65179599679649414, 5.02634968445123675 51.65156353473911821, 5.02275221250575044 51.64889491950254552, 5.0195712485293642 51.64763668817425213, 5.032290907810272 51.64248253415160406, 5.03693129710279308 51.64261657472275147, 5.03687542529360055 51.64064265509030349, 5.02883468163420044 51.64066219027396443, 5.01428639783047281 51.63946425032491305, 5.00812372157058938 51.63757751922685202, 4.99728835069880617 51.63715261349927488, 4.99508438237583974 51.63884382365559844, 4.9893609417339766 51.64869462401971845, 4.98933672134018202 51.6487936223947699, 4.98726691012733436 51.65460893119485775, 4.98864991029232829 51.66071931604164291, 4.98864991029232829 51.66071931604164291)))</t>
  </si>
  <si>
    <t>MultiPolygon (((5.01596358235477258 51.65994752874082963, 5.00159245297603849 51.65955778761647821, 4.98864991029232829 51.66071931604164291, 4.9922462702199164 51.67625089116253179, 5.01852846312967049 51.66970290451715186, 5.02126965001140668 51.66896757481362101, 5.0185242166131232 51.66848959133040609, 5.01789160735420747 51.66321858942259837, 5.01596358235477258 51.65994752874082963, 5.01596358235477258 51.65994752874082963)))</t>
  </si>
  <si>
    <t>MultiPolygon (((5.04373277577478607 51.66311707875219383, 5.03817913357936309 51.66128453388982678, 5.03367735114598958 51.66156159943496107, 5.03074671257652373 51.66353514708031724, 5.03049831214944465 51.66233852967503992, 5.02411206237086727 51.66337030680325171, 5.01882132274550141 51.66373248783882133, 5.01789160735420747 51.66321858942259837, 5.0185242166131232 51.66848959133040609, 5.02126965001140668 51.66896757481362101, 5.02914708802655586 51.6669763822400796, 5.04373277577478607 51.66311707875219383)))</t>
  </si>
  <si>
    <t>MultiPolygon (((5.02411206237086727 51.66337030680325171, 5.03049831214944465 51.66233852967503992, 5.03057122261226741 51.65961120898347758, 5.02900814700263332 51.65955177155068156, 5.02339509304353804 51.65942947409949682, 5.02277638205414245 51.65937746495086458, 5.02411206237086727 51.66337030680325171, 5.02411206237086727 51.66337030680325171)))</t>
  </si>
  <si>
    <t>MultiPolygon (((5.01789160735420747 51.66321858942259837, 5.01882132274550141 51.66373248783882133, 5.02411206237086727 51.66337030680325171, 5.02277638205414245 51.65937746495086458, 5.01682222490567131 51.65836752405560617, 5.01596358235477258 51.65994752874082963, 5.01789160735420747 51.66321858942259837, 5.01789160735420747 51.66321858942259837)))</t>
  </si>
  <si>
    <t>MultiPolygon (((5.02339509304353804 51.65942947409949682, 5.02900814700263332 51.65955177155068156, 5.02899415016428097 51.65628776623610463, 5.02895226505452264 51.65626937596745449, 5.02413263315864445 51.65713961123404374, 5.02367613531141721 51.6572489560858088, 5.02339509304353804 51.65942947409949682, 5.02339509304353804 51.65942947409949682)))</t>
  </si>
  <si>
    <t>MultiPolygon (((5.02900814700263332 51.65955177155068156, 5.03057122261226741 51.65961120898347758, 5.03323445519319179 51.6592072647036531, 5.03263061288583113 51.65687265310575071, 5.03253258407359372 51.65545822620635619, 5.02899415016428097 51.65628776623610463, 5.02900814700263332 51.65955177155068156, 5.02900814700263332 51.65955177155068156)))</t>
  </si>
  <si>
    <t>MultiPolygon (((5.03049831214944465 51.66233852967503992, 5.03074671257652373 51.66353514708031724, 5.03367735114598958 51.66156159943496107, 5.03817913357936309 51.66128453388982678, 5.03811565884402857 51.66099609859850261, 5.03566837296971048 51.65891743968732897, 5.03323445519319179 51.6592072647036531, 5.03057122261226741 51.65961120898347758, 5.03049831214944465 51.66233852967503992, 5.03049831214944465 51.66233852967503992)))</t>
  </si>
  <si>
    <t>MultiPolygon (((5.02277638205414245 51.65937746495086458, 5.02339509304353804 51.65942947409949682, 5.02367613531141721 51.6572489560858088, 5.01674218308138364 51.65716447999209038, 5.01682222490567131 51.65836752405560617, 5.02277638205414245 51.65937746495086458, 5.02277638205414245 51.65937746495086458)))</t>
  </si>
  <si>
    <t>MultiPolygon (((5.02413263315864445 51.65713961123404374, 5.02895226505452264 51.65626937596745449, 5.02727170586093131 51.65380039067194673, 5.02433021101393784 51.65432207725690006, 5.02413263315864445 51.65713961123404374, 5.02413263315864445 51.65713961123404374)))</t>
  </si>
  <si>
    <t>MultiPolygon (((5.02367613531141721 51.6572489560858088, 5.02413263315864445 51.65713961123404374, 5.02433021101393784 51.65432207725690006, 5.02344838242376657 51.65352457348100046, 5.02211845375978516 51.65414676211174339, 5.01668933198424671 51.654501154065116, 5.01624114900371687 51.65400622648317608, 5.01674218308138364 51.65716447999209038, 5.02367613531141721 51.6572489560858088, 5.02367613531141721 51.6572489560858088)))</t>
  </si>
  <si>
    <t>MultiPolygon (((5.02433021101393784 51.65432207725690006, 5.02727170586093131 51.65380039067194673, 5.03259162443445351 51.65272727428808253, 5.03261459111523557 51.65131284831699077, 5.02634968445123675 51.65156353473911821, 5.02541717357617124 51.65179599679649414, 5.02344838242376657 51.65352457348100046, 5.02433021101393784 51.65432207725690006, 5.02433021101393784 51.65432207725690006)))</t>
  </si>
  <si>
    <t>MultiPolygon (((5.02895226505452264 51.65626937596745449, 5.02899415016428097 51.65628776623610463, 5.03253258407359372 51.65545822620635619, 5.03259162443445351 51.65272727428808253, 5.02727170586093131 51.65380039067194673, 5.02895226505452264 51.65626937596745449, 5.02895226505452264 51.65626937596745449)))</t>
  </si>
  <si>
    <t>MultiPolygon (((5.01624114900371687 51.65400622648317608, 5.01668933198424671 51.654501154065116, 5.02211845375978516 51.65414676211174339, 5.02344838242376657 51.65352457348100046, 5.02541717357617124 51.65179599679649414, 5.02114445671124354 51.64889954878342593, 5.01673411213781417 51.64859715885572911, 5.01624114900371687 51.65400622648317608, 5.01624114900371687 51.65400622648317608)))</t>
  </si>
  <si>
    <t>MultiPolygon (((5.22443478957991303 51.51714845112589103, 5.22653415619834316 51.50747366542572792, 5.23236316814022207 51.50891978705174523, 5.23594257983327793 51.51390959388702839, 5.25124980346794512 51.50963084917251678, 5.25007628007481486 51.50800093675436386, 5.25096914082264643 51.50620901526956885, 5.24789206814851283 51.50633608428254462, 5.24711077022893324 51.49887857153089499, 5.22844394379777899 51.49870000601072206, 5.23060615070595869 51.4909386643158129, 5.2299669103119637 51.48972677283771304, 5.22615518198157236 51.4891108298089577, 5.22525612297156883 51.48837433371230787, 5.21962716128988635 51.49042602841251437, 5.20655581602123974 51.49124249914639506, 5.20474627587245209 51.49079474889882846, 5.19936199302836677 51.4857343060691619, 5.19841054682701831 51.48706365656622097, 5.19490702224751821 51.48780119471699379, 5.18159243838096462 51.48645325583638765, 5.18353700042762622 51.48946786581112178, 5.18022728411934175 51.49127691909342985, 5.17901978990717105 51.49270678144061719, 5.18003366966595014 51.49773409193954166, 5.17741322235227575 51.50137965737995671, 5.17955321915153721 51.50677134032407167, 5.17930608039490448 51.50859765645338939, 5.18385902945270338 51.50874656100197768, 5.18428141368437334 51.50790592971175386, 5.19013848766542818 51.50740865010854463, 5.19540125288961185 51.50973289161377977, 5.20303351953115989 51.50994320436513618, 5.21473235543338465 51.51172626901254148, 5.22443478957991303 51.51714845112589103),(5.20307049172365232 51.49249631457876575, 5.20537981770645963 51.49220414774784871, 5.21102724421715369 51.49283947686666352, 5.21219595955478621 51.4980782503614023, 5.20044520458150483 51.4982297244489402, 5.19976606578818146 51.49501462856396472, 5.20307049172365232 51.49249631457876575)))</t>
  </si>
  <si>
    <t>MultiPolygon (((5.21219595955478621 51.4980782503614023, 5.21102724421715369 51.49283947686666352, 5.20537981770645963 51.49220414774784871, 5.20307049172365232 51.49249631457876575, 5.19976606578818146 51.49501462856396472, 5.20044520458150483 51.4982297244489402, 5.21219595955478621 51.4980782503614023)))</t>
  </si>
  <si>
    <t>MultiPolygon (((5.18159243838096462 51.48645325583638765, 5.19490702224751821 51.48780119471699379, 5.19841054682701831 51.48706365656622097, 5.19936199302836677 51.4857343060691619, 5.20474627587245209 51.49079474889882846, 5.20655581602123974 51.49124249914639506, 5.21962716128988635 51.49042602841251437, 5.22525612297156883 51.48837433371230787, 5.22312049980744408 51.4815738044418012, 5.22043496759545977 51.4728795196662503, 5.20973027154572588 51.46561307020940745, 5.19102487879610663 51.43022499990370733, 5.19102000043438938 51.43021582322780461, 5.190182475330543 51.430112399961736, 5.1720638050430825 51.44202748114756929, 5.17244955241796323 51.44258015332531642, 5.15967937037638791 51.45826989882053226, 5.15735409669429412 51.46655292091327993, 5.15377126886539028 51.46811265614323361, 5.15558436515553442 51.47214151347868949, 5.15474125324855503 51.47518335247536214, 5.15691326454453769 51.47974210919248605, 5.15315879285260969 51.48368264497904079, 5.15756231574903801 51.4923384926032881, 5.18003366966595014 51.49773409193954166, 5.17901978990717105 51.49270678144061719, 5.18022728411934175 51.49127691909342985, 5.18353700042762622 51.48946786581112178, 5.18159243838096462 51.48645325583638765),(5.18159243838096462 51.48645325583638765, 5.17126147356045074 51.48473379072859046, 5.16560205506327907 51.47897689884847239, 5.16613577401611934 51.47481081247320844, 5.17218455916256836 51.47108224916798491, 5.17568991253697863 51.46689486675695235, 5.18180284196441221 51.46753358055285332, 5.18337894567280966 51.46953997482383159, 5.18263206176531543 51.47201027637525783, 5.18366571438200818 51.47420981357928582, 5.18720703239949987 51.47901054754929362, 5.18703108063718776 51.48071360027751808, 5.18198047496218273 51.48471013540382302, 5.18159243838096462 51.48645325583638765),(5.18152276068501383 51.46043708127595551, 5.18046799203129993 51.46025825323025771, 5.18067638711869627 51.45798139309044217, 5.18496351028956859 51.45442038655577477, 5.19067626532399373 51.45616636200749383, 5.19162547570349808 51.45725193468613412, 5.19036223169007194 51.45985653189401177, 5.18613139652098099 51.46011786171005298, 5.18465493192129045 51.45880549042033181, 5.18299481943512053 51.45845934387726572, 5.18152276068501383 51.46043708127595551)))</t>
  </si>
  <si>
    <t>MultiPolygon (((5.18152276068501383 51.46043708127595551, 5.18299481943512053 51.45845934387726572, 5.18465493192129045 51.45880549042033181, 5.18613139652098099 51.46011786171005298, 5.19036223169007194 51.45985653189401177, 5.19162547570349808 51.45725193468613412, 5.19067626532399373 51.45616636200749383, 5.18496351028956859 51.45442038655577477, 5.18067638711869627 51.45798139309044217, 5.18046799203129993 51.46025825323025771, 5.18152276068501383 51.46043708127595551, 5.18152276068501383 51.46043708127595551)))</t>
  </si>
  <si>
    <t>MultiPolygon (((5.18159243838096462 51.48645325583638765, 5.18198047496218273 51.48471013540382302, 5.18703108063718776 51.48071360027751808, 5.18720703239949987 51.47901054754929362, 5.18366571438200818 51.47420981357928582, 5.18263206176531543 51.47201027637525783, 5.18337894567280966 51.46953997482383159, 5.18180284196441221 51.46753358055285332, 5.17568991253697863 51.46689486675695235, 5.17218455916256836 51.47108224916798491, 5.16613577401611934 51.47481081247320844, 5.16560205506327907 51.47897689884847239, 5.17126147356045074 51.48473379072859046, 5.18159243838096462 51.48645325583638765, 5.18159243838096462 51.48645325583638765)))</t>
  </si>
  <si>
    <t>MultiPolygon (((5.15942069241860857 51.51654314057905992, 5.16088773734816364 51.51729560857646106, 5.16421204225646946 51.5146798265689867, 5.16555318330513824 51.5152154050551232, 5.17020721011986151 51.51113531412435975, 5.17358157158645415 51.51023902399874288, 5.17445233193135312 51.51104682313204108, 5.17647950157123304 51.51131080712987398, 5.17930608039490448 51.50859765645338939, 5.17955321915153721 51.50677134032407167, 5.17741322235227575 51.50137965737995671, 5.18003366966595014 51.49773409193954166, 5.15756231574903801 51.4923384926032881, 5.13943329749410704 51.50587997184429412, 5.13390792281070318 51.51069841310442143, 5.13131751595623253 51.51401464506924555, 5.13594200420595204 51.5157861773067367, 5.14038171588337445 51.51645461930809944, 5.13858491238604209 51.51867775248889103, 5.1414584203595588 51.51941106720762065, 5.14262856139010172 51.51866549773350101, 5.14699035671221861 51.52026328843334113, 5.14496643371173157 51.5214937722321551, 5.14745238421889262 51.52226855708216391, 5.14888765126875381 51.52365777692958204, 5.15007542707217869 51.52276803953184725, 5.1537137322303801 51.52041387717631693, 5.15942069241860857 51.51654314057905992),(5.15341884407768003 51.5076464090218451, 5.15901119907983485 51.50329992603356999, 5.16664999332913677 51.50493536242464643, 5.16987505607079978 51.50865233442932833, 5.16056450054327165 51.51166106885300167, 5.15437355914646478 51.51485997865812294, 5.14886218158599274 51.51186019244186554, 5.15183099119597454 51.51008842032094037, 5.15341884407768003 51.5076464090218451)))</t>
  </si>
  <si>
    <t>MultiPolygon (((5.15437355914646478 51.51485997865812294, 5.16056450054327165 51.51166106885300167, 5.16987505607079978 51.50865233442932833, 5.16664999332913677 51.50493536242464643, 5.15901119907983485 51.50329992603356999, 5.15341884407768003 51.5076464090218451, 5.15183099119597454 51.51008842032094037, 5.14886218158599274 51.51186019244186554, 5.15437355914646478 51.51485997865812294, 5.15437355914646478 51.51485997865812294)))</t>
  </si>
  <si>
    <t>MultiPolygon (((5.1100070194922429 51.47821100920069881, 5.11901010058774908 51.47003180804922096, 5.13265410992639382 51.47333760024795168, 5.15558436515553442 51.47214151347868949, 5.15377126886539028 51.46811265614323361, 5.15735409669429412 51.46655292091327993, 5.15967937037638791 51.45826989882053226, 5.17244955241796323 51.44258015332531642, 5.1720638050430825 51.44202748114756929, 5.190182475330543 51.430112399961736, 5.18498078773134718 51.42876402625833521, 5.1781535198492179 51.4302610236911093, 5.17345833374028086 51.42824021885796526, 5.17076562810326745 51.42973308173785085, 5.15855321701731828 51.43217425172349522, 5.15794824978956346 51.4288308553323148, 5.15321152992754339 51.42835432142059204, 5.15249981351796471 51.42896854750130586, 5.11945911329330183 51.42827483526125576, 5.10202055608136096 51.42892272815990395, 5.10457261788619565 51.43134889069716564, 5.08030728030925527 51.46926263810069457, 5.08976566654893858 51.47104749649998467, 5.08891201180607666 51.47262648971297949, 5.10262961575045537 51.47822107644670808, 5.10536603468502381 51.48032039231367207, 5.1100070194922429 51.47821100920069881, 5.1100070194922429 51.47821100920069881),(5.13205184502652667 51.45779847654556249, 5.13320056534198255 51.4556383545401772, 5.13948924787948869 51.45829875839334022, 5.14034699185214272 51.46236788059622569, 5.14477404392518611 51.46528170838796967, 5.14702528944406001 51.46954728031671067, 5.14133922429173484 51.46972898700254717, 5.14062943246454562 51.46720981291754526, 5.13743493122444939 51.46546006139221419, 5.13128814855122428 51.46496248690896635, 5.12778539722212212 51.46298595045260527, 5.12712702344835325 51.46062804183124229, 5.1279079273609991 51.45962922340872581, 5.13205184502652667 51.45779847654556249, 5.13205184502652667 51.45779847654556249)))</t>
  </si>
  <si>
    <t>MultiPolygon (((5.14702528944406001 51.46954728031671067, 5.14477404392518611 51.46528170838796967, 5.14034699185214272 51.46236788059622569, 5.13948924787948869 51.45829875839334022, 5.13320056534198255 51.4556383545401772, 5.13205184502652667 51.45779847654556249, 5.1279079273609991 51.45962922340872581, 5.12712702344835325 51.46062804183124229, 5.12778539722212212 51.46298595045260527, 5.13128814855122428 51.46496248690896635, 5.13743493122444939 51.46546006139221419, 5.14062943246454562 51.46720981291754526, 5.14133922429173484 51.46972898700254717, 5.14702528944406001 51.46954728031671067)))</t>
  </si>
  <si>
    <t>MultiPolygon (((5.11879947923708212 51.54591897465773087, 5.12706085500030539 51.53235379726100973, 5.13019611936547548 51.53029788934376398, 5.14496643371173157 51.5214937722321551, 5.14699035671221861 51.52026328843334113, 5.14262856139010172 51.51866549773350101, 5.1414584203595588 51.51941106720762065, 5.13858491238604209 51.51867775248889103, 5.14038171588337445 51.51645461930809944, 5.13594200420595204 51.5157861773067367, 5.13131751595623253 51.51401464506924555, 5.13390792281070318 51.51069841310442143, 5.13943329749410704 51.50587997184429412, 5.15756231574903801 51.4923384926032881, 5.15315879285260969 51.48368264497904079, 5.15691326454453769 51.47974210919248605, 5.15474125324855503 51.47518335247536214, 5.15558436515553442 51.47214151347868949, 5.13265410992639382 51.47333760024795168, 5.11901010058774908 51.47003180804922096, 5.1100070194922429 51.47821100920069881, 5.10536603468502381 51.48032039231367207, 5.10262961575045537 51.47822107644670808, 5.08891201180607666 51.47262648971297949, 5.08976566654893858 51.47104749649998467, 5.08030728030925527 51.46926263810069457, 5.07856427283580825 51.47144451565630163, 5.04974082089191967 51.47110814938931611, 5.0498654705180881 51.47182583668981692, 5.04879177642938703 51.4719135341252283, 5.05158027566713219 51.48713195859547653, 5.06836791750495941 51.4853347500938483, 5.06929311659892701 51.48683587829398789, 5.06272297252419001 51.49285224518851578, 5.07691504097421742 51.50079651767116218, 5.07299800048721661 51.50287503969433089, 5.08818690331320411 51.51129750735096025, 5.096035415271154 51.50991218979905284, 5.098441608185178 51.51536059989196303, 5.09502373439082046 51.51725160096732026, 5.10094728016660337 51.52051970271272552, 5.09875074346662949 51.52200645788398248, 5.10049009548415011 51.52296972135864195, 5.09814109228259671 51.52495238246365261, 5.10506070585072269 51.5281758908007177, 5.10005935453219905 51.53145498399630497, 5.1045286977522446 51.53383661994453036, 5.10565281638401558 51.53333739689990978, 5.10958894816722342 51.53680540530898213, 5.10867893985268484 51.53723224249790036, 5.11064533285021128 51.53890236565062111, 5.10982058330153421 51.53938317454063167, 5.11252094626349418 51.54002326877534301, 5.11366079736302659 51.5410070621827785, 5.11348655680486441 51.54234964939477237, 5.11879947923708212 51.54591897465773087),(5.12736074339776948 51.48737582936371382, 5.12056688237284607 51.48510042615762927, 5.11980119133256562 51.4826023489979363, 5.12798542002577484 51.48185226392082825, 5.13311180599998007 51.47901607881329511, 5.14302748273126031 51.47709286199921763, 5.14727119226263863 51.47810839004000627, 5.14896759196145304 51.48596432105647125, 5.14607778846345543 51.49119064670441048, 5.13838230604323343 51.49871432694606455, 5.12667423452509396 51.49463491163065498, 5.12579197584982538 51.4916633044044687, 5.12211734622480197 51.48883341957132842, 5.12736074339776948 51.48737582936371382)))</t>
  </si>
  <si>
    <t>MultiPolygon (((5.14607778846345543 51.49119064670441048, 5.14896759196145304 51.48596432105647125, 5.14727119226263863 51.47810839004000627, 5.14302748273126031 51.47709286199921763, 5.13311180599998007 51.47901607881329511, 5.12798542002577484 51.48185226392082825, 5.11980119133256562 51.4826023489979363, 5.12056688237284607 51.48510042615762927, 5.12736074339776948 51.48737582936371382, 5.12211734622480197 51.48883341957132842, 5.12579197584982538 51.4916633044044687, 5.12667423452509396 51.49463491163065498, 5.13838230604323343 51.49871432694606455, 5.14607778846345543 51.49119064670441048)))</t>
  </si>
  <si>
    <t>MultiPolygon (((5.15069044936883813 51.72961537195449466, 5.14919137408483873 51.72626469299481045, 5.14962767229821416 51.72363053793846177, 5.15292478271661114 51.72339631570311269, 5.15346190434631435 51.72188290720090009, 5.1526267041846614 51.72114077676067012, 5.14903156947165108 51.72071896932664004, 5.15000174554212098 51.71770471044124662, 5.15156638748226836 51.71623903674201017, 5.1488584260029322 51.71555044633812059, 5.14647836847084417 51.71575092571887211, 5.14459224194261289 51.71662245493691756, 5.14362300320560095 51.71630730905137341, 5.13790512446296876 51.71550617403153893, 5.13577135514281036 51.71396549278347265, 5.11572928275743521 51.70924606644895505, 5.11321232313556351 51.70904156006421459, 5.11042353469728372 51.71449808172142326, 5.10302730614096145 51.71255156604049574, 5.10160137342642983 51.71320531216381511, 5.09911411481954779 51.71661922206340734, 5.09574908922348069 51.71827206268275745, 5.09382494963118226 51.71861524795875198, 5.09516491279090467 51.72010768262705938, 5.10553068466839921 51.72278594245813821, 5.12232510254418738 51.72712104614237916, 5.12142802173407308 51.72840565685283565, 5.12683433027056434 51.73164986118609221, 5.12936595893310532 51.73190638620104664, 5.13449124453842032 51.72875702003401699, 5.13629138134393948 51.72873711949148401, 5.13986145713265508 51.72898210068563429, 5.14800063216199977 51.73235828184871821, 5.15069044936883813 51.72961537195449466, 5.15069044936883813 51.72961537195449466)))</t>
  </si>
  <si>
    <t>MultiPolygon (((5.14800063216199977 51.73235828184871821, 5.13986145713265508 51.72898210068563429, 5.13629138134393948 51.72873711949148401, 5.13449124453842032 51.72875702003401699, 5.12936595893310532 51.73190638620104664, 5.12683433027056434 51.73164986118609221, 5.1300049717526921 51.73549575346148544, 5.12703318534524577 51.73585975720293817, 5.12653119857105377 51.73731464285061321, 5.12805469948688497 51.73760714234622782, 5.16349663001328985 51.74270234088002951, 5.16359307669710699 51.74145156746457275, 5.15723933955491365 51.74049680396969109, 5.15077943378825065 51.73772769611534272, 5.14779041472096566 51.73392524624934907, 5.14800063216199977 51.73235828184871821, 5.14800063216199977 51.73235828184871821)))</t>
  </si>
  <si>
    <t>MultiPolygon (((5.16349663001328985 51.74270234088002951, 5.16883682878801398 51.7430738661354539, 5.16913842786166455 51.73777391977739626, 5.16512876959863654 51.73346368276342844, 5.16062188408350941 51.73226266739059298, 5.16198074548026931 51.73052392889419338, 5.17024736792914652 51.73015020415296306, 5.1700917583017274 51.72673247617787951, 5.17312138149677736 51.72360260128905196, 5.17687659845139692 51.72455834769363037, 5.17825849792338122 51.72040186247821936, 5.1745334081296015 51.71937139398976768, 5.17742438883492717 51.70968701284750324, 5.17647470941107546 51.70788020814459429, 5.16523309597239688 51.70676622537884981, 5.16031209283542047 51.70707118142053105, 5.15504033000732331 51.71143469532653114, 5.14362300320560095 51.71630730905137341, 5.14459224194261289 51.71662245493691756, 5.14647836847084417 51.71575092571887211, 5.1488584260029322 51.71555044633812059, 5.15156638748226836 51.71623903674201017, 5.15000174554212098 51.71770471044124662, 5.14903156947165108 51.72071896932664004, 5.1526267041846614 51.72114077676067012, 5.15346190434631435 51.72188290720090009, 5.15292478271661114 51.72339631570311269, 5.14962767229821416 51.72363053793846177, 5.14919137408483873 51.72626469299481045, 5.15069044936883813 51.72961537195449466, 5.14800063216199977 51.73235828184871821, 5.14779041472096566 51.73392524624934907, 5.15077943378825065 51.73772769611534272, 5.15723933955491365 51.74049680396969109, 5.16359307669710699 51.74145156746457275, 5.16349663001328985 51.74270234088002951, 5.16349663001328985 51.74270234088002951)))</t>
  </si>
  <si>
    <t>MultiPolygon (((5.12232510254418738 51.72712104614237916, 5.10553068466839921 51.72278594245813821, 5.10158304010648145 51.73121545827890344, 5.11184792362639584 51.73439095799211884, 5.11813858013015111 51.73570929752575154, 5.12653119857105377 51.73731464285061321, 5.12703318534524577 51.73585975720293817, 5.1300049717526921 51.73549575346148544, 5.12683433027056434 51.73164986118609221, 5.12142802173407308 51.72840565685283565, 5.12232510254418738 51.72712104614237916, 5.12232510254418738 51.72712104614237916)))</t>
  </si>
  <si>
    <t>MultiPolygon (((5.19552436274308427 51.74027318698385614, 5.20649417355845046 51.74147718457159328, 5.21037493173058408 51.7377110981789059, 5.20949533151411615 51.73736802740434371, 5.21044098324521432 51.73548017011756883, 5.21001547384599117 51.73394610417355466, 5.21515620283608694 51.7313319711188413, 5.20806628776289315 51.72525754049779323, 5.20407609708327001 51.723340283800745, 5.19315549475249139 51.72319424947857414, 5.18800808220646736 51.7249156890188786, 5.18527273996826032 51.72496188645300208, 5.18455116514142045 51.72183107369450283, 5.18130373451583193 51.72041045921943692, 5.17825849792338122 51.72040186247821936, 5.17687659845139692 51.72455834769363037, 5.17312138149677736 51.72360260128905196, 5.1700917583017274 51.72673247617787951, 5.17024736792914652 51.73015020415296306, 5.16198074548026931 51.73052392889419338, 5.16062188408350941 51.73226266739059298, 5.16512876959863654 51.73346368276342844, 5.16913842786166455 51.73777391977739626, 5.16883682878801398 51.7430738661354539, 5.17726006915512116 51.74291774980849112, 5.18569979536198211 51.74191755621143329, 5.19552436274308427 51.74027318698385614)))</t>
  </si>
  <si>
    <t>MultiPolygon (((5.10553068466839921 51.72278594245813821, 5.09516491279090467 51.72010768262705938, 5.09382494963118226 51.71861524795875198, 5.09315706312442718 51.71920493446702238, 5.09041333933476903 51.71931503255154894, 5.08353976987128675 51.72090653518849734, 5.08176024138801807 51.7223443984289375, 5.09212442152766354 51.72758375075651571, 5.10158304010648145 51.73121545827890344, 5.10553068466839921 51.72278594245813821, 5.10553068466839921 51.72278594245813821)))</t>
  </si>
  <si>
    <t>MultiPolygon (((5.22874066892720268 51.69135249195332449, 5.22681891403123533 51.690850881577731, 5.22615776172985758 51.69003080751629398, 5.22574378450125998 51.68386113532153558, 5.2232276116576255 51.67378197129122697, 5.207948398462662 51.67395599559257846, 5.20226439996509882 51.6706107649809141, 5.20477663098959908 51.66982208547575084, 5.17487808448203879 51.66919343716675428, 5.17626722199157108 51.67439077866249164, 5.17626182790331679 51.68110105266890031, 5.1796722269025901 51.68846153894965312, 5.18231764698621156 51.68856836331651294, 5.18328450014051789 51.6880517086428668, 5.18327165438084236 51.68705180427177481, 5.18672489190662578 51.68693057830422077, 5.18818064407876811 51.68809777819152629, 5.18800165119198731 51.69218871496953227, 5.19122616768157918 51.69214457915506244, 5.19365427228983201 51.6930711408209973, 5.19440945549757327 51.69488711456656205, 5.20106118952670027 51.69351555839590873, 5.21910412710380189 51.69139874356308439, 5.22621359518897233 51.6922080768204566, 5.23105165337709455 51.69392546309060776, 5.24376457881298919 51.69603317328426328, 5.24838362825470561 51.69500259251668695, 5.22874066892720268 51.69135249195332449)))</t>
  </si>
  <si>
    <t>MultiPolygon (((5.19864116508850138 51.69873528827817921, 5.20037358782717618 51.69487731578245615, 5.21210811256876649 51.69635374584506593, 5.22572900731312995 51.69969827496076675, 5.22615571349706887 51.69858289914796501, 5.23453004964365043 51.70271265830663054, 5.23898742164598463 51.70204386793604812, 5.24112032826142205 51.70102553685472913, 5.24701261066329661 51.70273538368558519, 5.24817404919331132 51.70110291893670507, 5.24892910006041369 51.70124437374634851, 5.25133418008203812 51.69978286486198726, 5.25156934592882507 51.69937179209935607, 5.24893406596208401 51.69726401299082141, 5.24848453305146201 51.69509646558203286, 5.24838362825470561 51.69500259251668695, 5.24376457881298919 51.69603317328426328, 5.23105165337709455 51.69392546309060776, 5.22621359518897233 51.6922080768204566, 5.21910412710380189 51.69139874356308439, 5.20106118952670027 51.69351555839590873, 5.19440945549757327 51.69488711456656205, 5.19055501988079637 51.69579750094701609, 5.18939694285877096 51.69720770482418004, 5.19525973348393588 51.69808502233836123, 5.19244098835364731 51.70345750722972866, 5.19737145838368786 51.70419390963026274, 5.20012948379168716 51.69895577083585181, 5.19864116508850138 51.69873528827817921, 5.19864116508850138 51.69873528827817921)))</t>
  </si>
  <si>
    <t>MultiPolygon (((5.24120424314965394 51.71398888587287956, 5.23575644719892619 51.70465306775339087, 5.23727397294785124 51.70476126183448429, 5.23898742164598463 51.70204386793604812, 5.23453004964365043 51.70271265830663054, 5.22615571349706887 51.69858289914796501, 5.22572900731312995 51.69969827496076675, 5.21210811256876649 51.69635374584506593, 5.20037358782717618 51.69487731578245615, 5.19864116508850138 51.69873528827817921, 5.20012948379168716 51.69895577083585181, 5.19737145838368786 51.70419390963026274, 5.20272030344546099 51.70499441450156297, 5.20758134947706619 51.70430336767827129, 5.20974606081294844 51.70557794517812766, 5.20852139266648528 51.70635333758984586, 5.22931352032471608 51.71228758997943231, 5.22997743533091697 51.71056956040787611, 5.24120424314965394 51.71398888587287956, 5.24120424314965394 51.71398888587287956)))</t>
  </si>
  <si>
    <t>MultiPolygon (((5.16322923659397581 51.69983277214603845, 5.19244098835364731 51.70345750722972866, 5.19525973348393588 51.69808502233836123, 5.18939694285877096 51.69720770482418004, 5.19055501988079637 51.69579750094701609, 5.19440945549757327 51.69488711456656205, 5.19365427228983201 51.6930711408209973, 5.19122616768157918 51.69214457915506244, 5.18800165119198731 51.69218871496953227, 5.18818064407876811 51.68809777819152629, 5.18672489190662578 51.68693057830422077, 5.18327165438084236 51.68705180427177481, 5.18328450014051789 51.6880517086428668, 5.18231764698621156 51.68856836331651294, 5.1796722269025901 51.68846153894965312, 5.17626182790331679 51.68110105266890031, 5.1661806679547162 51.68008665926956269, 5.16895405460013713 51.68607680643350477, 5.16649874354629368 51.68891727082467469, 5.16346736476649859 51.69851058866490234, 5.16322923659397581 51.69983277214603845, 5.16322923659397581 51.69983277214603845)))</t>
  </si>
  <si>
    <t>MultiPolygon (((5.21934614668977481 51.72815066847498144, 5.22174379853598314 51.7293861971615172, 5.22488404312867516 51.72665543731788773, 5.22751741475923737 51.72715081139487125, 5.23106330345354831 51.72401623458101483, 5.2285356706819579 51.71476775870035425, 5.22931352032471608 51.71228758997943231, 5.20852139266648528 51.70635333758984586, 5.20974606081294844 51.70557794517812766, 5.20758134947706619 51.70430336767827129, 5.20272030344546099 51.70499441450156297, 5.19737145838368786 51.70419390963026274, 5.19244098835364731 51.70345750722972866, 5.16322923659397581 51.69983277214603845, 5.16031209283542047 51.70707118142053105, 5.16523309597239688 51.70676622537884981, 5.17647470941107546 51.70788020814459429, 5.17742438883492717 51.70968701284750324, 5.1745334081296015 51.71937139398976768, 5.17825849792338122 51.72040186247821936, 5.18130373451583193 51.72041045921943692, 5.18455116514142045 51.72183107369450283, 5.18527273996826032 51.72496188645300208, 5.18800808220646736 51.7249156890188786, 5.19315549475249139 51.72319424947857414, 5.20407609708327001 51.723340283800745, 5.20806628776289315 51.72525754049779323, 5.21515620283608694 51.7313319711188413, 5.21934614668977481 51.72815066847498144)))</t>
  </si>
  <si>
    <t>MultiPolygon (((5.15504033000732331 51.71143469532653114, 5.16031209283542047 51.70707118142053105, 5.16322923659397581 51.69983277214603845, 5.16346736476649859 51.69851058866490234, 5.15629935953428653 51.69807488515242255, 5.14336039372093445 51.695571542858481, 5.13220820927284471 51.69414111732329076, 5.11793705643247154 51.69213414034156528, 5.11379004500533441 51.69236116904351519, 5.10974331779842927 51.69333566630096044, 5.10420241512902262 51.69498373360845278, 5.1030527956523235 51.70248382257214814, 5.11150612771403701 51.70357640703475965, 5.10872054019729571 51.70903270438253685, 5.10685471379087641 51.71086111475919722, 5.10542124572440503 51.71095604782286159, 5.10302730614096145 51.71255156604049574, 5.11042353469728372 51.71449808172142326, 5.11321232313556351 51.70904156006421459, 5.11572928275743521 51.70924606644895505, 5.13577135514281036 51.71396549278347265, 5.13790512446296876 51.71550617403153893, 5.14362300320560095 51.71630730905137341, 5.15504033000732331 51.71143469532653114, 5.15504033000732331 51.71143469532653114)))</t>
  </si>
  <si>
    <t>MultiPolygon (((5.16649874354629368 51.68891727082467469, 5.16895405460013713 51.68607680643350477, 5.1661806679547162 51.68008665926956269, 5.17626182790331679 51.68110105266890031, 5.17626722199157108 51.67439077866249164, 5.17487808448203879 51.66919343716675428, 5.16679814441188334 51.6690474409444036, 5.16176729160489334 51.66344762337181606, 5.15767272748055206 51.66327474125871078, 5.15695812897989025 51.65775984319610359, 5.15445188810259936 51.65491909990887365, 5.16006567337183419 51.63953565594037798, 5.14493839509585715 51.64051170564903259, 5.13771078777467505 51.64027119464355309, 5.12925816958176384 51.63788136054495226, 5.12306624525779686 51.638194470523473, 5.11587587359948603 51.63761027405549697, 5.10613697257879373 51.6359558448703595, 5.10322959145225052 51.65226428227087752, 5.10162562968354383 51.66134450656431909, 5.10271796082358886 51.66834965967084514, 5.10199427280875195 51.66983731308061323, 5.10231152785185049 51.67194302551163787, 5.10158126676233614 51.67244220645563502, 5.10402183071741433 51.67490017700461635, 5.10748599148007187 51.67216712476621865, 5.11381434320280448 51.66983444675422277, 5.12880283370674928 51.66861115220390133, 5.13076295909023106 51.68430734527159132, 5.13622820543566405 51.68539135910391025, 5.13635016432851454 51.68650251222125291, 5.14342212332125204 51.68627249448038441, 5.16649874354629368 51.68891727082467469)))</t>
  </si>
  <si>
    <t>MultiPolygon (((5.13076295909023106 51.68430734527159132, 5.12880283370674928 51.66861115220390133, 5.11381434320280448 51.66983444675422277, 5.10748599148007187 51.67216712476621865, 5.10402183071741433 51.67490017700461635, 5.10150939109956081 51.67683469284076381, 5.10649321215436647 51.67732783493014637, 5.10566575383328036 51.68387804322264856, 5.10488329022171961 51.69003669169564574, 5.10420241512902262 51.69498373360845278, 5.10974331779842927 51.69333566630096044, 5.11345632633868696 51.69018103762240912, 5.12834906941962654 51.68624805556778767, 5.12814436192193579 51.68505549944217137, 5.13076295909023106 51.68430734527159132, 5.13076295909023106 51.68430734527159132)))</t>
  </si>
  <si>
    <t>MultiPolygon (((5.13163541584966332 51.68813839420312917, 5.13162418974837209 51.68768110146295669, 5.13635016432851454 51.68650251222125291, 5.13622820543566405 51.68539135910391025, 5.13076295909023106 51.68430734527159132, 5.12814436192193579 51.68505549944217137, 5.12834906941962654 51.68624805556778767, 5.12941906787613977 51.68615432340094884, 5.12959146283909817 51.68829369418749309, 5.13163541584966332 51.68813839420312917, 5.13163541584966332 51.68813839420312917)))</t>
  </si>
  <si>
    <t>MultiPolygon (((5.13220820927284471 51.69414111732329076, 5.14336039372093445 51.695571542858481, 5.15629935953428653 51.69807488515242255, 5.16346736476649859 51.69851058866490234, 5.16649874354629368 51.68891727082467469, 5.14342212332125204 51.68627249448038441, 5.13635016432851454 51.68650251222125291, 5.13162418974837209 51.68768110146295669, 5.13163541584966332 51.68813839420312917, 5.13220820927284471 51.69414111732329076, 5.13220820927284471 51.69414111732329076)))</t>
  </si>
  <si>
    <t>MultiPolygon (((5.10974331779842927 51.69333566630096044, 5.11379004500533441 51.69236116904351519, 5.11793705643247154 51.69213414034156528, 5.13220820927284471 51.69414111732329076, 5.13163541584966332 51.68813839420312917, 5.12959146283909817 51.68829369418749309, 5.12941906787613977 51.68615432340094884, 5.12834906941962654 51.68624805556778767, 5.11345632633868696 51.69018103762240912, 5.10974331779842927 51.69333566630096044, 5.10974331779842927 51.69333566630096044)))</t>
  </si>
  <si>
    <t>MultiPolygon (((5.47424431920269683 51.72896472033367843, 5.4801370461477461 51.72446402207487637, 5.47882799772973428 51.72415826055880927, 5.48478521511754558 51.71330805955444276, 5.48777306105477081 51.71289942003256357, 5.48781989653904123 51.71206773876283336, 5.49770657216024539 51.71171060231301198, 5.49732186518681321 51.71076576344623277, 5.49891889193400907 51.71056578339552345, 5.49823184693073674 51.70917731258585093, 5.49965606871168067 51.7090083707444208, 5.49906819410222703 51.70708283626569113, 5.49238588203429057 51.70610065475622719, 5.48292335483193227 51.70148907856876264, 5.47829147527462901 51.701431270595819, 5.47105422337115677 51.69115160502596495, 5.46940135969847763 51.69126885569282592, 5.46984978536234667 51.68913674663943425, 5.46207841493045887 51.68950307922750653, 5.46032683896110971 51.6896514200929289, 5.45876841293654458 51.69202938362629851, 5.45687272790405853 51.68759084153013106, 5.45271875586132726 51.6884749627495097, 5.45167881814974464 51.68675126891664462, 5.44536915834115742 51.68855582190704467, 5.44740468748975992 51.69502338754420379, 5.44599827839481243 51.6952980911875386, 5.44193626916350315 51.6947716053840054, 5.44335017373526142 51.69761803805822353, 5.4397384788330756 51.69864293232702579, 5.4393303865149889 51.70043437038851408, 5.43790902871773785 51.70619628550352331, 5.43143248505398368 51.71757148716998387, 5.43704145022316787 51.71850077260959466, 5.44302595045014215 51.71985213423333505, 5.449891371232364 51.72237487882509299, 5.46318792066153502 51.72586627542166582, 5.4648434352318942 51.72629487230443601, 5.46543365930617853 51.72678777472293632, 5.46629391503501694 51.72665693520488617, 5.46686595384638263 51.72702012120867465, 5.47424431920269683 51.72896472033367843),(5.45120869089508453 51.70391899354763865, 5.45277269688101107 51.70052655536088793, 5.46906170036973371 51.70136181070890302, 5.47020091624883431 51.70702381442988127, 5.46987298954512902 51.70792965423331822, 5.46856020946044019 51.7078972468196838, 5.46816361503466908 51.70990260747230138, 5.46238543983723979 51.70908996304630278, 5.46221392364731972 51.70849121581749586, 5.4594091201323911 51.70788930607433542, 5.45484684293376887 51.70760007300333427, 5.45120869089508453 51.70391899354763865)))</t>
  </si>
  <si>
    <t>MultiPolygon (((5.42108388419024756 51.71584819470218264, 5.43143248505398368 51.71757148716998387, 5.43790902871773785 51.70619628550352331, 5.4393303865149889 51.70043437038851408, 5.42980825354266461 51.70147867681009757, 5.42785705326777812 51.70324094220001854, 5.42369874678086905 51.7044088417139136, 5.42026494672164638 51.70405226839010737, 5.41767893905400388 51.70775530996981928, 5.42183741789797669 51.70874918179053026, 5.42469929674882501 51.71127555036076018, 5.42108388419024756 51.71584819470218264, 5.42108388419024756 51.71584819470218264)))</t>
  </si>
  <si>
    <t>MultiPolygon (((5.46856020946044019 51.7078972468196838, 5.46987298954512902 51.70792965423331822, 5.47020091624883431 51.70702381442988127, 5.46906170036973371 51.70136181070890302, 5.45277269688101107 51.70052655536088793, 5.45120869089508453 51.70391899354763865, 5.45484684293376887 51.70760007300333427, 5.4594091201323911 51.70788930607433542, 5.46221392364731972 51.70849121581749586, 5.46238543983723979 51.70908996304630278, 5.46816361503466908 51.70990260747230138, 5.46856020946044019 51.7078972468196838, 5.46856020946044019 51.7078972468196838)))</t>
  </si>
  <si>
    <t>MultiPolygon (((5.43881638438839321 51.76503027799325451, 5.44402628296296331 51.75331223469006403, 5.44351717854660677 51.75104946249491888, 5.4474225641922871 51.74530758661136787, 5.45130699575402744 51.73979913322975221, 5.43806830957767939 51.73577724772176367, 5.43018750591927013 51.73340885615736795, 5.42464703557029448 51.74188423042490115, 5.41655422901576955 51.75125154106677172, 5.41297288566895141 51.75741755410783895, 5.41182011949188357 51.76217085230688753, 5.42323086024453538 51.76322786022707589, 5.43621881652822836 51.76472526327986401, 5.43881638438839321 51.76503027799325451)))</t>
  </si>
  <si>
    <t>MultiPolygon (((5.40559975834628936 51.73836437196670346, 5.41730290378261525 51.7399940464583068, 5.42464703557029448 51.74188423042490115, 5.43018750591927013 51.73340885615736795, 5.42526241015390553 51.73192622091862347, 5.4294176852165057 51.72585743974703121, 5.43031548011561416 51.71985774345658626, 5.43601524566766869 51.72103041780129473, 5.43704145022316787 51.71850077260959466, 5.43143248505398368 51.71757148716998387, 5.42108388419024756 51.71584819470218264, 5.41514221971235887 51.71476250649369177, 5.41026068365924395 51.72085395486750059, 5.40852166944815593 51.72687081346126803, 5.4108122400780525 51.72764933790660535, 5.40559975834628936 51.73836437196670346, 5.40559975834628936 51.73836437196670346)))</t>
  </si>
  <si>
    <t>MultiPolygon (((5.45130699575402744 51.73979913322975221, 5.45139888195485423 51.73968226352909028, 5.45053851857037941 51.7393771076087674, 5.45417324170923212 51.73545525413148738, 5.45192969316267018 51.73400133220085451, 5.45323898684909736 51.73238889790672346, 5.45471480435548806 51.73286955747930449, 5.45645124160897144 51.73136830543916886, 5.45789560532657969 51.72996447746233173, 5.4600736101742946 51.73070759131272212, 5.4625922394310864 51.72819919391609034, 5.46318792066153502 51.72586627542166582, 5.449891371232364 51.72237487882509299, 5.44948065428353612 51.7228122443505498, 5.44892901913677807 51.72369066418710304, 5.44812950076480451 51.72489416266140694, 5.44687147533228888 51.72671154179336384, 5.44479573137371453 51.72621776048477926, 5.43806830957767939 51.73577724772176367, 5.45130699575402744 51.73979913322975221)))</t>
  </si>
  <si>
    <t>MultiPolygon (((5.44812950076480451 51.72489416266140694, 5.44892901913677807 51.72369066418710304, 5.44948065428353612 51.7228122443505498, 5.44172128954926571 51.72073737736121757, 5.44103647081248543 51.72123724696906777, 5.44175891851986115 51.72364360020569052, 5.44812950076480451 51.72489416266140694, 5.44812950076480451 51.72489416266140694)))</t>
  </si>
  <si>
    <t>MultiPolygon (((5.43018750591927013 51.73340885615736795, 5.43806830957767939 51.73577724772176367, 5.44479573137371453 51.72621776048477926, 5.44687147533228888 51.72671154179336384, 5.44812950076480451 51.72489416266140694, 5.44175891851986115 51.72364360020569052, 5.44103647081248543 51.72123724696906777, 5.44172128954926571 51.72073737736121757, 5.44948065428353612 51.7228122443505498, 5.449891371232364 51.72237487882509299, 5.44302595045014215 51.71985213423333505, 5.43704145022316787 51.71850077260959466, 5.43601524566766869 51.72103041780129473, 5.43031548011561416 51.71985774345658626, 5.4294176852165057 51.72585743974703121, 5.42526241015390553 51.73192622091862347, 5.43018750591927013 51.73340885615736795, 5.43018750591927013 51.73340885615736795)))</t>
  </si>
  <si>
    <t>MultiPolygon (((5.24303433394305429 51.72034431272196286, 5.24341713822932043 51.72003995636951146, 5.24649454508278179 51.7216927240699107, 5.25474442060939761 51.71927824486973435, 5.25763255515292016 51.71761783735821183, 5.25889763801860699 51.71432348616777119, 5.26008136915635838 51.71090957434940805, 5.26266756037065608 51.70874866680728843, 5.25879848141354955 51.70600661276399279, 5.25133418008203812 51.69978286486198726, 5.24892910006041369 51.70124437374634851, 5.24817404919331132 51.70110291893670507, 5.24701261066329661 51.70273538368558519, 5.24112032826142205 51.70102553685472913, 5.23898742164598463 51.70204386793604812, 5.23727397294785124 51.70476126183448429, 5.23575644719892619 51.70465306775339087, 5.24120424314965394 51.71398888587287956, 5.22997743533091697 51.71056956040787611, 5.22931352032471608 51.71228758997943231, 5.2285356706819579 51.71476775870035425, 5.23106330345354831 51.72401623458101483, 5.22751741475923737 51.72715081139487125, 5.24176214269909302 51.72990327745587535, 5.24308501736226074 51.72629053845646041, 5.23849167708119001 51.72421477692810754, 5.24303433394305429 51.72034431272196286, 5.24303433394305429 51.72034431272196286)))</t>
  </si>
  <si>
    <t>MultiPolygon (((5.24176214269909302 51.72990327745587535, 5.22751741475923737 51.72715081139487125, 5.22488404312867516 51.72665543731788773, 5.22174379853598314 51.7293861971615172, 5.21934614668977481 51.72815066847498144, 5.21515620283608694 51.7313319711188413, 5.21001547384599117 51.73394610417355466, 5.21044098324521432 51.73548017011756883, 5.20949533151411615 51.73736802740434371, 5.21037493173058408 51.7377110981789059, 5.20649417355845046 51.74147718457159328, 5.21185092761318369 51.74273564424245109, 5.21634745632171715 51.74345117292130425, 5.22213937501489944 51.74338755723420036, 5.23110377246812153 51.74130393672719208, 5.24467851738209667 51.73442123641170554, 5.24176214269909302 51.72990327745587535, 5.24176214269909302 51.72990327745587535)))</t>
  </si>
  <si>
    <t>MultiPolygon (((5.24467851738209667 51.73442123641170554, 5.24967966007917486 51.73358070668065523, 5.26508522177243865 51.72676474510170408, 5.25474442060939761 51.71927824486973435, 5.24649454508278179 51.7216927240699107, 5.24341713822932043 51.72003995636951146, 5.24303433394305429 51.72034431272196286, 5.23849167708119001 51.72421477692810754, 5.24308501736226074 51.72629053845646041, 5.24176214269909302 51.72990327745587535, 5.24467851738209667 51.73442123641170554, 5.24467851738209667 51.73442123641170554)))</t>
  </si>
  <si>
    <t>MultiPolygon (((5.24967966007917486 51.73358070668065523, 5.25546623632756127 51.7348996619303918, 5.26414142839513399 51.73882804853722206, 5.26853827818309295 51.73964741441586312, 5.2698634081848148 51.73646959184303995, 5.27607434546474874 51.73201260762196796, 5.28829104959884155 51.71675668912411084, 5.27615739899109926 51.71464377239271926, 5.27606546763167206 51.71702007584512018, 5.27201997273929024 51.72313286680471123, 5.26508522177243865 51.72676474510170408, 5.24967966007917486 51.73358070668065523, 5.24967966007917486 51.73358070668065523)))</t>
  </si>
  <si>
    <t>MultiPolygon (((5.25889763801860699 51.71432348616777119, 5.26413532725667199 51.71595684956661643, 5.27004223015554807 51.71459856240475261, 5.27221500662794273 51.7135284765161316, 5.26266756037065608 51.70874866680728843, 5.26008136915635838 51.71090957434940805, 5.25889763801860699 51.71432348616777119, 5.25889763801860699 51.71432348616777119)))</t>
  </si>
  <si>
    <t>MultiPolygon (((5.25474442060939761 51.71927824486973435, 5.26508522177243865 51.72676474510170408, 5.27201997273929024 51.72313286680471123, 5.27606546763167206 51.71702007584512018, 5.27615739899109926 51.71464377239271926, 5.27221500662794273 51.7135284765161316, 5.27004223015554807 51.71459856240475261, 5.26413532725667199 51.71595684956661643, 5.25889763801860699 51.71432348616777119, 5.25763255515292016 51.71761783735821183, 5.25474442060939761 51.71927824486973435, 5.25474442060939761 51.71927824486973435)))</t>
  </si>
  <si>
    <t>MultiPolygon (((5.27615739899109926 51.71464377239271926, 5.28829104959884155 51.71675668912411084, 5.29111073499057838 51.71342555684965703, 5.29425633042047572 51.71197539064836235, 5.29841601091322012 51.70596070690239543, 5.2987108761484949 51.70026718326584358, 5.29730586106183399 51.6985799825790906, 5.29450273547124617 51.69988115043899057, 5.2892693070953074 51.70405796581250968, 5.28092083601413531 51.70736558235189051, 5.27557731994805135 51.71070277946886762, 5.27615739899109926 51.71464377239271926, 5.27615739899109926 51.71464377239271926)))</t>
  </si>
  <si>
    <t>MultiPolygon (((5.28093847834207164 51.70406498968110043, 5.28092083601413531 51.70736558235189051, 5.2892693070953074 51.70405796581250968, 5.29450273547124617 51.69988115043899057, 5.29730586106183399 51.6985799825790906, 5.29698126996517171 51.69801354035798369, 5.29384478752107412 51.69879127776390959, 5.29044849000735251 51.69732033700334739, 5.28183397187954284 51.70166594396364701, 5.28093847834207164 51.70406498968110043, 5.28093847834207164 51.70406498968110043)))</t>
  </si>
  <si>
    <t>MultiPolygon (((5.27221500662794273 51.7135284765161316, 5.27615739899109926 51.71464377239271926, 5.27557731994805135 51.71070277946886762, 5.28092083601413531 51.70736558235189051, 5.28093847834207164 51.70406498968110043, 5.27571560924124228 51.70329341623683916, 5.26998684254199024 51.69962490380562059, 5.2623592615113175 51.70462364108059461, 5.25879848141354955 51.70600661276399279, 5.26266756037065608 51.70874866680728843, 5.27221500662794273 51.7135284765161316, 5.27221500662794273 51.7135284765161316)))</t>
  </si>
  <si>
    <t>MultiPolygon (((5.26998684254199024 51.69962490380562059, 5.27571560924124228 51.70329341623683916, 5.28093847834207164 51.70406498968110043, 5.28183397187954284 51.70166594396364701, 5.29044849000735251 51.69732033700334739, 5.28202599555537944 51.69349007553713449, 5.26998684254199024 51.69962490380562059, 5.26998684254199024 51.69962490380562059)))</t>
  </si>
  <si>
    <t>MultiPolygon (((5.26199964894994299 51.69384511797916559, 5.26075057775774191 51.69211690717614971, 5.25394911587584268 51.69333932580202884, 5.24848453305146201 51.69509646558203286, 5.24893406596208401 51.69726401299082141, 5.25156934592882507 51.69937179209935607, 5.25133418008203812 51.69978286486198726, 5.25879848141354955 51.70600661276399279, 5.2623592615113175 51.70462364108059461, 5.26998684254199024 51.69962490380562059, 5.26199964894994299 51.69384511797916559, 5.26199964894994299 51.69384511797916559)))</t>
  </si>
  <si>
    <t>MultiPolygon (((5.26998684254199024 51.69962490380562059, 5.28202599555537944 51.69349007553713449, 5.27950666913719324 51.69185759061613794, 5.27282597280607845 51.68683720838483708, 5.27030302824685037 51.68732685997138532, 5.2638847951456329 51.69111050475525104, 5.26075057775774191 51.69211690717614971, 5.26199964894994299 51.69384511797916559, 5.26998684254199024 51.69962490380562059, 5.26998684254199024 51.69962490380562059)))</t>
  </si>
  <si>
    <t>MultiPolygon (((5.24848453305146201 51.69509646558203286, 5.25394911587584268 51.69333932580202884, 5.26075057775774191 51.69211690717614971, 5.2638847951456329 51.69111050475525104, 5.27030302824685037 51.68732685997138532, 5.27429620111249964 51.68367307498881758, 5.26563381116894025 51.68472520103420464, 5.25381397330072275 51.68439690726702906, 5.2478220943711138 51.68351060894258353, 5.238394546753665 51.68453260987006814, 5.23427173066235163 51.6854993843119388, 5.23190175730918039 51.68925719569040922, 5.22615776172985758 51.69003080751629398, 5.22681891403123533 51.690850881577731, 5.22874066892720268 51.69135249195332449, 5.24838362825470561 51.69500259251668695, 5.24848453305146201 51.69509646558203286)))</t>
  </si>
  <si>
    <t>MultiPolygon (((5.27950666913719324 51.69185759061613794, 5.28302117740203236 51.6908054514037687, 5.28255050364438006 51.68573294803984908, 5.27282597280607845 51.68683720838483708, 5.27950666913719324 51.69185759061613794, 5.27950666913719324 51.69185759061613794)))</t>
  </si>
  <si>
    <t>MultiPolygon (((5.27030302824685037 51.68732685997138532, 5.27282597280607845 51.68683720838483708, 5.28255050364438006 51.68573294803984908, 5.28610855898578791 51.6851391863696108, 5.28907887327607096 51.68313990522467805, 5.29073256717147178 51.68281940852175182, 5.29081756933942415 51.68224470933942882, 5.29148935598148284 51.67480524884614113, 5.28802918030007962 51.68223727214721208, 5.27429620111249964 51.68367307498881758, 5.27030302824685037 51.68732685997138532, 5.27030302824685037 51.68732685997138532)))</t>
  </si>
  <si>
    <t>MultiPolygon (((5.28302117740203236 51.6908054514037687, 5.28759047709107843 51.69210415987281948, 5.29385519245572311 51.69127761552375944, 5.29073256717147178 51.68281940852175182, 5.28907887327607096 51.68313990522467805, 5.28610855898578791 51.6851391863696108, 5.28255050364438006 51.68573294803984908, 5.28302117740203236 51.6908054514037687, 5.28302117740203236 51.6908054514037687)))</t>
  </si>
  <si>
    <t>MultiPolygon (((5.29044849000735251 51.69732033700334739, 5.29384478752107412 51.69879127776390959, 5.29698126996517171 51.69801354035798369, 5.29385519245572311 51.69127761552375944, 5.28759047709107843 51.69210415987281948, 5.28302117740203236 51.6908054514037687, 5.27950666913719324 51.69185759061613794, 5.28202599555537944 51.69349007553713449, 5.29044849000735251 51.69732033700334739, 5.29044849000735251 51.69732033700334739)))</t>
  </si>
  <si>
    <t>MultiPolygon (((5.26853827818309295 51.73964741441586312, 5.27572029817583044 51.74016990985736442, 5.28328499270552232 51.73977682696587976, 5.29165239961870881 51.73726271247455344, 5.29599666187430973 51.73671787213976359, 5.30033868043625045 51.73728743740514346, 5.3043608477657731 51.73878397215796809, 5.30758840148971522 51.73583392761160837, 5.31181488420176962 51.73235076099587815, 5.31027141269796221 51.73195424904508855, 5.30709054329888552 51.73436370702420106, 5.30426459065406597 51.7341146802496894, 5.30275115002556241 51.73316637995069556, 5.30039885867278038 51.73352924434129818, 5.29700862630392422 51.732588401678818, 5.29721320789375305 51.73099639609529277, 5.29535853793328215 51.73126294346866416, 5.29455164852577553 51.73312585870666425, 5.29338215786263611 51.73362774420210286, 5.29179769317841053 51.73323163118734414, 5.29122570205926124 51.73210718511904105, 5.2892701038812886 51.73252542977502344, 5.28778262100717722 51.73491178344143293, 5.28213512604755575 51.73797091195215359, 5.27459267311373026 51.73752128042666243, 5.27760536760940457 51.73239997503556253, 5.27607434546474874 51.73201260762196796, 5.2698634081848148 51.73646959184303995, 5.26853827818309295 51.73964741441586312, 5.26853827818309295 51.73964741441586312)))</t>
  </si>
  <si>
    <t>MultiPolygon (((5.27607434546474874 51.73201260762196796, 5.27760536760940457 51.73239997503556253, 5.28305822927618696 51.73333224374882633, 5.28496744347900016 51.73100920900146349, 5.28392517820820995 51.729369250468757, 5.28589320326923051 51.727052796926273, 5.29062551156598104 51.72266613625593834, 5.2947794671988504 51.72162187389034926, 5.29610004543025426 51.71783644300738558, 5.28829104959884155 51.71675668912411084, 5.27607434546474874 51.73201260762196796, 5.27607434546474874 51.73201260762196796)))</t>
  </si>
  <si>
    <t>MultiPolygon (((5.27760536760940457 51.73239997503556253, 5.27459267311373026 51.73752128042666243, 5.28213512604755575 51.73797091195215359, 5.28778262100717722 51.73491178344143293, 5.2892701038812886 51.73252542977502344, 5.29122570205926124 51.73210718511904105, 5.28948061393016911 51.72965398086631694, 5.28496744347900016 51.73100920900146349, 5.28305822927618696 51.73333224374882633, 5.27760536760940457 51.73239997503556253, 5.27760536760940457 51.73239997503556253)))</t>
  </si>
  <si>
    <t>MultiPolygon (((5.28496744347900016 51.73100920900146349, 5.28948061393016911 51.72965398086631694, 5.29381639496697787 51.72516753830902303, 5.29547305006574298 51.72454867735650907, 5.2947794671988504 51.72162187389034926, 5.29062551156598104 51.72266613625593834, 5.28589320326923051 51.727052796926273, 5.28392517820820995 51.729369250468757, 5.28496744347900016 51.73100920900146349, 5.28496744347900016 51.73100920900146349)))</t>
  </si>
  <si>
    <t>MultiPolygon (((5.29122570205926124 51.73210718511904105, 5.29179769317841053 51.73323163118734414, 5.29338215786263611 51.73362774420210286, 5.29455164852577553 51.73312585870666425, 5.29535853793328215 51.73126294346866416, 5.29721320789375305 51.73099639609529277, 5.2984462411039166 51.72609105477209113, 5.29547305006574298 51.72454867735650907, 5.29381639496697787 51.72516753830902303, 5.28948061393016911 51.72965398086631694, 5.29122570205926124 51.73210718511904105, 5.29122570205926124 51.73210718511904105)))</t>
  </si>
  <si>
    <t>MultiPolygon (((5.29721320789375305 51.73099639609529277, 5.29700862630392422 51.732588401678818, 5.30039885867278038 51.73352924434129818, 5.30275115002556241 51.73316637995069556, 5.30273231393394706 51.72681025596348547, 5.2984462411039166 51.72609105477209113, 5.29721320789375305 51.73099639609529277, 5.29721320789375305 51.73099639609529277)))</t>
  </si>
  <si>
    <t>MultiPolygon (((5.30275115002556241 51.73316637995069556, 5.30426459065406597 51.7341146802496894, 5.30709054329888552 51.73436370702420106, 5.31027141269796221 51.73195424904508855, 5.31014680897618252 51.73097518945299811, 5.3062073154151852 51.72906349726971342, 5.30567523972760302 51.72634161060697267, 5.30273231393394706 51.72681025596348547, 5.30275115002556241 51.73316637995069556, 5.30275115002556241 51.73316637995069556)))</t>
  </si>
  <si>
    <t>MultiPolygon (((5.30567523972760302 51.72634161060697267, 5.3062073154151852 51.72906349726971342, 5.31014680897618252 51.73097518945299811, 5.31239117376839154 51.7292324472462397, 5.31255392111086877 51.72758405094469936, 5.31186937341687671 51.72663239992941442, 5.30803277862157508 51.72543690995701837, 5.30567523972760302 51.72634161060697267, 5.30567523972760302 51.72634161060697267)))</t>
  </si>
  <si>
    <t>MultiPolygon (((5.31027141269796221 51.73195424904508855, 5.31181488420176962 51.73235076099587815, 5.31748127653056102 51.72827563062565304, 5.32027350544966904 51.72649252400116637, 5.3252493795705691 51.72357214252160418, 5.31497589966901884 51.72066160654097899, 5.31408644903732075 51.72240512431572768, 5.309945857484208 51.7239288943547848, 5.30803277862157508 51.72543690995701837, 5.31186937341687671 51.72663239992941442, 5.31255392111086877 51.72758405094469936, 5.31239117376839154 51.7292324472462397, 5.31014680897618252 51.73097518945299811, 5.31027141269796221 51.73195424904508855, 5.31027141269796221 51.73195424904508855)))</t>
  </si>
  <si>
    <t>MultiPolygon (((5.30273231393394706 51.72681025596348547, 5.30567523972760302 51.72634161060697267, 5.30803277862157508 51.72543690995701837, 5.309945857484208 51.7239288943547848, 5.31408644903732075 51.72240512431572768, 5.31497589966901884 51.72066160654097899, 5.30821003732102614 51.71952750709857582, 5.30566586298738674 51.72281088293689066, 5.30268292810701336 51.72438853130334735, 5.30273231393394706 51.72681025596348547, 5.30273231393394706 51.72681025596348547)))</t>
  </si>
  <si>
    <t>MultiPolygon (((5.2984462411039166 51.72609105477209113, 5.30273231393394706 51.72681025596348547, 5.30268292810701336 51.72438853130334735, 5.30566586298738674 51.72281088293689066, 5.30821003732102614 51.71952750709857582, 5.30167939573528901 51.71860097474144169, 5.29610004543025426 51.71783644300738558, 5.2947794671988504 51.72162187389034926, 5.29547305006574298 51.72454867735650907, 5.2984462411039166 51.72609105477209113, 5.2984462411039166 51.72609105477209113)))</t>
  </si>
  <si>
    <t>MultiPolygon (((5.28829104959884155 51.71675668912411084, 5.29610004543025426 51.71783644300738558, 5.29800967502657016 51.71235100142948227, 5.29830707574438975 51.71148844288017443, 5.29425633042047572 51.71197539064836235, 5.29111073499057838 51.71342555684965703, 5.28829104959884155 51.71675668912411084, 5.28829104959884155 51.71675668912411084)))</t>
  </si>
  <si>
    <t>MultiPolygon (((5.29425633042047572 51.71197539064836235, 5.29830707574438975 51.71148844288017443, 5.30194866059803704 51.70704050694008913, 5.30403196401250288 51.70196043519131024, 5.30063810817318082 51.70132901962011118, 5.2987108761484949 51.70026718326584358, 5.29841601091322012 51.70596070690239543, 5.29425633042047572 51.71197539064836235, 5.29425633042047572 51.71197539064836235)))</t>
  </si>
  <si>
    <t>MultiPolygon (((5.30605911682518272 51.71027999246813067, 5.31051540633755614 51.71045173791248573, 5.31382069182137862 51.70762021449614565, 5.31361702463505292 51.70567215824775076, 5.31131852832615081 51.70562397196640347, 5.31063755470764942 51.70120292043792887, 5.30403196401250288 51.70196043519131024, 5.30194866059803704 51.70704050694008913, 5.30500488242330981 51.70803730747113747, 5.30605911682518272 51.71027999246813067, 5.30605911682518272 51.71027999246813067)))</t>
  </si>
  <si>
    <t>MultiPolygon (((5.30348360642519623 51.71386820840407239, 5.30357766455227342 51.71373934476135759, 5.30605911682518272 51.71027999246813067, 5.30500488242330981 51.70803730747113747, 5.30194866059803704 51.70704050694008913, 5.29830707574438975 51.71148844288017443, 5.29800967502657016 51.71235100142948227, 5.30348360642519623 51.71386820840407239, 5.30348360642519623 51.71386820840407239)))</t>
  </si>
  <si>
    <t>MultiPolygon (((5.29610004543025426 51.71783644300738558, 5.30167939573528901 51.71860097474144169, 5.30214645525136774 51.71701427358529912, 5.3006530176190001 51.71681019434389981, 5.30348360642519623 51.71386820840407239, 5.29800967502657016 51.71235100142948227, 5.29610004543025426 51.71783644300738558, 5.29610004543025426 51.71783644300738558)))</t>
  </si>
  <si>
    <t>MultiPolygon (((5.30167939573528901 51.71860097474144169, 5.30821003732102614 51.71952750709857582, 5.30988878299050704 51.71604946610296594, 5.30875073913780149 51.71520756084673565, 5.30357766455227342 51.71373934476135759, 5.30348360642519623 51.71386820840407239, 5.3006530176190001 51.71681019434389981, 5.30214645525136774 51.71701427358529912, 5.30167939573528901 51.71860097474144169, 5.30167939573528901 51.71860097474144169)))</t>
  </si>
  <si>
    <t>MultiPolygon (((5.30357766455227342 51.71373934476135759, 5.30875073913780149 51.71520756084673565, 5.31200447835488987 51.71078901403075179, 5.31051540633755614 51.71045173791248573, 5.30605911682518272 51.71027999246813067, 5.30357766455227342 51.71373934476135759, 5.30357766455227342 51.71373934476135759)))</t>
  </si>
  <si>
    <t>MultiPolygon (((5.30821003732102614 51.71952750709857582, 5.31497589966901884 51.72066160654097899, 5.3166292651822582 51.71776623944310813, 5.32068117504060289 51.71412163092288949, 5.31200447835488987 51.71078901403075179, 5.30875073913780149 51.71520756084673565, 5.30988878299050704 51.71604946610296594, 5.30821003732102614 51.71952750709857582, 5.30821003732102614 51.71952750709857582)))</t>
  </si>
  <si>
    <t>MultiPolygon (((5.31497589966901884 51.72066160654097899, 5.3252493795705691 51.72357214252160418, 5.33179619451279851 51.72018223044000251, 5.33054109472237769 51.71903200693149927, 5.32454425018137734 51.7176170070700536, 5.32569281568754249 51.71657621982136277, 5.32068117504060289 51.71412163092288949, 5.3166292651822582 51.71776623944310813, 5.31497589966901884 51.72066160654097899, 5.31497589966901884 51.72066160654097899)))</t>
  </si>
  <si>
    <t>MultiPolygon (((5.32569281568754249 51.71657621982136277, 5.32454425018137734 51.7176170070700536, 5.33054109472237769 51.71903200693149927, 5.33179619451279851 51.72018223044000251, 5.33762168309944407 51.71641706501490177, 5.32996370360508731 51.71387309997857784, 5.32569281568754249 51.71657621982136277, 5.32569281568754249 51.71657621982136277)))</t>
  </si>
  <si>
    <t>MultiPolygon (((5.32068117504060289 51.71412163092288949, 5.32569281568754249 51.71657621982136277, 5.32996370360508731 51.71387309997857784, 5.32426665524419551 51.71135269485954922, 5.32068117504060289 51.71412163092288949, 5.32068117504060289 51.71412163092288949)))</t>
  </si>
  <si>
    <t>MultiPolygon (((5.32068117504060289 51.71412163092288949, 5.32426665524419551 51.71135269485954922, 5.3195924387067457 51.70838859049324299, 5.31387578456277421 51.70859409675415463, 5.31382069182137862 51.70762021449614565, 5.31051540633755614 51.71045173791248573, 5.31200447835488987 51.71078901403075179, 5.32068117504060289 51.71412163092288949, 5.32068117504060289 51.71412163092288949)))</t>
  </si>
  <si>
    <t>MultiPolygon (((5.32996370360508731 51.71387309997857784, 5.33762168309944407 51.71641706501490177, 5.34638136474445158 51.70817552940505379, 5.33580370528613646 51.70499149924950899, 5.31956667407804584 51.70060226765433953, 5.31920548586447595 51.70195230842148959, 5.32942780774509117 51.70534333924556591, 5.32954626522185304 51.70873149599692908, 5.32738749883430529 51.70933445219602476, 5.32426665524419551 51.71135269485954922, 5.32996370360508731 51.71387309997857784, 5.32996370360508731 51.71387309997857784)))</t>
  </si>
  <si>
    <t>MultiPolygon (((5.3195924387067457 51.70838859049324299, 5.32426665524419551 51.71135269485954922, 5.32738749883430529 51.70933445219602476, 5.32954626522185304 51.70873149599692908, 5.32942780774509117 51.70534333924556591, 5.31920548586447595 51.70195230842148959, 5.31834376965565081 51.70555931598899235, 5.3195924387067457 51.70838859049324299, 5.3195924387067457 51.70838859049324299)))</t>
  </si>
  <si>
    <t>MultiPolygon (((5.31382069182137862 51.70762021449614565, 5.31387578456277421 51.70859409675415463, 5.3195924387067457 51.70838859049324299, 5.31834376965565081 51.70555931598899235, 5.31920548586447595 51.70195230842148959, 5.31956667407804584 51.70060226765433953, 5.31063755470764942 51.70120292043792887, 5.31131852832615081 51.70562397196640347, 5.31361702463505292 51.70567215824775076, 5.31382069182137862 51.70762021449614565, 5.31382069182137862 51.70762021449614565)))</t>
  </si>
  <si>
    <t>MultiPolygon (((5.35351436260315783 51.75547725025745649, 5.35556602173365448 51.75339195434028028, 5.35590476698734452 51.75143498392134944, 5.36399847761357673 51.75150681207072267, 5.36359105722211993 51.74881319073426766, 5.36132629627734403 51.74650431295873432, 5.35090861899318604 51.74176625789404227, 5.34488646708688453 51.73922986157557347, 5.33590491504343856 51.73640880351059934, 5.33314451726646421 51.7401533330839527, 5.33033079719425817 51.73993088869889334, 5.3284246604562604 51.73869100107040708, 5.32651331985362386 51.73887395121586508, 5.31549897017386908 51.73653415371871489, 5.30758840148971522 51.73583392761160837, 5.3043608477657731 51.73878397215796809, 5.32204122028086335 51.74652362993229104, 5.35351436260315783 51.75547725025745649, 5.35351436260315783 51.75547725025745649)))</t>
  </si>
  <si>
    <t>MultiPolygon (((5.32651331985362386 51.73887395121586508, 5.3284246604562604 51.73869100107040708, 5.33033079719425817 51.73993088869889334, 5.33314451726646421 51.7401533330839527, 5.33590491504343856 51.73640880351059934, 5.33884987130933464 51.73155094745836635, 5.33466024486450685 51.72697097828224599, 5.33179619451279851 51.72018223044000251, 5.3252493795705691 51.72357214252160418, 5.32027350544966904 51.72649252400116637, 5.32638865425410657 51.72622291415726181, 5.32788348496071684 51.72678353455155076, 5.33126428204109626 51.73179628416826148, 5.32819190154420053 51.73278054552071126, 5.32873353338700007 51.73505279185355477, 5.32651331985362386 51.73887395121586508, 5.32651331985362386 51.73887395121586508)))</t>
  </si>
  <si>
    <t>MultiPolygon (((5.30758840148971522 51.73583392761160837, 5.31549897017386908 51.73653415371871489, 5.32651331985362386 51.73887395121586508, 5.32873353338700007 51.73505279185355477, 5.32819190154420053 51.73278054552071126, 5.32615283691573538 51.73288151471296459, 5.3219845827734602 51.73194912250653488, 5.31748127653056102 51.72827563062565304, 5.31181488420176962 51.73235076099587815, 5.30758840148971522 51.73583392761160837, 5.30758840148971522 51.73583392761160837)))</t>
  </si>
  <si>
    <t>MultiPolygon (((5.31748127653056102 51.72827563062565304, 5.3219845827734602 51.73194912250653488, 5.32615283691573538 51.73288151471296459, 5.32819190154420053 51.73278054552071126, 5.33126428204109626 51.73179628416826148, 5.32788348496071684 51.72678353455155076, 5.32638865425410657 51.72622291415726181, 5.32027350544966904 51.72649252400116637, 5.31748127653056102 51.72827563062565304, 5.31748127653056102 51.72827563062565304)))</t>
  </si>
  <si>
    <t>MultiPolygon (((5.35090861899318604 51.74176625789404227, 5.36132629627734403 51.74650431295873432, 5.36303765888027417 51.74613245646872883, 5.36922031228157515 51.74726044730030594, 5.37467583466392185 51.74106012307126434, 5.36601534252375689 51.73831067286872099, 5.3588231139960687 51.73518563074780019, 5.35368797055552825 51.73418171803358945, 5.35354356778662233 51.73957621462692913, 5.35090861899318604 51.74176625789404227, 5.35090861899318604 51.74176625789404227)))</t>
  </si>
  <si>
    <t>MultiPolygon (((5.33590491504343856 51.73640880351059934, 5.34488646708688453 51.73922986157557347, 5.34576286014254887 51.73370903475768046, 5.34612792799215963 51.72722272409244226, 5.33466024486450685 51.72697097828224599, 5.33884987130933464 51.73155094745836635, 5.33590491504343856 51.73640880351059934, 5.33590491504343856 51.73640880351059934)))</t>
  </si>
  <si>
    <t>MultiPolygon (((5.34488646708688453 51.73922986157557347, 5.35090861899318604 51.74176625789404227, 5.35354356778662233 51.73957621462692913, 5.35368797055552825 51.73418171803358945, 5.34576286014254887 51.73370903475768046, 5.34488646708688453 51.73922986157557347, 5.34488646708688453 51.73922986157557347)))</t>
  </si>
  <si>
    <t>MultiPolygon (((5.34576286014254887 51.73370903475768046, 5.35368797055552825 51.73418171803358945, 5.35752096167602243 51.72880707483584217, 5.3521522334290399 51.72731595213542022, 5.34612792799215963 51.72722272409244226, 5.34576286014254887 51.73370903475768046, 5.34576286014254887 51.73370903475768046)))</t>
  </si>
  <si>
    <t>MultiPolygon (((5.36601534252375689 51.73831067286872099, 5.37467583466392185 51.74106012307126434, 5.37871708392622772 51.73492966674787397, 5.37187528171292072 51.73302081282450615, 5.36601534252375689 51.73831067286872099, 5.36601534252375689 51.73831067286872099)))</t>
  </si>
  <si>
    <t>MultiPolygon (((5.3588231139960687 51.73518563074780019, 5.36601534252375689 51.73831067286872099, 5.37187528171292072 51.73302081282450615, 5.37128733324615482 51.73281008098571476, 5.37235291739645326 51.73175802376807297, 5.36986855886134862 51.73060539224535148, 5.36144083840137053 51.72649131228725139, 5.35651243807762878 51.73216876054488012, 5.3588231139960687 51.73518563074780019, 5.3588231139960687 51.73518563074780019)))</t>
  </si>
  <si>
    <t>MultiPolygon (((5.35368797055552825 51.73418171803358945, 5.3588231139960687 51.73518563074780019, 5.35651243807762878 51.73216876054488012, 5.36144083840137053 51.72649131228725139, 5.36157643495080105 51.72367989326445326, 5.35790482026597736 51.72461667107644701, 5.35375890606769911 51.72370362359206553, 5.3521522334290399 51.72731595213542022, 5.35752096167602243 51.72880707483584217, 5.35368797055552825 51.73418171803358945, 5.35368797055552825 51.73418171803358945)))</t>
  </si>
  <si>
    <t>MultiPolygon (((5.34612792799215963 51.72722272409244226, 5.3521522334290399 51.72731595213542022, 5.35375890606769911 51.72370362359206553, 5.3508422759721741 51.72314260776713013, 5.34837764172501906 51.72025949759596131, 5.34593705423875676 51.71938292145434701, 5.34612792799215963 51.72722272409244226, 5.34612792799215963 51.72722272409244226)))</t>
  </si>
  <si>
    <t>MultiPolygon (((5.33466024486450685 51.72697097828224599, 5.34612792799215963 51.72722272409244226, 5.34593705423875676 51.71938292145434701, 5.33762168309944407 51.71641706501490177, 5.33179619451279851 51.72018223044000251, 5.33466024486450685 51.72697097828224599, 5.33466024486450685 51.72697097828224599)))</t>
  </si>
  <si>
    <t>MultiPolygon (((5.36399847761357673 51.75150681207072267, 5.37429268181077102 51.75332410013366768, 5.39081541931674124 51.7599821386324308, 5.41182011949188357 51.76217085230688753, 5.41297288566895141 51.75741755410783895, 5.41655422901576955 51.75125154106677172, 5.42464703557029448 51.74188423042490115, 5.41730290378261525 51.7399940464583068, 5.40559975834628936 51.73836437196670346, 5.37871708392622772 51.73492966674787397, 5.37467583466392185 51.74106012307126434, 5.36922031228157515 51.74726044730030594, 5.36303765888027417 51.74613245646872883, 5.36132629627734403 51.74650431295873432, 5.36359105722211993 51.74881319073426766, 5.36399847761357673 51.75150681207072267, 5.36399847761357673 51.75150681207072267)))</t>
  </si>
  <si>
    <t>MultiPolygon (((5.34593705423875676 51.71938292145434701, 5.34801282978519943 51.717186191759005, 5.35315879811262185 51.71021489677560368, 5.34638136474445158 51.70817552940505379, 5.33762168309944407 51.71641706501490177, 5.34593705423875676 51.71938292145434701, 5.34593705423875676 51.71938292145434701)))</t>
  </si>
  <si>
    <t>MultiPolygon (((5.35375890606769911 51.72370362359206553, 5.35790482026597736 51.72461667107644701, 5.36157643495080105 51.72367989326445326, 5.36328703500083037 51.72209412225870295, 5.36454262010096095 51.71995613025183047, 5.35842637642634401 51.71905907852836037, 5.34801282978519943 51.717186191759005, 5.34593705423875676 51.71938292145434701, 5.34837764172501906 51.72025949759596131, 5.3508422759721741 51.72314260776713013, 5.35375890606769911 51.72370362359206553, 5.35375890606769911 51.72370362359206553)))</t>
  </si>
  <si>
    <t>MultiPolygon (((5.36144083840137053 51.72649131228725139, 5.36986855886134862 51.73060539224535148, 5.37589975836196565 51.72602065909840974, 5.36328703500083037 51.72209412225870295, 5.36157643495080105 51.72367989326445326, 5.36144083840137053 51.72649131228725139, 5.36144083840137053 51.72649131228725139)))</t>
  </si>
  <si>
    <t>MultiPolygon (((5.39720868566885592 51.72346036597935637, 5.39598830213194525 51.72896664397099187, 5.39893766137527287 51.73027756365183194, 5.40280312405461505 51.73083945119789462, 5.40533358244331996 51.72590928294755486, 5.40226076354035278 51.7249836503731899, 5.39720868566885592 51.72346036597935637, 5.39720868566885592 51.72346036597935637)))</t>
  </si>
  <si>
    <t>MultiPolygon (((5.37871708392622772 51.73492966674787397, 5.40559975834628936 51.73836437196670346, 5.4108122400780525 51.72764933790660535, 5.40852166944815593 51.72687081346126803, 5.40533358244331996 51.72590928294755486, 5.40280312405461505 51.73083945119789462, 5.39893766137527287 51.73027756365183194, 5.39598830213194525 51.72896664397099187, 5.39720868566885592 51.72346036597935637, 5.38521893792159467 51.71985658110300932, 5.37844043914737746 51.71781835981969522, 5.37408842458780001 51.71876675703906301, 5.37291905406365089 51.72091572813506133, 5.37381222890125176 51.72410199894785165, 5.37589975836196565 51.72602065909840974, 5.36986855886134862 51.73060539224535148, 5.37235291739645326 51.73175802376807297, 5.37128733324615482 51.73281008098571476, 5.37187528171292072 51.73302081282450615, 5.37871708392622772 51.73492966674787397, 5.37871708392622772 51.73492966674787397)))</t>
  </si>
  <si>
    <t>MultiPolygon (((5.36328703500083037 51.72209412225870295, 5.37589975836196565 51.72602065909840974, 5.37381222890125176 51.72410199894785165, 5.37291905406365089 51.72091572813506133, 5.37408842458780001 51.71876675703906301, 5.37844043914737746 51.71781835981969522, 5.37004554390999633 51.71529369759471706, 5.36647220645824596 51.71748808197533265, 5.36454262010096095 51.71995613025183047, 5.36328703500083037 51.72209412225870295, 5.36328703500083037 51.72209412225870295)))</t>
  </si>
  <si>
    <t>MultiPolygon (((5.35842637642634401 51.71905907852836037, 5.36454262010096095 51.71995613025183047, 5.36647220645824596 51.71748808197533265, 5.37004554390999633 51.71529369759471706, 5.35959900402015155 51.71215225019949457, 5.35974690989438685 51.71672674236550193, 5.35842637642634401 51.71905907852836037, 5.35842637642634401 51.71905907852836037)))</t>
  </si>
  <si>
    <t>MultiPolygon (((5.34801282978519943 51.717186191759005, 5.35842637642634401 51.71905907852836037, 5.35974690989438685 51.71672674236550193, 5.35959900402015155 51.71215225019949457, 5.35315879811262185 51.71021489677560368, 5.34801282978519943 51.717186191759005, 5.34801282978519943 51.717186191759005)))</t>
  </si>
  <si>
    <t>MultiPolygon (((5.34638136474445158 51.70817552940505379, 5.35315879811262185 51.71021489677560368, 5.35697085625939273 51.70666613520744193, 5.35885113043249461 51.70313391532040725, 5.36180170394838651 51.70375188022377699, 5.36264971292620807 51.70252063790426433, 5.36799782460576314 51.69708634771696154, 5.36621585902449993 51.69696762385137134, 5.36246314661103352 51.69849595494093109, 5.35927405013733704 51.69867914500642314, 5.35183060184811499 51.69878584088721141, 5.35090783132715764 51.70182445049965025, 5.34638136474445158 51.70817552940505379, 5.34638136474445158 51.70817552940505379)))</t>
  </si>
  <si>
    <t>MultiPolygon (((5.35959900402015155 51.71215225019949457, 5.37004554390999633 51.71529369759471706, 5.37147072007867621 51.71320821084965047, 5.37751835916712473 51.70999594657870091, 5.38154156093865499 51.70895265234505445, 5.3788850055846682 51.7081629309594959, 5.36717828333783498 51.70470913850728323, 5.36264971292620807 51.70252063790426433, 5.36180170394838651 51.70375188022377699, 5.35885113043249461 51.70313391532040725, 5.35697085625939273 51.70666613520744193, 5.35315879811262185 51.71021489677560368, 5.35959900402015155 51.71215225019949457, 5.35959900402015155 51.71215225019949457)))</t>
  </si>
  <si>
    <t>MultiPolygon (((5.37844043914737746 51.71781835981969522, 5.38521893792159467 51.71985658110300932, 5.38714765251765915 51.71662200452676927, 5.38286655948812065 51.71376155830581212, 5.3819739034234555 51.71174517511042978, 5.37751835916712473 51.70999594657870091, 5.37147072007867621 51.71320821084965047, 5.37004554390999633 51.71529369759471706, 5.37844043914737746 51.71781835981969522, 5.37844043914737746 51.71781835981969522)))</t>
  </si>
  <si>
    <t>MultiPolygon (((5.40533358244331996 51.72590928294755486, 5.40852166944815593 51.72687081346126803, 5.41026068365924395 51.72085395486750059, 5.41514221971235887 51.71476250649369177, 5.4086064559039233 51.71325123124517376, 5.38679185445002684 51.7101352769570326, 5.38154156093865499 51.70895265234505445, 5.37751835916712473 51.70999594657870091, 5.3819739034234555 51.71174517511042978, 5.38286655948812065 51.71376155830581212, 5.38714765251765915 51.71662200452676927, 5.38521893792159467 51.71985658110300932, 5.39720868566885592 51.72346036597935637, 5.40226076354035278 51.7249836503731899, 5.40533358244331996 51.72590928294755486, 5.40533358244331996 51.72590928294755486)))</t>
  </si>
  <si>
    <t>MultiPolygon (((5.41514221971235887 51.71476250649369177, 5.42108388419024756 51.71584819470218264, 5.42469929674882501 51.71127555036076018, 5.42183741789797669 51.70874918179053026, 5.41767893905400388 51.70775530996981928, 5.42026494672164638 51.70405226839010737, 5.42369874678086905 51.7044088417139136, 5.42785705326777812 51.70324094220001854, 5.42980825354266461 51.70147867681009757, 5.3977153688775461 51.69848850958238984, 5.38570755051600614 51.70098497574110041, 5.38579881422091855 51.70408929717823554, 5.39317042239674027 51.70482334020785231, 5.38969230064599714 51.70962053201665043, 5.38732144131123647 51.70921549610992685, 5.38679185445002684 51.7101352769570326, 5.4086064559039233 51.71325123124517376, 5.41514221971235887 51.71476250649369177, 5.41514221971235887 51.71476250649369177)))</t>
  </si>
  <si>
    <t>MultiPolygon (((5.38154156093865499 51.70895265234505445, 5.38679185445002684 51.7101352769570326, 5.38732144131123647 51.70921549610992685, 5.38969230064599714 51.70962053201665043, 5.39317042239674027 51.70482334020785231, 5.38579881422091855 51.70408929717823554, 5.38570755051600614 51.70098497574110041, 5.37567913958610699 51.70027536252651146, 5.37564746388631232 51.70352954957237301, 5.37986832947141647 51.70670655636725144, 5.3788850055846682 51.7081629309594959, 5.38154156093865499 51.70895265234505445, 5.38154156093865499 51.70895265234505445)))</t>
  </si>
  <si>
    <t>MultiPolygon (((5.36264971292620807 51.70252063790426433, 5.36717828333783498 51.70470913850728323, 5.3788850055846682 51.7081629309594959, 5.37986832947141647 51.70670655636725144, 5.37564746388631232 51.70352954957237301, 5.37567913958610699 51.70027536252651146, 5.37311662019357161 51.69974095790456659, 5.37154481731029954 51.69796906629991895, 5.36799782460576314 51.69708634771696154, 5.36264971292620807 51.70252063790426433, 5.36264971292620807 51.70252063790426433)))</t>
  </si>
  <si>
    <t>MultiPolygon (((5.2987108761484949 51.70026718326584358, 5.30063810817318082 51.70132901962011118, 5.30403196401250288 51.70196043519131024, 5.30451769674120754 51.70035391380154266, 5.30357021960890052 51.69795926810162001, 5.30156527217808371 51.6959719588320894, 5.29730586106183399 51.6985799825790906, 5.2987108761484949 51.70026718326584358, 5.2987108761484949 51.70026718326584358)))</t>
  </si>
  <si>
    <t>MultiPolygon (((5.30403196401250288 51.70196043519131024, 5.31063755470764942 51.70120292043792887, 5.31956667407804584 51.70060226765433953, 5.32142190535174375 51.69425656680628123, 5.31541685743175396 51.69271270836316035, 5.31339824614715095 51.69339851892919313, 5.30910324315013415 51.69647403740786018, 5.30357021960890052 51.69795926810162001, 5.30451769674120754 51.70035391380154266, 5.30403196401250288 51.70196043519131024, 5.30403196401250288 51.70196043519131024)))</t>
  </si>
  <si>
    <t>MultiPolygon (((5.30156527217808371 51.6959719588320894, 5.30357021960890052 51.69795926810162001, 5.30910324315013415 51.69647403740786018, 5.31339824614715095 51.69339851892919313, 5.31541685743175396 51.69271270836316035, 5.3155420922289851 51.69222766688657345, 5.31286191035142963 51.69091986382418469, 5.30467031832482405 51.6944868480252353, 5.30299133781205345 51.69597057298530274, 5.30156527217808371 51.6959719588320894, 5.30156527217808371 51.6959719588320894)))</t>
  </si>
  <si>
    <t>MultiPolygon (((5.33580370528613646 51.70499149924950899, 5.34638136474445158 51.70817552940505379, 5.35090783132715764 51.70182445049965025, 5.34123186540648032 51.70039231872598862, 5.33442339755532835 51.70013882324307275, 5.33580370528613646 51.70499149924950899, 5.33580370528613646 51.70499149924950899)))</t>
  </si>
  <si>
    <t>MultiPolygon (((5.33442339755532835 51.70013882324307275, 5.34123186540648032 51.70039231872598862, 5.35090783132715764 51.70182445049965025, 5.35183060184811499 51.69878584088721141, 5.35093394407972678 51.69348705275661615, 5.34066856859759564 51.69367770650031702, 5.34039627388825089 51.6958749605861243, 5.33678149141763214 51.6966486504893652, 5.33550926674981874 51.69752155310100505, 5.33442339755532835 51.70013882324307275, 5.33442339755532835 51.70013882324307275)))</t>
  </si>
  <si>
    <t>MultiPolygon (((5.31956667407804584 51.70060226765433953, 5.33580370528613646 51.70499149924950899, 5.33442339755532835 51.70013882324307275, 5.33550926674981874 51.69752155310100505, 5.32833598494678373 51.69546905362139455, 5.32712827667518329 51.69703506386856162, 5.32155108602895766 51.69416136199750156, 5.32142190535174375 51.69425656680628123, 5.31956667407804584 51.70060226765433953, 5.31956667407804584 51.70060226765433953)))</t>
  </si>
  <si>
    <t>MultiPolygon (((5.32833598494678373 51.69546905362139455, 5.33550926674981874 51.69752155310100505, 5.33678149141763214 51.6966486504893652, 5.34039627388825089 51.6958749605861243, 5.34066856859759564 51.69367770650031702, 5.32961871769494344 51.69278527752819485, 5.32833598494678373 51.69546905362139455, 5.32833598494678373 51.69546905362139455)))</t>
  </si>
  <si>
    <t>MultiPolygon (((5.32155108602895766 51.69416136199750156, 5.32712827667518329 51.69703506386856162, 5.32833598494678373 51.69546905362139455, 5.32961871769494344 51.69278527752819485, 5.32440429419513261 51.69172091009921388, 5.32155108602895766 51.69416136199750156, 5.32155108602895766 51.69416136199750156)))</t>
  </si>
  <si>
    <t>MultiPolygon (((5.32142190535174375 51.69425656680628123, 5.32155108602895766 51.69416136199750156, 5.32440429419513261 51.69172091009921388, 5.31891962503457361 51.69013865067456948, 5.31804658362959071 51.69048408971148945, 5.3155420922289851 51.69222766688657345, 5.31541685743175396 51.69271270836316035, 5.32142190535174375 51.69425656680628123, 5.32142190535174375 51.69425656680628123)))</t>
  </si>
  <si>
    <t>MultiPolygon (((5.35183060184811499 51.69878584088721141, 5.35927405013733704 51.69867914500642314, 5.36563360053609806 51.68886342380957188, 5.3697840794610352 51.68440050254621809, 5.37711025375018625 51.67880180460335993, 5.37658720669611334 51.67851694937414209, 5.37246651482709492 51.68010862457578725, 5.35735135161533993 51.68200275524142739, 5.35748087633429826 51.68240462521558953, 5.34773413215380611 51.68378700489316913, 5.35093394407972678 51.69348705275661615, 5.35183060184811499 51.69878584088721141, 5.35183060184811499 51.69878584088721141)))</t>
  </si>
  <si>
    <t>MultiPolygon (((5.34066856859759564 51.69367770650031702, 5.35093394407972678 51.69348705275661615, 5.34773413215380611 51.68378700489316913, 5.33305477845505749 51.68596821230177341, 5.32467860028329643 51.68716202939359761, 5.32473814214291075 51.68757830852484858, 5.32440429419513261 51.69172091009921388, 5.32961871769494344 51.69278527752819485, 5.34066856859759564 51.69367770650031702, 5.34066856859759564 51.69367770650031702)))</t>
  </si>
  <si>
    <t>MultiPolygon (((5.31891962503457361 51.69013865067456948, 5.32440429419513261 51.69172091009921388, 5.32473814214291075 51.68757830852484858, 5.31891962503457361 51.69013865067456948, 5.31891962503457361 51.69013865067456948)))</t>
  </si>
  <si>
    <t>MultiPolygon (((5.31804658362959071 51.69048408971148945, 5.31891962503457361 51.69013865067456948, 5.32473814214291075 51.68757830852484858, 5.32467860028329643 51.68716202939359761, 5.31683151953500488 51.68830752135009021, 5.31804658362959071 51.69048408971148945, 5.31804658362959071 51.69048408971148945)))</t>
  </si>
  <si>
    <t>MultiPolygon (((5.34773413215380611 51.68378700489316913, 5.35748087633429826 51.68240462521558953, 5.35735135161533993 51.68200275524142739, 5.35702436348546129 51.68106612399744648, 5.35218048204562269 51.68108248954492012, 5.35093936333625653 51.67714481638123658, 5.35596209100369691 51.67400388345087237, 5.35387843546923925 51.67314201591066336, 5.35461326168041563 51.67250667122743835, 5.35293243591521861 51.67181427616264244, 5.35369293323781203 51.67107346448076299, 5.34395968458941617 51.66744589469495708, 5.34148565670957876 51.66618577510583066, 5.3420066486255342 51.66530157234927145, 5.33888318844166054 51.66399664097978217, 5.3274747543986809 51.67336715997576135, 5.32829689812025098 51.67397722551029915, 5.33736451470580064 51.67605063222732298, 5.34121129849720155 51.67684789960414093, 5.34489218432057278 51.67877595049873918, 5.34670469252725411 51.68083093912947135, 5.34773413215380611 51.68378700489316913, 5.34773413215380611 51.68378700489316913)))</t>
  </si>
  <si>
    <t>MultiPolygon (((5.33168401143579906 51.68523509869324783, 5.33305477845505749 51.68596821230177341, 5.34773413215380611 51.68378700489316913, 5.34670469252725411 51.68083093912947135, 5.34489218432057278 51.67877595049873918, 5.34121129849720155 51.67684789960414093, 5.33736451470580064 51.67605063222732298, 5.33576341495036299 51.68000930665154158, 5.33168517149214161 51.68050454993159804, 5.33168401143579906 51.68523509869324783, 5.33168401143579906 51.68523509869324783)))</t>
  </si>
  <si>
    <t>MultiPolygon (((5.32737996725994378 51.67920719301130816, 5.32970389540959388 51.67922358054777021, 5.32972551588302945 51.68040703555298165, 5.33168517149214161 51.68050454993159804, 5.33576341495036299 51.68000930665154158, 5.33736451470580064 51.67605063222732298, 5.32829689812025098 51.67397722551029915, 5.32737996725994378 51.67920719301130816, 5.32737996725994378 51.67920719301130816)))</t>
  </si>
  <si>
    <t>MultiPolygon (((5.32748995137306736 51.68475666041871364, 5.33168401143579906 51.68523509869324783, 5.33168517149214161 51.68050454993159804, 5.32972551588302945 51.68040703555298165, 5.32970389540959388 51.67922358054777021, 5.32737996725994378 51.67920719301130816, 5.3274566322472019 51.68299162464074925, 5.32748995137306736 51.68475666041871364, 5.32748995137306736 51.68475666041871364)))</t>
  </si>
  <si>
    <t>MultiPolygon (((5.32467860028329643 51.68716202939359761, 5.33305477845505749 51.68596821230177341, 5.33168401143579906 51.68523509869324783, 5.32748995137306736 51.68475666041871364, 5.32467860028329643 51.68716202939359761, 5.32467860028329643 51.68716202939359761)))</t>
  </si>
  <si>
    <t>MultiPolygon (((5.31683151953500488 51.68830752135009021, 5.32467860028329643 51.68716202939359761, 5.32748995137306736 51.68475666041871364, 5.3274566322472019 51.68299162464074925, 5.32268693462641185 51.68299285773107954, 5.31606646718840548 51.68706714182368245, 5.31683151953500488 51.68830752135009021, 5.31683151953500488 51.68830752135009021)))</t>
  </si>
  <si>
    <t>MultiPolygon (((5.30904726518074899 51.68518413478644646, 5.3141252025864123 51.68554201203924237, 5.31606646718840548 51.68706714182368245, 5.32268693462641185 51.68299285773107954, 5.3274566322472019 51.68299162464074925, 5.32737996725994378 51.67920719301130816, 5.32829689812025098 51.67397722551029915, 5.3274747543986809 51.67336715997576135, 5.31905740421145534 51.67037213133488649, 5.31875910802043705 51.67087080223496542, 5.31661181585702725 51.67145485046874853, 5.31526421316348152 51.67108183482876171, 5.31155038127892176 51.6727472276981743, 5.31213920983216692 51.67789377019124686, 5.3092453068752512 51.67975600060910324, 5.30810383401966135 51.68407052750733044, 5.30904726518074899 51.68518413478644646, 5.30904726518074899 51.68518413478644646)))</t>
  </si>
  <si>
    <t>MultiPolygon (((5.29493371442022198 51.68232241634794377, 5.29651404672157788 51.68264255190388923, 5.29662719300662133 51.68360485058185816, 5.30048040150904409 51.68492113440645852, 5.3021661138631746 51.68334164128979324, 5.30904726518074899 51.68518413478644646, 5.30810383401966135 51.68407052750733044, 5.3092453068752512 51.67975600060910324, 5.31213920983216692 51.67789377019124686, 5.31155038127892176 51.6727472276981743, 5.31526421316348152 51.67108183482876171, 5.31661181585702725 51.67145485046874853, 5.31875910802043705 51.67087080223496542, 5.30855882706146076 51.66906358701584878, 5.30397582355933661 51.66749919436045957, 5.30078068673756686 51.66822399003202548, 5.29881319929200068 51.66729990556464713, 5.29424806596117126 51.67219832717854189, 5.29387410121733293 51.67254428751558493, 5.29578442443812669 51.67295454022463019, 5.29412105301474334 51.67802064702446785, 5.29528247549470432 51.68019440074919402, 5.29493371442022198 51.68232241634794377, 5.29493371442022198 51.68232241634794377)))</t>
  </si>
  <si>
    <t>MultiPolygon (((5.29302747111500338 51.6824134021126369, 5.29493371442022198 51.68232241634794377, 5.29528247549470432 51.68019440074919402, 5.29412105301474334 51.67802064702446785, 5.29578442443812669 51.67295454022463019, 5.29387410121733293 51.67254428751558493, 5.29424806596117126 51.67219832717854189, 5.29232146968908701 51.67166886106253543, 5.29138972294804777 51.67198325884270105, 5.29191785167686302 51.6744210781994866, 5.29148935598148284 51.67480524884614113, 5.29081756933942415 51.68224470933942882, 5.29302747111500338 51.6824134021126369, 5.29302747111500338 51.6824134021126369)))</t>
  </si>
  <si>
    <t>MultiPolygon (((5.29698126996517171 51.69801354035798369, 5.29730586106183399 51.6985799825790906, 5.30156527217808371 51.6959719588320894, 5.30124984969458524 51.69538115641105236, 5.29936020712990974 51.69401712749374411, 5.29824517391107719 51.68862893409873749, 5.29324044534574156 51.68380249367947243, 5.29302747111500338 51.6824134021126369, 5.29081756933942415 51.68224470933942882, 5.29073256717147178 51.68281940852175182, 5.29385519245572311 51.69127761552375944, 5.29698126996517171 51.69801354035798369, 5.29698126996517171 51.69801354035798369)))</t>
  </si>
  <si>
    <t>MultiPolygon (((5.30124984969458524 51.69538115641105236, 5.30156527217808371 51.6959719588320894, 5.30299133781205345 51.69597057298530274, 5.30467031832482405 51.6944868480252353, 5.31286191035142963 51.69091986382418469, 5.31204875594326076 51.68992006879580003, 5.30812424551252704 51.6916690871892186, 5.30214874566577077 51.6944173919633414, 5.30124984969458524 51.69538115641105236, 5.30124984969458524 51.69538115641105236)))</t>
  </si>
  <si>
    <t>MultiPolygon (((5.31286191035142963 51.69091986382418469, 5.3155420922289851 51.69222766688657345, 5.31804658362959071 51.69048408971148945, 5.31683151953500488 51.68830752135009021, 5.31204875594326076 51.68992006879580003, 5.31286191035142963 51.69091986382418469, 5.31286191035142963 51.69091986382418469)))</t>
  </si>
  <si>
    <t>MultiPolygon (((5.30812424551252704 51.6916690871892186, 5.31204875594326076 51.68992006879580003, 5.31683151953500488 51.68830752135009021, 5.31606646718840548 51.68706714182368245, 5.3141252025864123 51.68554201203924237, 5.30904726518074899 51.68518413478644646, 5.307013147819716 51.68573941211569434, 5.30812424551252704 51.6916690871892186, 5.30812424551252704 51.6916690871892186)))</t>
  </si>
  <si>
    <t>MultiPolygon (((5.30124984969458524 51.69538115641105236, 5.30214874566577077 51.6944173919633414, 5.30812424551252704 51.6916690871892186, 5.307013147819716 51.68573941211569434, 5.30904726518074899 51.68518413478644646, 5.3021661138631746 51.68334164128979324, 5.30048040150904409 51.68492113440645852, 5.29662719300662133 51.68360485058185816, 5.29651404672157788 51.68264255190388923, 5.29493371442022198 51.68232241634794377, 5.29302747111500338 51.6824134021126369, 5.29324044534574156 51.68380249367947243, 5.29824517391107719 51.68862893409873749, 5.29936020712990974 51.69401712749374411, 5.30124984969458524 51.69538115641105236, 5.30124984969458524 51.69538115641105236)))</t>
  </si>
  <si>
    <t>MultiPolygon (((5.69318931368517767 51.45295293479414767, 5.70344957214164694 51.45197247902801507, 5.72284843855754577 51.45319059121028005, 5.73000151707149019 51.44435569432162225, 5.71817917347260352 51.44453353420504271, 5.71824546690286972 51.43873364973597972, 5.70920328662191867 51.44006553831470541, 5.69872353083878203 51.43804215023996562, 5.69398345195795397 51.43923979306062222, 5.68972517508741849 51.44298323841947251, 5.69184856942238326 51.44427504408854901, 5.69318931368517767 51.45295293479414767, 5.69318931368517767 51.45295293479414767)))</t>
  </si>
  <si>
    <t>MultiPolygon (((5.66979239333077789 51.47585263687363266, 5.67936782511039429 51.47443312025067996, 5.69094583961302281 51.47247334881671321, 5.69419967617708789 51.46365197061947327, 5.69415281174480992 51.45791754374113935, 5.69318931368517767 51.45295293479414767, 5.69184856942238326 51.44427504408854901, 5.68972517508741849 51.44298323841947251, 5.68219776627667539 51.4493267386866151, 5.67223761583024189 51.45771484591747225, 5.66989546754718088 51.46043431975092375, 5.66267467046726569 51.46599933881924471, 5.6589787905732809 51.46927634578436539, 5.66064266863070564 51.46876884698742316, 5.6679147797513254 51.46969519767402801, 5.66979239333077789 51.47585263687363266, 5.66979239333077789 51.47585263687363266)))</t>
  </si>
  <si>
    <t>MultiPolygon (((5.60282487271196405 51.46106095675813208, 5.60156771107555151 51.46365268251491187, 5.60152197775949645 51.46712923162080955, 5.61149443498673683 51.46715127707017956, 5.61171634597474434 51.46327784877583866, 5.61146828940412323 51.46321639579269203, 5.60282487271196405 51.46106095675813208, 5.60282487271196405 51.46106095675813208)))</t>
  </si>
  <si>
    <t>MultiPolygon (((5.60520217706192714 51.47098563635621105, 5.60988335861340914 51.47191723730698243, 5.61899967437919567 51.46959079269421977, 5.62502639081113198 51.46656736619551964, 5.61171634597474434 51.46327784877583866, 5.61149443498673683 51.46715127707017956, 5.60152197775949645 51.46712923162080955, 5.60156771107555151 51.46365268251491187, 5.60282487271196405 51.46106095675813208, 5.59282184777516633 51.45834034105708099, 5.59051558878453925 51.457760812587793, 5.5847084536899283 51.46050901813075029, 5.58780783347926313 51.46347118912706975, 5.58465154928126406 51.46414425595919795, 5.58297365083812647 51.46554855577629439, 5.59283899762560477 51.46712443389650815, 5.60520217706192714 51.47098563635621105, 5.60520217706192714 51.47098563635621105)))</t>
  </si>
  <si>
    <t>MultiPolygon (((5.60989571177949564 51.45649536147907099, 5.61447249516511171 51.45609679885343013, 5.6154449198963956 51.45519190300329626, 5.61729533030042205 51.4492871424590561, 5.61454566685071388 51.44923150047530669, 5.61451271117044204 51.45004424215660777, 5.60814692484118016 51.44971709295364093, 5.60876331824976049 51.45156846705948794, 5.60472437955353442 51.45280030581430708, 5.60341256641762797 51.45399035924692299, 5.60100512233467551 51.45217040812947573, 5.59703434297614955 51.45649716575115207, 5.5962243568284924 51.45617359848943551, 5.59282184777516633 51.45834034105708099, 5.60282487271196405 51.46106095675813208, 5.6046671194126354 51.45726243772303832, 5.60989571177949564 51.45649536147907099, 5.60989571177949564 51.45649536147907099)))</t>
  </si>
  <si>
    <t>MultiPolygon (((5.62502639081113198 51.46656736619551964, 5.62506487965274449 51.46651668225592147, 5.62593368915251002 51.46553544409842829, 5.62377620108418164 51.4642579808249252, 5.62667815635149893 51.46189674089180244, 5.63132160363974066 51.45999508287797397, 5.62540292785427898 51.45444347056830026, 5.61936551540393125 51.45797870138947161, 5.61735727381623029 51.46146169506123158, 5.61196172422138329 51.4630273870904773, 5.61171634597474434 51.46327784877583866, 5.62502639081113198 51.46656736619551964, 5.62502639081113198 51.46656736619551964)))</t>
  </si>
  <si>
    <t>MultiPolygon (((5.61171634597474434 51.46327784877583866, 5.61196172422138329 51.4630273870904773, 5.6145260003071602 51.45870848609752812, 5.61257376874873071 51.45695107551298264, 5.61023770125362997 51.45738994503994945, 5.60989571177949564 51.45649536147907099, 5.6046671194126354 51.45726243772303832, 5.60282487271196405 51.46106095675813208, 5.61146828940412323 51.46321639579269203, 5.61171634597474434 51.46327784877583866, 5.61171634597474434 51.46327784877583866)))</t>
  </si>
  <si>
    <t>MultiPolygon (((5.60989571177949564 51.45649536147907099, 5.61023770125362997 51.45738994503994945, 5.61257376874873071 51.45695107551298264, 5.6145260003071602 51.45870848609752812, 5.61196172422138329 51.4630273870904773, 5.61735727381623029 51.46146169506123158, 5.61936551540393125 51.45797870138947161, 5.62540292785427898 51.45444347056830026, 5.62139044362953921 51.45018069697784568, 5.61729533030042205 51.4492871424590561, 5.6154449198963956 51.45519190300329626, 5.61447249516511171 51.45609679885343013, 5.60989571177949564 51.45649536147907099, 5.60989571177949564 51.45649536147907099)))</t>
  </si>
  <si>
    <t>MultiPolygon (((5.68414401659992574 51.50769997558053603, 5.7081814673279041 51.50182762849976115, 5.70769288793739449 51.49922452514422844, 5.70599570416820168 51.49940141862069254, 5.70504798150991643 51.49753291581997416, 5.7073163627153729 51.49721822341877697, 5.71249583867750044 51.49463106424491343, 5.71207387108292775 51.49150048465531881, 5.71298468382836155 51.49052589934870383, 5.70763482366144892 51.48872608084648306, 5.70107668478318619 51.49477652103959002, 5.69535214790250155 51.49653916195864412, 5.68711709394462872 51.4975636922751292, 5.68440443638020287 51.49727031110511177, 5.68222269440351546 51.49419473067452913, 5.67949146891360357 51.49305183308107559, 5.67679542094266676 51.49727551917575852, 5.67510537129500303 51.49894749752939305, 5.66995176402659684 51.50413811144786536, 5.67266823550908939 51.5054415632987812, 5.68296123680242093 51.50447959962595945, 5.68414401659992574 51.50769997558053603, 5.68414401659992574 51.50769997558053603)))</t>
  </si>
  <si>
    <t>MultiPolygon (((5.68440443638020287 51.49727031110511177, 5.68711709394462872 51.4975636922751292, 5.69535214790250155 51.49653916195864412, 5.70107668478318619 51.49477652103959002, 5.70763482366144892 51.48872608084648306, 5.68961175704315636 51.48797742181626091, 5.68358659145361589 51.48617059678318242, 5.68156738348130474 51.48969010078334207, 5.67949146891360357 51.49305183308107559, 5.68222269440351546 51.49419473067452913, 5.68440443638020287 51.49727031110511177, 5.68440443638020287 51.49727031110511177)))</t>
  </si>
  <si>
    <t>MultiPolygon (((5.70763482366144892 51.48872608084648306, 5.71298468382836155 51.49052589934870383, 5.71874416909045991 51.48857945803558778, 5.72068502255936728 51.48715804337098945, 5.72171770585637951 51.48513146722194733, 5.72294224507776761 51.48288847453007833, 5.73609097571663451 51.47192743803064019, 5.73501511737196523 51.46918695790809295, 5.7239573664957204 51.47008605100206324, 5.71328203145878355 51.47154441860928387, 5.71563485711322539 51.47471106102183569, 5.71447060943333884 51.47868969186128396, 5.70796732812142071 51.4785853617814908, 5.70691782368450085 51.47681586238072526, 5.70540220246353158 51.47696938498480534, 5.70588027430358213 51.48114128756760977, 5.70526373945072773 51.48185046236987006, 5.70235471402638794 51.48217861509739635, 5.69578863758183562 51.48177616007610879, 5.69173981865459133 51.48064909724781302, 5.69070851709552894 51.47786289907455881, 5.68862040855769635 51.47701275948871569, 5.68772727519660748 51.47890776615334829, 5.68358659145361589 51.48617059678318242, 5.68961175704315636 51.48797742181626091, 5.70763482366144892 51.48872608084648306, 5.70763482366144892 51.48872608084648306)))</t>
  </si>
  <si>
    <t>MultiPolygon (((5.70235471402638794 51.48217861509739635, 5.70526373945072773 51.48185046236987006, 5.70588027430358213 51.48114128756760977, 5.70540220246353158 51.47696938498480534, 5.70691782368450085 51.47681586238072526, 5.70581413335233822 51.47560745930149295, 5.70271862336798652 51.47584511952252484, 5.70005481707224604 51.47376715478073095, 5.69975124093178209 51.47245279923904349, 5.69071672179252452 51.47298535786793394, 5.68862040855769635 51.47701275948871569, 5.69070851709552894 51.47786289907455881, 5.69173981865459133 51.48064909724781302, 5.69578863758183562 51.48177616007610879, 5.70235471402638794 51.48217861509739635, 5.70235471402638794 51.48217861509739635)))</t>
  </si>
  <si>
    <t>MultiPolygon (((5.70271862336798652 51.47584511952252484, 5.70581413335233822 51.47560745930149295, 5.70691782368450085 51.47681586238072526, 5.70796732812142071 51.4785853617814908, 5.71447060943333884 51.47868969186128396, 5.71563485711322539 51.47471106102183569, 5.71328203145878355 51.47154441860928387, 5.69975124093178209 51.47245279923904349, 5.70005481707224604 51.47376715478073095, 5.70271862336798652 51.47584511952252484, 5.70271862336798652 51.47584511952252484)))</t>
  </si>
  <si>
    <t>MultiPolygon (((5.57672985105789909 51.49945316655242067, 5.57993320230325907 51.49876008818117157, 5.60965384185582128 51.50921734337133273, 5.61123779198262529 51.50797516842867196, 5.61056161875639781 51.50472582180562142, 5.61482846294974269 51.50044764434930045, 5.618730597233208 51.49863892468454907, 5.62203707062850189 51.49809054258598451, 5.62606600420743064 51.49828543649875456, 5.6269306232109555 51.49627512136891028, 5.62632072415004991 51.49504553996641931, 5.62158336648296952 51.49492664241395801, 5.61675810073638448 51.49375978017488364, 5.60981973945453838 51.49003222925846046, 5.60889644185414493 51.49015455255851492, 5.6070317408021646 51.49256073565905467, 5.60447577805714836 51.49154569507494017, 5.59978622946416227 51.48764481929785575, 5.60159160537425649 51.48447928217166947, 5.6067905082093521 51.48506547889200391, 5.60912632462128258 51.48089405058306056, 5.61678377185600475 51.47982050863662806, 5.62202806890316964 51.48041531322436271, 5.62489688135927235 51.47840614944644244, 5.622004643854285 51.47818391929279613, 5.61619945530397047 51.47558396884880949, 5.60581255786944155 51.47289026950310387, 5.60620881835553853 51.47182358487496856, 5.60353423539278417 51.47258967907819027, 5.59610731021017216 51.47489922924971495, 5.58578426916361082 51.47931204682660677, 5.58044565155992256 51.48533211657090902, 5.57015603850540764 51.496936265394055, 5.57672985105789909 51.49945316655242067, 5.57672985105789909 51.49945316655242067)))</t>
  </si>
  <si>
    <t>MultiPolygon (((5.62951149853148003 51.48195975234484933, 5.63298066434349742 51.48181490501156077, 5.63375179434949747 51.47895411913438579, 5.63628565290478623 51.47589775084028929, 5.63274956619626899 51.47472208477304889, 5.62619640252584841 51.4731593674622232, 5.60988335861340914 51.47191723730698243, 5.60520217706192714 51.47098563635621105, 5.60353423539278417 51.47258967907819027, 5.60620881835553853 51.47182358487496856, 5.60581255786944155 51.47289026950310387, 5.61619945530397047 51.47558396884880949, 5.622004643854285 51.47818391929279613, 5.62489688135927235 51.47840614944644244, 5.62202806890316964 51.48041531322436271, 5.62320074918281598 51.48013949195962624, 5.62810673462809685 51.48208933034054269, 5.62951149853148003 51.48195975234484933, 5.62951149853148003 51.48195975234484933)))</t>
  </si>
  <si>
    <t>MultiPolygon (((5.6070317408021646 51.49256073565905467, 5.60889644185414493 51.49015455255851492, 5.60981973945453838 51.49003222925846046, 5.61675810073638448 51.49375978017488364, 5.62158336648296952 51.49492664241395801, 5.62632072415004991 51.49504553996641931, 5.62476284610405042 51.49029400849121174, 5.62895505016158548 51.4866580146639663, 5.63010393292079581 51.48309095081263109, 5.62951149853148003 51.48195975234484933, 5.62810673462809685 51.48208933034054269, 5.62320074918281598 51.48013949195962624, 5.62202806890316964 51.48041531322436271, 5.61678377185600475 51.47982050863662806, 5.60912632462128258 51.48089405058306056, 5.6067905082093521 51.48506547889200391, 5.60159160537425649 51.48447928217166947, 5.59978622946416227 51.48764481929785575, 5.60447577805714836 51.49154569507494017, 5.6070317408021646 51.49256073565905467, 5.6070317408021646 51.49256073565905467)))</t>
  </si>
  <si>
    <t>MultiPolygon (((5.64638542696360801 51.50209678090469367, 5.65025361043514263 51.50374873535303522, 5.65251647137246849 51.50401071672639119, 5.65203759138689588 51.49565653783558616, 5.65194237721564807 51.4933303241804623, 5.64851629591924809 51.49485837533030264, 5.64836199874340927 51.49433686479697769, 5.63787739563554435 51.49167615606213388, 5.6434110858552069 51.48641043717489651, 5.6437286843989245 51.48450376178447385, 5.63833238996534458 51.4834720411028357, 5.63689880610129102 51.481613156675337, 5.63298066434349742 51.48181490501156077, 5.62951149853148003 51.48195975234484933, 5.63010393292079581 51.48309095081263109, 5.62895505016158548 51.4866580146639663, 5.62476284610405042 51.49029400849121174, 5.62632072415004991 51.49504553996641931, 5.6269306232109555 51.49627512136891028, 5.63093910534061948 51.49511062568797826, 5.63482221739705214 51.49488316165783175, 5.64113884756663797 51.4983037106131647, 5.64415646338604482 51.50123840704826961, 5.64638542696360801 51.50209678090469367, 5.64638542696360801 51.50209678090469367)))</t>
  </si>
  <si>
    <t>MultiPolygon (((5.63787739563554435 51.49167615606213388, 5.64836199874340927 51.49433686479697769, 5.64851629591924809 51.49485837533030264, 5.65194237721564807 51.4933303241804623, 5.65156813683520109 51.48554727587484336, 5.64430421804095062 51.48444043604982312, 5.6437286843989245 51.48450376178447385, 5.6434110858552069 51.48641043717489651, 5.63787739563554435 51.49167615606213388, 5.63787739563554435 51.49167615606213388)))</t>
  </si>
  <si>
    <t>MultiPolygon (((5.6437286843989245 51.48450376178447385, 5.64430421804095062 51.48444043604982312, 5.64575394163251154 51.47863815146150301, 5.63628565290478623 51.47589775084028929, 5.63375179434949747 51.47895411913438579, 5.63298066434349742 51.48181490501156077, 5.63689880610129102 51.481613156675337, 5.63833238996534458 51.4834720411028357, 5.6437286843989245 51.48450376178447385, 5.6437286843989245 51.48450376178447385)))</t>
  </si>
  <si>
    <t>MultiPolygon (((5.65354746059080426 51.47354197644484231, 5.65398595595809983 51.4735304135649514, 5.6589787905732809 51.46927634578436539, 5.66267467046726569 51.46599933881924471, 5.66063466337654475 51.46670989622184322, 5.65728023712652384 51.46616864586270168, 5.65298859360418504 51.46649313614820187, 5.64565086101721736 51.4691833502303453, 5.64538255630671504 51.46939486513714712, 5.64261029185282226 51.4708811643342159, 5.64256818916891145 51.47094417649402942, 5.65354746059080426 51.47354197644484231, 5.65354746059080426 51.47354197644484231)))</t>
  </si>
  <si>
    <t>MultiPolygon (((5.64575394163251154 51.47863815146150301, 5.65169922768878052 51.47619251174070598, 5.65354746059080426 51.47354197644484231, 5.64256818916891145 51.47094417649402942, 5.63274956619626899 51.47472208477304889, 5.63628565290478623 51.47589775084028929, 5.64575394163251154 51.47863815146150301, 5.64575394163251154 51.47863815146150301)))</t>
  </si>
  <si>
    <t>MultiPolygon (((5.70923963771784049 51.46344506237388572, 5.71074796710313315 51.46607401686672745, 5.71734739737508946 51.46553019716814248, 5.72112276311087165 51.45576806364138633, 5.72194980425063093 51.45445192659573053, 5.72407227181407929 51.45412795571208164, 5.72284843855754577 51.45319059121028005, 5.70344957214164694 51.45197247902801507, 5.69318931368517767 51.45295293479414767, 5.69415281174480992 51.45791754374113935, 5.70101059259988041 51.45683099178388886, 5.70142958131538702 51.45567748313091272, 5.69963436134492518 51.4545853447498942, 5.70166328592910787 51.45340198657271458, 5.70447541002389436 51.45459521901158695, 5.70711060677143944 51.45835294835622875, 5.70920225119770119 51.45895831706108936, 5.71013028821299784 51.46150847823969343, 5.70923963771784049 51.46344506237388572, 5.70923963771784049 51.46344506237388572)))</t>
  </si>
  <si>
    <t>MultiPolygon (((5.69071672179252452 51.47298535786793394, 5.69975124093178209 51.47245279923904349, 5.71328203145878355 51.47154441860928387, 5.7239573664957204 51.47008605100206324, 5.72297346447249389 51.46729103223999147, 5.71721504498628708 51.46823803021594301, 5.70545196927354148 51.47002930458231873, 5.69094583961302281 51.47247334881671321, 5.69071672179252452 51.47298535786793394, 5.69071672179252452 51.47298535786793394)))</t>
  </si>
  <si>
    <t>MultiPolygon (((5.70545196927354148 51.47002930458231873, 5.71721504498628708 51.46823803021594301, 5.71734739737508946 51.46553019716814248, 5.71074796710313315 51.46607401686672745, 5.70923963771784049 51.46344506237388572, 5.70463800119532305 51.46208453229071011, 5.70154925627858145 51.46210670424481037, 5.69718590885272658 51.46322708858623685, 5.69723019113578211 51.46383244917937105, 5.70148340161109335 51.46409174488459115, 5.70545196927354148 51.47002930458231873, 5.70545196927354148 51.47002930458231873)))</t>
  </si>
  <si>
    <t>MultiPolygon (((5.69094583961302281 51.47247334881671321, 5.70545196927354148 51.47002930458231873, 5.70148340161109335 51.46409174488459115, 5.69723019113578211 51.46383244917937105, 5.69419967617708789 51.46365197061947327, 5.69094583961302281 51.47247334881671321, 5.69094583961302281 51.47247334881671321)))</t>
  </si>
  <si>
    <t>MultiPolygon (((5.69419967617708789 51.46365197061947327, 5.69723019113578211 51.46383244917937105, 5.69718590885272658 51.46322708858623685, 5.70154925627858145 51.46210670424481037, 5.70463800119532305 51.46208453229071011, 5.70923963771784049 51.46344506237388572, 5.71013028821299784 51.46150847823969343, 5.70920225119770119 51.45895831706108936, 5.70711060677143944 51.45835294835622875, 5.70447541002389436 51.45459521901158695, 5.70166328592910787 51.45340198657271458, 5.69963436134492518 51.4545853447498942, 5.70142958131538702 51.45567748313091272, 5.70101059259988041 51.45683099178388886, 5.69415281174480992 51.45791754374113935, 5.69419967617708789 51.46365197061947327, 5.69419967617708789 51.46365197061947327)))</t>
  </si>
  <si>
    <t>MultiPolygon (((5.64565086101721736 51.4691833502303453, 5.65298859360418504 51.46649313614820187, 5.65728023712652384 51.46616864586270168, 5.66063466337654475 51.46670989622184322, 5.66267467046726569 51.46599933881924471, 5.66989546754718088 51.46043431975092375, 5.67223761583024189 51.45771484591747225, 5.6689961368629147 51.45684947793745323, 5.65646818233351034 51.45655960919771132, 5.64434252605742248 51.45625798215562696, 5.64586862128071054 51.45942374574875799, 5.64521420306444188 51.46267266994280476, 5.64667106339231939 51.46398342154666494, 5.64485745361753999 51.46721736354565735, 5.64565086101721736 51.4691833502303453, 5.64565086101721736 51.4691833502303453)))</t>
  </si>
  <si>
    <t>MultiPolygon (((5.64538255630671504 51.46939486513714712, 5.64565086101721736 51.4691833502303453, 5.64485745361753999 51.46721736354565735, 5.64667106339231939 51.46398342154666494, 5.64521420306444188 51.46267266994280476, 5.63956516906510075 51.46173954609255219, 5.63816178897550291 51.4666175890180142, 5.64538255630671504 51.46939486513714712, 5.64538255630671504 51.46939486513714712)))</t>
  </si>
  <si>
    <t>MultiPolygon (((5.64521420306444188 51.46267266994280476, 5.64586862128071054 51.45942374574875799, 5.64434252605742248 51.45625798215562696, 5.64155537173540722 51.45565208975510529, 5.62139044362953921 51.45018069697784568, 5.62540292785427898 51.45444347056830026, 5.63132160363974066 51.45999508287797397, 5.63360223886747047 51.46311279869510713, 5.63901730920131783 51.46226832930160811, 5.63956516906510075 51.46173954609255219, 5.64521420306444188 51.46267266994280476, 5.64521420306444188 51.46267266994280476)))</t>
  </si>
  <si>
    <t>MultiPolygon (((5.63274956619626899 51.47472208477304889, 5.64256818916891145 51.47094417649402942, 5.64261029185282226 51.4708811643342159, 5.62506487965274449 51.46651668225592147, 5.62502639081113198 51.46656736619551964, 5.61899967437919567 51.46959079269421977, 5.60988335861340914 51.47191723730698243, 5.62619640252584841 51.4731593674622232, 5.63274956619626899 51.47472208477304889, 5.63274956619626899 51.47472208477304889)))</t>
  </si>
  <si>
    <t>MultiPolygon (((5.64261029185282226 51.4708811643342159, 5.64538255630671504 51.46939486513714712, 5.63816178897550291 51.4666175890180142, 5.63956516906510075 51.46173954609255219, 5.63901730920131783 51.46226832930160811, 5.63360223886747047 51.46311279869510713, 5.63132160363974066 51.45999508287797397, 5.62667815635149893 51.46189674089180244, 5.62377620108418164 51.4642579808249252, 5.62593368915251002 51.46553544409842829, 5.62506487965274449 51.46651668225592147, 5.64261029185282226 51.4708811643342159, 5.64261029185282226 51.4708811643342159)))</t>
  </si>
  <si>
    <t>MultiPolygon (((5.65251647137246849 51.50401071672639119, 5.65640371545631737 51.50730927435273543, 5.66358513325812662 51.50225583384550987, 5.67510537129500303 51.49894749752939305, 5.67679542094266676 51.49727551917575852, 5.6699145481509392 51.49569754618273265, 5.66988725823567208 51.49444619252666655, 5.6653872065341675 51.49460228894450609, 5.66541595992716829 51.49559599808241472, 5.65203759138689588 51.49565653783558616, 5.65251647137246849 51.50401071672639119, 5.65251647137246849 51.50401071672639119)))</t>
  </si>
  <si>
    <t>MultiPolygon (((5.65203759138689588 51.49565653783558616, 5.66541595992716829 51.49559599808241472, 5.6653872065341675 51.49460228894450609, 5.66988725823567208 51.49444619252666655, 5.67245142890354703 51.49045729306778441, 5.66771020030744488 51.48904239982329756, 5.66184732959024295 51.48713845658005539, 5.66086082146535485 51.48593095147804632, 5.65756077154740833 51.48588235720581707, 5.65169537848845316 51.48549032277836801, 5.65156813683520109 51.48554727587484336, 5.65194237721564807 51.4933303241804623, 5.65203759138689588 51.49565653783558616, 5.65203759138689588 51.49565653783558616)))</t>
  </si>
  <si>
    <t>MultiPolygon (((5.67679542094266676 51.49727551917575852, 5.67949146891360357 51.49305183308107559, 5.68156738348130474 51.48969010078334207, 5.67668130298769213 51.48875220195898095, 5.672833820763028 51.4867036683105681, 5.66771020030744488 51.48904239982329756, 5.67245142890354703 51.49045729306778441, 5.66988725823567208 51.49444619252666655, 5.6699145481509392 51.49569754618273265, 5.67679542094266676 51.49727551917575852, 5.67679542094266676 51.49727551917575852)))</t>
  </si>
  <si>
    <t>MultiPolygon (((5.68156738348130474 51.48969010078334207, 5.68358659145361589 51.48617059678318242, 5.68772727519660748 51.47890776615334829, 5.68000944080359549 51.47864728596284323, 5.6795009608764202 51.48017199338433869, 5.67610353165670478 51.48382689298262704, 5.672833820763028 51.4867036683105681, 5.67668130298769213 51.48875220195898095, 5.68156738348130474 51.48969010078334207, 5.68156738348130474 51.48969010078334207)))</t>
  </si>
  <si>
    <t>MultiPolygon (((5.68772727519660748 51.47890776615334829, 5.68862040855769635 51.47701275948871569, 5.69071672179252452 51.47298535786793394, 5.69094583961302281 51.47247334881671321, 5.67936782511039429 51.47443312025067996, 5.68000944080359549 51.47864728596284323, 5.68772727519660748 51.47890776615334829, 5.68772727519660748 51.47890776615334829)))</t>
  </si>
  <si>
    <t>MultiPolygon (((5.67424585082324651 51.48315811682284249, 5.67610353165670478 51.48382689298262704, 5.6795009608764202 51.48017199338433869, 5.68000944080359549 51.47864728596284323, 5.67936782511039429 51.47443312025067996, 5.66979239333077789 51.47585263687363266, 5.66981427153531126 51.47591275424209556, 5.66986723217114985 51.47606410352644701, 5.67424585082324651 51.48315811682284249, 5.67424585082324651 51.48315811682284249)))</t>
  </si>
  <si>
    <t>MultiPolygon (((5.65156813683520109 51.48554727587484336, 5.65169537848845316 51.48549032277836801, 5.65167646368475474 51.47628393074882069, 5.65169922768878052 51.47619251174070598, 5.64575394163251154 51.47863815146150301, 5.64430421804095062 51.48444043604982312, 5.65156813683520109 51.48554727587484336, 5.65156813683520109 51.48554727587484336)))</t>
  </si>
  <si>
    <t>MultiPolygon (((5.66981427153531126 51.47591275424209556, 5.66979239333077789 51.47585263687363266, 5.6679147797513254 51.46969519767402801, 5.66064266863070564 51.46876884698742316, 5.6589787905732809 51.46927634578436539, 5.65398595595809983 51.4735304135649514, 5.66375944736517667 51.47559147489560161, 5.66981427153531126 51.47591275424209556, 5.66981427153531126 51.47591275424209556)))</t>
  </si>
  <si>
    <t>MultiPolygon (((5.6734568062755093 51.48318178923080524, 5.67424585082324651 51.48315811682284249, 5.66986723217114985 51.47606410352644701, 5.66032889874806155 51.47721373894177077, 5.6603220378071093 51.48079443289472579, 5.66744731777170241 51.48122043975141793, 5.66937134049723834 51.48239493949440515, 5.6734568062755093 51.48318178923080524, 5.6734568062755093 51.48318178923080524)))</t>
  </si>
  <si>
    <t>MultiPolygon (((5.65167646368475474 51.47628393074882069, 5.65605341310146237 51.47734206100434307, 5.66032889874806155 51.47721373894177077, 5.66986723217114985 51.47606410352644701, 5.66981427153531126 51.47591275424209556, 5.66375944736517667 51.47559147489560161, 5.65398595595809983 51.4735304135649514, 5.65354746059080426 51.47354197644484231, 5.65169922768878052 51.47619251174070598, 5.65167646368475474 51.47628393074882069, 5.65167646368475474 51.47628393074882069)))</t>
  </si>
  <si>
    <t>MultiPolygon (((5.65756077154740833 51.48588235720581707, 5.66086082146535485 51.48593095147804632, 5.67244234513404511 51.48380987824564414, 5.6734568062755093 51.48318178923080524, 5.66937134049723834 51.48239493949440515, 5.66744731777170241 51.48122043975141793, 5.6603220378071093 51.48079443289472579, 5.65755698390525552 51.48457922227552075, 5.65756077154740833 51.48588235720581707, 5.65756077154740833 51.48588235720581707)))</t>
  </si>
  <si>
    <t>MultiPolygon (((5.66771020030744488 51.48904239982329756, 5.672833820763028 51.4867036683105681, 5.67610353165670478 51.48382689298262704, 5.67424585082324651 51.48315811682284249, 5.6734568062755093 51.48318178923080524, 5.67244234513404511 51.48380987824564414, 5.66086082146535485 51.48593095147804632, 5.66184732959024295 51.48713845658005539, 5.66771020030744488 51.48904239982329756, 5.66771020030744488 51.48904239982329756)))</t>
  </si>
  <si>
    <t>MultiPolygon (((5.65169537848845316 51.48549032277836801, 5.65756077154740833 51.48588235720581707, 5.65755698390525552 51.48457922227552075, 5.6603220378071093 51.48079443289472579, 5.66032889874806155 51.47721373894177077, 5.65605341310146237 51.47734206100434307, 5.65167646368475474 51.47628393074882069, 5.65169537848845316 51.48549032277836801, 5.65169537848845316 51.48549032277836801)))</t>
  </si>
  <si>
    <t>MultiPolygon (((5.74523855292580965 51.75914449326249667, 5.75170940831570476 51.7560431693954186, 5.75795854387129413 51.75418822171423017, 5.7568623315284011 51.75097578354771599, 5.75190861115754082 51.74737345752046025, 5.74861753430918476 51.7478573870589571, 5.74043301241347859 51.74779339820965873, 5.74050332601319191 51.74885607770049489, 5.74272832386712384 51.74993442834067281, 5.74273333384127493 51.75146105588662238, 5.74110858212254804 51.75382961628162803, 5.74466964240331901 51.756122727450105, 5.74304291739043205 51.75763606234689718, 5.74523855292580965 51.75914449326249667, 5.74523855292580965 51.75914449326249667)))</t>
  </si>
  <si>
    <t>MultiPolygon (((5.73202487397090632 51.77189384948584916, 5.73568162409404003 51.76891411716303537, 5.7407792589309361 51.7632479420424545, 5.73896732068364823 51.76209133709974708, 5.73305336223184092 51.7612670478114083, 5.73187006339304972 51.76369119061259028, 5.73020446025739716 51.76741759412648491, 5.73084865474890304 51.77098048420818799, 5.73202487397090632 51.77189384948584916, 5.73202487397090632 51.77189384948584916)))</t>
  </si>
  <si>
    <t>MultiPolygon (((5.73305336223184092 51.7612670478114083, 5.73896732068364823 51.76209133709974708, 5.7407792589309361 51.7632479420424545, 5.74523855292580965 51.75914449326249667, 5.74304291739043205 51.75763606234689718, 5.74466964240331901 51.756122727450105, 5.74110858212254804 51.75382961628162803, 5.73935273511125477 51.75500122008655524, 5.73653972107560683 51.75489503738631214, 5.73603593263350042 51.75605942589974262, 5.73407937328492601 51.75662533050534364, 5.73291888169278252 51.75887054866537795, 5.73323162623406457 51.7600479609462738, 5.73305336223184092 51.7612670478114083, 5.73305336223184092 51.7612670478114083)))</t>
  </si>
  <si>
    <t>MultiPolygon (((5.72630266014680167 51.76250269530282822, 5.72651600850202325 51.76556125382287377, 5.73187006339304972 51.76369119061259028, 5.73305336223184092 51.7612670478114083, 5.73323162623406457 51.7600479609462738, 5.7313632657513871 51.75965291351569419, 5.72925553740628057 51.76030878536111146, 5.72630266014680167 51.76250269530282822, 5.72630266014680167 51.76250269530282822)))</t>
  </si>
  <si>
    <t>MultiPolygon (((5.72319453167721282 51.75803364782223071, 5.73463208262364876 51.75431252430185936, 5.7321627272239688 51.75087178003266075, 5.72940239539433716 51.75105357233461234, 5.72422159394554253 51.75446530469483264, 5.72319453167721282 51.75803364782223071, 5.72319453167721282 51.75803364782223071)))</t>
  </si>
  <si>
    <t>MultiPolygon (((5.73463208262364876 51.75431252430185936, 5.73603593263350042 51.75605942589974262, 5.73653972107560683 51.75489503738631214, 5.73935273511125477 51.75500122008655524, 5.74110858212254804 51.75382961628162803, 5.74273333384127493 51.75146105588662238, 5.74272832386712384 51.74993442834067281, 5.74050332601319191 51.74885607770049489, 5.73914498159038988 51.74736862234933454, 5.73689470244157018 51.74783240854191746, 5.7321627272239688 51.75087178003266075, 5.73463208262364876 51.75431252430185936, 5.73463208262364876 51.75431252430185936)))</t>
  </si>
  <si>
    <t>MultiPolygon (((5.72404608147778671 51.76061092050930768, 5.72630266014680167 51.76250269530282822, 5.72925553740628057 51.76030878536111146, 5.7313632657513871 51.75965291351569419, 5.73323162623406457 51.7600479609462738, 5.73291888169278252 51.75887054866537795, 5.73407937328492601 51.75662533050534364, 5.73603593263350042 51.75605942589974262, 5.73463208262364876 51.75431252430185936, 5.72319453167721282 51.75803364782223071, 5.72368002337136073 51.75991110167034037, 5.72404608147778671 51.76061092050930768, 5.72404608147778671 51.76061092050930768)))</t>
  </si>
  <si>
    <t>MultiPolygon (((5.77227656748509688 51.74519621813630721, 5.7839729855417259 51.74167581786756642, 5.78615422927723966 51.73930387855449453, 5.78312047775868088 51.73800435640902862, 5.77955781967079396 51.7386767193905257, 5.77190656940041613 51.7433811889810471, 5.77227656748509688 51.74519621813630721, 5.77227656748509688 51.74519621813630721)))</t>
  </si>
  <si>
    <t>MultiPolygon (((5.76929854753932148 51.75234715657020246, 5.77966551383751526 51.75221195843450772, 5.79053431350657721 51.75350905477059626, 5.79128257124234036 51.74968333983968449, 5.78834237906656135 51.74767220967436998, 5.78611136894592715 51.74429005297512418, 5.79651180480640171 51.74016993757932426, 5.79367636423921617 51.73645829164805576, 5.79974892415157228 51.73436567848300882, 5.79751616310952489 51.73052230333211554, 5.79486977252855073 51.72998935419434474, 5.79808036403921534 51.7213330473502495, 5.79243996164752062 51.72055883911237828, 5.78732939851805916 51.7200174397108654, 5.78487566075174708 51.71830317606249139, 5.78240621708119207 51.71978148853144575, 5.77076690115371171 51.72287796755692568, 5.7706748777429917 51.72451742959374599, 5.76588753388868103 51.7267864617260642, 5.76476251382374105 51.72981488182354326, 5.76227649711557621 51.73287036984823573, 5.76642626680355974 51.74264756122246212, 5.7669461229309178 51.74642946279825395, 5.77084520787854061 51.74769812812643011, 5.76929854753932148 51.75234715657020246, 5.76929854753932148 51.75234715657020246),(5.77227656748509688 51.74519621813630721, 5.77190656940041613 51.7433811889810471, 5.77955781967079396 51.7386767193905257, 5.78312047775868088 51.73800435640902862, 5.78615422927723966 51.73930387855449453, 5.7839729855417259 51.74167581786756642, 5.77227656748509688 51.74519621813630721, 5.77227656748509688 51.74519621813630721)))</t>
  </si>
  <si>
    <t>MultiPolygon (((5.72368002337136073 51.75991110167034037, 5.72221540458276579 51.75934853602619512, 5.71689773317331795 51.76057538006669034, 5.71531577163284688 51.75936805970771815, 5.71654104378678962 51.758435436921296, 5.71549193160777946 51.75754430737237755, 5.71400125816031235 51.75845434546433665, 5.71604413116811738 51.76049519697432544, 5.71329562071706043 51.76049136213758572, 5.71542649790146307 51.76287329986208618, 5.72404608147778671 51.76061092050930768, 5.72368002337136073 51.75991110167034037, 5.72368002337136073 51.75991110167034037)))</t>
  </si>
  <si>
    <t>MultiPolygon (((5.71122994549050311 51.77503386233291138, 5.72190473657537613 51.77482646704561375, 5.7297453751248888 51.77285104821920925, 5.73202487397090632 51.77189384948584916, 5.73084865474890304 51.77098048420818799, 5.73020446025739716 51.76741759412648491, 5.73187006339304972 51.76369119061259028, 5.72651600850202325 51.76556125382287377, 5.72630266014680167 51.76250269530282822, 5.72404608147778671 51.76061092050930768, 5.71542649790146307 51.76287329986208618, 5.71329562071706043 51.76049136213758572, 5.71604413116811738 51.76049519697432544, 5.71400125816031235 51.75845434546433665, 5.71549193160777946 51.75754430737237755, 5.71654104378678962 51.758435436921296, 5.71531577163284688 51.75936805970771815, 5.71689773317331795 51.76057538006669034, 5.72221540458276579 51.75934853602619512, 5.72368002337136073 51.75991110167034037, 5.72319453167721282 51.75803364782223071, 5.72422159394554253 51.75446530469483264, 5.72940239539433716 51.75105357233461234, 5.72954544818499123 51.74877241998182598, 5.72181159121305516 51.74660544913085403, 5.70105904854913703 51.74213306721971861, 5.70142600779248454 51.74421966557597585, 5.70174432528794739 51.74549469109572897, 5.70349331399655668 51.75047279054277993, 5.69991098810256869 51.75046865484146252, 5.70186916607629524 51.75539759046014154, 5.69424144096751395 51.75548826188090601, 5.69085817009560202 51.7591306918526044, 5.69603582976593259 51.76133972309590092, 5.70104786637786276 51.76874714174677194, 5.71122994549050311 51.77503386233291138, 5.71122994549050311 51.77503386233291138),(5.71660279280918182 51.75139307004699418, 5.71542956355825993 51.75167697292472724, 5.71488269907512603 51.75106110622709821, 5.71465901653174502 51.74870505933480302, 5.71016881021846334 51.74924672178009644, 5.70915077803560678 51.74752625956034535, 5.71030312360034564 51.74597846976298143, 5.71540417347936103 51.74532245395769081, 5.7164052499553657 51.74553814752599834, 5.71684082905529944 51.74736442846621998, 5.72101103865985561 51.74755317626670603, 5.72031546471188967 51.74966127480579559, 5.71660279280918182 51.75139307004699418, 5.71660279280918182 51.75139307004699418)))</t>
  </si>
  <si>
    <t>MultiPolygon (((5.72940239539433716 51.75105357233461234, 5.7321627272239688 51.75087178003266075, 5.72954544818499123 51.74877241998182598, 5.72940239539433716 51.75105357233461234, 5.72940239539433716 51.75105357233461234)))</t>
  </si>
  <si>
    <t>MultiPolygon (((5.72954544818499123 51.74877241998182598, 5.7321627272239688 51.75087178003266075, 5.73689470244157018 51.74783240854191746, 5.73653179928380563 51.74615930005183628, 5.73241704350870762 51.74455581241515034, 5.72813956049965523 51.74160816162994792, 5.72353853211347996 51.74003401913829236, 5.72145537259203429 51.7378974978741013, 5.72664578312394568 51.73635926084870107, 5.72772811681216254 51.73449554084449886, 5.71839420772392248 51.73097424938003996, 5.71881160604539129 51.73292630044298335, 5.70986286757672179 51.7318078206550922, 5.70609572769664375 51.73212254320764458, 5.7079114098293573 51.73658235036180741, 5.69811625344974626 51.73850731272424497, 5.69990191375523203 51.74190560679303275, 5.70105904854913703 51.74213306721971861, 5.72181159121305516 51.74660544913085403, 5.72954544818499123 51.74877241998182598, 5.72954544818499123 51.74877241998182598)))</t>
  </si>
  <si>
    <t>MultiPolygon (((5.71660279280918182 51.75139307004699418, 5.72031546471188967 51.74966127480579559, 5.72101103865985561 51.74755317626670603, 5.71684082905529944 51.74736442846621998, 5.7164052499553657 51.74553814752599834, 5.71540417347936103 51.74532245395769081, 5.71030312360034564 51.74597846976298143, 5.70915077803560678 51.74752625956034535, 5.71016881021846334 51.74924672178009644, 5.71465901653174502 51.74870505933480302, 5.71488269907512603 51.75106110622709821, 5.71542956355825993 51.75167697292472724, 5.71660279280918182 51.75139307004699418, 5.71660279280918182 51.75139307004699418)))</t>
  </si>
  <si>
    <t>MultiPolygon (((5.73689470244157018 51.74783240854191746, 5.73914498159038988 51.74736862234933454, 5.73915529161483917 51.74644183977996903, 5.74362815047752573 51.74541186879096699, 5.74316527214195016 51.74439898591221976, 5.7410703407530832 51.74341339235915171, 5.74227381092929434 51.74047003068466921, 5.74435359848231464 51.7355236607236435, 5.74413297239984821 51.73314176150350363, 5.74832661580066873 51.72584642188171955, 5.75231467223830872 51.72261211949367521, 5.75187873170903252 51.72105508033098431, 5.74817190311598658 51.7179787216559248, 5.74505722766404148 51.71960762094167308, 5.74347376768276607 51.72130707637258951, 5.73298028429140061 51.72313903214487141, 5.73192745598063436 51.7215775829058515, 5.72888598545851124 51.72008100703867939, 5.7219946699342481 51.72329736764723407, 5.72152439521726475 51.72304588180679019, 5.71717599942556642 51.72450230251998704, 5.71573042316869007 51.72518727708000341, 5.71601853156944539 51.7258282733785606, 5.7147449520057183 51.72565421377723283, 5.71313906613605482 51.72641507561007757, 5.71187722070932935 51.72765907741299429, 5.70941754117153977 51.72857183228938993, 5.71136440191168759 51.72952289216016908, 5.71839420772392248 51.73097424938003996, 5.72772811681216254 51.73449554084449886, 5.72664578312394568 51.73635926084870107, 5.72145537259203429 51.7378974978741013, 5.72353853211347996 51.74003401913829236, 5.72813956049965523 51.74160816162994792, 5.73241704350870762 51.74455581241515034, 5.73653179928380563 51.74615930005183628, 5.73689470244157018 51.74783240854191746, 5.73689470244157018 51.74783240854191746)))</t>
  </si>
  <si>
    <t>MultiPolygon (((5.75795854387129413 51.75418822171423017, 5.76929854753932148 51.75234715657020246, 5.77084520787854061 51.74769812812643011, 5.7669461229309178 51.74642946279825395, 5.76642626680355974 51.74264756122246212, 5.76227649711557621 51.73287036984823573, 5.76476251382374105 51.72981488182354326, 5.76588753388868103 51.7267864617260642, 5.7706748777429917 51.72451742959374599, 5.77076690115371171 51.72287796755692568, 5.76794049906228423 51.72343007153381933, 5.76616933509821639 51.72317946545160083, 5.76543331548053306 51.72212182272821934, 5.76297948358527012 51.72272805083623126, 5.75945384778877045 51.72222900634289289, 5.75621321731520474 51.72192761132639305, 5.75231467223830872 51.72261211949367521, 5.74832661580066873 51.72584642188171955, 5.74413297239984821 51.73314176150350363, 5.74435359848231464 51.7355236607236435, 5.74227381092929434 51.74047003068466921, 5.74790174487476424 51.7408379653191659, 5.75306361869871097 51.74313408997365826, 5.75196781815681035 51.74368436870098265, 5.74974308953827862 51.74335665177097354, 5.74649511738523344 51.74587557824475681, 5.74316527214195016 51.74439898591221976, 5.74362815047752573 51.74541186879096699, 5.73915529161483917 51.74644183977996903, 5.73914498159038988 51.74736862234933454, 5.74050332601319191 51.74885607770049489, 5.74043301241347859 51.74779339820965873, 5.74861753430918476 51.7478573870589571, 5.75190861115754082 51.74737345752046025, 5.7568623315284011 51.75097578354771599, 5.75795854387129413 51.75418822171423017, 5.75795854387129413 51.75418822171423017)))</t>
  </si>
  <si>
    <t>MultiPolygon (((5.74316527214195016 51.74439898591221976, 5.74649511738523344 51.74587557824475681, 5.74974308953827862 51.74335665177097354, 5.75196781815681035 51.74368436870098265, 5.75306361869871097 51.74313408997365826, 5.74790174487476424 51.7408379653191659, 5.74227381092929434 51.74047003068466921, 5.7410703407530832 51.74341339235915171, 5.74316527214195016 51.74439898591221976, 5.74316527214195016 51.74439898591221976)))</t>
  </si>
  <si>
    <t>MultiPolygon (((4.97546006383119543 51.54013286562535967, 4.98762886134605754 51.54002282079668618, 4.99340745746215298 51.53841099130174541, 5.00156823487033897 51.53748782567725328, 5.02050368816083648 51.53895403886455995, 5.02249977022892136 51.53845961467389714, 5.02752047186418061 51.53343817725345843, 5.02272661587603864 51.52966152364471242, 5.01947245375820561 51.53150676802444252, 5.02047239725047501 51.53208573486760002, 5.01199360186799048 51.5345514968708116, 5.00852630925237996 51.53480903086777687, 5.00828643081841918 51.53160922939770927, 5.00931078305641186 51.53170211749763752, 5.00996683203088633 51.52923459083559266, 5.00792827126001328 51.52349780044302463, 5.00914875025426021 51.52135145932167859, 5.01102614176363126 51.52203384553330778, 5.01209339365710616 51.52113795697920295, 5.01376139399989729 51.51927556277139075, 5.01548958911472464 51.51980260685154889, 5.0159859555450792 51.51719255157105692, 5.01888000065818751 51.51770677632319462, 5.02078339867679357 51.52025188921592758, 5.02596592707810252 51.52287537864837219, 5.02613149814249471 51.52136778311133725, 5.02460766784556689 51.51826995390997865, 5.01959124737114415 51.51078880649470904, 5.01625198391500682 51.50032833810454491, 5.01336918901513862 51.49708012523552725, 5.01477663929429962 51.49583062314140136, 5.00239778586756501 51.48041303214592546, 4.99978829733754893 51.48050192149188575, 4.9991764056288952 51.48201587772815202, 4.98799334618947565 51.4830447264477371, 4.98842031670068664 51.48398465491870724, 4.99009624511968219 51.48507807524986646, 4.99133643274975558 51.48442116371213473, 4.99339103837200504 51.48547930719703203, 4.99163788845315803 51.48618245917142389, 4.99261849235341604 51.487453512131232, 4.9972284740141335 51.48853841290661393, 5.0003639438762173 51.49186247366628066, 4.99780382838917614 51.49284496547320344, 4.99715889344269648 51.49204964775893956, 4.99246643647976285 51.49394553580671641, 4.99675657876487733 51.49677471386328165, 4.99464297030478566 51.49765069176872601, 4.98673982035854824 51.49532926506758201, 4.9857759851634853 51.49975454475263348, 4.98965511102186632 51.50575507824081001, 4.99229836579696862 51.51224760151634285, 4.98991796338206317 51.51314955891379554, 4.98249619897660079 51.51408805574602212, 4.98455460160385933 51.5178821169450174, 4.98086879712300057 51.51863092719161585, 4.97759584222978635 51.52165162109417906, 4.96875085018609042 51.52118162228880038, 4.96257274593401299 51.52586441291529695, 4.97413601029668406 51.53984041130427585, 4.97546006383119543 51.54013286562535967)))</t>
  </si>
  <si>
    <t>MultiPolygon (((5.02078339867679357 51.52025188921592758, 5.01888000065818751 51.51770677632319462, 5.01695063637575878 51.51837778022171932, 5.02078339867679357 51.52025188921592758, 5.02078339867679357 51.52025188921592758)))</t>
  </si>
  <si>
    <t>MultiPolygon (((5.01209339365710616 51.52113795697920295, 5.01460263383425353 51.52316125274193581, 5.0156312284901059 51.52288246138063954, 5.01727992950936486 51.52034857154356473, 5.01548958911472464 51.51980260685154889, 5.01376139399989729 51.51927556277139075, 5.01209339365710616 51.52113795697920295, 5.01209339365710616 51.52113795697920295)))</t>
  </si>
  <si>
    <t>MultiPolygon (((5.01460263383425353 51.52316125274193581, 5.01209339365710616 51.52113795697920295, 5.01102614176363126 51.52203384553330778, 5.00914875025426021 51.52135145932167859, 5.00792827126001328 51.52349780044302463, 5.00996683203088633 51.52923459083559266, 5.00931078305641186 51.53170211749763752, 5.00828643081841918 51.53160922939770927, 5.00852630925237996 51.53480903086777687, 5.01199360186799048 51.5345514968708116, 5.02047239725047501 51.53208573486760002, 5.01947245375820561 51.53150676802444252, 5.02272661587603864 51.52966152364471242, 5.01460263383425353 51.52316125274193581, 5.01460263383425353 51.52316125274193581)))</t>
  </si>
  <si>
    <t>MultiPolygon (((5.01888000065818751 51.51770677632319462, 5.0159859555450792 51.51719255157105692, 5.01548958911472464 51.51980260685154889, 5.01727992950936486 51.52034857154356473, 5.0156312284901059 51.52288246138063954, 5.01460263383425353 51.52316125274193581, 5.02272661587603864 51.52966152364471242, 5.02752047186418061 51.53343817725345843, 5.03050098016171976 51.52950721034765991, 5.02596592707810252 51.52287537864837219, 5.02078339867679357 51.52025188921592758, 5.01695063637575878 51.51837778022171932, 5.01888000065818751 51.51770677632319462, 5.01888000065818751 51.51770677632319462)))</t>
  </si>
  <si>
    <t>MultiPolygon (((5.10565281638401558 51.53333739689990978, 5.1045286977522446 51.53383661994453036, 5.10005935453219905 51.53145498399630497, 5.10506070585072269 51.5281758908007177, 5.09814109228259671 51.52495238246365261, 5.10049009548415011 51.52296972135864195, 5.09875074346662949 51.52200645788398248, 5.10094728016660337 51.52051970271272552, 5.09502373439082046 51.51725160096732026, 5.098441608185178 51.51536059989196303, 5.096035415271154 51.50991218979905284, 5.08818690331320411 51.51129750735096025, 5.07299800048721661 51.50287503969433089, 5.07691504097421742 51.50079651767116218, 5.06272297252419001 51.49285224518851578, 5.06929311659892701 51.48683587829398789, 5.06836791750495941 51.4853347500938483, 5.05158027566713219 51.48713195859547653, 5.04879177642938703 51.4719135341252283, 5.0498654705180881 51.47182583668981692, 5.04974082089191967 51.47110814938931611, 5.04593178516558893 51.47111475123121238, 5.04342715924038831 51.47468580712560282, 5.04248798607433368 51.47482798173928842, 5.0431440195443713 51.47517553289951309, 5.03788845870804991 51.47934984479165621, 5.03917242889632266 51.47977497967937666, 5.04009373557091944 51.48509958386700447, 5.04021022359022908 51.48653309136621203, 5.03870257805310739 51.48654424295579446, 5.03878803310356638 51.48700060348510021, 5.03315562801128191 51.48719427160150985, 5.03205853948448922 51.48573239487568287, 5.02227871781607416 51.48177857763737109, 5.01652248212660457 51.47543915829809436, 5.01527249229079075 51.47632935616915972, 5.00833821310366467 51.47329958514016113, 5.00641105135396725 51.47511015662494316, 4.99930171643593635 51.47930637774939555, 4.99978829733754893 51.48050192149188575, 5.00239778586756501 51.48041303214592546, 5.01477663929429962 51.49583062314140136, 5.01336918901513862 51.49708012523552725, 5.01625198391500682 51.50032833810454491, 5.01959124737114415 51.51078880649470904, 5.02460766784556689 51.51826995390997865, 5.02613149814249471 51.52136778311133725, 5.02596592707810252 51.52287537864837219, 5.03050098016171976 51.52950721034765991, 5.03272526212848881 51.53016772098096965, 5.04436404706533015 51.53083271567467705, 5.04482503302337637 51.53064257917209545, 5.04249870033495551 51.52730437997546176, 5.04151262123600663 51.52276055138885624, 5.04424776840230482 51.51631401663801313, 5.04590794061679659 51.51317753413287193, 5.04704838666194 51.51122945799795616, 5.05028627060452884 51.50566733707533729, 5.05331754270589517 51.50560545983609018, 5.05473094218621544 51.50587210434280649, 5.05527819652415911 51.50751626344463574, 5.05944618197670692 51.51220740127521935, 5.05999194058273893 51.51278406436509982, 5.06056135172580834 51.51242356595428618, 5.06963255459017681 51.51675916957844237, 5.07239217727530356 51.51744420371853295, 5.07850801278642283 51.52121629658336133, 5.07963500696263104 51.52229732544242324, 5.07930596331809081 51.52355803824020342, 5.08324229275293948 51.52628738111241091, 5.08966255164874326 51.52828814249075151, 5.08999363744428646 51.53109929304523007, 5.08731069469680897 51.53249978663480135, 5.08258989181420873 51.5313180209795263, 5.07473687696607101 51.53020316006928425, 5.07332283222547886 51.53322949986961987, 5.07593560827299228 51.53549542135727535, 5.07352701958328822 51.53674398938972701, 5.07382712266173552 51.53671667055407113, 5.08346538625541644 51.53582395350876055, 5.08548303446705052 51.53559283159574989, 5.09647455078652722 51.53496681288015679, 5.10282391817538539 51.53604277046120075, 5.10609689010251255 51.53742697667381378, 5.10982058330153421 51.53938317454063167, 5.11064533285021128 51.53890236565062111, 5.10867893985268484 51.53723224249790036, 5.10958894816722342 51.53680540530898213, 5.10565281638401558 51.53333739689990978)))</t>
  </si>
  <si>
    <t>MultiPolygon (((5.04704838666194 51.51122945799795616, 5.05007289509542279 51.51183357230583937, 5.05270905285280758 51.51157724047828879, 5.05944618197670692 51.51220740127521935, 5.05527819652415911 51.50751626344463574, 5.05473094218621544 51.50587210434280649, 5.05331754270589517 51.50560545983609018, 5.05028627060452884 51.50566733707533729, 5.04704838666194 51.51122945799795616, 5.04704838666194 51.51122945799795616)))</t>
  </si>
  <si>
    <t>MultiPolygon (((5.05326523461691846 51.51713641593769211, 5.05491919684723268 51.51639014345111889, 5.0565729573140672 51.51859166173875337, 5.05956378608706903 51.51789242299732763, 5.05999194058273893 51.51278406436509982, 5.05944618197670692 51.51220740127521935, 5.05270905285280758 51.51157724047828879, 5.05007289509542279 51.51183357230583937, 5.04704838666194 51.51122945799795616, 5.04590794061679659 51.51317753413287193, 5.04646616453993335 51.51346095003287218, 5.04939364029445503 51.51253102919920224, 5.05326523461691846 51.51713641593769211, 5.05326523461691846 51.51713641593769211)))</t>
  </si>
  <si>
    <t>MultiPolygon (((5.04734337176234948 51.51981080974796612, 5.05326523461691846 51.51713641593769211, 5.04939364029445503 51.51253102919920224, 5.04646616453993335 51.51346095003287218, 5.04590794061679659 51.51317753413287193, 5.04424776840230482 51.51631401663801313, 5.04734337176234948 51.51981080974796612, 5.04734337176234948 51.51981080974796612)))</t>
  </si>
  <si>
    <t>MultiPolygon (((5.04734337176234948 51.51981080974796612, 5.05123394417265636 51.52186197167338833, 5.05659266825578335 51.51861268992081477, 5.0565729573140672 51.51859166173875337, 5.05491919684723268 51.51639014345111889, 5.05326523461691846 51.51713641593769211, 5.04734337176234948 51.51981080974796612, 5.04734337176234948 51.51981080974796612)))</t>
  </si>
  <si>
    <t>MultiPolygon (((5.05123394417265636 51.52186197167338833, 5.05470483612583621 51.52337638409149179, 5.05869027694993623 51.52078074593485013, 5.05659266825578335 51.51861268992081477, 5.05123394417265636 51.52186197167338833, 5.05123394417265636 51.52186197167338833)))</t>
  </si>
  <si>
    <t>MultiPolygon (((5.05547334768208945 51.52502049217580549, 5.05635657677037909 51.52425052873894629, 5.0606524589048405 51.52172851786395569, 5.05869027694993623 51.52078074593485013, 5.05470483612583621 51.52337638409149179, 5.05486462466517938 51.52347696810021205, 5.05547334768208945 51.52502049217580549, 5.05547334768208945 51.52502049217580549)))</t>
  </si>
  <si>
    <t>MultiPolygon (((5.04151262123600663 51.52276055138885624, 5.04216592248456763 51.52278513360026579, 5.04734337176234948 51.51981080974796612, 5.04424776840230482 51.51631401663801313, 5.04151262123600663 51.52276055138885624, 5.04151262123600663 51.52276055138885624)))</t>
  </si>
  <si>
    <t>MultiPolygon (((5.04482503302337637 51.53064257917209545, 5.05078504471243139 51.52995219000216309, 5.04866391121176417 51.52621374625105233, 5.04249870033495551 51.52730437997546176, 5.04482503302337637 51.53064257917209545, 5.04482503302337637 51.53064257917209545)))</t>
  </si>
  <si>
    <t>MultiPolygon (((5.04249870033495551 51.52730437997546176, 5.04866391121176417 51.52621374625105233, 5.0469664737102935 51.52504555453131729, 5.04543003422773229 51.52270556644666044, 5.04216592248456763 51.52278513360026579, 5.04151262123600663 51.52276055138885624, 5.04249870033495551 51.52730437997546176, 5.04249870033495551 51.52730437997546176)))</t>
  </si>
  <si>
    <t>MultiPolygon (((5.04216592248456763 51.52278513360026579, 5.04543003422773229 51.52270556644666044, 5.05123394417265636 51.52186197167338833, 5.04734337176234948 51.51981080974796612, 5.04216592248456763 51.52278513360026579, 5.04216592248456763 51.52278513360026579)))</t>
  </si>
  <si>
    <t>MultiPolygon (((5.0469664737102935 51.52504555453131729, 5.05254247105854848 51.52488097233364783, 5.05486462466517938 51.52347696810021205, 5.05470483612583621 51.52337638409149179, 5.05123394417265636 51.52186197167338833, 5.04543003422773229 51.52270556644666044, 5.0469664737102935 51.52504555453131729, 5.0469664737102935 51.52504555453131729)))</t>
  </si>
  <si>
    <t>MultiPolygon (((5.05078504471243139 51.52995219000216309, 5.05227448888964759 51.52976367929196755, 5.05313134813970688 51.52916697191110984, 5.0538553607801795 51.52761331245497445, 5.05633677422682482 51.52611002169641807, 5.05547334768208945 51.52502049217580549, 5.05486462466517938 51.52347696810021205, 5.05254247105854848 51.52488097233364783, 5.0469664737102935 51.52504555453131729, 5.04866391121176417 51.52621374625105233, 5.05078504471243139 51.52995219000216309, 5.05078504471243139 51.52995219000216309)))</t>
  </si>
  <si>
    <t>MultiPolygon (((5.06468025952375722 51.53742559673958112, 5.07352701958328822 51.53674398938972701, 5.07593560827299228 51.53549542135727535, 5.07332283222547886 51.53322949986961987, 5.07473687696607101 51.53020316006928425, 5.07429042848685796 51.52984521410014196, 5.071052998881318 51.52982035027706331, 5.0653468650672 51.52873753232425003, 5.06515814349425408 51.52952237150973502, 5.07110849163972599 51.53046367624009605, 5.06961160992607418 51.53257660489409631, 5.06577180011804185 51.53544804931456014, 5.06468025952375722 51.53742559673958112, 5.06468025952375722 51.53742559673958112)))</t>
  </si>
  <si>
    <t>MultiPolygon (((5.06130401680698938 51.53438607813846772, 5.06105870721362905 51.53281989852812472, 5.0589765551073631 51.53300975456256339, 5.05660048947868113 51.53049470329327164, 5.0622772122246591 51.52983460983310238, 5.06185949186903628 51.52867034289961623, 5.05313134813970688 51.52916697191110984, 5.05227448888964759 51.52976367929196755, 5.05277242308994357 51.53241629783681788, 5.05171021959534006 51.53505861417704637, 5.05546149728016569 51.53608087119567216, 5.06032292662069771 51.53786915691710391, 5.06187952837225108 51.53771050598144399, 5.05952020720740947 51.53667597256860233, 5.06130401680698938 51.53438607813846772)))</t>
  </si>
  <si>
    <t>MultiPolygon (((5.06577180011804185 51.53544804931456014, 5.06961160992607418 51.53257660489409631, 5.07110849163972599 51.53046367624009605, 5.06515814349425408 51.52952237150973502, 5.0653468650672 51.52873753232425003, 5.06332631884681206 51.52859819909242844, 5.06185949186903628 51.52867034289961623, 5.0622772122246591 51.52983460983310238, 5.05660048947868113 51.53049470329327164, 5.0589765551073631 51.53300975456256339, 5.06105870721362905 51.53281989852812472, 5.06130401680698938 51.53438607813846772, 5.05952020720740947 51.53667597256860233, 5.06187952837225108 51.53771050598144399, 5.06291248962323959 51.53784398350311591, 5.06468025952375722 51.53742559673958112, 5.06577180011804185 51.53544804931456014, 5.06577180011804185 51.53544804931456014)))</t>
  </si>
  <si>
    <t>MultiPolygon (((5.05635657677037909 51.52425052873894629, 5.06404479264823859 51.526044085140704, 5.06597427255948585 51.52382685253650862, 5.06431053973883127 51.52293900443553554, 5.0606524589048405 51.52172851786395569, 5.05635657677037909 51.52425052873894629, 5.05635657677037909 51.52425052873894629)))</t>
  </si>
  <si>
    <t>MultiPolygon (((5.05313134813970688 51.52916697191110984, 5.06185949186903628 51.52867034289961623, 5.06332631884681206 51.52859819909242844, 5.06404479264823859 51.526044085140704, 5.05635657677037909 51.52425052873894629, 5.05547334768208945 51.52502049217580549, 5.05633677422682482 51.52611002169641807, 5.0538553607801795 51.52761331245497445, 5.05313134813970688 51.52916697191110984, 5.05313134813970688 51.52916697191110984)))</t>
  </si>
  <si>
    <t>MultiPolygon (((5.0606524589048405 51.52172851786395569, 5.06431053973883127 51.52293900443553554, 5.06585922436178659 51.52105403919836135, 5.06404618914953542 51.52041292835850328, 5.06475313543687022 51.51931632868875965, 5.06776005945063535 51.51887224023259648, 5.06963255459017681 51.51675916957844237, 5.06056135172580834 51.51242356595428618, 5.05999194058273893 51.51278406436509982, 5.05956378608706903 51.51789242299732763, 5.0565729573140672 51.51859166173875337, 5.05659266825578335 51.51861268992081477, 5.05869027694993623 51.52078074593485013, 5.0606524589048405 51.52172851786395569, 5.0606524589048405 51.52172851786395569)))</t>
  </si>
  <si>
    <t>MultiPolygon (((5.07095873995354651 51.52435753047280542, 5.07505927980692384 51.52407603565413297, 5.07811154933276043 51.52366989830003519, 5.07930596331809081 51.52355803824020342, 5.07963500696263104 51.52229732544242324, 5.07850801278642283 51.52121629658336133, 5.07239217727530356 51.51744420371853295, 5.06963255459017681 51.51675916957844237, 5.06776005945063535 51.51887224023259648, 5.07282010635553871 51.52108306751678413, 5.07095873995354651 51.52435753047280542, 5.07095873995354651 51.52435753047280542)))</t>
  </si>
  <si>
    <t>MultiPolygon (((5.08250691057388337 51.52896223998133252, 5.08502419742320022 51.52916054849595895, 5.08777882038272367 51.53034925254293341, 5.08854996526557812 51.53108732482550636, 5.08731069469680897 51.53249978663480135, 5.08999363744428646 51.53109929304523007, 5.08966255164874326 51.52828814249075151, 5.08324229275293948 51.52628738111241091, 5.08140603224095067 51.52705306453628964, 5.08250691057388337 51.52896223998133252, 5.08250691057388337 51.52896223998133252)))</t>
  </si>
  <si>
    <t>MultiPolygon (((5.08258989181420873 51.5313180209795263, 5.08731069469680897 51.53249978663480135, 5.08854996526557812 51.53108732482550636, 5.08777882038272367 51.53034925254293341, 5.08502419742320022 51.52916054849595895, 5.08250691057388337 51.52896223998133252, 5.08258989181420873 51.5313180209795263, 5.08258989181420873 51.5313180209795263)))</t>
  </si>
  <si>
    <t>MultiPolygon (((5.08140603224095067 51.52705306453628964, 5.08324229275293948 51.52628738111241091, 5.07930596331809081 51.52355803824020342, 5.07811154933276043 51.52366989830003519, 5.08140603224095067 51.52705306453628964, 5.08140603224095067 51.52705306453628964)))</t>
  </si>
  <si>
    <t>MultiPolygon (((5.07473687696607101 51.53020316006928425, 5.08258989181420873 51.5313180209795263, 5.08250691057388337 51.52896223998133252, 5.08140603224095067 51.52705306453628964, 5.07811154933276043 51.52366989830003519, 5.07505927980692384 51.52407603565413297, 5.07429042848685796 51.52984521410014196, 5.07473687696607101 51.53020316006928425, 5.07473687696607101 51.53020316006928425)))</t>
  </si>
  <si>
    <t>MultiPolygon (((5.0653468650672 51.52873753232425003, 5.071052998881318 51.52982035027706331, 5.07429042848685796 51.52984521410014196, 5.07505927980692384 51.52407603565413297, 5.07095873995354651 51.52435753047280542, 5.06597427255948585 51.52382685253650862, 5.06404479264823859 51.526044085140704, 5.06332631884681206 51.52859819909242844, 5.0653468650672 51.52873753232425003, 5.0653468650672 51.52873753232425003)))</t>
  </si>
  <si>
    <t>MultiPolygon (((5.06597427255948585 51.52382685253650862, 5.07095873995354651 51.52435753047280542, 5.07282010635553871 51.52108306751678413, 5.06776005945063535 51.51887224023259648, 5.06475313543687022 51.51931632868875965, 5.06404618914953542 51.52041292835850328, 5.06585922436178659 51.52105403919836135, 5.06431053973883127 51.52293900443553554, 5.06597427255948585 51.52382685253650862, 5.06597427255948585 51.52382685253650862)))</t>
  </si>
  <si>
    <t>MultiPolygon (((4.84246229173057241 51.69997829402898759, 4.84432373604600031 51.69686871290741692, 4.85218527741113093 51.69772368959085895, 4.85656385460283158 51.6982219679136108, 4.85773764675690423 51.69622477516270465, 4.85144949206476372 51.69430744679831946, 4.84561726660428338 51.69370872562996055, 4.84357130591572815 51.69255600339005952, 4.84201640522188015 51.68883280580047312, 4.84339126291885336 51.68601738649427801, 4.84226557910491184 51.68285559747821623, 4.84268556917606219 51.67973350266804289, 4.8423679313917587 51.6796540469262311, 4.83962434690055332 51.68402073279898445, 4.83194203102842668 51.69179099728402349, 4.82965724808948593 51.69563488314939548, 4.82666917433886411 51.7043582928028016, 4.82413354667902095 51.70954093770354376, 4.82361041115263767 51.71128815268461665, 4.82976691763217847 51.71158581544899846, 4.84268556502842618 51.70338940438421815, 4.84246229173057241 51.69997829402898759)))</t>
  </si>
  <si>
    <t>MultiPolygon (((4.83690471939334188 51.71261186376309382, 4.84159241592456446 51.7134494776878384, 4.85611274820263361 51.7126107437333431, 4.86346442048540606 51.70738913134034931, 4.86613085795906031 51.70474572003689673, 4.86257134585849293 51.70380484917562569, 4.85859184125516741 51.70771331424940342, 4.84851338128535758 51.70606378266212033, 4.84462844415730043 51.70523154109417163, 4.84268556502842618 51.70338940438421815, 4.82976691763217847 51.71158581544899846, 4.83690471939334188 51.71261186376309382, 4.83690471939334188 51.71261186376309382)))</t>
  </si>
  <si>
    <t>MultiPolygon (((4.84851338128535758 51.70606378266212033, 4.85859184125516741 51.70771331424940342, 4.86257134585849293 51.70380484917562569, 4.8607804287107097 51.70305525330746121, 4.85695750352334343 51.70275936562858021, 4.85436125970804877 51.70333269241169916, 4.84762218633341568 51.70500997578886171, 4.84851338128535758 51.70606378266212033, 4.84851338128535758 51.70606378266212033)))</t>
  </si>
  <si>
    <t>MultiPolygon (((4.84268556502842618 51.70338940438421815, 4.84462844415730043 51.70523154109417163, 4.84851338128535758 51.70606378266212033, 4.84762218633341568 51.70500997578886171, 4.85436125970804877 51.70333269241169916, 4.85456431523357956 51.70193503777827715, 4.85218527741113093 51.69772368959085895, 4.84432373604600031 51.69686871290741692, 4.84246229173057241 51.69997829402898759, 4.84268556502842618 51.70338940438421815, 4.84268556502842618 51.70338940438421815)))</t>
  </si>
  <si>
    <t>MultiPolygon (((4.86257134585849293 51.70380484917562569, 4.86613085795906031 51.70474572003689673, 4.86751165595454172 51.6997595059598325, 4.86547121920435188 51.69699738430317382, 4.85773764675690423 51.69622477516270465, 4.85656385460283158 51.6982219679136108, 4.85218527741113093 51.69772368959085895, 4.85456431523357956 51.70193503777827715, 4.85436125970804877 51.70333269241169916, 4.85695750352334343 51.70275936562858021, 4.8607804287107097 51.70305525330746121, 4.86257134585849293 51.70380484917562569, 4.86257134585849293 51.70380484917562569)))</t>
  </si>
  <si>
    <t>MultiPolygon (((4.9179911523197708 51.7199593661448489, 4.92100704074238315 51.71140922520243777, 4.92695786142977799 51.69426273058682852, 4.92910905190374393 51.68813508821618541, 4.91986736858372264 51.68876308759217153, 4.91632446602926176 51.6898564674183163, 4.90920620447045142 51.69300230895906623, 4.90726668375637765 51.69504547109912806, 4.90020258120023477 51.69409610756626705, 4.90345663205251192 51.68911078814057447, 4.902951162756918 51.68796826793528254, 4.89622193852619692 51.68638859319648304, 4.89107875159327765 51.68632563163060922, 4.88947619209801587 51.6855629432332293, 4.88922455563172775 51.68425234078999608, 4.89041648552307251 51.683165282771931, 4.89456188756883748 51.68279347055309358, 4.90645148708018031 51.68478441712581883, 4.90795683997281795 51.68423160513240333, 4.90931187143744019 51.68231245020204057, 4.92283324785023257 51.68470500280994173, 4.93075986947517642 51.68351018572593603, 4.93316942130380465 51.67674997570760098, 4.92507392274568545 51.67498029885635447, 4.92503235379581028 51.67300929624858696, 4.91752096366036717 51.67525843740810387, 4.91378088319599904 51.67504891879307394, 4.91282700623999435 51.67659001717827039, 4.90655154757778256 51.67595309626376121, 4.90693191519513316 51.6749435243843962, 4.89872109363263508 51.674183337414199, 4.89683555204441934 51.67477446130673968, 4.88050045747436556 51.67420789744380727, 4.88257881568657837 51.68373738816725194, 4.88248605975197325 51.68722289890259702, 4.88628735949114912 51.69522856646500486, 4.88820766501739445 51.70199045856072217, 4.88807296825905269 51.70489424504261677, 4.88850496572012183 51.71359884437637788, 4.88608023881382181 51.71421152517254427, 4.88851716672627923 51.71629548203729598, 4.89003138604147924 51.71976849092477124, 4.90155037805950666 51.71867236886817665, 4.9179911523197708 51.7199593661448489, 4.9179911523197708 51.7199593661448489)))</t>
  </si>
  <si>
    <t>MultiPolygon (((4.92910905190374393 51.68813508821618541, 4.93036239950057453 51.68428090259158836, 4.93075986947517642 51.68351018572593603, 4.92283324785023257 51.68470500280994173, 4.90931187143744019 51.68231245020204057, 4.90795683997281795 51.68423160513240333, 4.90645148708018031 51.68478441712581883, 4.89456188756883748 51.68279347055309358, 4.89041648552307251 51.683165282771931, 4.88922455563172775 51.68425234078999608, 4.88947619209801587 51.6855629432332293, 4.89107875159327765 51.68632563163060922, 4.89622193852619692 51.68638859319648304, 4.902951162756918 51.68796826793528254, 4.90345663205251192 51.68911078814057447, 4.90020258120023477 51.69409610756626705, 4.90726668375637765 51.69504547109912806, 4.90920620447045142 51.69300230895906623, 4.91632446602926176 51.6898564674183163, 4.91986736858372264 51.68876308759217153, 4.92910905190374393 51.68813508821618541, 4.92910905190374393 51.68813508821618541)))</t>
  </si>
  <si>
    <t>MultiPolygon (((4.85844180778060775 51.69264373004337187, 4.87010761301608408 51.68792676512391182, 4.87334083735032131 51.68820306893360339, 4.8780279179544257 51.68645558156732989, 4.88248605975197325 51.68722289890259702, 4.88257881568657837 51.68373738816725194, 4.88050045747436556 51.67420789744380727, 4.88022876689469065 51.67183546130773664, 4.87971331339846515 51.67204316161865307, 4.87655024558927952 51.67333145287826568, 4.87578711305542001 51.67473331120091018, 4.87202028499279205 51.67517472284716717, 4.87124828686643241 51.67582017721619536, 4.86620349118165496 51.67610591238296536, 4.86265213891207004 51.67706678668442777, 4.86068064953418233 51.67870860989922477, 4.85658048893072003 51.68024267334287458, 4.85662177859926114 51.68166786062364082, 4.85106027242438387 51.68396465852250543, 4.84621120767390501 51.68449154314079408, 4.84339126291885336 51.68601738649427801, 4.84201640522188015 51.68883280580047312, 4.84357130591572815 51.69255600339005952, 4.84561726660428338 51.69370872562996055, 4.85144949206476372 51.69430744679831946, 4.85773764675690423 51.69622477516270465, 4.86547121920435188 51.69699738430317382, 4.85844180778060775 51.69264373004337187, 4.85844180778060775 51.69264373004337187)))</t>
  </si>
  <si>
    <t>MultiPolygon (((4.88850496572012183 51.71359884437637788, 4.88807296825905269 51.70489424504261677, 4.88301946709928814 51.70503453904063207, 4.87666510319155577 51.70763165842005549, 4.86346442048540606 51.70738913134034931, 4.85611274820263361 51.7126107437333431, 4.84159241592456446 51.7134494776878384, 4.87305492098074744 51.71999826765109987, 4.89001717501666189 51.71976977803135611, 4.89003138604147924 51.71976849092477124, 4.88851716672627923 51.71629548203729598, 4.88608023881382181 51.71421152517254427, 4.88850496572012183 51.71359884437637788, 4.88850496572012183 51.71359884437637788)))</t>
  </si>
  <si>
    <t>MultiPolygon (((4.86346442048540606 51.70738913134034931, 4.87666510319155577 51.70763165842005549, 4.88301946709928814 51.70503453904063207, 4.88807296825905269 51.70489424504261677, 4.88820766501739445 51.70199045856072217, 4.88628735949114912 51.69522856646500486, 4.88306192926652471 51.69679351222641372, 4.87610855158538126 51.69871260756303855, 4.86751165595454172 51.6997595059598325, 4.86613085795906031 51.70474572003689673, 4.86346442048540606 51.70738913134034931, 4.86346442048540606 51.70738913134034931)))</t>
  </si>
  <si>
    <t>MultiPolygon (((4.86547121920435188 51.69699738430317382, 4.86751165595454172 51.6997595059598325, 4.87610855158538126 51.69871260756303855, 4.88306192926652471 51.69679351222641372, 4.88628735949114912 51.69522856646500486, 4.88248605975197325 51.68722289890259702, 4.8780279179544257 51.68645558156732989, 4.87334083735032131 51.68820306893360339, 4.87010761301608408 51.68792676512391182, 4.85844180778060775 51.69264373004337187, 4.86547121920435188 51.69699738430317382, 4.86547121920435188 51.69699738430317382)))</t>
  </si>
  <si>
    <t>MultiPolygon (((5.43535593155481767 51.40336336968182707, 5.43119156302023143 51.40206272963451539, 5.43096538984052923 51.40263734564042863, 5.42990328533107292 51.40281006327509061, 5.42727671508757581 51.40265360726333199, 5.42538308910715994 51.40442274359934061, 5.42865217434154523 51.4052134737433164, 5.42985169299229486 51.40617767031852736, 5.42942557926136882 51.41156088516177647, 5.42737289094843778 51.41701306650170977, 5.43076760427523197 51.41717944336615886, 5.43519894021900463 51.41755749841617984, 5.43642205292423331 51.41361212014578541, 5.43555965467376989 51.41279114133888584, 5.43753268081874985 51.4102839863975376, 5.43660709779408879 51.4101909280870828, 5.43559543480856977 51.4073673837428089, 5.43574947155225274 51.40418968695106372, 5.43535593155481767 51.40336336968182707, 5.43535593155481767 51.40336336968182707)))</t>
  </si>
  <si>
    <t>MultiPolygon (((5.43076760427523197 51.41717944336615886, 5.43311288562276129 51.41751703912112959, 5.43725906569390194 51.41932397744594141, 5.44546106618435566 51.42003668136840844, 5.44806505901839166 51.41315320147308654, 5.44462648536564231 51.41243172907275749, 5.44107582780689292 51.41008120432100981, 5.43753268081874985 51.4102839863975376, 5.43555965467376989 51.41279114133888584, 5.43642205292423331 51.41361212014578541, 5.43519894021900463 51.41755749841617984, 5.43076760427523197 51.41717944336615886, 5.43076760427523197 51.41717944336615886)))</t>
  </si>
  <si>
    <t>MultiPolygon (((5.43076760427523197 51.41717944336615886, 5.42737289094843778 51.41701306650170977, 5.42780756836372724 51.42185794329225956, 5.42790932293337836 51.42217103128311351, 5.43918769554836956 51.42575761982804039, 5.4497073987157334 51.4299098435020241, 5.45018457271005463 51.42913419438378497, 5.4455318692654 51.42176186285003325, 5.44546106618435566 51.42003668136840844, 5.43725906569390194 51.41932397744594141, 5.43311288562276129 51.41751703912112959, 5.43076760427523197 51.41717944336615886, 5.43076760427523197 51.41717944336615886)))</t>
  </si>
  <si>
    <t>MultiPolygon (((5.46460956603482373 51.41595708133259279, 5.46197863741664502 51.40495408758698659, 5.4618008658305488 51.40495994548896164, 5.45350951519710936 51.40529311573362037, 5.43618892343843108 51.40497634875443111, 5.43574947155225274 51.40418968695106372, 5.43559543480856977 51.4073673837428089, 5.43660709779408879 51.4101909280870828, 5.43753268081874985 51.4102839863975376, 5.44107582780689292 51.41008120432100981, 5.44462648536564231 51.41243172907275749, 5.44806505901839166 51.41315320147308654, 5.45363800075162786 51.41502853689011943, 5.45880593025198646 51.41529712719008671, 5.46460956603482373 51.41595708133259279, 5.46460956603482373 51.41595708133259279)))</t>
  </si>
  <si>
    <t>MultiPolygon (((5.47520353308229968 51.40879473125625054, 5.47710451520793029 51.40487574823141159, 5.46932155784624108 51.40534964450399258, 5.46197863741664502 51.40495408758698659, 5.46460956603482373 51.41595708133259279, 5.46675516350313639 51.41629245957398098, 5.46841444583382508 51.41817573894544324, 5.46956755979713538 51.41976533377048497, 5.46898507307204529 51.42203528099884835, 5.47007953242988965 51.42298090801686783, 5.47233291853212922 51.42525717651616901, 5.4771893205756621 51.4246287740339838, 5.47798482734487635 51.42221777358254542, 5.48022203609376035 51.42198086608343743, 5.48108184412921418 51.42061816086149406, 5.48081330938048961 51.41884173688732318, 5.47760519421974124 51.41797702804505832, 5.47720915037849476 51.41725309796204613, 5.47474159601453891 51.41510025421761299, 5.47572201951691806 51.41019813796625471, 5.47520353308229968 51.40879473125625054, 5.47520353308229968 51.40879473125625054)))</t>
  </si>
  <si>
    <t>MultiPolygon (((5.44782208428988124 51.4205361339021465, 5.45645832889682847 51.42190885836315317, 5.45905824978760013 51.41841708047066817, 5.45880593025198646 51.41529712719008671, 5.45363800075162786 51.41502853689011943, 5.44806505901839166 51.41315320147308654, 5.44546106618435566 51.42003668136840844, 5.44782208428988124 51.4205361339021465, 5.44782208428988124 51.4205361339021465)))</t>
  </si>
  <si>
    <t>MultiPolygon (((5.46133998067355897 51.42372506220677053, 5.46521387435374351 51.4227415304866966, 5.47007953242988965 51.42298090801686783, 5.46898507307204529 51.42203528099884835, 5.46956755979713538 51.41976533377048497, 5.46841444583382508 51.41817573894544324, 5.46675516350313639 51.41629245957398098, 5.46460956603482373 51.41595708133259279, 5.45880593025198646 51.41529712719008671, 5.45905824978760013 51.41841708047066817, 5.45645832889682847 51.42190885836315317, 5.46133998067355897 51.42372506220677053, 5.46133998067355897 51.42372506220677053)))</t>
  </si>
  <si>
    <t>MultiPolygon (((5.46411018587205799 51.42749214834185523, 5.47233291853212922 51.42525717651616901, 5.47007953242988965 51.42298090801686783, 5.46521387435374351 51.4227415304866966, 5.46133998067355897 51.42372506220677053, 5.46411018587205799 51.42749214834185523, 5.46411018587205799 51.42749214834185523)))</t>
  </si>
  <si>
    <t>MultiPolygon (((5.4605644905968731 51.42863632588488088, 5.46411018587205799 51.42749214834185523, 5.46133998067355897 51.42372506220677053, 5.45645832889682847 51.42190885836315317, 5.44782208428988124 51.4205361339021465, 5.4605644905968731 51.42863632588488088, 5.4605644905968731 51.42863632588488088)))</t>
  </si>
  <si>
    <t>MultiPolygon (((5.4497073987157334 51.4299098435020241, 5.45441073215009187 51.43180222406208912, 5.4605644905968731 51.42863632588488088, 5.44782208428988124 51.4205361339021465, 5.44546106618435566 51.42003668136840844, 5.4455318692654 51.42176186285003325, 5.45018457271005463 51.42913419438378497, 5.4497073987157334 51.4299098435020241, 5.4497073987157334 51.4299098435020241)))</t>
  </si>
  <si>
    <t>MultiPolygon (((5.46412154359317981 51.43521136227422375, 5.46674256473782627 51.43338309057988766, 5.4605644905968731 51.42863632588488088, 5.45441073215009187 51.43180222406208912, 5.46412154359317981 51.43521136227422375, 5.46412154359317981 51.43521136227422375)))</t>
  </si>
  <si>
    <t>MultiPolygon (((5.47155746379018559 51.43538155471231477, 5.47254356550950138 51.43476189242756647, 5.46411018587205799 51.42749214834185523, 5.4605644905968731 51.42863632588488088, 5.46674256473782627 51.43338309057988766, 5.47155746379018559 51.43538155471231477, 5.47155746379018559 51.43538155471231477)))</t>
  </si>
  <si>
    <t>MultiPolygon (((5.47254356550950138 51.43476189242756647, 5.47812422936529142 51.43092820984818303, 5.47857627145038339 51.42928499734803438, 5.47549327130422903 51.42691832579623679, 5.47551861402722118 51.42584231296039832, 5.4771893205756621 51.4246287740339838, 5.47233291853212922 51.42525717651616901, 5.46411018587205799 51.42749214834185523, 5.47254356550950138 51.43476189242756647, 5.47254356550950138 51.43476189242756647)))</t>
  </si>
  <si>
    <t>MultiPolygon (((5.40900793258064816 51.44552630724948727, 5.41109554595578057 51.44401461266139108, 5.41324604721631086 51.44176197758221747, 5.40751127322696856 51.43903031484985178, 5.41069943484848004 51.43506177399243029, 5.40900117066848818 51.43445983134374444, 5.40492288463918324 51.43712798123392105, 5.40539572847341265 51.43763605480945245, 5.40110846185002558 51.44072344047626899, 5.39640664188821262 51.44180841449696828, 5.3979071048311118 51.44490032266156021, 5.3999665950620841 51.44496932179707471, 5.40712372914070549 51.44452463268533648, 5.40900793258064816 51.44552630724948727, 5.40900793258064816 51.44552630724948727)))</t>
  </si>
  <si>
    <t>MultiPolygon (((5.41109554595578057 51.44401461266139108, 5.41408204116859704 51.44891192056012841, 5.42425220682999765 51.441581727376267, 5.42204754223078655 51.44137329816069126, 5.41794207231236769 51.44279536170740386, 5.41324604721631086 51.44176197758221747, 5.41109554595578057 51.44401461266139108, 5.41109554595578057 51.44401461266139108)))</t>
  </si>
  <si>
    <t>MultiPolygon (((5.39393594836206525 51.46433526345270337, 5.39779853148982092 51.4606664470111923, 5.39344721932096416 51.45914410802921424, 5.38745316587111667 51.45333324781386608, 5.39635016252694744 51.44958064939688569, 5.39777797808229209 51.44749467676753341, 5.39528030535466474 51.44678560182709504, 5.37747990672399645 51.44184993409508166, 5.37913050676135551 51.43660995226310462, 5.37319855617342679 51.43760824821156774, 5.37124905510287753 51.43890879707065977, 5.36780024652238641 51.43836529133372437, 5.3668223940025328 51.43744853256659866, 5.36689938296471336 51.43620534878557038, 5.36222661569611958 51.43546433870360346, 5.36225265498321413 51.43605549368759711, 5.35691689411979066 51.4382035028592739, 5.35739847154041637 51.43987270669144607, 5.36083021121751013 51.4431186916675145, 5.36121275078395332 51.4485884924265946, 5.35671844679304954 51.45359772287410749, 5.36148949567128774 51.45736233923542358, 5.36351259545625325 51.46026489911582757, 5.36716868775284084 51.45943072067473878, 5.36944654951216638 51.4653166023297004, 5.37915075685256383 51.4638423435224226, 5.38467770239240284 51.46766003457116767, 5.38753809968486674 51.46820582181015169, 5.38711439922892055 51.46927157223862537, 5.38957610844644464 51.47059912458557562, 5.39068573128642914 51.47063815988404656, 5.39082615771799567 51.4713343116887998, 5.39207087018798692 51.47100180745101738, 5.39255700238777091 51.4671410485138523, 5.39393594836206525 51.46433526345270337, 5.39393594836206525 51.46433526345270337)))</t>
  </si>
  <si>
    <t>MultiPolygon (((5.39779853148982092 51.4606664470111923, 5.40246900257780993 51.45727603652395032, 5.41091278708677059 51.45118753320994642, 5.3999665950620841 51.44496932179707471, 5.3979071048311118 51.44490032266156021, 5.39528030535466474 51.44678560182709504, 5.39777797808229209 51.44749467676753341, 5.39635016252694744 51.44958064939688569, 5.38745316587111667 51.45333324781386608, 5.39344721932096416 51.45914410802921424, 5.39779853148982092 51.4606664470111923, 5.39779853148982092 51.4606664470111923)))</t>
  </si>
  <si>
    <t>MultiPolygon (((5.39479523905824188 51.44102924249748554, 5.39114297671658438 51.43652184770497371, 5.38922129644886461 51.43763570004497154, 5.38737440081435626 51.43780160604048746, 5.37968636712114279 51.43509235813085212, 5.37913050676135551 51.43660995226310462, 5.37747990672399645 51.44184993409508166, 5.39528030535466474 51.44678560182709504, 5.3979071048311118 51.44490032266156021, 5.39640664188821262 51.44180841449696828, 5.39479523905824188 51.44102924249748554, 5.39479523905824188 51.44102924249748554)))</t>
  </si>
  <si>
    <t>MultiPolygon (((5.40492288463918324 51.43712798123392105, 5.40079491321614835 51.43296752880946343, 5.39764659321932871 51.43364262435149925, 5.39634006729554727 51.4339234145734423, 5.39380503480457474 51.43457765673451121, 5.39114297671658438 51.43652184770497371, 5.39479523905824188 51.44102924249748554, 5.39640664188821262 51.44180841449696828, 5.40110846185002558 51.44072344047626899, 5.40539572847341265 51.43763605480945245, 5.40492288463918324 51.43712798123392105, 5.40492288463918324 51.43712798123392105)))</t>
  </si>
  <si>
    <t>MultiPolygon (((5.41091278708677059 51.45118753320994642, 5.41408204116859704 51.44891192056012841, 5.41109554595578057 51.44401461266139108, 5.40900793258064816 51.44552630724948727, 5.40712372914070549 51.44452463268533648, 5.3999665950620841 51.44496932179707471, 5.41091278708677059 51.45118753320994642, 5.41091278708677059 51.45118753320994642)))</t>
  </si>
  <si>
    <t>MultiPolygon (((5.41794207231236769 51.44279536170740386, 5.42204754223078655 51.44137329816069126, 5.42425220682999765 51.441581727376267, 5.42639809631377634 51.4400241322102616, 5.42592081596786535 51.43664476241818306, 5.42715851844559261 51.43088830962366131, 5.42633141280458631 51.43040752680219185, 5.4199440155340044 51.43285290410090482, 5.41716845663681745 51.43148792287763627, 5.41673931961639532 51.43171567129281385, 5.41463471986794964 51.43016632647936603, 5.41207367976905829 51.43134117397222838, 5.41069943484848004 51.43506177399243029, 5.40751127322696856 51.43903031484985178, 5.41324604721631086 51.44176197758221747, 5.41794207231236769 51.44279536170740386, 5.41794207231236769 51.44279536170740386)))</t>
  </si>
  <si>
    <t>MultiPolygon (((5.40246900257780993 51.45727603652395032, 5.40881703482890064 51.45982817844819124, 5.4131251323197267 51.4560458744964393, 5.42238167373646007 51.45127329509663383, 5.42571503111921238 51.44954235903587403, 5.42716942869955954 51.44798126360390711, 5.42639809631377634 51.4400241322102616, 5.42425220682999765 51.441581727376267, 5.41408204116859704 51.44891192056012841, 5.41091278708677059 51.45118753320994642, 5.40246900257780993 51.45727603652395032, 5.40246900257780993 51.45727603652395032)))</t>
  </si>
  <si>
    <t>MultiPolygon (((5.40714611086384878 51.48407013637763896, 5.41170832642956423 51.48464628686753031, 5.41236330110713659 51.48403975609527805, 5.40827677395255613 51.48326736740832388, 5.40566971055858403 51.48206608392178651, 5.40362128706509193 51.478364082898878, 5.40659133303056372 51.46402038555589087, 5.40906229933674343 51.45992837400594766, 5.40881703482890064 51.45982817844819124, 5.40246900257780993 51.45727603652395032, 5.39779853148982092 51.4606664470111923, 5.39393594836206525 51.46433526345270337, 5.39255700238777091 51.4671410485138523, 5.39207087018798692 51.47100180745101738, 5.39082615771799567 51.4713343116887998, 5.39118688815016434 51.47175640408737962, 5.39156986999674803 51.47283514555711292, 5.39488503445316692 51.47326593089000824, 5.39692424061505793 51.47583225294446407, 5.39714803818904798 51.47829441495260028, 5.39908995950793003 51.48083432500467183, 5.3985275473040133 51.48126562128052797, 5.39769229067104028 51.48094256746170316, 5.39543776567242617 51.48319652093355359, 5.39627442200467744 51.4846163857947019, 5.39851593858883483 51.48472441924670306, 5.40241992347305722 51.486019504125629, 5.40478649953001966 51.48555670231473158, 5.40714611086384878 51.48407013637763896)))</t>
  </si>
  <si>
    <t>MultiPolygon (((5.41236330110713659 51.48403975609527805, 5.42059260730595849 51.47771705979683077, 5.4322761284536325 51.4689072286944338, 5.42919924885033911 51.46728302866093685, 5.42469662243758322 51.46655362485858376, 5.41788377400447096 51.4639621275410164, 5.40906229933674343 51.45992837400594766, 5.40659133303056372 51.46402038555589087, 5.40362128706509193 51.478364082898878, 5.40566971055858403 51.48206608392178651, 5.40827677395255613 51.48326736740832388, 5.41236330110713659 51.48403975609527805, 5.41236330110713659 51.48403975609527805)))</t>
  </si>
  <si>
    <t>MultiPolygon (((5.41788377400447096 51.4639621275410164, 5.42469662243758322 51.46655362485858376, 5.42919924885033911 51.46728302866093685, 5.4322761284536325 51.4689072286944338, 5.44876473036302666 51.45636138733696185, 5.44583392351125717 51.45398550211292132, 5.41788377400447096 51.4639621275410164, 5.41788377400447096 51.4639621275410164)))</t>
  </si>
  <si>
    <t>MultiPolygon (((5.40906229933674343 51.45992837400594766, 5.41788377400447096 51.4639621275410164, 5.44583392351125717 51.45398550211292132, 5.4417712455823759 51.45050210704276594, 5.43542088503526877 51.44713737267204579, 5.42238167373646007 51.45127329509663383, 5.4131251323197267 51.4560458744964393, 5.40881703482890064 51.45982817844819124, 5.40906229933674343 51.45992837400594766, 5.40906229933674343 51.45992837400594766)))</t>
  </si>
  <si>
    <t>MultiPolygon (((5.44583392351125717 51.45398550211292132, 5.44876473036302666 51.45636138733696185, 5.45751512251051984 51.44984266557030139, 5.4517688934018107 51.44794548472784612, 5.44997421645733304 51.44979271944623633, 5.44449364011295067 51.44792916590955656, 5.4417712455823759 51.45050210704276594, 5.44583392351125717 51.45398550211292132, 5.44583392351125717 51.45398550211292132)))</t>
  </si>
  <si>
    <t>MultiPolygon (((5.4417712455823759 51.45050210704276594, 5.44449364011295067 51.44792916590955656, 5.44997421645733304 51.44979271944623633, 5.4517688934018107 51.44794548472784612, 5.44891558490673322 51.44680872156074258, 5.44860630310427396 51.44490374361550522, 5.4431274963674019 51.4435325683365221, 5.43542088503526877 51.44713737267204579, 5.4417712455823759 51.45050210704276594, 5.4417712455823759 51.45050210704276594)))</t>
  </si>
  <si>
    <t>MultiPolygon (((5.42238167373646007 51.45127329509663383, 5.43542088503526877 51.44713737267204579, 5.4431274963674019 51.4435325683365221, 5.43158430792586877 51.43870757325813514, 5.42592081596786535 51.43664476241818306, 5.42639809631377634 51.4400241322102616, 5.42716942869955954 51.44798126360390711, 5.42571503111921238 51.44954235903587403, 5.42238167373646007 51.45127329509663383, 5.42238167373646007 51.45127329509663383)))</t>
  </si>
  <si>
    <t>MultiPolygon (((5.4431274963674019 51.4435325683365221, 5.44860630310427396 51.44490374361550522, 5.45006796440585983 51.43967659389662117, 5.45190466763000448 51.43596939532424273, 5.44718566378461322 51.43523299239946311, 5.43190895951318176 51.43752548348272313, 5.43158430792586877 51.43870757325813514, 5.4431274963674019 51.4435325683365221, 5.4431274963674019 51.4435325683365221)))</t>
  </si>
  <si>
    <t>MultiPolygon (((5.43190895951318176 51.43752548348272313, 5.44718566378461322 51.43523299239946311, 5.45190466763000448 51.43596939532424273, 5.45441073215009187 51.43180222406208912, 5.4497073987157334 51.4299098435020241, 5.43918769554836956 51.42575761982804039, 5.42790932293337836 51.42217103128311351, 5.42633141280458631 51.43040752680219185, 5.42715851844559261 51.43088830962366131, 5.42592081596786535 51.43664476241818306, 5.43158430792586877 51.43870757325813514, 5.43190895951318176 51.43752548348272313, 5.43190895951318176 51.43752548348272313)))</t>
  </si>
  <si>
    <t>MultiPolygon (((5.4517688934018107 51.44794548472784612, 5.45751512251051984 51.44984266557030139, 5.46349559021373832 51.44534407780936647, 5.46110196941365622 51.44357829972817342, 5.45353686744412869 51.44587217576642502, 5.4517688934018107 51.44794548472784612, 5.4517688934018107 51.44794548472784612)))</t>
  </si>
  <si>
    <t>MultiPolygon (((5.44860630310427396 51.44490374361550522, 5.44891558490673322 51.44680872156074258, 5.4517688934018107 51.44794548472784612, 5.45353686744412869 51.44587217576642502, 5.46110196941365622 51.44357829972817342, 5.4611738434089796 51.44287795610578939, 5.45502608187210125 51.44144851099335369, 5.45006796440585983 51.43967659389662117, 5.44860630310427396 51.44490374361550522, 5.44860630310427396 51.44490374361550522)))</t>
  </si>
  <si>
    <t>MultiPolygon (((5.45006796440585983 51.43967659389662117, 5.45502608187210125 51.44144851099335369, 5.4589083458242964 51.43868557180123702, 5.45854147286914237 51.43853225261970152, 5.45190466763000448 51.43596939532424273, 5.45006796440585983 51.43967659389662117, 5.45006796440585983 51.43967659389662117)))</t>
  </si>
  <si>
    <t>MultiPolygon (((5.45190466763000448 51.43596939532424273, 5.45854147286914237 51.43853225261970152, 5.46412154359317981 51.43521136227422375, 5.45441073215009187 51.43180222406208912, 5.45190466763000448 51.43596939532424273, 5.45190466763000448 51.43596939532424273)))</t>
  </si>
  <si>
    <t>MultiPolygon (((5.46110196941365622 51.44357829972817342, 5.46349559021373832 51.44534407780936647, 5.46656776532594879 51.44331982873045206, 5.47037903284349625 51.44222438685162757, 5.4690349874902946 51.43869022725179008, 5.4589083458242964 51.43868557180123702, 5.45502608187210125 51.44144851099335369, 5.4611738434089796 51.44287795610578939, 5.46110196941365622 51.44357829972817342, 5.46110196941365622 51.44357829972817342)))</t>
  </si>
  <si>
    <t>MultiPolygon (((5.4589083458242964 51.43868557180123702, 5.4690349874902946 51.43869022725179008, 5.47155746379018559 51.43538155471231477, 5.46674256473782627 51.43338309057988766, 5.46412154359317981 51.43521136227422375, 5.45854147286914237 51.43853225261970152, 5.4589083458242964 51.43868557180123702, 5.4589083458242964 51.43868557180123702)))</t>
  </si>
  <si>
    <t>MultiPolygon (((5.51057392262117851 51.48735403211576767, 5.50841459592142701 51.48768431115051669, 5.50814835800586344 51.48542457142828965, 5.49532965634164849 51.48671432471292775, 5.49637763926950385 51.49677809624763825, 5.51142414211405285 51.49692216264556777, 5.51332580377440618 51.49625140159970016, 5.51338725509644867 51.49548154427837687, 5.51555606273828669 51.49334165120224327, 5.51249176945551955 51.49102840114203872, 5.51245642952646087 51.48956182136080173, 5.51057392262117851 51.48735403211576767)))</t>
  </si>
  <si>
    <t>MultiPolygon (((5.49621393294773153 51.4967762701340277, 5.49637763926950385 51.49677809624763825, 5.49532965634164849 51.48671432471292775, 5.489166022779842 51.48530394789460729, 5.48647708616486707 51.48979207482085485, 5.47914467436459596 51.49661304815679586, 5.49621393294773153 51.4967762701340277, 5.49621393294773153 51.4967762701340277)))</t>
  </si>
  <si>
    <t>MultiPolygon (((5.50602018799030191 51.48230045955268253, 5.50210532064966262 51.48179344989443962, 5.48948646593288814 51.48251800257589395, 5.489166022779842 51.48530394789460729, 5.49532965634164849 51.48671432471292775, 5.50814835800586344 51.48542457142828965, 5.5065973754912676 51.48375745098395129, 5.50552538478935638 51.48356456871855613, 5.50602018799030191 51.48230045955268253, 5.50602018799030191 51.48230045955268253)))</t>
  </si>
  <si>
    <t>MultiPolygon (((5.48948646593288814 51.48251800257589395, 5.50210532064966262 51.48179344989443962, 5.50602018799030191 51.48230045955268253, 5.50956098924931048 51.47923634486112832, 5.50794242864228156 51.47856703792908206, 5.5087516502296765 51.47705983195233159, 5.50835032806386149 51.47555480143525131, 5.50336803641064876 51.4746952897225043, 5.48833506148138106 51.47586540967661506, 5.48948646593288814 51.48251800257589395, 5.48948646593288814 51.48251800257589395)))</t>
  </si>
  <si>
    <t>MultiPolygon (((5.50904166187586064 51.46942619282852149, 5.51158165284842028 51.46749730218453323, 5.50450557625643366 51.46764635593653026, 5.49363674641423838 51.467277844230928, 5.50336803641064876 51.4746952897225043, 5.50835032806386149 51.47555480143525131, 5.50809000372401059 51.47446186049209871, 5.50809649998136752 51.47116973796765649, 5.51011006618876742 51.46987410897177284, 5.50904166187586064 51.46942619282852149, 5.50904166187586064 51.46942619282852149)))</t>
  </si>
  <si>
    <t>MultiPolygon (((5.48833506148138106 51.47586540967661506, 5.50336803641064876 51.4746952897225043, 5.49363674641423838 51.467277844230928, 5.48690032596072541 51.46770587092668592, 5.48833506148138106 51.47586540967661506, 5.48833506148138106 51.47586540967661506)))</t>
  </si>
  <si>
    <t>MultiPolygon (((5.45648280047044665 51.48893377682642125, 5.45380484295132195 51.48464082235535955, 5.4528754853573016 51.48706696472093824, 5.45129730854475891 51.49546414360080604, 5.46389514465373427 51.49697850155621381, 5.46824998660410522 51.49684394204310678, 5.46873800862741177 51.49579209717706618, 5.46602462084139429 51.49373080468216557, 5.4621603809773811 51.49097946690549321, 5.45648280047044665 51.48893377682642125, 5.45648280047044665 51.48893377682642125)))</t>
  </si>
  <si>
    <t>MultiPolygon (((5.46873800862741177 51.49579209717706618, 5.472133174437813 51.49574223361885572, 5.47644760171136369 51.49706834047513127, 5.47914467436459596 51.49661304815679586, 5.48647708616486707 51.48979207482085485, 5.489166022779842 51.48530394789460729, 5.48252406304213835 51.48408601946594843, 5.4697177318415191 51.48407381654121906, 5.46955694151525051 51.48406797982158878, 5.46818872207959483 51.49121086935343072, 5.46602462084139429 51.49373080468216557, 5.46873800862741177 51.49579209717706618, 5.46873800862741177 51.49579209717706618)))</t>
  </si>
  <si>
    <t>MultiPolygon (((5.45380484295132195 51.48464082235535955, 5.45648280047044665 51.48893377682642125, 5.4621603809773811 51.49097946690549321, 5.46602462084139429 51.49373080468216557, 5.46818872207959483 51.49121086935343072, 5.46955694151525051 51.48406797982158878, 5.46176931493190931 51.48378506669101995, 5.45457342219829666 51.4825796057337115, 5.45380484295132195 51.48464082235535955, 5.45380484295132195 51.48464082235535955)))</t>
  </si>
  <si>
    <t>MultiPolygon (((5.4697177318415191 51.48407381654121906, 5.48252406304213835 51.48408601946594843, 5.489166022779842 51.48530394789460729, 5.48948646593288814 51.48251800257589395, 5.48833506148138106 51.47586540967661506, 5.47974077676216886 51.47615359028123549, 5.47048564143095728 51.47639187900468016, 5.4697177318415191 51.48407381654121906, 5.4697177318415191 51.48407381654121906)))</t>
  </si>
  <si>
    <t>MultiPolygon (((5.46955694151525051 51.48406797982158878, 5.4697177318415191 51.48407381654121906, 5.47048564143095728 51.47639187900468016, 5.46377220018378384 51.47622909867902052, 5.46027215524789522 51.4749401263680042, 5.45625684995364146 51.47903401108331423, 5.45457342219829666 51.4825796057337115, 5.46176931493190931 51.48378506669101995, 5.46955694151525051 51.48406797982158878, 5.46955694151525051 51.48406797982158878)))</t>
  </si>
  <si>
    <t>MultiPolygon (((5.44978332402450327 51.49524937167728922, 5.45129730854475891 51.49546414360080604, 5.4528754853573016 51.48706696472093824, 5.44488617465930691 51.48575279562745521, 5.44400083643515043 51.48714438641643909, 5.44051459639376755 51.4876703253661745, 5.43719677343569607 51.49084805368556772, 5.43889086877117833 51.49199703341083989, 5.44205476242927855 51.49242073935597119, 5.4421678170772001 51.49383879954002197, 5.44257056891830349 51.49392721604360901, 5.44978332402450327 51.49524937167728922, 5.44978332402450327 51.49524937167728922)))</t>
  </si>
  <si>
    <t>MultiPolygon (((5.44156122726487723 51.48171354743087136, 5.43693795943768254 51.47958756056416263, 5.43113496908140281 51.48545036779695039, 5.42715568912573953 51.48961199331514393, 5.4421678170772001 51.49383879954002197, 5.44205476242927855 51.49242073935597119, 5.43889086877117833 51.49199703341083989, 5.43719677343569607 51.49084805368556772, 5.44051459639376755 51.4876703253661745, 5.44400083643515043 51.48714438641643909, 5.44488617465930691 51.48575279562745521, 5.44725409966615093 51.48205781231033029, 5.44156122726487723 51.48171354743087136, 5.44156122726487723 51.48171354743087136)))</t>
  </si>
  <si>
    <t>MultiPolygon (((5.44488617465930691 51.48575279562745521, 5.4528754853573016 51.48706696472093824, 5.45380484295132195 51.48464082235535955, 5.45457342219829666 51.4825796057337115, 5.45625684995364146 51.47903401108331423, 5.44239292905614036 51.47400169671099235, 5.43693795943768254 51.47958756056416263, 5.44156122726487723 51.48171354743087136, 5.44725409966615093 51.48205781231033029, 5.44488617465930691 51.48575279562745521, 5.44488617465930691 51.48575279562745521)))</t>
  </si>
  <si>
    <t>MultiPolygon (((5.43113496908140281 51.48545036779695039, 5.43693795943768254 51.47958756056416263, 5.44239292905614036 51.47400169671099235, 5.43780813876388258 51.47223284458476655, 5.4322761284536325 51.4689072286944338, 5.42059260730595849 51.47771705979683077, 5.42522339415643184 51.48090332526562207, 5.42503397854132885 51.48189661968461905, 5.43113496908140281 51.48545036779695039, 5.43113496908140281 51.48545036779695039)))</t>
  </si>
  <si>
    <t>MultiPolygon (((5.42522339415643184 51.48090332526562207, 5.42059260730595849 51.47771705979683077, 5.41236330110713659 51.48403975609527805, 5.41170832642956423 51.48464628686753031, 5.41191175706895411 51.48468305941116085, 5.41799525629946466 51.48623699429916911, 5.42715568912573953 51.48961199331514393, 5.43113496908140281 51.48545036779695039, 5.42503397854132885 51.48189661968461905, 5.42522339415643184 51.48090332526562207, 5.42522339415643184 51.48090332526562207)))</t>
  </si>
  <si>
    <t>MultiPolygon (((5.47974077676216886 51.47615359028123549, 5.48833506148138106 51.47586540967661506, 5.48690032596072541 51.46770587092668592, 5.47864042979521226 51.4675599962480419, 5.47910057030788789 51.47047339774258035, 5.47974077676216886 51.47615359028123549, 5.47974077676216886 51.47615359028123549)))</t>
  </si>
  <si>
    <t>MultiPolygon (((5.47194038625461676 51.47094277579960675, 5.47910057030788789 51.47047339774258035, 5.47864042979521226 51.4675599962480419, 5.47475152443071345 51.46747911325745406, 5.47279663916739079 51.46743992835100556, 5.47194038625461676 51.47094277579960675, 5.47194038625461676 51.47094277579960675)))</t>
  </si>
  <si>
    <t>MultiPolygon (((5.47048564143095728 51.47639187900468016, 5.47974077676216886 51.47615359028123549, 5.47910057030788789 51.47047339774258035, 5.47194038625461676 51.47094277579960675, 5.47048564143095728 51.47639187900468016, 5.47048564143095728 51.47639187900468016)))</t>
  </si>
  <si>
    <t>MultiPolygon (((5.46027215524789522 51.4749401263680042, 5.46377220018378384 51.47622909867902052, 5.47048564143095728 51.47639187900468016, 5.47194038625461676 51.47094277579960675, 5.47279663916739079 51.46743992835100556, 5.46804362648807984 51.46758521469299552, 5.46027215524789522 51.4749401263680042, 5.46027215524789522 51.4749401263680042)))</t>
  </si>
  <si>
    <t>MultiPolygon (((5.46027215524789522 51.4749401263680042, 5.46804362648807984 51.46758521469299552, 5.46712993385231805 51.46708555424131504, 5.4595792527698217 51.46407904290771285, 5.454318665661126 51.4620424791544977, 5.44983421982010086 51.46653415287600808, 5.45390200138017445 51.46992049305573858, 5.45314335329368838 51.47166742107773985, 5.46027215524789522 51.4749401263680042, 5.46027215524789522 51.4749401263680042)))</t>
  </si>
  <si>
    <t>MultiPolygon (((5.45625684995364146 51.47903401108331423, 5.46027215524789522 51.4749401263680042, 5.45314335329368838 51.47166742107773985, 5.45390200138017445 51.46992049305573858, 5.44983421982010086 51.46653415287600808, 5.44239292905614036 51.47400169671099235, 5.45625684995364146 51.47903401108331423, 5.45625684995364146 51.47903401108331423)))</t>
  </si>
  <si>
    <t>MultiPolygon (((5.50941110734230843 51.46444797096018675, 5.50184279540364329 51.46113849247524286, 5.49926273949504463 51.46257389517030134, 5.50450557625643366 51.46764635593653026, 5.51158165284842028 51.46749730218453323, 5.51286620392303117 51.46660048115239761, 5.51411946272605746 51.46652217121076234, 5.51438978201636232 51.46555665783860434, 5.50941110734230843 51.46444797096018675, 5.50941110734230843 51.46444797096018675)))</t>
  </si>
  <si>
    <t>MultiPolygon (((5.49363674641423838 51.467277844230928, 5.50450557625643366 51.46764635593653026, 5.49926273949504463 51.46257389517030134, 5.50184279540364329 51.46113849247524286, 5.49837003896997345 51.45858862410877776, 5.49067203088341849 51.46023282305092295, 5.49151064104757847 51.46401787732986577, 5.49363674641423838 51.467277844230928, 5.49363674641423838 51.467277844230928)))</t>
  </si>
  <si>
    <t>MultiPolygon (((5.48690032596072541 51.46770587092668592, 5.49363674641423838 51.467277844230928, 5.49151064104757847 51.46401787732986577, 5.49067203088341849 51.46023282305092295, 5.49837003896997345 51.45858862410877776, 5.49830120369719122 51.45766497778387105, 5.48573722892546023 51.45748494632282188, 5.48690032596072541 51.46770587092668592, 5.48690032596072541 51.46770587092668592)))</t>
  </si>
  <si>
    <t>MultiPolygon (((5.48573722892546023 51.45748494632282188, 5.49830120369719122 51.45766497778387105, 5.49568154742785886 51.45353092132929618, 5.49390626773022639 51.45216979759196363, 5.48442276661044303 51.45288101696846184, 5.48573722892546023 51.45748494632282188, 5.48573722892546023 51.45748494632282188)))</t>
  </si>
  <si>
    <t>MultiPolygon (((5.47709114387390361 51.45723443609554693, 5.48573722892546023 51.45748494632282188, 5.48442276661044303 51.45288101696846184, 5.47786806825868489 51.45294448808725463, 5.47709114387390361 51.45723443609554693, 5.47709114387390361 51.45723443609554693)))</t>
  </si>
  <si>
    <t>MultiPolygon (((5.47864042979521226 51.4675599962480419, 5.48690032596072541 51.46770587092668592, 5.48573722892546023 51.45748494632282188, 5.47709114387390361 51.45723443609554693, 5.47475152443071345 51.46747911325745406, 5.47864042979521226 51.4675599962480419, 5.47864042979521226 51.4675599962480419)))</t>
  </si>
  <si>
    <t>MultiPolygon (((5.4322761284536325 51.4689072286944338, 5.43780813876388258 51.47223284458476655, 5.44239292905614036 51.47400169671099235, 5.44983421982010086 51.46653415287600808, 5.454318665661126 51.4620424791544977, 5.44876473036302666 51.45636138733696185, 5.4322761284536325 51.4689072286944338, 5.4322761284536325 51.4689072286944338)))</t>
  </si>
  <si>
    <t>MultiPolygon (((5.47279663916739079 51.46743992835100556, 5.47475152443071345 51.46747911325745406, 5.47709114387390361 51.45723443609554693, 5.47121303008280258 51.45700609689431815, 5.46712993385231805 51.46708555424131504, 5.46804362648807984 51.46758521469299552, 5.47279663916739079 51.46743992835100556, 5.47279663916739079 51.46743992835100556)))</t>
  </si>
  <si>
    <t>MultiPolygon (((5.4595792527698217 51.46407904290771285, 5.46712993385231805 51.46708555424131504, 5.47121303008280258 51.45700609689431815, 5.46752798066282519 51.45733291827415457, 5.46379639107368664 51.46040828983576887, 5.4595792527698217 51.46407904290771285, 5.4595792527698217 51.46407904290771285)))</t>
  </si>
  <si>
    <t>MultiPolygon (((5.454318665661126 51.4620424791544977, 5.4595792527698217 51.46407904290771285, 5.46379639107368664 51.46040828983576887, 5.45946623848661616 51.45686572017111615, 5.454318665661126 51.4620424791544977, 5.454318665661126 51.4620424791544977)))</t>
  </si>
  <si>
    <t>MultiPolygon (((5.47121303008280258 51.45700609689431815, 5.47709114387390361 51.45723443609554693, 5.47786806825868489 51.45294448808725463, 5.47145126081959443 51.45272922626748624, 5.46455866768219867 51.45180430621800838, 5.45946623848661616 51.45686572017111615, 5.46379639107368664 51.46040828983576887, 5.46752798066282519 51.45733291827415457, 5.47121303008280258 51.45700609689431815, 5.47121303008280258 51.45700609689431815)))</t>
  </si>
  <si>
    <t>MultiPolygon (((5.454318665661126 51.4620424791544977, 5.45946623848661616 51.45686572017111615, 5.46455866768219867 51.45180430621800838, 5.45751512251051984 51.44984266557030139, 5.44876473036302666 51.45636138733696185, 5.454318665661126 51.4620424791544977, 5.454318665661126 51.4620424791544977)))</t>
  </si>
  <si>
    <t>MultiPolygon (((5.47786806825868489 51.45294448808725463, 5.48442276661044303 51.45288101696846184, 5.48037922855805437 51.44638837209473081, 5.47697941888402529 51.446297051537762, 5.47786806825868489 51.45294448808725463, 5.47786806825868489 51.45294448808725463)))</t>
  </si>
  <si>
    <t>MultiPolygon (((5.47145126081959443 51.45272922626748624, 5.47786806825868489 51.45294448808725463, 5.47697941888402529 51.446297051537762, 5.47497966297781602 51.44536738140621424, 5.47534890140589958 51.44794700555902978, 5.47145126081959443 51.45272922626748624, 5.47145126081959443 51.45272922626748624)))</t>
  </si>
  <si>
    <t>MultiPolygon (((5.46455866768219867 51.45180430621800838, 5.47145126081959443 51.45272922626748624, 5.47534890140589958 51.44794700555902978, 5.47497966297781602 51.44536738140621424, 5.47196483197558514 51.44450428485170335, 5.4700710482970285 51.44625232236921164, 5.46455866768219867 51.45180430621800838, 5.46455866768219867 51.45180430621800838)))</t>
  </si>
  <si>
    <t>MultiPolygon (((5.45751512251051984 51.44984266557030139, 5.46455866768219867 51.45180430621800838, 5.4700710482970285 51.44625232236921164, 5.46526837728499171 51.44635780232233202, 5.46349559021373832 51.44534407780936647, 5.45751512251051984 51.44984266557030139, 5.45751512251051984 51.44984266557030139)))</t>
  </si>
  <si>
    <t>MultiPolygon (((5.46349559021373832 51.44534407780936647, 5.46526837728499171 51.44635780232233202, 5.4700710482970285 51.44625232236921164, 5.47196483197558514 51.44450428485170335, 5.47286144922842421 51.44354182309017887, 5.47070575954598848 51.44248902418607372, 5.47037903284349625 51.44222438685162757, 5.46656776532594879 51.44331982873045206, 5.46349559021373832 51.44534407780936647, 5.46349559021373832 51.44534407780936647)))</t>
  </si>
  <si>
    <t>MultiPolygon (((5.51493797011239728 51.4649756481841365, 5.51589371125324401 51.46513035253575197, 5.5169303772813949 51.46424073605896865, 5.5175823066253491 51.46434754909904541, 5.51898570570234792 51.46290991352117317, 5.51811392848757709 51.46295231574775642, 5.51827188874090524 51.46262847408759455, 5.52095458332027178 51.46155183723232085, 5.52106890024584462 51.46101639448517773, 5.52187138030594049 51.4610949209413846, 5.52491842666477329 51.45949421675388891, 5.52984010827134309 51.45869858853616563, 5.53100452966294309 51.45724546832779112, 5.53252952902259043 51.45720547388810928, 5.53169258436399502 51.45561923956079653, 5.52238845512211096 51.45441235684450731, 5.51267431039496714 51.45149151020905975, 5.50774294301426526 51.45647909346736526, 5.50400641436314597 51.45761770091784371, 5.49830120369719122 51.45766497778387105, 5.49837003896997345 51.45858862410877776, 5.50184279540364329 51.46113849247524286, 5.50941110734230843 51.46444797096018675, 5.51438978201636232 51.46555665783860434, 5.51493797011239728 51.4649756481841365, 5.51493797011239728 51.4649756481841365)))</t>
  </si>
  <si>
    <t>MultiPolygon (((5.49830120369719122 51.45766497778387105, 5.50400641436314597 51.45761770091784371, 5.50774294301426526 51.45647909346736526, 5.51267431039496714 51.45149151020905975, 5.50054462237984421 51.44744453656002747, 5.49687515033311325 51.45095658050155407, 5.49390626773022639 51.45216979759196363, 5.49568154742785886 51.45353092132929618, 5.49830120369719122 51.45766497778387105, 5.49830120369719122 51.45766497778387105)))</t>
  </si>
  <si>
    <t>MultiPolygon (((5.53447106552999291 51.45156654106046545, 5.53882625489407499 51.44944283726129441, 5.52799335061278008 51.448046075074231, 5.50642448868928547 51.44527371646817215, 5.50211986296352684 51.44519120230176412, 5.50054462237984421 51.44744453656002747, 5.51267431039496714 51.45149151020905975, 5.52238845512211096 51.45441235684450731, 5.53169258436399502 51.45561923956079653, 5.53158607961622195 51.45554067565611689, 5.53447106552999291 51.45156654106046545)))</t>
  </si>
  <si>
    <t>MultiPolygon (((5.53851189586795201 51.44353596151136543, 5.5414054099751322 51.44104305710615677, 5.5413182165601782 51.4404643008432032, 5.54071053777721279 51.44051423507567478, 5.5412586684324463 51.43971970257641857, 5.5426591121384563 51.43923843999889556, 5.54262624703810758 51.43997941259737416, 5.54392521702743934 51.43960299734951747, 5.5435642414690669 51.43871059064045426, 5.54438408710560626 51.43721482110982635, 5.54588678347777719 51.43657916264174901, 5.54670466736141687 51.4339117118927831, 5.54867897115238673 51.43467727449301208, 5.54677924288271385 51.43367532308255363, 5.54024968284885766 51.43133470803564933, 5.53475277262192833 51.43168406026001094, 5.52374357857588993 51.43990737005134406, 5.53115196339015291 51.44269874056902125, 5.52799335061278008 51.448046075074231, 5.53882625489407499 51.44944283726129441, 5.53907906566120012 51.44844590478615487, 5.54015123441062318 51.44797505962883122, 5.53852215632340172 51.44561391686313101, 5.53940854770316005 51.44456654238904036, 5.53851189586795201 51.44353596151136543)))</t>
  </si>
  <si>
    <t>MultiPolygon (((5.50211986296352684 51.44519120230176412, 5.50642448868928547 51.44527371646817215, 5.52799335061278008 51.448046075074231, 5.53115196339015291 51.44269874056902125, 5.52374357857588993 51.43990737005134406, 5.51886735551971253 51.44219957444647662, 5.51292774922252882 51.44387316095632912, 5.50238869551996768 51.44487298200186132, 5.50211986296352684 51.44519120230176412, 5.50211986296352684 51.44519120230176412)))</t>
  </si>
  <si>
    <t>MultiPolygon (((5.53475277262192833 51.43168406026001094, 5.53473795192812457 51.43167632987486115, 5.53203550164075342 51.43198887581346668, 5.51875312094700732 51.43341056402666567, 5.52079003402021051 51.43865113712197257, 5.52374357857588993 51.43990737005134406, 5.53475277262192833 51.43168406026001094, 5.53475277262192833 51.43168406026001094)))</t>
  </si>
  <si>
    <t>MultiPolygon (((5.51292774922252882 51.44387316095632912, 5.51886735551971253 51.44219957444647662, 5.52374357857588993 51.43990737005134406, 5.52079003402021051 51.43865113712197257, 5.51875312094700732 51.43341056402666567, 5.51207085488797333 51.43403358117965496, 5.51450039029760486 51.44134527092175801, 5.51441134190290416 51.44264140164057864, 5.51292774922252882 51.44387316095632912, 5.51292774922252882 51.44387316095632912)))</t>
  </si>
  <si>
    <t>MultiPolygon (((5.50284540496835017 51.44428584462028198, 5.50238869551996768 51.44487298200186132, 5.51292774922252882 51.44387316095632912, 5.51441134190290416 51.44264140164057864, 5.51450039029760486 51.44134527092175801, 5.51207085488797333 51.43403358117965496, 5.50405327232096564 51.43491396751165468, 5.50494212252436554 51.43821324702366837, 5.50408499658638828 51.44163105865275298, 5.50284540496835017 51.44428584462028198, 5.50284540496835017 51.44428584462028198)))</t>
  </si>
  <si>
    <t>MultiPolygon (((5.49034071438308224 51.43688152979979833, 5.49981149583389861 51.44202769676284959, 5.50408499658638828 51.44163105865275298, 5.50494212252436554 51.43821324702366837, 5.50405327232096564 51.43491396751165468, 5.49034071438308224 51.43688152979979833, 5.49034071438308224 51.43688152979979833)))</t>
  </si>
  <si>
    <t>MultiPolygon (((5.48461064097000683 51.44217715653103085, 5.50284540496835017 51.44428584462028198, 5.50408499658638828 51.44163105865275298, 5.49981149583389861 51.44202769676284959, 5.49034071438308224 51.43688152979979833, 5.48558972480009466 51.43767324668483809, 5.48681462812267196 51.43930129002904295, 5.48469198485724707 51.44060290079444542, 5.48461064097000683 51.44217715653103085, 5.48461064097000683 51.44217715653103085)))</t>
  </si>
  <si>
    <t>MultiPolygon (((5.52165535146381536 51.42843242794363334, 5.525178328079412 51.42789801266969363, 5.52580223414250415 51.40515145366250493, 5.52210650922761914 51.40655482603550297, 5.51453784446639439 51.41202728596805827, 5.5193421330042316 51.41888394514155891, 5.51813286365409983 51.42128863395291205, 5.51576908901296381 51.42309151217246921, 5.5195833905432945 51.42477362231440452, 5.52165535146381536 51.42843242794363334, 5.52165535146381536 51.42843242794363334)))</t>
  </si>
  <si>
    <t>MultiPolygon (((5.5258149490236379 51.40469713763306459, 5.50761280830423949 51.40453221422584562, 5.50518444428980303 51.40341740429566642, 5.50487393458297181 51.40015481872670478, 5.50463717576116718 51.4001136647885204, 5.49978897694270685 51.41130116528312044, 5.50514006959384172 51.41168913214242764, 5.50616820597505896 51.41227112033377011, 5.50499902189278245 51.41503607304730394, 5.50915837058468316 51.41681162562380081, 5.51453784446639439 51.41202728596805827, 5.52210650922761914 51.40655482603550297, 5.52580223414250415 51.40515145366250493, 5.5258149490236379 51.40469713763306459, 5.5258149490236379 51.40469713763306459)))</t>
  </si>
  <si>
    <t>MultiPolygon (((5.50431984884681302 51.42013083747304591, 5.50832974360123906 51.41745756065594719, 5.50915837058468316 51.41681162562380081, 5.50499902189278245 51.41503607304730394, 5.50616820597505896 51.41227112033377011, 5.50514006959384172 51.41168913214242764, 5.49978897694270685 51.41130116528312044, 5.49733259326290824 51.41608843730412559, 5.50320643378399499 51.41746385891977411, 5.50431984884681302 51.42013083747304591, 5.50431984884681302 51.42013083747304591)))</t>
  </si>
  <si>
    <t>MultiPolygon (((5.50034145620960313 51.42275085155360159, 5.50431984884681302 51.42013083747304591, 5.50320643378399499 51.41746385891977411, 5.49733259326290824 51.41608843730412559, 5.49562190077108159 51.42002160259706756, 5.50034145620960313 51.42275085155360159, 5.50034145620960313 51.42275085155360159)))</t>
  </si>
  <si>
    <t>MultiPolygon (((5.49279422732703804 51.42417349743141841, 5.49537272179450298 51.42543251121944792, 5.50034145620960313 51.42275085155360159, 5.49562190077108159 51.42002160259706756, 5.49329885174075727 51.42352687768742925, 5.49279422732703804 51.42417349743141841, 5.49279422732703804 51.42417349743141841)))</t>
  </si>
  <si>
    <t>MultiPolygon (((5.50882837032501271 51.42281350628149994, 5.51245108597600098 51.42382369598620784, 5.51576908901296381 51.42309151217246921, 5.51813286365409983 51.42128863395291205, 5.5193421330042316 51.41888394514155891, 5.51453784446639439 51.41202728596805827, 5.50915837058468316 51.41681162562380081, 5.50832974360123906 51.41745756065594719, 5.50947946881322803 51.41777898511286793, 5.51011478519916764 51.41924762668952553, 5.50955887765629804 51.42253927002064273, 5.50882837032501271 51.42281350628149994, 5.50882837032501271 51.42281350628149994)))</t>
  </si>
  <si>
    <t>MultiPolygon (((5.50604851110920279 51.4238047844549655, 5.50882837032501271 51.42281350628149994, 5.50955887765629804 51.42253927002064273, 5.51011478519916764 51.41924762668952553, 5.50947946881322803 51.41777898511286793, 5.50832974360123906 51.41745756065594719, 5.50431984884681302 51.42013083747304591, 5.50604851110920279 51.4238047844549655, 5.50604851110920279 51.4238047844549655)))</t>
  </si>
  <si>
    <t>MultiPolygon (((5.49537272179450298 51.42543251121944792, 5.49940486931158468 51.42751184966952849, 5.50604851110920279 51.4238047844549655, 5.50431984884681302 51.42013083747304591, 5.50034145620960313 51.42275085155360159, 5.49537272179450298 51.42543251121944792, 5.49537272179450298 51.42543251121944792)))</t>
  </si>
  <si>
    <t>MultiPolygon (((5.50286354740446626 51.43133029993353489, 5.51399883986591632 51.42961924019939346, 5.5112153565738824 51.42459586882060307, 5.50764594816718933 51.42559715896888406, 5.50604851110920279 51.4238047844549655, 5.49940486931158468 51.42751184966952849, 5.50286354740446626 51.43133029993353489, 5.50286354740446626 51.43133029993353489)))</t>
  </si>
  <si>
    <t>MultiPolygon (((5.51875312094700732 51.43341056402666567, 5.53203550164075342 51.43198887581346668, 5.53123718950612453 51.42895161871850007, 5.53177838785510012 51.42802605665489324, 5.53034930652684498 51.42720072023906397, 5.525178328079412 51.42789801266969363, 5.52165535146381536 51.42843242794363334, 5.51399883986591632 51.42961924019939346, 5.50286354740446626 51.43133029993353489, 5.50405327232096564 51.43491396751165468, 5.51207085488797333 51.43403358117965496, 5.51875312094700732 51.43341056402666567, 5.51875312094700732 51.43341056402666567)))</t>
  </si>
  <si>
    <t>MultiPolygon (((5.51399883986591632 51.42961924019939346, 5.52165535146381536 51.42843242794363334, 5.5195833905432945 51.42477362231440452, 5.51576908901296381 51.42309151217246921, 5.51245108597600098 51.42382369598620784, 5.50882837032501271 51.42281350628149994, 5.50604851110920279 51.4238047844549655, 5.50764594816718933 51.42559715896888406, 5.5112153565738824 51.42459586882060307, 5.51399883986591632 51.42961924019939346, 5.51399883986591632 51.42961924019939346)))</t>
  </si>
  <si>
    <t>MultiPolygon (((5.47720915037849476 51.41725309796204613, 5.48339639574495319 51.41658219092357029, 5.48037209847800266 51.40468914192874905, 5.48006995511666517 51.40473679249961236, 5.47710451520793029 51.40487574823141159, 5.47520353308229968 51.40879473125625054, 5.47572201951691806 51.41019813796625471, 5.47474159601453891 51.41510025421761299, 5.47720915037849476 51.41725309796204613, 5.47720915037849476 51.41725309796204613)))</t>
  </si>
  <si>
    <t>MultiPolygon (((5.49141774338689537 51.41591823516769466, 5.49004774757376257 51.40445181842775213, 5.48231601014758763 51.40465299731237536, 5.48037209847800266 51.40468914192874905, 5.48339639574495319 51.41658219092357029, 5.49141774338689537 51.41591823516769466, 5.49141774338689537 51.41591823516769466)))</t>
  </si>
  <si>
    <t>MultiPolygon (((5.49978897694270685 51.41130116528312044, 5.50463717576116718 51.4001136647885204, 5.50362449950966681 51.40152226810103997, 5.49985096694239761 51.40385773999297925, 5.49004774757376257 51.40445181842775213, 5.49141774338689537 51.41591823516769466, 5.49733259326290824 51.41608843730412559, 5.49978897694270685 51.41130116528312044, 5.49978897694270685 51.41130116528312044)))</t>
  </si>
  <si>
    <t>MultiPolygon (((5.4771893205756621 51.4246287740339838, 5.4792495952194562 51.42444997649344884, 5.48552133990527757 51.42389763130388758, 5.48339639574495319 51.41658219092357029, 5.47720915037849476 51.41725309796204613, 5.47760519421974124 51.41797702804505832, 5.48081330938048961 51.41884173688732318, 5.48108184412921418 51.42061816086149406, 5.48022203609376035 51.42198086608343743, 5.47798482734487635 51.42221777358254542, 5.4771893205756621 51.4246287740339838, 5.4771893205756621 51.4246287740339838)))</t>
  </si>
  <si>
    <t>MultiPolygon (((5.48552133990527757 51.42389763130388758, 5.49279422732703804 51.42417349743141841, 5.49329885174075727 51.42352687768742925, 5.49141774338689537 51.41591823516769466, 5.48339639574495319 51.41658219092357029, 5.48552133990527757 51.42389763130388758, 5.48552133990527757 51.42389763130388758)))</t>
  </si>
  <si>
    <t>MultiPolygon (((5.49329885174075727 51.42352687768742925, 5.49562190077108159 51.42002160259706756, 5.49733259326290824 51.41608843730412559, 5.49141774338689537 51.41591823516769466, 5.49329885174075727 51.42352687768742925, 5.49329885174075727 51.42352687768742925)))</t>
  </si>
  <si>
    <t>MultiPolygon (((5.47857627145038339 51.42928499734803438, 5.48211433064807796 51.42851876321936544, 5.4792495952194562 51.42444997649344884, 5.4771893205756621 51.4246287740339838, 5.47551861402722118 51.42584231296039832, 5.47549327130422903 51.42691832579623679, 5.47857627145038339 51.42928499734803438, 5.47857627145038339 51.42928499734803438)))</t>
  </si>
  <si>
    <t>MultiPolygon (((5.48211433064807796 51.42851876321936544, 5.48614239248381086 51.42990167805272961, 5.48688714302533942 51.42850931896238365, 5.48552133990527757 51.42389763130388758, 5.4792495952194562 51.42444997649344884, 5.48211433064807796 51.42851876321936544, 5.48211433064807796 51.42851876321936544)))</t>
  </si>
  <si>
    <t>MultiPolygon (((5.48688714302533942 51.42850931896238365, 5.49279422732703804 51.42417349743141841, 5.48552133990527757 51.42389763130388758, 5.48688714302533942 51.42850931896238365, 5.48688714302533942 51.42850931896238365)))</t>
  </si>
  <si>
    <t>MultiPolygon (((5.48614239248381086 51.42990167805272961, 5.48890124934041257 51.43049116329774506, 5.48931684821160371 51.4287791844498372, 5.49537272179450298 51.42543251121944792, 5.49279422732703804 51.42417349743141841, 5.48688714302533942 51.42850931896238365, 5.48614239248381086 51.42990167805272961, 5.48614239248381086 51.42990167805272961)))</t>
  </si>
  <si>
    <t>MultiPolygon (((5.49339477933584952 51.43211083223261681, 5.50286354740446626 51.43133029993353489, 5.49940486931158468 51.42751184966952849, 5.49537272179450298 51.42543251121944792, 5.48931684821160371 51.4287791844498372, 5.48890124934041257 51.43049116329774506, 5.49339477933584952 51.43211083223261681, 5.49339477933584952 51.43211083223261681)))</t>
  </si>
  <si>
    <t>MultiPolygon (((5.48076083511981516 51.43430457333950301, 5.48496067456784875 51.43229288113856512, 5.48614239248381086 51.42990167805272961, 5.48211433064807796 51.42851876321936544, 5.47857627145038339 51.42928499734803438, 5.47933020211038446 51.43062790626759551, 5.4784755714608302 51.43225434855381906, 5.48076083511981516 51.43430457333950301, 5.48076083511981516 51.43430457333950301)))</t>
  </si>
  <si>
    <t>MultiPolygon (((5.48496067456784875 51.43229288113856512, 5.48610145429403051 51.43455929492053258, 5.49339477933584952 51.43211083223261681, 5.48890124934041257 51.43049116329774506, 5.48614239248381086 51.42990167805272961, 5.48496067456784875 51.43229288113856512, 5.48496067456784875 51.43229288113856512)))</t>
  </si>
  <si>
    <t>MultiPolygon (((5.48558972480009466 51.43767324668483809, 5.49034071438308224 51.43688152979979833, 5.50405327232096564 51.43491396751165468, 5.50286354740446626 51.43133029993353489, 5.49339477933584952 51.43211083223261681, 5.48610145429403051 51.43455929492053258, 5.48458436276462624 51.43634637328474213, 5.48558972480009466 51.43767324668483809, 5.48558972480009466 51.43767324668483809)))</t>
  </si>
  <si>
    <t>MultiPolygon (((5.48442276661044303 51.45288101696846184, 5.49390626773022639 51.45216979759196363, 5.49687515033311325 51.45095658050155407, 5.50054462237984421 51.44744453656002747, 5.50211986296352684 51.44519120230176412, 5.50238869551996768 51.44487298200186132, 5.50284540496835017 51.44428584462028198, 5.48461064097000683 51.44217715653103085, 5.48366863873930033 51.44390713785547575, 5.48333468693973547 51.44504669757258597, 5.48053798887118226 51.44480619090526119, 5.48037922855805437 51.44638837209473081, 5.48442276661044303 51.45288101696846184, 5.48442276661044303 51.45288101696846184)))</t>
  </si>
  <si>
    <t>MultiPolygon (((5.47697941888402529 51.446297051537762, 5.48037922855805437 51.44638837209473081, 5.48053798887118226 51.44480619090526119, 5.48333468693973547 51.44504669757258597, 5.48366863873930033 51.44390713785547575, 5.47505776412487588 51.44240555118553004, 5.47070575954598848 51.44248902418607372, 5.47286144922842421 51.44354182309017887, 5.47196483197558514 51.44450428485170335, 5.47497966297781602 51.44536738140621424, 5.47697941888402529 51.446297051537762, 5.47697941888402529 51.446297051537762)))</t>
  </si>
  <si>
    <t>MultiPolygon (((5.47070575954598848 51.44248902418607372, 5.47505776412487588 51.44240555118553004, 5.47569589325417816 51.44114213243126699, 5.47503648059405279 51.43839426886067656, 5.4690349874902946 51.43869022725179008, 5.47037903284349625 51.44222438685162757, 5.47070575954598848 51.44248902418607372, 5.47070575954598848 51.44248902418607372)))</t>
  </si>
  <si>
    <t>MultiPolygon (((5.4690349874902946 51.43869022725179008, 5.47503648059405279 51.43839426886067656, 5.48076083511981516 51.43430457333950301, 5.4784755714608302 51.43225434855381906, 5.47933020211038446 51.43062790626759551, 5.47857627145038339 51.42928499734803438, 5.47812422936529142 51.43092820984818303, 5.47254356550950138 51.43476189242756647, 5.47155746379018559 51.43538155471231477, 5.4690349874902946 51.43869022725179008, 5.4690349874902946 51.43869022725179008)))</t>
  </si>
  <si>
    <t>MultiPolygon (((5.47505776412487588 51.44240555118553004, 5.48366863873930033 51.44390713785547575, 5.48461064097000683 51.44217715653103085, 5.48469198485724707 51.44060290079444542, 5.48681462812267196 51.43930129002904295, 5.48558972480009466 51.43767324668483809, 5.48458436276462624 51.43634637328474213, 5.48610145429403051 51.43455929492053258, 5.48496067456784875 51.43229288113856512, 5.48076083511981516 51.43430457333950301, 5.47503648059405279 51.43839426886067656, 5.47569589325417816 51.44114213243126699, 5.47505776412487588 51.44240555118553004, 5.47505776412487588 51.44240555118553004)))</t>
  </si>
  <si>
    <t>MultiPolygon (((5.35437922875383787 51.40877269802924587, 5.3676175614988848 51.40007118048514911, 5.36049818949203605 51.39874993076837484, 5.35285555790859302 51.39596429132771505, 5.35626666429863629 51.38882501769422362, 5.36595325853931726 51.39036424038540218, 5.37228236503649281 51.39274187730204346, 5.37248468322743022 51.39224644101879846, 5.37403471828149204 51.38856541889497009, 5.37189411636295411 51.38704929738435112, 5.36501497905779789 51.38469897665792274, 5.364003573126225 51.38577825186403913, 5.36221769867687748 51.3860552443581895, 5.35496246826206601 51.38377984897829975, 5.3547085763874529 51.38855372500423613, 5.33531812003877004 51.38263996812221279, 5.32254919782457403 51.37694498100001539, 5.31513066937212564 51.38212463627188953, 5.30793505282940803 51.38727242875346946, 5.30661553643319195 51.39013903122783944, 5.30709957071300487 51.39061700511498998, 5.31086587158526768 51.39071499598753689, 5.31044419756366537 51.3960550886481613, 5.3136500944048759 51.39944091161997619, 5.30729520553191136 51.40611426448325005, 5.31451434116856891 51.4084430775868384, 5.32178995765414786 51.40869162465402553, 5.32366432951925272 51.4061872122122665, 5.33159335798025324 51.40628572328768087, 5.33513683367571367 51.40740267172138545, 5.35437922875383787 51.40877269802924587),(5.3389688286998167 51.40294070855170361, 5.33945904510782832 51.39771119487292594, 5.34348998279313747 51.3978510883167985, 5.34894088702164705 51.39627120148497141, 5.35238502657824533 51.39747367871581218, 5.35359418501754014 51.40126648057061942, 5.35057086440391316 51.40248816463527248, 5.34762977648550031 51.40256851762793389, 5.34413457763333621 51.40077044322838162, 5.34094082456257535 51.40032807691565608, 5.3389688286998167 51.40294070855170361)))</t>
  </si>
  <si>
    <t>MultiPolygon (((5.36595325853931726 51.39036424038540218, 5.35626666429863629 51.38882501769422362, 5.35285555790859302 51.39596429132771505, 5.36049818949203605 51.39874993076837484, 5.3676175614988848 51.40007118048514911, 5.37068702261943542 51.3980480014691139, 5.3702125904453899 51.39762177436747237, 5.37228236503649281 51.39274187730204346, 5.36595325853931726 51.39036424038540218, 5.36595325853931726 51.39036424038540218)))</t>
  </si>
  <si>
    <t>MultiPolygon (((5.34094082456257535 51.40032807691565608, 5.34413457763333621 51.40077044322838162, 5.34762977648550031 51.40256851762793389, 5.35057086440391316 51.40248816463527248, 5.35359418501754014 51.40126648057061942, 5.35238502657824533 51.39747367871581218, 5.34894088702164705 51.39627120148497141, 5.34348998279313747 51.3978510883167985, 5.33945904510782832 51.39771119487292594, 5.3389688286998167 51.40294070855170361, 5.34094082456257535 51.40032807691565608)))</t>
  </si>
  <si>
    <t>MultiPolygon (((5.33381657964921629 51.46853656618218764, 5.35600228054844862 51.46231472516718242, 5.35838913752898627 51.46701532722347139, 5.36944654951216638 51.4653166023297004, 5.36716868775284084 51.45943072067473878, 5.36351259545625325 51.46026489911582757, 5.36148949567128774 51.45736233923542358, 5.35671844679304954 51.45359772287410749, 5.36121275078395332 51.4485884924265946, 5.36083021121751013 51.4431186916675145, 5.35739847154041637 51.43987270669144607, 5.35691689411979066 51.4382035028592739, 5.35579479055792174 51.43411019488489444, 5.35419378486543529 51.43299987780017091, 5.35285678509942464 51.43282549260683822, 5.34625516472750917 51.42895623179165199, 5.34553474619948332 51.43092242279318782, 5.34236880472091169 51.43106775091225558, 5.34336982825595275 51.42743624354913834, 5.33984223365679256 51.42555794224858801, 5.31937141615491083 51.42379530218914852, 5.31604479841788891 51.4235154133921526, 5.31617384969413909 51.43013820310444828, 5.31285763056759652 51.43250983701143753, 5.30057742032037016 51.43607547954688641, 5.29060515862605119 51.43974081540410026, 5.29165415499288372 51.44788821661678924, 5.29041357661898015 51.44989670432746465, 5.28454255019213548 51.44860985541369303, 5.28224964861963198 51.45225002947605475, 5.28501831210569861 51.45411158365782001, 5.29449766627909302 51.45528347466702002, 5.29722982360117634 51.45313795488158348, 5.29806828728186741 51.45462579108483681, 5.3031782669865013 51.4585854893085255, 5.30309665213090664 51.4591492089554805, 5.31425177328074927 51.46078095214802062, 5.31507750052144257 51.46137201965945707, 5.31880390766787148 51.46148139390308529, 5.3204237618305914 51.46086814320236158, 5.32420471423365527 51.46272253456316292, 5.32589632110029942 51.46287659993258501, 5.32583997795572994 51.46379170635545108, 5.32804197571035587 51.46422636355653424, 5.33051226430868219 51.46384089385956884, 5.33159793787612646 51.46283189776735156, 5.33459900064919523 51.46293479384206648, 5.33262688457633516 51.46542220483998875, 5.33472803921564331 51.46587476493424873, 5.33381657964921629 51.46853656618218764, 5.33381657964921629 51.46853656618218764),(5.34141222214994826 51.45069371678443559, 5.34010275941516621 51.44846188544482146, 5.3402838581132821 51.4462175853442929, 5.33932510356379275 51.44548045851290397, 5.3353360397020424 51.44436324646476066, 5.33483710584157844 51.44495234430001318, 5.33270713318642198 51.44432092865802986, 5.33444072458357166 51.43973616773796209, 5.34327217519216457 51.44047054067657143, 5.34603218997682283 51.44007513380395835, 5.3479934568208165 51.44136703007048084, 5.34607330800179348 51.44505280712172635, 5.34736524179696548 51.44560111326036633, 5.34403938301742887 51.449920070820653, 5.34383405082031082 51.45129973800506917, 5.34141222214994826 51.45069371678443559, 5.34141222214994826 51.45069371678443559)))</t>
  </si>
  <si>
    <t>MultiPolygon (((5.34403938301742887 51.449920070820653, 5.34736524179696548 51.44560111326036633, 5.34607330800179348 51.44505280712172635, 5.3479934568208165 51.44136703007048084, 5.34603218997682283 51.44007513380395835, 5.34327217519216457 51.44047054067657143, 5.33444072458357166 51.43973616773796209, 5.33270713318642198 51.44432092865802986, 5.33483710584157844 51.44495234430001318, 5.3353360397020424 51.44436324646476066, 5.33932510356379275 51.44548045851290397, 5.3402838581132821 51.4462175853442929, 5.34010275941516621 51.44846188544482146, 5.34141222214994826 51.45069371678443559, 5.34383405082031082 51.45129973800506917, 5.34403938301742887 51.449920070820653, 5.34403938301742887 51.449920070820653)))</t>
  </si>
  <si>
    <t>MultiPolygon (((5.28224964861963198 51.45225002947605475, 5.28454255019213548 51.44860985541369303, 5.29041357661898015 51.44989670432746465, 5.29165415499288372 51.44788821661678924, 5.29060515862605119 51.43974081540410026, 5.30057742032037016 51.43607547954688641, 5.31285763056759652 51.43250983701143753, 5.31617384969413909 51.43013820310444828, 5.31604479841788891 51.4235154133921526, 5.31937141615491083 51.42379530218914852, 5.31999653162334152 51.41992794731412175, 5.31608976492605123 51.4194092718095348, 5.31589567342428904 51.41891100034978024, 5.31714870393825922 51.4149138936118888, 5.32178995765414786 51.40869162465402553, 5.31451434116856891 51.4084430775868384, 5.30729520553191136 51.40611426448325005, 5.30298712083872026 51.40750085449825946, 5.29996768658283557 51.40778935138788341, 5.29802155148815057 51.40715431353790876, 5.29625350201182066 51.40775189432117287, 5.29014897771285142 51.40408117416868095, 5.28142666583665488 51.40499466320632393, 5.27838680321869713 51.40865040625089222, 5.27639331536162182 51.40934818514726601, 5.27290367584024811 51.40946998936176726, 5.24877581761087519 51.42255773438623834, 5.24944646738246146 51.42295390430667368, 5.24478251015873287 51.42625393791100663, 5.24338050750903761 51.42548261637946894, 5.23770466693368508 51.42855889787025347, 5.23759773779332427 51.43071422296991813, 5.23916952615678255 51.43099051609137007, 5.23906244132714338 51.43366952318341845, 5.25248218361667174 51.43793921347285902, 5.24881996354659108 51.44308190791195301, 5.24839613069741251 51.4456310274727997, 5.24902510425793967 51.44572070184373302, 5.25887427085316883 51.44712453187052859, 5.26044282346520475 51.44823537568327509, 5.26466276448107173 51.44892776828150716, 5.27102032853590963 51.44903281951683027, 5.27925339255477422 51.45021940983886566, 5.28224964861963198 51.45225002947605475),(5.27889704057026421 51.42637719053943357, 5.28133141761702074 51.42083317386336461, 5.28023962628954813 51.42026863395943082, 5.2818557396130652 51.41585692335111446, 5.29060515502813455 51.41566906154390892, 5.295833822500148 51.41758420852323752, 5.29935406546621035 51.42002649519038471, 5.29736279141465261 51.42158648573297341, 5.29691824961260149 51.42500072528308408, 5.29533673610313294 51.4274140754483895, 5.28663840116137695 51.42971251102316899, 5.28057557038492398 51.42811394734402342, 5.27889704057026421 51.42637719053943357)))</t>
  </si>
  <si>
    <t>MultiPolygon (((5.29533673610313294 51.4274140754483895, 5.29691824961260149 51.42500072528308408, 5.29736279141465261 51.42158648573297341, 5.29935406546621035 51.42002649519038471, 5.295833822500148 51.41758420852323752, 5.29060515502813455 51.41566906154390892, 5.2818557396130652 51.41585692335111446, 5.28023962628954813 51.42026863395943082, 5.28133141761702074 51.42083317386336461, 5.27889704057026421 51.42637719053943357, 5.28057557038492398 51.42811394734402342, 5.28663840116137695 51.42971251102316899, 5.29533673610313294 51.4274140754483895)))</t>
  </si>
  <si>
    <t>MultiPolygon (((5.37403471828149204 51.38856541889497009, 5.38890703014940442 51.37646010365587301, 5.38802653151112487 51.37526787002162365, 5.38260551645761964 51.37283131015970383, 5.38113320904071557 51.37113090430050022, 5.37821147693592483 51.36939360610479355, 5.37563783162841702 51.36876256390610962, 5.37406680740162024 51.36952839975150908, 5.37049637359755661 51.36931143654529563, 5.36432225194632384 51.36697609970632072, 5.35575235007108308 51.36253163308217751, 5.34910015189355104 51.36763529058681854, 5.34640026396125378 51.37080363353781109, 5.33531812003877004 51.38263996812221279, 5.3547085763874529 51.38855372500423613, 5.35496246826206601 51.38377984897829975, 5.36221769867687748 51.3860552443581895, 5.364003573126225 51.38577825186403913, 5.36501497905779789 51.38469897665792274, 5.37189411636295411 51.38704929738435112, 5.37403471828149204 51.38856541889497009, 5.37403471828149204 51.38856541889497009),(5.34963355454607647 51.37490322166853218, 5.35259564747222072 51.37332300424866816, 5.3600920247478463 51.37360781013636313, 5.35985583276563649 51.3760009922152463, 5.36456787379010347 51.37870362969500349, 5.3628497306006313 51.38092615728762524, 5.35989977883315571 51.38072226412178622, 5.35805321911532584 51.38223281674098075, 5.34592073998556305 51.37836262339100557, 5.34963355454607647 51.37490322166853218, 5.34963355454607647 51.37490322166853218)))</t>
  </si>
  <si>
    <t>MultiPolygon (((5.35805321911532584 51.38223281674098075, 5.35989977883315571 51.38072226412178622, 5.3628497306006313 51.38092615728762524, 5.36456787379010347 51.37870362969500349, 5.35985583276563649 51.3760009922152463, 5.3600920247478463 51.37360781013636313, 5.35259564747222072 51.37332300424866816, 5.34963355454607647 51.37490322166853218, 5.34592073998556305 51.37836262339100557, 5.35805321911532584 51.38223281674098075, 5.35805321911532584 51.38223281674098075)))</t>
  </si>
  <si>
    <t>MultiPolygon (((5.28983582354585113 51.36128552425411442, 5.29119532086187405 51.36120662382303692, 5.29297680125783465 51.36306993535536236, 5.29643781011638826 51.36218980383742405, 5.2976508833511895 51.36457977346603343, 5.30127580709381974 51.36354298470741497, 5.29509534384451896 51.36070715310402335, 5.28675656012466089 51.35723034552921717, 5.28648368943391755 51.3596883931518704, 5.2838398460618583 51.3593220382701432, 5.28356314558332052 51.36104959439974493, 5.288880961825984 51.3671853459404204, 5.2910279955645203 51.36653039456554382, 5.28983582354585113 51.36128552425411442)),((5.30546124592480073 51.37730807790603649, 5.30872690830948901 51.37332510896651172, 5.31070921768152981 51.37418239955173505, 5.31286024493944176 51.37141056525647542, 5.30951531766777673 51.37129084008460467, 5.30694398275526957 51.37021296594377162, 5.30945022017996848 51.36783134924922223, 5.31086487174681476 51.36754018429998325, 5.3039423808309909 51.36468014342724331, 5.30507030651710743 51.36950086333877863, 5.30301735886478109 51.37337222444196527, 5.30014373139179806 51.37474562434709213, 5.29614336653437334 51.37344787454246386, 5.29324631512208477 51.37138333657838984, 5.29134787989949906 51.36794600245601572, 5.27744374699670526 51.3687795763343118, 5.27927510745695194 51.37386124307447943, 5.27976576342893633 51.37532882507267118, 5.28591541126883246 51.38446985812250745, 5.29032359421428389 51.38613001158998372, 5.28941498808577837 51.38892265108748347, 5.29881574261354427 51.38968184069473466, 5.30271159808571291 51.3907111803478216, 5.30628343118546031 51.39095912802884669, 5.30709957071300487 51.39061700511498998, 5.30661553643319195 51.39013903122783944, 5.30793505282940803 51.38727242875346946, 5.31513066937212564 51.38212463627188953, 5.31294795829419009 51.38110124488755304, 5.30546124592480073 51.37730807790603649)))</t>
  </si>
  <si>
    <t>MultiPolygon (((5.2910279955645203 51.36653039456554382, 5.29112182259597663 51.3665041933115063, 5.2976508833511895 51.36457977346603343, 5.29643781011638826 51.36218980383742405, 5.29297680125783465 51.36306993535536236, 5.29119532086187405 51.36120662382303692, 5.28983582354585113 51.36128552425411442, 5.2910279955645203 51.36653039456554382, 5.2910279955645203 51.36653039456554382)))</t>
  </si>
  <si>
    <t>MultiPolygon (((5.27744374699670526 51.3687795763343118, 5.29134787989949906 51.36794600245601572, 5.29112182259597663 51.3665041933115063, 5.2910279955645203 51.36653039456554382, 5.288880961825984 51.3671853459404204, 5.28356314558332052 51.36104959439974493, 5.2838398460618583 51.3593220382701432, 5.28648368943391755 51.3596883931518704, 5.28675656012466089 51.35723034552921717, 5.27892246510736385 51.35376933544844036, 5.27529883547214773 51.36272298211399345, 5.27589120322499205 51.36439583841153933, 5.27744374699670526 51.3687795763343118)))</t>
  </si>
  <si>
    <t>MultiPolygon (((5.29134787989949906 51.36794600245601572, 5.29324631512208477 51.37138333657838984, 5.29614336653437334 51.37344787454246386, 5.30014373139179806 51.37474562434709213, 5.30301735886478109 51.37337222444196527, 5.30507030651710743 51.36950086333877863, 5.3039423808309909 51.36468014342724331, 5.30127580709381974 51.36354298470741497, 5.2976508833511895 51.36457977346603343, 5.29112182259597663 51.3665041933115063, 5.29134787989949906 51.36794600245601572, 5.29134787989949906 51.36794600245601572)))</t>
  </si>
  <si>
    <t>MultiPolygon (((5.32418754370455272 51.35817232156061607, 5.32647965024540682 51.35864529216949137, 5.33350034741544476 51.3582737201893309, 5.33435832929866294 51.35742909973021852, 5.33368711328522327 51.35659269956707362, 5.32304452543695472 51.35429602185152476, 5.32139383948917466 51.35744293028018603, 5.32418754370455272 51.35817232156061607, 5.32418754370455272 51.35817232156061607)))</t>
  </si>
  <si>
    <t>MultiPolygon (((5.30322248064884683 51.34972415339083796, 5.30010151781008254 51.34691569734657435, 5.30834510501003987 51.34900987039969067, 5.31231561916013995 51.34866382824749564, 5.31374054287477726 51.35196410042122039, 5.31643301661233458 51.35049610692249189, 5.32217892528392245 51.3526514052515779, 5.32929335260134263 51.34476473275385189, 5.34174031415237494 51.33582537237307264, 5.33783926534623188 51.33480408696487984, 5.33220336555918983 51.33316551334896616, 5.33148066390491771 51.33360081866106839, 5.32635377138468158 51.33262148193801977, 5.32614172975488476 51.33189548629574972, 5.32401001357995529 51.33290245639842908, 5.32115878760008876 51.32956952874391021, 5.32295166931056674 51.32869222205282966, 5.3188767523990359 51.32485505397861658, 5.31673271033665262 51.32345389174891892, 5.3161675667290389 51.32368382261767437, 5.30955159856045444 51.32104873118372979, 5.30805609529497957 51.3218283443451071, 5.29217374621040104 51.31823746112287665, 5.26341057205338192 51.3192817998362969, 5.2859725475635253 51.33633888589339023, 5.27909662403996993 51.35333892255365384, 5.27892246510736385 51.35376933544844036, 5.28675656012466089 51.35723034552921717, 5.29509534384451896 51.36070715310402335, 5.30401699430603468 51.35966793456203305, 5.30474242770460869 51.35795862721480631, 5.30199971493846611 51.35584992595174469, 5.29992596118554182 51.35171358091839267, 5.30322248064884683 51.34972415339083796)))</t>
  </si>
  <si>
    <t>MultiPolygon (((5.31294795829419009 51.38110124488755304, 5.31513066937212564 51.38212463627188953, 5.32254919782457403 51.37694498100001539, 5.33531812003877004 51.38263996812221279, 5.34640026396125378 51.37080363353781109, 5.32843168873630457 51.36526139703852323, 5.31294795829419009 51.38110124488755304, 5.31294795829419009 51.38110124488755304)))</t>
  </si>
  <si>
    <t>MultiPolygon (((5.34712130978768752 51.33745315530375564, 5.34174031415237494 51.33582537237307264, 5.32929335260134263 51.34476473275385189, 5.32217892528392245 51.3526514052515779, 5.32304452543695472 51.35429602185152476, 5.33368711328522327 51.35659269956707362, 5.33435832929866294 51.35742909973021852, 5.33350034741544476 51.3582737201893309, 5.33567442167921158 51.3587640051636285, 5.34258857682555544 51.3526723107015215, 5.34678371730584878 51.34751624265058467, 5.3419922310060457 51.34421792602430656, 5.34712130978768752 51.33745315530375564, 5.34712130978768752 51.33745315530375564)))</t>
  </si>
  <si>
    <t>MultiPolygon (((5.34474454703937774 51.35490775326896795, 5.34258857682555544 51.3526723107015215, 5.33567442167921158 51.3587640051636285, 5.32843168873630457 51.36526139703852323, 5.34640026396125378 51.37080363353781109, 5.34910015189355104 51.36763529058681854, 5.35575235007108308 51.36253163308217751, 5.35245118091745731 51.3618210201634966, 5.35158176528132312 51.3607030748336939, 5.34828037836818115 51.35963188970652027, 5.34577393131537537 51.35751707123948506, 5.34474454703937774 51.35490775326896795, 5.34474454703937774 51.35490775326896795)))</t>
  </si>
  <si>
    <t>MultiPolygon (((5.31086487174681476 51.36754018429998325, 5.30945022017996848 51.36783134924922223, 5.30694398275526957 51.37021296594377162, 5.30951531766777673 51.37129084008460467, 5.31286024493944176 51.37141056525647542, 5.31070921768152981 51.37418239955173505, 5.30872690830948901 51.37332510896651172, 5.30546124592480073 51.37730807790603649, 5.31294795829419009 51.38110124488755304, 5.32843168873630457 51.36526139703852323, 5.32133917686263569 51.36261268404045666, 5.3194819862363234 51.36491161025820418, 5.3144850342551786 51.36421703493383717, 5.31086487174681476 51.36754018429998325, 5.31086487174681476 51.36754018429998325)))</t>
  </si>
  <si>
    <t>MultiPolygon (((5.30474242770460869 51.35795862721480631, 5.30722345345599855 51.3551440732876614, 5.30322248064884683 51.34972415339083796, 5.29992596118554182 51.35171358091839267, 5.30199971493846611 51.35584992595174469, 5.30474242770460869 51.35795862721480631, 5.30474242770460869 51.35795862721480631)))</t>
  </si>
  <si>
    <t>MultiPolygon (((5.30722345345599855 51.3551440732876614, 5.30953612490184756 51.35680341382203551, 5.30942476726047552 51.35413376827636256, 5.31196813150999336 51.35298678925389027, 5.31374054287477726 51.35196410042122039, 5.31231561916013995 51.34866382824749564, 5.30834510501003987 51.34900987039969067, 5.30010151781008254 51.34691569734657435, 5.30322248064884683 51.34972415339083796, 5.30722345345599855 51.3551440732876614, 5.30722345345599855 51.3551440732876614)))</t>
  </si>
  <si>
    <t>MultiPolygon (((5.32139383948917466 51.35744293028018603, 5.32304452543695472 51.35429602185152476, 5.32217892528392245 51.3526514052515779, 5.31643301661233458 51.35049610692249189, 5.31374054287477726 51.35196410042122039, 5.31196813150999336 51.35298678925389027, 5.31555954599571212 51.35645779313155401, 5.32139383948917466 51.35744293028018603, 5.32139383948917466 51.35744293028018603)))</t>
  </si>
  <si>
    <t>MultiPolygon (((5.32133917686263569 51.36261268404045666, 5.32843168873630457 51.36526139703852323, 5.33567442167921158 51.3587640051636285, 5.33350034741544476 51.3582737201893309, 5.32647965024540682 51.35864529216949137, 5.32418754370455272 51.35817232156061607, 5.32133917686263569 51.36261268404045666, 5.32133917686263569 51.36261268404045666)))</t>
  </si>
  <si>
    <t>MultiPolygon (((5.3039423808309909 51.36468014342724331, 5.31086487174681476 51.36754018429998325, 5.3144850342551786 51.36421703493383717, 5.3194819862363234 51.36491161025820418, 5.32133917686263569 51.36261268404045666, 5.32418754370455272 51.35817232156061607, 5.32139383948917466 51.35744293028018603, 5.31555954599571212 51.35645779313155401, 5.31196813150999336 51.35298678925389027, 5.30942476726047552 51.35413376827636256, 5.30953612490184756 51.35680341382203551, 5.30722345345599855 51.3551440732876614, 5.30474242770460869 51.35795862721480631, 5.30401699430603468 51.35966793456203305, 5.29509534384451896 51.36070715310402335, 5.30127580709381974 51.36354298470741497, 5.3039423808309909 51.36468014342724331, 5.3039423808309909 51.36468014342724331)))</t>
  </si>
  <si>
    <t>MultiPolygon (((4.94581140580007617 51.67706619669671397, 4.94750661202473818 51.6769435951457794, 4.95373200329173358 51.6707691481825151, 4.95644349078305879 51.6640174681123483, 4.94505739597416305 51.6625570234852205, 4.93895053631034386 51.6605779515807555, 4.93312617778325091 51.65988414902026449, 4.93104755361131097 51.66355207218300905, 4.93094291992303635 51.66710163679483969, 4.92677558628723933 51.66908741924743964, 4.92503235379581028 51.67300929624858696, 4.92507392274568545 51.67498029885635447, 4.93316942130380465 51.67674997570760098, 4.94357577232562395 51.67891799901178018, 4.94424847654050037 51.67888572303824191, 4.94581140580007617 51.67706619669671397)))</t>
  </si>
  <si>
    <t>MultiPolygon (((4.95838138167403653 51.657358383964457, 4.95779570989320817 51.6571248343308298, 4.95789672491447675 51.65153188536329765, 4.95095340103346793 51.65073173206095447, 4.9349403783429624 51.64912360163584992, 4.93281572806120217 51.65069770869293109, 4.93290636079403821 51.6515764508649724, 4.93245999333765006 51.65582367614086223, 4.93441030325451457 51.65725366924677076, 4.93300025751823679 51.6588934710687866, 4.93312617778325091 51.65988414902026449, 4.93895053631034386 51.6605779515807555, 4.94505739597416305 51.6625570234852205, 4.95644349078305879 51.6640174681123483, 4.95838138167403653 51.657358383964457)))</t>
  </si>
  <si>
    <t>MultiPolygon (((4.99718266872450201 51.61536970071609431, 4.99813929673282864 51.61242609229471867, 5.00241915105176904 51.61302569238302596, 5.00449212769443363 51.60788676831000998, 4.99154433495058747 51.6079162082783256, 4.98952556906158762 51.61429499032440305, 4.99718266872450201 51.61536970071609431)))</t>
  </si>
  <si>
    <t>MultiPolygon (((4.93574412159252329 51.61909469791397242, 4.94342815841345207 51.61502404283226753, 4.9502656352368497 51.61241186911163226, 4.95024847218518893 51.6123937099277228, 4.94784638671955168 51.6111702924353466, 4.94359091858645439 51.61002923139375298, 4.9403119502947721 51.61019844176056637, 4.93704054708786355 51.6110211472212157, 4.93731437546615926 51.61139662380190885, 4.92643762409917851 51.61323416359502403, 4.9180805910718135 51.61629452940702123, 4.91188166509360258 51.61539925513545057, 4.9111672837914977 51.61615656938219843, 4.9113267643953824 51.61806179515669157, 4.90989958908714552 51.61832710828731763, 4.91355878289590287 51.61963768656440266, 4.91555443364239597 51.62243285875389631, 4.91607579690556129 51.62270013931734525, 4.92714201835134613 51.62089524308487398, 4.93574412159252329 51.61909469791397242)))</t>
  </si>
  <si>
    <t>MultiPolygon (((4.98933672134018202 51.6487936223947699, 4.9893609417339766 51.64869462401971845, 5.00241915105176904 51.61302569238302596, 4.99813929673282864 51.61242609229471867, 4.99718266872450201 51.61536970071609431, 4.9958390694335284 51.61901091932665508, 4.98981504380555396 51.61827549187411535, 4.9816792956787479 51.62581249340227885, 4.9726265855595484 51.6295104736972803, 4.96683608898538509 51.63306414571513869, 4.95779294753443267 51.63736742143476022, 4.95729901341626711 51.63808740484523696, 4.96112660657852533 51.63924873779051694, 4.96307601743482874 51.64050208415046228, 4.97162538188332181 51.64306570229291538, 4.97466907491927657 51.64479260869466515, 4.98933672134018202 51.6487936223947699, 4.98933672134018202 51.6487936223947699)))</t>
  </si>
  <si>
    <t>MultiPolygon (((4.97687189111159523 51.65359703615596487, 4.98726691012733436 51.65460893119485775, 4.98933672134018202 51.6487936223947699, 4.97466907491927657 51.64479260869466515, 4.97162538188332181 51.64306570229291538, 4.96307601743482874 51.64050208415046228, 4.9620096171748056 51.64278323422074379, 4.95581060186344757 51.64854234506679376, 4.953450299516442 51.64828495349598825, 4.95095340103346793 51.65073173206095447, 4.95789672491447675 51.65153188536329765, 4.97687189111159523 51.65359703615596487, 4.97687189111159523 51.65359703615596487)))</t>
  </si>
  <si>
    <t>MultiPolygon (((4.9349403783429624 51.64912360163584992, 4.95095340103346793 51.65073173206095447, 4.953450299516442 51.64828495349598825, 4.95581060186344757 51.64854234506679376, 4.9620096171748056 51.64278323422074379, 4.96307601743482874 51.64050208415046228, 4.96112660657852533 51.63924873779051694, 4.95729901341626711 51.63808740484523696, 4.95779294753443267 51.63736742143476022, 4.9549992352388017 51.63449786197743663, 4.94763494007683757 51.63870226940318986, 4.94289614198202898 51.64160560772475606, 4.9349403783429624 51.64912360163584992, 4.9349403783429624 51.64912360163584992)))</t>
  </si>
  <si>
    <t>MultiPolygon (((4.9816792956787479 51.62581249340227885, 4.98981504380555396 51.61827549187411535, 4.9958390694335284 51.61901091932665508, 4.99718266872450201 51.61536970071609431, 4.98952556906158762 51.61429499032440305, 4.99154433495058747 51.6079162082783256, 4.98351370980220043 51.60736413252045196, 4.98235990000221651 51.60866561376229811, 4.97755358579817564 51.60909064195259077, 4.96532391121493966 51.612935182217484, 4.96586232745270717 51.6140021141309191, 4.96456541210961166 51.61655940326306791, 4.9603529593925284 51.6178926103647342, 4.95984260800989762 51.6172579000595988, 4.95794567454451318 51.61764494989881769, 4.95947807443534838 51.61987004297894543, 4.96329085963852368 51.62356233279121653, 4.95901023996573187 51.62553700857442607, 4.95625525566089831 51.62766597200573671, 4.95598891014168785 51.62894289907421808, 4.951216069102232 51.63143454150523581, 4.9549992352388017 51.63449786197743663, 4.95779294753443267 51.63736742143476022, 4.96683608898538509 51.63306414571513869, 4.9726265855595484 51.6295104736972803, 4.9816792956787479 51.62581249340227885, 4.9816792956787479 51.62581249340227885)))</t>
  </si>
  <si>
    <t>MultiPolygon (((4.93921134271869455 51.62382987947560053, 4.94371974401058178 51.62350157058155986, 4.94696168961119387 51.62415981812180377, 4.94965320471962666 51.62263802819011715, 4.94884308199255152 51.62187449173067932, 4.95058942036552274 51.62100267580800761, 4.95455365825171601 51.62232357714954389, 4.95947807443534838 51.61987004297894543, 4.95794567454451318 51.61764494989881769, 4.95984260800989762 51.6172579000595988, 4.9603529593925284 51.6178926103647342, 4.96456541210961166 51.61655940326306791, 4.96586232745270717 51.6140021141309191, 4.96532391121493966 51.612935182217484, 4.96078162214469387 51.61348658153070801, 4.95786209939932121 51.61375852738697745, 4.95293124798518658 51.61472315235889852, 4.9502656352368497 51.61241186911163226, 4.94342815841345207 51.61502404283226753, 4.93574412159252329 51.61909469791397242, 4.92714201835134613 51.62089524308487398, 4.92631451397834219 51.62366994154112376, 4.93259765480466328 51.62519816741571077, 4.93496393740911543 51.62516942012828736, 4.93921134271869455 51.62382987947560053)))</t>
  </si>
  <si>
    <t>MultiPolygon (((4.9466827985212678 51.6277243693850636, 4.951216069102232 51.63143454150523581, 4.95598891014168785 51.62894289907421808, 4.95625525566089831 51.62766597200573671, 4.95901023996573187 51.62553700857442607, 4.96329085963852368 51.62356233279121653, 4.95947807443534838 51.61987004297894543, 4.95455365825171601 51.62232357714954389, 4.95515804377330582 51.62313582305487358, 4.95378951759280817 51.62449741660790892, 4.9466827985212678 51.6277243693850636, 4.9466827985212678 51.6277243693850636)))</t>
  </si>
  <si>
    <t>MultiPolygon (((4.94763494007683757 51.63870226940318986, 4.9549992352388017 51.63449786197743663, 4.951216069102232 51.63143454150523581, 4.9466827985212678 51.6277243693850636, 4.94356764870937759 51.62948046922019785, 4.94262583202126038 51.62915199048605785, 4.93902857303702891 51.63217036587071362, 4.94763494007683757 51.63870226940318986, 4.94763494007683757 51.63870226940318986)))</t>
  </si>
  <si>
    <t>MultiPolygon (((4.94289614198202898 51.64160560772475606, 4.94763494007683757 51.63870226940318986, 4.93902857303702891 51.63217036587071362, 4.93658250505341822 51.63039345518233603, 4.93505384173581163 51.63129289340608352, 4.93527009762008184 51.63213502522417286, 4.93306036654909263 51.63422761340380163, 4.9344418468790936 51.63594826245644498, 4.94289614198202898 51.64160560772475606, 4.94289614198202898 51.64160560772475606)))</t>
  </si>
  <si>
    <t>MultiPolygon (((4.93306036654909263 51.63422761340380163, 4.93527009762008184 51.63213502522417286, 4.93505384173581163 51.63129289340608352, 4.93658250505341822 51.63039345518233603, 4.93902857303702891 51.63217036587071362, 4.94262583202126038 51.62915199048605785, 4.94356764870937759 51.62948046922019785, 4.9466827985212678 51.6277243693850636, 4.95378951759280817 51.62449741660790892, 4.95515804377330582 51.62313582305487358, 4.95455365825171601 51.62232357714954389, 4.95058942036552274 51.62100267580800761, 4.94884308199255152 51.62187449173067932, 4.94965320471962666 51.62263802819011715, 4.94696168961119387 51.62415981812180377, 4.94371974401058178 51.62350157058155986, 4.93921134271869455 51.62382987947560053, 4.93496393740911543 51.62516942012828736, 4.93563619191637137 51.62605385008863834, 4.93505517651730852 51.6282946719740039, 4.93153425622949726 51.62871129612491217, 4.93306036654909263 51.63422761340380163, 4.93306036654909263 51.63422761340380163)))</t>
  </si>
  <si>
    <t>MultiPolygon (((4.9349403783429624 51.64912360163584992, 4.94289614198202898 51.64160560772475606, 4.9344418468790936 51.63594826245644498, 4.93306036654909263 51.63422761340380163, 4.92046103860966522 51.63563810269128851, 4.91785298453312336 51.62905681544151548, 4.9111475487653049 51.6312482155324588, 4.91319168796134154 51.6340227603728934, 4.92894634441480139 51.64667311768593549, 4.9292802089340455 51.64853232020902141, 4.93010588822734164 51.64795477210062558, 4.93035437617213645 51.64954139406223277, 4.93281572806120217 51.65069770869293109, 4.9349403783429624 51.64912360163584992, 4.9349403783429624 51.64912360163584992)))</t>
  </si>
  <si>
    <t>MultiPolygon (((4.91785298453312336 51.62905681544151548, 4.92046103860966522 51.63563810269128851, 4.93306036654909263 51.63422761340380163, 4.93153425622949726 51.62871129612491217, 4.91785298453312336 51.62905681544151548, 4.91785298453312336 51.62905681544151548)))</t>
  </si>
  <si>
    <t>MultiPolygon (((4.91607579690556129 51.62270013931734525, 4.91555443364239597 51.62243285875389631, 4.90427921115023047 51.6243325726400144, 4.90501914933698213 51.62453244357161708, 4.91182250400492482 51.62636494908242923, 4.91211733465374412 51.6268254768247985, 4.91053776797317632 51.62742595171658877, 4.91002809159832143 51.6294600532984731, 4.9111475487653049 51.6312482155324588, 4.91785298453312336 51.62905681544151548, 4.91607579690556129 51.62270013931734525, 4.91607579690556129 51.62270013931734525)))</t>
  </si>
  <si>
    <t>MultiPolygon (((4.91785298453312336 51.62905681544151548, 4.93153425622949726 51.62871129612491217, 4.93505517651730852 51.6282946719740039, 4.93563619191637137 51.62605385008863834, 4.93496393740911543 51.62516942012828736, 4.93259765480466328 51.62519816741571077, 4.92631451397834219 51.62366994154112376, 4.92714201835134613 51.62089524308487398, 4.91607579690556129 51.62270013931734525, 4.91785298453312336 51.62905681544151548, 4.91785298453312336 51.62905681544151548)))</t>
  </si>
  <si>
    <t>MultiPolygon (((6.99291012149934055 53.05509610527332853, 6.99036282056183467 53.05438183879062564, 6.98782845970858979 53.04907639116599682, 6.98038786863145067 53.04090878834676914, 6.95579004507895604 53.01386065707655604, 6.95465413859288617 53.01414518988967473, 6.94438158122877081 53.02770297232427055, 6.95805176180897167 53.04255816153663261, 6.96666653839398187 53.05174460089369148, 6.97728149178693968 53.05873899558649498, 6.99411008685049218 53.07171129610857463, 7.00080975230610747 53.0633066297381859, 6.99492887584165413 53.05684252001403678, 6.99291012149934055 53.05509610527332853, 6.99291012149934055 53.05509610527332853)),((6.95938209584781831 53.09493672114144402, 6.97049565536088878 53.08894940348490366, 6.96202620504160841 53.08296200980973367, 6.95933452070824998 53.08424214872010083, 6.95522577623061 53.08160429902579835, 6.95801623457745944 53.08011624468957734, 6.94431185954219288 53.07057650853269593, 6.94034794315491155 53.06701730798320682, 6.93593503193421856 53.06004687297154732, 6.93352015435254376 53.053644764628487, 6.93302190785616901 53.0535877851335016, 6.92444049570525255 53.057777456456229, 6.92909428707129216 53.07182908117712117, 6.92960602223143685 53.07336403260512014, 6.93059450914622577 53.07285161760483305, 6.93689309098628559 53.07742188034095676, 6.94383642170339677 53.08191417477370067, 6.95540953615500346 53.0932708783418903, 6.95689087431682829 53.09471066122368654, 6.95795153326221971 53.09435486189927644, 6.95839727185052226 53.09526669049351, 6.95938209584781831 53.09493672114144402, 6.95938209584781831 53.09493672114144402)))</t>
  </si>
  <si>
    <t>MultiPolygon (((6.93302190785616901 53.0535877851335016, 6.93352015435254376 53.053644764628487, 6.95805176180897167 53.04255816153663261, 6.94438158122877081 53.02770297232427055, 6.95465413859288617 53.01414518988967473, 6.95399998811053877 53.01432857203778326, 6.94166290732555691 53.01741926068196875, 6.93585396752886574 53.01962292189209336, 6.91191102550341796 53.0347112627665922, 6.90770275906542253 53.03888097188640671, 6.90552501184704681 53.04362951036806351, 6.92062916449951171 53.04525508954144897, 6.9199049506275534 53.04931216909216829, 6.93334354422778709 53.04961279448131251, 6.93302190785616901 53.0535877851335016, 6.93302190785616901 53.0535877851335016)))</t>
  </si>
  <si>
    <t>MultiPolygon (((6.97049565536088878 53.08894940348490366, 6.9736605242994667 53.09118734170315435, 6.98109878065827605 53.08726414372892322, 6.98391679566420898 53.08486610394879079, 6.99411008685049218 53.07171129610857463, 6.97728149178693968 53.05873899558649498, 6.96666653839398187 53.05174460089369148, 6.95805176180897167 53.04255816153663261, 6.93352015435254376 53.053644764628487, 6.93593503193421856 53.06004687297154732, 6.94034794315491155 53.06701730798320682, 6.94431185954219288 53.07057650853269593, 6.95801623457745944 53.08011624468957734, 6.95522577623061 53.08160429902579835, 6.95933452070824998 53.08424214872010083, 6.96202620504160841 53.08296200980973367, 6.97049565536088878 53.08894940348490366, 6.97049565536088878 53.08894940348490366)))</t>
  </si>
  <si>
    <t>MultiPolygon (((7.01544586960088878 53.0717741355537882, 7.01333302216095955 53.06944051108822435, 7.01013338619617166 53.07370169922014469, 7.00080975230610747 53.0633066297381859, 6.99411008685049218 53.07171129610857463, 7.00733388866608209 53.08077166755427356, 7.015571617497117 53.08482730769737401, 7.02158043286388267 53.08678840776787666, 7.01584098633670017 53.09467734701530617, 7.03459781696453668 53.09977114397192821, 7.03753290535871123 53.09630940926802367, 7.01544586960088878 53.0717741355537882)),((6.98253527915388883 53.11912326303970389, 6.9844521144321341 53.11811027412668551, 6.98378148997139636 53.11765097180374084, 6.98736159808218549 53.11577303142677664, 6.9876929829152532 53.11610352568601456, 7.02223970479578696 53.11608198251971658, 7.02121619679444109 53.11481250572445134, 7.01823770812099479 53.11351340800138843, 6.9972668877729447 53.10596628070342007, 6.98784990176744714 53.10165609248785046, 6.9736605242994667 53.09118734170315435, 6.97049565536088878 53.08894940348490366, 6.95938209584781831 53.09493672114144402, 6.96059812582886472 53.09580134586038724, 6.96078480062554661 53.09743023052102728, 6.96173525910875313 53.11002129733444832, 6.96529491040712401 53.11083106030953616, 6.96738987116291408 53.11135724935031277, 6.97974904928872242 53.11919620737838699, 6.98253527915388883 53.11912326303970389)))</t>
  </si>
  <si>
    <t>MultiPolygon (((7.02223970479578696 53.11608198251971658, 7.02802722134539692 53.11611212877431143, 7.02975434943717037 53.11509708269460361, 7.02595945045551051 53.1124317120519791, 7.02817701503299297 53.11108949444987104, 7.02988564990129561 53.10831562591798161, 7.04260885191197605 53.10188799927162506, 7.03822975505965509 53.09707469983521122, 7.03753290535871123 53.09630940926802367, 7.03459781696453668 53.09977114397192821, 7.01584098633670017 53.09467734701530617, 7.02158043286388267 53.08678840776787666, 7.015571617497117 53.08482730769737401, 7.00733388866608209 53.08077166755427356, 6.99411008685049218 53.07171129610857463, 6.98391679566420898 53.08486610394879079, 6.98109878065827605 53.08726414372892322, 6.9736605242994667 53.09118734170315435, 6.98784990176744714 53.10165609248785046, 6.9972668877729447 53.10596628070342007, 7.01823770812099479 53.11351340800138843, 7.02121619679444109 53.11481250572445134, 7.02223970479578696 53.11608198251971658, 7.02223970479578696 53.11608198251971658)))</t>
  </si>
  <si>
    <t>MultiPolygon (((5.87536422653905266 51.44613091517297221, 5.8765913619974075 51.44481580580766433, 5.87666065755348299 51.44474153348288326, 5.87991669850760346 51.44124748034629846, 5.90290770699352585 51.41661497189934948, 5.92000212843533813 51.39789014349980079, 5.90671130418327817 51.39382468784432945, 5.90535190970839441 51.38951496340372671, 5.91507265069625898 51.3783316014146223, 5.91905195175705856 51.37795314905807231, 5.89583831059847796 51.36504372052783651, 5.89455247719297581 51.36433784223025611, 5.88324839824217261 51.3858288124080218, 5.86259881166178243 51.42523370117120152, 5.87536422653905266 51.44613091517297221, 5.87536422653905266 51.44613091517297221)))</t>
  </si>
  <si>
    <t>MultiPolygon (((5.92000212843533813 51.39789014349980079, 5.93128751580858538 51.38475267654868617, 5.92122968845367925 51.37916362169956841, 5.91905195175705856 51.37795314905807231, 5.91507265069625898 51.3783316014146223, 5.90535190970839441 51.38951496340372671, 5.90671130418327817 51.39382468784432945, 5.92000212843533813 51.39789014349980079, 5.92000212843533813 51.39789014349980079)))</t>
  </si>
  <si>
    <t>MultiPolygon (((5.83827097219236446 51.39525729580235947, 5.83289842680028947 51.39758029022899422, 5.8318828839166672 51.39926974926493841, 5.86267235698734712 51.39162783521768318, 5.88324839824217261 51.3858288124080218, 5.89455247719297581 51.36433784223025611, 5.87813164451675885 51.35522995720566541, 5.87454314309548309 51.35331272545592896, 5.8703595650072451 51.352534966026532, 5.86601887680828593 51.35462045480858961, 5.85658060523017365 51.3537639181538097, 5.85323517806867422 51.37272864479091794, 5.85410310366892173 51.37642963108441307, 5.83827097219236446 51.39525729580235947),(5.85883213802217728 51.37467206892574723, 5.85888035433558052 51.3683683374852933, 5.86133126593276099 51.36322856634266998, 5.87085431810687464 51.36338632791426306, 5.86971621731332771 51.37432232966231993, 5.85883213802217728 51.37467206892574723)))</t>
  </si>
  <si>
    <t>MultiPolygon (((5.85883213802217728 51.37467206892574723, 5.86971621731332771 51.37432232966231993, 5.87085431810687464 51.36338632791426306, 5.86133126593276099 51.36322856634266998, 5.85888035433558052 51.3683683374852933, 5.85883213802217728 51.37467206892574723, 5.85883213802217728 51.37467206892574723)))</t>
  </si>
  <si>
    <t>MultiPolygon (((5.79067844146070776 51.4277429825141823, 5.80905602186124259 51.43300126294469266, 5.83760848872217597 51.43210963293631011, 5.86259881166178243 51.42523370117120152, 5.88324839824217261 51.3858288124080218, 5.86267235698734712 51.39162783521768318, 5.8318828839166672 51.39926974926493841, 5.82131335916604797 51.40233159726942347, 5.79115299970437025 51.41163144118792871, 5.79067844146070776 51.4277429825141823),(5.81543324923731042 51.42789569955184703, 5.81518054553278407 51.42840365089021049, 5.8107610078828742 51.427223156686658, 5.81499854967673979 51.42050569877997646, 5.80846334026809785 51.41354352019036611, 5.81540663279255909 51.40914067607462101, 5.82001233898821546 51.40966383546556528, 5.82390185361305779 51.40757460064876483, 5.83116722877855231 51.41052806683680387, 5.83070888378981511 51.41260959672156616, 5.82708585541253665 51.41656042074765054, 5.82056248059358072 51.41901014388304958, 5.81543324923731042 51.42789569955184703)))</t>
  </si>
  <si>
    <t>MultiPolygon (((5.81543324923731042 51.42789569955184703, 5.82056248059358072 51.41901014388304958, 5.82708585541253665 51.41656042074765054, 5.83070888378981511 51.41260959672156616, 5.83116722877855231 51.41052806683680387, 5.82390185361305779 51.40757460064876483, 5.82001233898821546 51.40966383546556528, 5.81540663279255909 51.40914067607462101, 5.80846334026809785 51.41354352019036611, 5.81499854967673979 51.42050569877997646, 5.8107610078828742 51.427223156686658, 5.81518054553278407 51.42840365089021049, 5.81543324923731042 51.42789569955184703, 5.81543324923731042 51.42789569955184703)))</t>
  </si>
  <si>
    <t>MultiPolygon (((5.71721504498628708 51.46823803021594301, 5.72297346447249389 51.46729103223999147, 5.75552832070227005 51.46159860997853031, 5.75434990634969967 51.45877817431439638, 5.75429751853902705 51.45459576460283557, 5.76549613478401035 51.44897431155654033, 5.76657821630544998 51.44573849658772957, 5.75578918658620697 51.44958264181383356, 5.75216997118919338 51.4472757690967768, 5.75042146118163622 51.44177477611508209, 5.75467706207642404 51.44190526306008593, 5.75981868207236669 51.43973613970412373, 5.76950801819974401 51.44261348060805261, 5.77391573783234069 51.44012984633442898, 5.78074173109359979 51.43846375057255216, 5.78319699971748147 51.43716386470463675, 5.78662930564713029 51.43446985286072959, 5.79067844146070776 51.4277429825141823, 5.79115299970437025 51.41163144118792871, 5.78788203904394916 51.41264732304282603, 5.7880813919448979 51.41312100273198382, 5.782960369629917 51.41693105774388073, 5.78036728812552791 51.41823648180277928, 5.77603793934528031 51.41917429429577879, 5.7692184717332502 51.42429842778986426, 5.7662450595927579 51.425276421358177, 5.76241480209277501 51.4305749246122943, 5.75569887142315118 51.43426787514489007, 5.74395422949271506 51.4373672565971205, 5.73455054983980439 51.43900976747786302, 5.72177763329680822 51.43821890393654428, 5.71824546690286972 51.43873364973597972, 5.71817917347260352 51.44453353420504271, 5.73000151707149019 51.44435569432162225, 5.72284843855754577 51.45319059121028005, 5.72407227181407929 51.45412795571208164, 5.72194980425063093 51.45445192659573053, 5.72112276311087165 51.45576806364138633, 5.71734739737508946 51.46553019716814248, 5.71721504498628708 51.46823803021594301)))</t>
  </si>
  <si>
    <t>MultiPolygon (((5.76657821630544998 51.44573849658772957, 5.76832009289404013 51.44417972772185976, 5.76950801819974401 51.44261348060805261, 5.75981868207236669 51.43973613970412373, 5.75467706207642404 51.44190526306008593, 5.75042146118163622 51.44177477611508209, 5.75216997118919338 51.4472757690967768, 5.75578918658620697 51.44958264181383356, 5.76657821630544998 51.44573849658772957, 5.76657821630544998 51.44573849658772957)))</t>
  </si>
  <si>
    <t>MultiPolygon (((5.79164132404860332 51.49148039574775737, 5.79902805021950574 51.49409701634366598, 5.80857865759674219 51.49539798734366514, 5.85257370273586996 51.50414442468247955, 5.86071441270552285 51.49198033156005039, 5.87169519592772282 51.45011196529601705, 5.87496589337890995 51.44655772195860521, 5.87536422653905266 51.44613091517297221, 5.86259881166178243 51.42523370117120152, 5.83760848872217597 51.43210963293631011, 5.80905602186124259 51.43300126294469266, 5.79067844146070776 51.4277429825141823, 5.78662930564713029 51.43446985286072959, 5.78319699971748147 51.43716386470463675, 5.78074173109359979 51.43846375057255216, 5.77391573783234069 51.44012984633442898, 5.76950801819974401 51.44261348060805261, 5.76832009289404013 51.44417972772185976, 5.76657821630544998 51.44573849658772957, 5.76549613478401035 51.44897431155654033, 5.75429751853902705 51.45459576460283557, 5.75434990634969967 51.45877817431439638, 5.75552832070227005 51.46159860997853031, 5.72297346447249389 51.46729103223999147, 5.7239573664957204 51.47008605100206324, 5.73501511737196523 51.46918695790809295, 5.73609097571663451 51.47192743803064019, 5.72294224507776761 51.48288847453007833, 5.72171770585637951 51.48513146722194733, 5.72482735389183262 51.48411385994632639, 5.72861719544679016 51.48609435447712457, 5.73042854745267238 51.48621757914672514, 5.73629855263877264 51.4844532522655669, 5.75590106494893572 51.4878266351608147, 5.76825622852025965 51.48897085090699477, 5.77382643700032006 51.48864840350661609, 5.79164132404860332 51.49148039574775737, 5.79164132404860332 51.49148039574775737),(5.79956260424718373 51.47167512783070009, 5.79525800927699031 51.47122200626953514, 5.77984436113074818 51.46632294062325741, 5.77626510316271524 51.46596442820107598, 5.76811253941763358 51.46660172401431055, 5.76800931390189398 51.4632677988328453, 5.77259457297758427 51.46315863951490854, 5.77205693617613047 51.46179861807286215, 5.77315183918674801 51.45933165663569042, 5.77651697762159966 51.46111419808635645, 5.77931538302920522 51.46179551246391526, 5.77865213521694088 51.45772021646151018, 5.76657755099360969 51.45974072847241843, 5.76729915951444561 51.45781815761287703, 5.77356342399469025 51.45714476871245324, 5.77468822563795658 51.45012446939717421, 5.77915929524602401 51.44510447509151163, 5.79457915266824664 51.44620781034636536, 5.80070522876796169 51.44583203703825802, 5.80403645220568087 51.44674602185466483, 5.81094827822258786 51.44581240354583684, 5.81237336269569838 51.45121300880015269, 5.81629262699441796 51.45115520858451674, 5.81617697446846194 51.45229169584803941, 5.8212716186017488 51.45178793204784995, 5.82210966112082229 51.45442638761994658, 5.82187016663073464 51.46294161764921427, 5.82118272623504218 51.46404080733265118, 5.81710788630349285 51.46395870407844342, 5.81312581579357168 51.47054494040036587, 5.80993406427587722 51.47151385308729488, 5.81686217120569982 51.47344360097726934, 5.8147143968379984 51.47693744492762136, 5.81679802032850013 51.47763007314067352, 5.81486567795281051 51.48015851883756255, 5.81315556721408555 51.47970550421764102, 5.81066333111483946 51.47735755499294896, 5.80635813601542061 51.47893630071425974, 5.79685745231045857 51.47639926020371348, 5.79620138174938138 51.47514762992771864, 5.79956260424718373 51.47167512783070009, 5.79956260424718373 51.47167512783070009)))</t>
  </si>
  <si>
    <t>MultiPolygon (((5.77259457297758427 51.46315863951490854, 5.77965061032159788 51.46427114334590414, 5.77931538302920522 51.46179551246391526, 5.77651697762159966 51.46111419808635645, 5.77315183918674801 51.45933165663569042, 5.77205693617613047 51.46179861807286215, 5.77259457297758427 51.46315863951490854, 5.77259457297758427 51.46315863951490854)))</t>
  </si>
  <si>
    <t>MultiPolygon (((5.7968948579126689 51.45464970217741296, 5.80450057551331788 51.45344015407555105, 5.81617697446846194 51.45229169584803941, 5.81629262699441796 51.45115520858451674, 5.81237336269569838 51.45121300880015269, 5.81094827822258786 51.44581240354583684, 5.80403645220568087 51.44674602185466483, 5.80070522876796169 51.44583203703825802, 5.79457915266824664 51.44620781034636536, 5.79429553537354991 51.44890178003412728, 5.79127705492578659 51.4548130900976517, 5.78214579677502805 51.45491911548118225, 5.77774157159266277 51.45674517984137708, 5.77356342399469025 51.45714476871245324, 5.76729915951444561 51.45781815761287703, 5.76657755099360969 51.45974072847241843, 5.77865213521694088 51.45772021646151018, 5.7968948579126689 51.45464970217741296, 5.7968948579126689 51.45464970217741296)),((5.77626510316271524 51.46596442820107598, 5.77984436113074818 51.46632294062325741, 5.77965061032159788 51.46427114334590414, 5.77259457297758427 51.46315863951490854, 5.76800931390189398 51.4632677988328453, 5.76811253941763358 51.46660172401431055, 5.77626510316271524 51.46596442820107598, 5.77626510316271524 51.46596442820107598)))</t>
  </si>
  <si>
    <t>MultiPolygon (((5.80424078685393052 51.47141215237574841, 5.80993406427587722 51.47151385308729488, 5.81312581579357168 51.47054494040036587, 5.81710788630349285 51.46395870407844342, 5.81397503606781374 51.46071992394854533, 5.81069580981666167 51.45902569433153673, 5.80465730184389184 51.46211888927834366, 5.8047432127235048 51.46352342505245048, 5.80196708904920122 51.46513458584071543, 5.80061306830217926 51.46801298645918621, 5.8048048330179407 51.46920985437101592, 5.80424078685393052 51.47141215237574841, 5.80424078685393052 51.47141215237574841)))</t>
  </si>
  <si>
    <t>MultiPolygon (((5.80465730184389184 51.46211888927834366, 5.81069580981666167 51.45902569433153673, 5.81329178089541898 51.45536511373168764, 5.80450057551331788 51.45344015407555105, 5.7968948579126689 51.45464970217741296, 5.79676297131599938 51.45740662672233867, 5.79411507564563966 51.4610038140369781, 5.79881259994226106 51.4626246925636508, 5.80465730184389184 51.46211888927834366, 5.80465730184389184 51.46211888927834366)))</t>
  </si>
  <si>
    <t>MultiPolygon (((5.79956260424718373 51.47167512783070009, 5.79620138174938138 51.47514762992771864, 5.79685745231045857 51.47639926020371348, 5.80635813601542061 51.47893630071425974, 5.81066333111483946 51.47735755499294896, 5.81315556721408555 51.47970550421764102, 5.81486567795281051 51.48015851883756255, 5.81679802032850013 51.47763007314067352, 5.8147143968379984 51.47693744492762136, 5.81686217120569982 51.47344360097726934, 5.80993406427587722 51.47151385308729488, 5.80424078685393052 51.47141215237574841, 5.79956260424718373 51.47167512783070009, 5.79956260424718373 51.47167512783070009)))</t>
  </si>
  <si>
    <t>MultiPolygon (((5.81069580981666167 51.45902569433153673, 5.81397503606781374 51.46071992394854533, 5.81710788630349285 51.46395870407844342, 5.82118272623504218 51.46404080733265118, 5.82187016663073464 51.46294161764921427, 5.82210966112082229 51.45442638761994658, 5.8212716186017488 51.45178793204784995, 5.81617697446846194 51.45229169584803941, 5.80450057551331788 51.45344015407555105, 5.81329178089541898 51.45536511373168764, 5.81069580981666167 51.45902569433153673, 5.81069580981666167 51.45902569433153673)))</t>
  </si>
  <si>
    <t>MultiPolygon (((5.77356342399469025 51.45714476871245324, 5.77774157159266277 51.45674517984137708, 5.78214579677502805 51.45491911548118225, 5.79127705492578659 51.4548130900976517, 5.79429553537354991 51.44890178003412728, 5.79457915266824664 51.44620781034636536, 5.77915929524602401 51.44510447509151163, 5.77468822563795658 51.45012446939717421, 5.77356342399469025 51.45714476871245324, 5.77356342399469025 51.45714476871245324)))</t>
  </si>
  <si>
    <t>MultiPolygon (((5.79956260424718373 51.47167512783070009, 5.80424078685393052 51.47141215237574841, 5.8048048330179407 51.46920985437101592, 5.80061306830217926 51.46801298645918621, 5.80196708904920122 51.46513458584071543, 5.8047432127235048 51.46352342505245048, 5.80465730184389184 51.46211888927834366, 5.79881259994226106 51.4626246925636508, 5.79411507564563966 51.4610038140369781, 5.79676297131599938 51.45740662672233867, 5.7968948579126689 51.45464970217741296, 5.77865213521694088 51.45772021646151018, 5.77931538302920522 51.46179551246391526, 5.77965061032159788 51.46427114334590414, 5.77984436113074818 51.46632294062325741, 5.79525800927699031 51.47122200626953514, 5.79956260424718373 51.47167512783070009, 5.79956260424718373 51.47167512783070009)))</t>
  </si>
  <si>
    <t>MultiPolygon (((5.98712133428234061 51.57896120553669306, 5.99448094555345623 51.58074848541042456, 5.99915212630253958 51.5839586855959098, 6.00248485785855479 51.583555794273515, 6.01294152779799518 51.58403427219158033, 6.01986637302458139 51.5850031800331692, 6.01711543776438873 51.58026520200402842, 6.01398480358539 51.569063986923112, 6.01151936157554534 51.56664913610217127, 6.0050989960614789 51.56982500040841444, 6.00881780929347187 51.57183879520263758, 6.01249712913370704 51.57284360996124661, 6.01238706636260911 51.57393465479302819, 6.00672322804721937 51.57630836947868147, 6.00347150420553177 51.57876686623722406, 6.00229616321731374 51.57853457224909022, 6.00200175053150176 51.5745743042131366, 5.99997688594819412 51.57269813228085553, 6.00305257799263625 51.56985148236945804, 5.99110804979855427 51.56603989528898069, 5.9911432482907685 51.5677960616104869, 5.99334209218338199 51.56991755238916397, 5.99301829412326992 51.57134086688741093, 5.98712133428234061 51.57896120553669306, 5.98712133428234061 51.57896120553669306)))</t>
  </si>
  <si>
    <t>MultiPolygon (((6.00305257799263625 51.56985148236945804, 5.99997688594819412 51.57269813228085553, 6.00200175053150176 51.5745743042131366, 6.00229616321731374 51.57853457224909022, 6.00347150420553177 51.57876686623722406, 6.00672322804721937 51.57630836947868147, 6.01238706636260911 51.57393465479302819, 6.01249712913370704 51.57284360996124661, 6.00881780929347187 51.57183879520263758, 6.0050989960614789 51.56982500040841444, 6.00425278999371681 51.57024351813181795, 6.00305257799263625 51.56985148236945804, 6.00305257799263625 51.56985148236945804)))</t>
  </si>
  <si>
    <t>MultiPolygon (((6.01986637302458139 51.5850031800331692, 6.02000133915191338 51.58630667066048403, 6.0246924734220606 51.58670786734790425, 6.03347826255922826 51.58961080771284458, 6.03866024678445612 51.58413089435270393, 6.03971781237731786 51.58161596067085242, 6.03940967719984112 51.57912868615934343, 6.03781816049997033 51.57411476215170154, 6.0378703146393411 51.56941097233491433, 6.04145278147711284 51.56364744889726381, 6.04812069876189451 51.55846254651546445, 6.04642502264811288 51.55764101662243348, 6.04458189033036586 51.55901529814522632, 6.04286607849177404 51.55869462600014685, 6.0443276714172729 51.55744752616566728, 6.04091285715874005 51.55663044944834894, 6.03730785041658624 51.55814927509746326, 6.03432057215360107 51.55749726835549041, 6.03273517003119242 51.55668521327505971, 6.0336876787776168 51.55544747689974372, 6.0316688323159342 51.55233883126609129, 6.0182119581855229 51.56333468012517329, 6.01151936157554534 51.56664913610217127, 6.01398480358539 51.569063986923112, 6.01711543776438873 51.58026520200402842, 6.01986637302458139 51.5850031800331692, 6.01986637302458139 51.5850031800331692),(6.0343814768510029 51.57468347013236354, 6.03417920169832733 51.57504077171677892, 6.02824839526671052 51.57363748866368525, 6.02599942844417757 51.56958938114103574, 6.0297242336050676 51.56834844471305246, 6.0336241848897787 51.56881738945329374, 6.03416817474846212 51.56658402345833281, 6.0363357153059658 51.56543463367886915, 6.03746453816825834 51.5672918565996028, 6.03605603532966217 51.57326827441417549, 6.03653772185199688 51.57500212964492192, 6.0343814768510029 51.57468347013236354, 6.0343814768510029 51.57468347013236354)))</t>
  </si>
  <si>
    <t>MultiPolygon (((6.0343814768510029 51.57468347013236354, 6.03653772185199688 51.57500212964492192, 6.03605603532966217 51.57326827441417549, 6.03746453816825834 51.5672918565996028, 6.0363357153059658 51.56543463367886915, 6.03416817474846212 51.56658402345833281, 6.0336241848897787 51.56881738945329374, 6.0297242336050676 51.56834844471305246, 6.02599942844417757 51.56958938114103574, 6.02824839526671052 51.57363748866368525, 6.03417920169832733 51.57504077171677892, 6.0343814768510029 51.57468347013236354, 6.0343814768510029 51.57468347013236354)))</t>
  </si>
  <si>
    <t>MultiPolygon (((5.91134914658843513 51.58671602610223061, 5.91890224562221245 51.5830215256618132, 5.95782709266321664 51.59276212940956441, 5.96627741729554373 51.58275454967451878, 5.96891281504117277 51.58096112337077699, 5.97300385471426232 51.58364209979446713, 5.9745322096959006 51.58253246056870012, 5.98308903803626002 51.58583045007924994, 5.98712133428234061 51.57896120553669306, 5.99301829412326992 51.57134086688741093, 5.99334209218338199 51.56991755238916397, 5.9911432482907685 51.5677960616104869, 5.99110804979855427 51.56603989528898069, 5.97338678481244667 51.56106333383997509, 5.95238137907928344 51.55697332080303141, 5.93544493266740059 51.55360019414100492, 5.91784071212008556 51.55264120658291205, 5.90666258688063994 51.55203086729033402, 5.89146611319322488 51.56020468083658415, 5.89727100295042561 51.58160248524778524, 5.90772305957344646 51.58480836015534976, 5.91134914658843513 51.58671602610223061, 5.91134914658843513 51.58671602610223061),(5.95869333281725666 51.57600507371294185, 5.95422131828985002 51.5764608457647924, 5.94592482677287926 51.57606962500656067, 5.9402486781544761 51.5746314553043419, 5.9388186948865993 51.57351517983199329, 5.93322859030016048 51.57285098276227586, 5.93376046127537382 51.57069484397669612, 5.93476774002342289 51.56984012900073822, 5.94761357833486137 51.56581293090859219, 5.95363334383157738 51.56601564699406737, 5.95516472076854964 51.56641776491208873, 5.95275741370418121 51.57073843756771225, 5.95509424598267856 51.57146558851206919, 5.96013930050042262 51.575503891372108, 5.95869333281725666 51.57600507371294185, 5.95869333281725666 51.57600507371294185)))</t>
  </si>
  <si>
    <t>MultiPolygon (((5.94805643645929738 51.6072738175281529, 5.95029411728599289 51.60262083998284766, 5.95782709266321664 51.59276212940956441, 5.91890224562221245 51.5830215256618132, 5.91134914658843513 51.58671602610223061, 5.90753577581285505 51.58858172770290906, 5.9075368014670806 51.58858207729325329, 5.93185296048700383 51.59686089230338979, 5.93050989466944944 51.5983214667617176, 5.93092543085206714 51.59966286649984113, 5.93472412465057708 51.60102677035499141, 5.93384063530242845 51.60232452852965679, 5.94805643645929738 51.6072738175281529, 5.94805643645929738 51.6072738175281529)))</t>
  </si>
  <si>
    <t>MultiPolygon (((5.90753577581285505 51.58858172770290906, 5.91134914658843513 51.58671602610223061, 5.90772305957344646 51.58480836015534976, 5.89727100295042561 51.58160248524778524, 5.89146611319322488 51.56020468083658415, 5.87089239478694225 51.56264419462748094, 5.87144804882127769 51.57372399951324837, 5.87887845319477353 51.57603028467308093, 5.87723619855635615 51.57816583903381513, 5.89329878462725976 51.58378364628460133, 5.89127978779469608 51.58516302689925936, 5.89270734634889859 51.58566706526205792, 5.89496341073466112 51.58635262364088447, 5.89412094780886431 51.58685010330760434, 5.89976609258977547 51.58876450625001553, 5.9031719788429422 51.58711984578537368, 5.90753577581285505 51.58858172770290906, 5.90753577581285505 51.58858172770290906)))</t>
  </si>
  <si>
    <t>MultiPolygon (((5.95869333281725666 51.57600507371294185, 5.96013930050042262 51.575503891372108, 5.95509424598267856 51.57146558851206919, 5.95275741370418121 51.57073843756771225, 5.95516472076854964 51.56641776491208873, 5.95363334383157738 51.56601564699406737, 5.94761357833486137 51.56581293090859219, 5.93476774002342289 51.56984012900073822, 5.93376046127537382 51.57069484397669612, 5.93322859030016048 51.57285098276227586, 5.9388186948865993 51.57351517983199329, 5.9402486781544761 51.5746314553043419, 5.94592482677287926 51.57606962500656067, 5.95422131828985002 51.5764608457647924, 5.95869333281725666 51.57600507371294185, 5.95869333281725666 51.57600507371294185)))</t>
  </si>
  <si>
    <t>MultiPolygon (((5.98807551143052041 51.6328361493089858, 5.98900190207877436 51.63507351908375398, 5.99496344606175668 51.63341516863324898, 5.99775910343406071 51.62994864435896858, 5.99757193828625113 51.62887068821101622, 6.00447538905819567 51.631774188709052, 6.01997981263915882 51.62192114247127961, 6.02265942122500064 51.61885150370193287, 6.02385297855437774 51.61612536389350936, 6.02404700557810013 51.60076046998391064, 6.02628140678563362 51.59557685357621182, 6.03072341240372278 51.59151837000314345, 6.03347826255922826 51.58961080771284458, 6.0246924734220606 51.58670786734790425, 6.02000133915191338 51.58630667066048403, 6.01986637302458139 51.5850031800331692, 6.01294152779799518 51.58403427219158033, 6.00248485785855479 51.583555794273515, 5.99915212630253958 51.5839586855959098, 5.99448094555345623 51.58074848541042456, 5.98712133428234061 51.57896120553669306, 5.98308903803626002 51.58583045007924994, 5.9745322096959006 51.58253246056870012, 5.97300385471426232 51.58364209979446713, 5.96891281504117277 51.58096112337077699, 5.96627741729554373 51.58275454967451878, 5.95782709266321664 51.59276212940956441, 5.95029411728599289 51.60262083998284766, 5.94805643645929738 51.6072738175281529, 5.94979959648641099 51.60781357675734426, 5.95137730713586333 51.60834229643943161, 5.96283840274925758 51.60315525621328447, 5.97070457991172798 51.60422019493007895, 5.97141033908986163 51.60308408603805219, 5.97651578004408091 51.60473823882470867, 5.9778362904603668 51.60571865560665117, 5.98030221224106828 51.60786825321604709, 5.9790919394803792 51.60901708314784031, 5.98963930407819678 51.6136404671702067, 5.99018685466048595 51.61318511695615285, 5.99495742173915236 51.61600873649656052, 5.99226157743284027 51.61865642573108204, 5.99936989295477119 51.62175876159283661, 5.98992327822671466 51.62937889172614803, 5.99037283047253588 51.63036281005704353, 5.98907064408571177 51.63275603269505609, 5.98807551143052041 51.6328361493089858, 5.98807551143052041 51.6328361493089858),(5.99873930882633033 51.61047777685724469, 5.99480819963680744 51.61219855306772786, 5.9917452808122853 51.61120880944099554, 5.99649147972435514 51.6082841691962102, 5.99638357841829439 51.60717040490795426, 5.99176406296415998 51.60634213320567198, 5.99101331973058837 51.60533646050183165, 5.99531281768194813 51.60427709596497436, 6.00266147722438692 51.60491392711509206, 6.00365038402527595 51.60558400004283186, 5.99951211031747267 51.60823777326339012, 6.00187777565698966 51.61026047715983367, 6.00093179501753404 51.61096713290552174, 5.99873930882633033 51.61047777685724469, 5.99873930882633033 51.61047777685724469),(6.00926648043434941 51.60301997760421955, 6.00824119434053472 51.60325267567629481, 6.00566745462730633 51.60223934915816812, 5.9998984949669012 51.59927449152817758, 5.99774114775812883 51.59927510269240258, 5.99472558918729881 51.59462282323918458, 5.99682586270484297 51.59212086967689004, 5.99761674507063081 51.58943077843181158, 6.01704129538933064 51.59293195965744872, 6.02129392141180819 51.59535617375890126, 6.01669123275057327 51.60121000537726843, 6.00926648043434941 51.60301997760421955, 6.00926648043434941 51.60301997760421955)))</t>
  </si>
  <si>
    <t>MultiPolygon (((5.99873930882633033 51.61047777685724469, 6.00093179501753404 51.61096713290552174, 6.00187777565698966 51.61026047715983367, 5.99951211031747267 51.60823777326339012, 6.00365038402527595 51.60558400004283186, 6.00266147722438692 51.60491392711509206, 5.99531281768194813 51.60427709596497436, 5.99101331973058837 51.60533646050183165, 5.99176406296415998 51.60634213320567198, 5.99638357841829439 51.60717040490795426, 5.99649147972435514 51.6082841691962102, 5.9917452808122853 51.61120880944099554, 5.99480819963680744 51.61219855306772786, 5.99873930882633033 51.61047777685724469, 5.99873930882633033 51.61047777685724469)))</t>
  </si>
  <si>
    <t>MultiPolygon (((6.00926648043434941 51.60301997760421955, 6.01669123275057327 51.60121000537726843, 6.02129392141180819 51.59535617375890126, 6.01704129538933064 51.59293195965744872, 5.99761674507063081 51.58943077843181158, 5.99682586270484297 51.59212086967689004, 5.99472558918729881 51.59462282323918458, 5.99774114775812883 51.59927510269240258, 5.9998984949669012 51.59927449152817758, 6.00566745462730633 51.60223934915816812, 6.00824119434053472 51.60325267567629481, 6.00926648043434941 51.60301997760421955, 6.00926648043434941 51.60301997760421955)))</t>
  </si>
  <si>
    <t>MultiPolygon (((5.93935465332247681 51.61276973324721951, 5.94739213481491991 51.61472492631789066, 5.94981453461282417 51.61722593022405903, 5.96327194421505702 51.62280759124323737, 5.97368391221095063 51.62530359014948544, 5.9729455327723926 51.62662667079035828, 5.97382035137720546 51.62841722702518155, 5.97536159840725123 51.62877718229273682, 5.97804470360084661 51.62828444633927916, 5.98807551143052041 51.6328361493089858, 5.98907064408571177 51.63275603269505609, 5.99037283047253588 51.63036281005704353, 5.98992327822671466 51.62937889172614803, 5.99936989295477119 51.62175876159283661, 5.99226157743284027 51.61865642573108204, 5.99495742173915236 51.61600873649656052, 5.99018685466048595 51.61318511695615285, 5.98963930407819678 51.6136404671702067, 5.9790919394803792 51.60901708314784031, 5.98030221224106828 51.60786825321604709, 5.9778362904603668 51.60571865560665117, 5.97651578004408091 51.60473823882470867, 5.97141033908986163 51.60308408603805219, 5.97070457991172798 51.60422019493007895, 5.96283840274925758 51.60315525621328447, 5.95137730713586333 51.60834229643943161, 5.94979959648641099 51.60781357675734426, 5.94381872246739462 51.61013163493615963, 5.93935465332247681 51.61276973324721951, 5.93935465332247681 51.61276973324721951),(5.98158608017582694 51.623242912317437, 5.98089584707523958 51.62367394599386472, 5.97444028210901834 51.62182030545164224, 5.9700000356836993 51.61936611598981273, 5.96814700375566076 51.61514275600943336, 5.96914495537680434 51.61418554848953022, 5.97220138768864661 51.61581439731051546, 5.98602018710322969 51.61952141724901111, 5.98497289337114591 51.62332256012846443, 5.98158608017582694 51.623242912317437, 5.98158608017582694 51.623242912317437)))</t>
  </si>
  <si>
    <t>MultiPolygon (((5.98158608017582694 51.623242912317437, 5.98497289337114591 51.62332256012846443, 5.98602018710322969 51.61952141724901111, 5.97220138768864661 51.61581439731051546, 5.96914495537680434 51.61418554848953022, 5.96814700375566076 51.61514275600943336, 5.9700000356836993 51.61936611598981273, 5.97444028210901834 51.62182030545164224, 5.98089584707523958 51.62367394599386472, 5.98158608017582694 51.623242912317437, 5.98158608017582694 51.623242912317437)))</t>
  </si>
  <si>
    <t>MultiPolygon (((5.85990328542709626 51.66991442759790942, 5.86103019695205063 51.67089491770253318, 5.87502333602480942 51.67677244160511663, 5.87908956314525621 51.67744737833426427, 5.88251800947177816 51.67660829212055518, 5.89524623741347309 51.68140882211002918, 5.90609316097810488 51.67834219657373751, 5.9121089736639707 51.67588056778281214, 5.91303841316327983 51.67450674740521777, 5.91000296227960842 51.67362035526419106, 5.91034444146549554 51.67044948105765911, 5.91289544066002826 51.66677067105072751, 5.91640255692188965 51.66491583627026785, 5.91883078267849694 51.65938943147126849, 5.9194183701919707 51.65862131620772857, 5.91805637547116792 51.65530168873760175, 5.91823396927964573 51.65294388112525326, 5.89647720591357327 51.64448697238289299, 5.89256021119987139 51.6431771212499342, 5.89019411127266324 51.6453857793981328, 5.88303859985517441 51.64667304195167929, 5.88298627217649717 51.64543310512789276, 5.87872930332972121 51.64484196907942959, 5.87769663788290586 51.64328918636611121, 5.87359512469199441 51.64375919160912076, 5.87167180583562853 51.64397949042439961, 5.87078804588334879 51.6464226809237843, 5.87267661190098078 51.65084826758110381, 5.87178807818409254 51.65151773261939638, 5.87540568466230972 51.65309513405338038, 5.85579768689436531 51.66220623373367005, 5.86010431555931977 51.66583753500574261, 5.85801488727002262 51.66820849921558789, 5.85990328542709626 51.66991442759790942, 5.85990328542709626 51.66991442759790942),(5.88911488906517366 51.66178412613233206, 5.88765609339201124 51.66254738785614364, 5.88428452428216975 51.66211064014393628, 5.87998397210980173 51.6613650749582618, 5.87864111154502833 51.66040163154868736, 5.88073032679295782 51.65761506013370763, 5.87920165658462235 51.65610550395636125, 5.88231866447751361 51.65286486285828005, 5.88920859038957722 51.65278297538541352, 5.89027523575848555 51.65373990157483064, 5.89137995746246457 51.65780757677056556, 5.89429378204118848 51.65780144534845419, 5.89399238893932154 51.66105468414779267, 5.89246444671551561 51.66239133227518465, 5.88911488906517366 51.66178412613233206, 5.88911488906517366 51.66178412613233206)))</t>
  </si>
  <si>
    <t>MultiPolygon (((5.88911488906517366 51.66178412613233206, 5.89246444671551561 51.66239133227518465, 5.89399238893932154 51.66105468414779267, 5.89429378204118848 51.65780144534845419, 5.89137995746246457 51.65780757677056556, 5.89027523575848555 51.65373990157483064, 5.88920859038957722 51.65278297538541352, 5.88231866447751361 51.65286486285828005, 5.87920165658462235 51.65610550395636125, 5.88073032679295782 51.65761506013370763, 5.87864111154502833 51.66040163154868736, 5.87998397210980173 51.6613650749582618, 5.88428452428216975 51.66211064014393628, 5.88765609339201124 51.66254738785614364, 5.88911488906517366 51.66178412613233206, 5.88911488906517366 51.66178412613233206)))</t>
  </si>
  <si>
    <t>MultiPolygon (((5.9337848291734101 51.71614039907994709, 5.94675351427224275 51.71343221802727896, 5.95182963750174565 51.71170058028741323, 5.95541655002715498 51.70913152958713255, 5.95625474400752974 51.70660595861223641, 5.9563762909506428 51.6996330350842328, 5.96139522344191519 51.68709959817166322, 5.95683299688066636 51.68601911926047165, 5.9489328580292371 51.68555786107125272, 5.9485673430628303 51.68636494461355824, 5.93726125998977139 51.68654024318199447, 5.93041273213610687 51.68870422352446781, 5.92555843106405611 51.68945838154056815, 5.91718531361981093 51.68587443759566469, 5.9109060832270881 51.68552461236781426, 5.90164550807194921 51.6834036244530779, 5.89938551671834865 51.68504483246554315, 5.89480588832421759 51.68845936147184972, 5.89827844561070158 51.6903069519992826, 5.9004229421378831 51.69264988111362413, 5.90268401636076856 51.69514693445489684, 5.90805976289670109 51.69869582875009684, 5.90915710986000153 51.70019008970231056, 5.91582686642621702 51.70277707672581613, 5.917604075119824 51.70579353026820257, 5.92209977875057181 51.70814967828599862, 5.92508137234214161 51.70851408348407574, 5.92771528279812809 51.70961178401932301, 5.93100294964601815 51.71338437918515751, 5.93193571349889215 51.71307541901998661, 5.9337848291734101 51.71614039907994709, 5.9337848291734101 51.71614039907994709),(5.93532333820434665 51.70396234463860452, 5.93376315394105625 51.70278229166157757, 5.93106705480467866 51.70372882325048636, 5.92756877826496265 51.70245879886336127, 5.92486861592338609 51.70020299791261209, 5.9329269419615267 51.69500341629313311, 5.93409290558228619 51.69138116213420631, 5.94147774453090527 51.68990571464804873, 5.94457731788434973 51.69323338218515573, 5.94568209375643608 51.69931906448844927, 5.93783975704351352 51.70372891119077252, 5.93532333820434665 51.70396234463860452, 5.93532333820434665 51.70396234463860452)))</t>
  </si>
  <si>
    <t>MultiPolygon (((5.93532333820434665 51.70396234463860452, 5.93783975704351352 51.70372891119077252, 5.94568209375643608 51.69931906448844927, 5.94457731788434973 51.69323338218515573, 5.94147774453090527 51.68990571464804873, 5.93409290558228619 51.69138116213420631, 5.9329269419615267 51.69500341629313311, 5.92486861592338609 51.70020299791261209, 5.92756877826496265 51.70245879886336127, 5.93106705480467866 51.70372882325048636, 5.93376315394105625 51.70278229166157757, 5.93532333820434665 51.70396234463860452, 5.93532333820434665 51.70396234463860452)))</t>
  </si>
  <si>
    <t>MultiPolygon (((5.96139522344191519 51.68709959817166322, 5.96188828472468124 51.68585797271231996, 5.96339497709683375 51.68165799422860118, 5.96458660887236558 51.67557334574490113, 5.96413882679933849 51.66749650392476667, 5.95925106288065631 51.66450018246868581, 5.9451938643089246 51.66351047743252423, 5.94654196471096252 51.67272391543574628, 5.94581767172178122 51.67363101947790938, 5.94321842524379917 51.67360266592450557, 5.93832114516854936 51.67817045068736093, 5.93659702024987634 51.67834287984232589, 5.93622348206225681 51.67677105241093471, 5.93082707765745099 51.67414682643290291, 5.92978741783214769 51.67225560177069354, 5.93020951551169251 51.67106292506795029, 5.93420073853778707 51.66978648472482405, 5.94047299270199769 51.67035671382572559, 5.94149263409174022 51.66691146796500078, 5.94273607104565471 51.66710219967824713, 5.94192352110095978 51.66195075622405852, 5.93285646550626211 51.66209815972639063, 5.93582353682591446 51.65736999687593567, 5.92773302964387927 51.65786944473811104, 5.92214730492737562 51.65958976368363409, 5.91883078267849694 51.65938943147126849, 5.91640255692188965 51.66491583627026785, 5.91289544066002826 51.66677067105072751, 5.91034444146549554 51.67044948105765911, 5.91000296227960842 51.67362035526419106, 5.91303841316327983 51.67450674740521777, 5.9121089736639707 51.67588056778281214, 5.90609316097810488 51.67834219657373751, 5.89524623741347309 51.68140882211002918, 5.89938551671834865 51.68504483246554315, 5.90164550807194921 51.6834036244530779, 5.9109060832270881 51.68552461236781426, 5.91718531361981093 51.68587443759566469, 5.92555843106405611 51.68945838154056815, 5.93041273213610687 51.68870422352446781, 5.93726125998977139 51.68654024318199447, 5.9485673430628303 51.68636494461355824, 5.9489328580292371 51.68555786107125272, 5.95683299688066636 51.68601911926047165, 5.96139522344191519 51.68709959817166322, 5.96139522344191519 51.68709959817166322)))</t>
  </si>
  <si>
    <t>MultiPolygon (((5.94273607104565471 51.66710219967824713, 5.94149263409174022 51.66691146796500078, 5.94047299270199769 51.67035671382572559, 5.93420073853778707 51.66978648472482405, 5.93020951551169251 51.67106292506795029, 5.92978741783214769 51.67225560177069354, 5.93082707765745099 51.67414682643290291, 5.93622348206225681 51.67677105241093471, 5.93659702024987634 51.67834287984232589, 5.93832114516854936 51.67817045068736093, 5.94321842524379917 51.67360266592450557, 5.94581767172178122 51.67363101947790938, 5.94654196471096252 51.67272391543574628, 5.9451938643089246 51.66351047743252423, 5.94340491460671849 51.66376337413111486, 5.94351901961405282 51.66701982933568615, 5.94273607104565471 51.66710219967824713, 5.94273607104565471 51.66710219967824713)))</t>
  </si>
  <si>
    <t>MultiPolygon (((5.96600361672320822 51.64397381884527505, 5.97212729438992174 51.64577223268702255, 5.9766069376395583 51.64378311161328838, 5.98212195519020895 51.6425196936947799, 5.99601634875808376 51.63687031107701841, 6.00447538905819567 51.631774188709052, 5.99757193828625113 51.62887068821101622, 5.99775910343406071 51.62994864435896858, 5.99496344606175668 51.63341516863324898, 5.98900190207877436 51.63507351908375398, 5.98807551143052041 51.6328361493089858, 5.97804470360084661 51.62828444633927916, 5.97536159840725123 51.62877718229273682, 5.97382035137720546 51.62841722702518155, 5.9729455327723926 51.62662667079035828, 5.97368391221095063 51.62530359014948544, 5.96327194421505702 51.62280759124323737, 5.94981453461282417 51.61722593022405903, 5.94739213481491991 51.61472492631789066, 5.93935465332247681 51.61276973324721951, 5.93262796912915213 51.61961954756296223, 5.92588822318999142 51.63202026558190028, 5.92767721594874164 51.63137307770982432, 5.93536498259594847 51.63375399171371072, 5.94331917457441516 51.63559176004092421, 5.94626111434977744 51.63786929786164848, 5.94824559069624659 51.6361013785678864, 5.95568113756604234 51.63967164420675005, 5.9576621922297095 51.63993081985513811, 5.96538631739517289 51.63001455668482009, 5.97016177499401302 51.62978130262700205, 5.97609068916583741 51.63222828315565494, 5.96600361672320822 51.64397381884527505, 5.96600361672320822 51.64397381884527505)))</t>
  </si>
  <si>
    <t>MultiPolygon (((5.95908963412444415 51.64171485418724927, 5.96600361672320822 51.64397381884527505, 5.97609068916583741 51.63222828315565494, 5.97016177499401302 51.62978130262700205, 5.96538631739517289 51.63001455668482009, 5.9576621922297095 51.63993081985513811, 5.95908963412444415 51.64171485418724927, 5.95908963412444415 51.64171485418724927)))</t>
  </si>
  <si>
    <t>MultiPolygon (((5.92767721594874164 51.63137307770982432, 5.92588822318999142 51.63202026558190028, 5.89647720591357327 51.64448697238289299, 5.91823396927964573 51.65294388112525326, 5.91805637547116792 51.65530168873760175, 5.9194183701919707 51.65862131620772857, 5.91883078267849694 51.65938943147126849, 5.92214730492737562 51.65958976368363409, 5.92773302964387927 51.65786944473811104, 5.92930958602215341 51.6559964362181816, 5.93229561664496874 51.65254522854604602, 5.93309228030653113 51.65000557588206931, 5.93084336510287358 51.64820285796703558, 5.92373921369677525 51.64650869958275337, 5.93536498259594847 51.63375399171371072, 5.92767721594874164 51.63137307770982432, 5.92767721594874164 51.63137307770982432)),((5.96345399269339715 51.66298847052077292, 5.96348198466514745 51.65732361160402064, 5.96485567099847724 51.65273236644205213, 5.96746952142104892 51.64928483181768826, 5.97212729438992174 51.64577223268702255, 5.96600361672320822 51.64397381884527505, 5.96351714792807641 51.64767231527611813, 5.96107657172050232 51.6483435782622351, 5.95786831790989613 51.65062808047609622, 5.96051112559896712 51.65123987553074159, 5.95885487052694884 51.65351706897155282, 5.9545957087580863 51.65518975788183553, 5.95133270642629153 51.65436003467405612, 5.94923068651827247 51.65582688308197845, 5.9427534577193164 51.65494040620952632, 5.9424273487632524 51.65703463676826601, 5.94192352110095978 51.66195075622405852, 5.94273607104565471 51.66710219967824713, 5.94351901961405282 51.66701982933568615, 5.94340491460671849 51.66376337413111486, 5.9451938643089246 51.66351047743252423, 5.95925106288065631 51.66450018246868581, 5.96413882679933849 51.66749650392476667, 5.96345399269339715 51.66298847052077292, 5.96345399269339715 51.66298847052077292)))</t>
  </si>
  <si>
    <t>MultiPolygon (((5.93229561664496874 51.65254522854604602, 5.9375738843129886 51.64638179430856724, 5.94454290957663467 51.63953310769426963, 5.94626111434977744 51.63786929786164848, 5.94331917457441516 51.63559176004092421, 5.93536498259594847 51.63375399171371072, 5.92373921369677525 51.64650869958275337, 5.93084336510287358 51.64820285796703558, 5.93309228030653113 51.65000557588206931, 5.93229561664496874 51.65254522854604602, 5.93229561664496874 51.65254522854604602)))</t>
  </si>
  <si>
    <t>MultiPolygon (((5.92773302964387927 51.65786944473811104, 5.93582353682591446 51.65736999687593567, 5.93285646550626211 51.66209815972639063, 5.94192352110095978 51.66195075622405852, 5.9424273487632524 51.65703463676826601, 5.93445341509701585 51.65685563106725908, 5.93176383962885367 51.65601369032284396, 5.92930958602215341 51.6559964362181816, 5.92773302964387927 51.65786944473811104, 5.92773302964387927 51.65786944473811104)))</t>
  </si>
  <si>
    <t>MultiPolygon (((5.92930958602215341 51.6559964362181816, 5.93176383962885367 51.65601369032284396, 5.93445341509701585 51.65685563106725908, 5.9424273487632524 51.65703463676826601, 5.9427534577193164 51.65494040620952632, 5.94271913079851988 51.65414872087388432, 5.93229561664496874 51.65254522854604602, 5.92930958602215341 51.6559964362181816, 5.92930958602215341 51.6559964362181816)))</t>
  </si>
  <si>
    <t>MultiPolygon (((5.9493440487393725 51.6448806133846432, 5.95289403866421907 51.64367614819789765, 5.95581514598049733 51.64507743008318386, 5.95908963412444415 51.64171485418724927, 5.9576621922297095 51.63993081985513811, 5.95568113756604234 51.63967164420675005, 5.94824559069624659 51.6361013785678864, 5.94626111434977744 51.63786929786164848, 5.94454290957663467 51.63953310769426963, 5.94574870887528295 51.64053886882248889, 5.9447946876519131 51.64142937059488503, 5.94572237426992167 51.64361987758811523, 5.94831209219608859 51.64398360628248241, 5.9493440487393725 51.6448806133846432, 5.9493440487393725 51.6448806133846432)))</t>
  </si>
  <si>
    <t>MultiPolygon (((5.95581514598049733 51.64507743008318386, 5.95943834394454441 51.6469987997253881, 5.95575868222523397 51.648797068015881, 5.95520833302760977 51.65139467154494923, 5.95697349362444228 51.65166333420790323, 5.95786831790989613 51.65062808047609622, 5.96107657172050232 51.6483435782622351, 5.96351714792807641 51.64767231527611813, 5.96600361672320822 51.64397381884527505, 5.95908963412444415 51.64171485418724927, 5.95581514598049733 51.64507743008318386, 5.95581514598049733 51.64507743008318386)))</t>
  </si>
  <si>
    <t>MultiPolygon (((5.9427534577193164 51.65494040620952632, 5.94923068651827247 51.65582688308197845, 5.95133270642629153 51.65436003467405612, 5.95264458596354107 51.65296803648527657, 5.95449926130588736 51.65354753727950765, 5.9550150066137375 51.65311835386770412, 5.95408299859690437 51.64953440886544911, 5.95081092021609503 51.64899404031980623, 5.94633022767414499 51.64975682679315128, 5.944914584266348 51.64872707366009053, 5.94271913079851988 51.65414872087388432, 5.9427534577193164 51.65494040620952632, 5.9427534577193164 51.65494040620952632)))</t>
  </si>
  <si>
    <t>MultiPolygon (((5.9375738843129886 51.64638179430856724, 5.944914584266348 51.64872707366009053, 5.94409083541733541 51.64845824496332227, 5.94466589073411367 51.6479102861188295, 5.9493440487393725 51.6448806133846432, 5.94831209219608859 51.64398360628248241, 5.94572237426992167 51.64361987758811523, 5.9447946876519131 51.64142937059488503, 5.94574870887528295 51.64053886882248889, 5.94454290957663467 51.63953310769426963, 5.9375738843129886 51.64638179430856724, 5.9375738843129886 51.64638179430856724)))</t>
  </si>
  <si>
    <t>MultiPolygon (((5.93229561664496874 51.65254522854604602, 5.94271913079851988 51.65414872087388432, 5.944914584266348 51.64872707366009053, 5.9375738843129886 51.64638179430856724, 5.93229561664496874 51.65254522854604602, 5.93229561664496874 51.65254522854604602)))</t>
  </si>
  <si>
    <t>MultiPolygon (((5.95133270642629153 51.65436003467405612, 5.9545957087580863 51.65518975788183553, 5.95885487052694884 51.65351706897155282, 5.96051112559896712 51.65123987553074159, 5.95786831790989613 51.65062808047609622, 5.95697349362444228 51.65166333420790323, 5.95520833302760977 51.65139467154494923, 5.95575868222523397 51.648797068015881, 5.95943834394454441 51.6469987997253881, 5.95581514598049733 51.64507743008318386, 5.95289403866421907 51.64367614819789765, 5.9493440487393725 51.6448806133846432, 5.94466589073411367 51.6479102861188295, 5.94409083541733541 51.64845824496332227, 5.944914584266348 51.64872707366009053, 5.94633022767414499 51.64975682679315128, 5.95081092021609503 51.64899404031980623, 5.95408299859690437 51.64953440886544911, 5.9550150066137375 51.65311835386770412, 5.95449926130588736 51.65354753727950765, 5.95264458596354107 51.65296803648527657, 5.95133270642629153 51.65436003467405612, 5.95133270642629153 51.65436003467405612)))</t>
  </si>
  <si>
    <t>MultiPolygon (((5.7092287840198761 51.62575360859008811, 5.74006045224725625 51.62249637652119105, 5.75047824215118109 51.62268337516537287, 5.75861458742039911 51.59394650695961815, 5.73262065541847043 51.59037533430454658, 5.7294789967757529 51.58981152699514183, 5.72805883360246781 51.5930133200857739, 5.72082122098118973 51.59180276023661804, 5.71634202956768611 51.59658842665648137, 5.71000528554945852 51.60355234539911606, 5.70976621100845794 51.60586589031145621, 5.70630545273797907 51.60536921690178502, 5.7046228701901347 51.61058916429415433, 5.70492908218282757 51.61575229322605196, 5.70651775961716456 51.61562296747788992, 5.7092287840198761 51.62575360859008811, 5.7092287840198761 51.62575360859008811),(5.74319098392200367 51.60985140745137301, 5.74208745629211936 51.61310331040965593, 5.73719590680466762 51.61273772472294752, 5.73256251201929601 51.61059704153716865, 5.73174935619587167 51.60882250004326721, 5.73396349553294282 51.60463258838977652, 5.74308733453011211 51.60621778530003212, 5.74226380855741159 51.60759639410051847, 5.74810780592035275 51.60891949028560788, 5.747546095646201 51.60999171308873201, 5.74319098392200367 51.60985140745137301, 5.74319098392200367 51.60985140745137301)))</t>
  </si>
  <si>
    <t>MultiPolygon (((5.74319098392200367 51.60985140745137301, 5.747546095646201 51.60999171308873201, 5.74810780592035275 51.60891949028560788, 5.74226380855741159 51.60759639410051847, 5.74308733453011211 51.60621778530003212, 5.73396349553294282 51.60463258838977652, 5.73174935619587167 51.60882250004326721, 5.73256251201929601 51.61059704153716865, 5.73719590680466762 51.61273772472294752, 5.74208745629211936 51.61310331040965593, 5.74319098392200367 51.60985140745137301, 5.74319098392200367 51.60985140745137301)))</t>
  </si>
  <si>
    <t>MultiPolygon (((5.66659120392036986 51.62845310022965606, 5.67260730768069799 51.62868878238771231, 5.67274023362862412 51.62735722009799133, 5.67434472353013053 51.62743839490681097, 5.67427893740055733 51.62813533434008662, 5.68007796574816659 51.62837816182116768, 5.68145987661178964 51.62903105138469328, 5.6817807080998799 51.62781660052068133, 5.6866548623392239 51.62812295533021967, 5.7092287840198761 51.62575360859008811, 5.70651775961716456 51.61562296747788992, 5.70492908218282757 51.61575229322605196, 5.7046228701901347 51.61058916429415433, 5.68915901291696358 51.60812118307824647, 5.67885848896633583 51.60829642580166166, 5.67596255215849244 51.60861784022704768, 5.67578030482714091 51.61174738436638165, 5.67374935162709093 51.61171996024300057, 5.67035938749559687 51.62204411070344179, 5.66718510914749807 51.62480479333024164, 5.66659120392036986 51.62845310022965606, 5.66659120392036986 51.62845310022965606)))</t>
  </si>
  <si>
    <t>MultiPolygon (((5.6332547473950223 51.62463859649908926, 5.63557462924035324 51.62536373582950944, 5.65098259865814967 51.62571165268946771, 5.65134389004576843 51.62669566275675237, 5.65821304320335372 51.62766403137251103, 5.65812876779138563 51.62802295229975869, 5.664711236320219 51.62898681282354119, 5.66492471510214735 51.62833937010607599, 5.66659120392036986 51.62845310022965606, 5.66718510914749807 51.62480479333024164, 5.67035938749559687 51.62204411070344179, 5.67374935162709093 51.61171996024300057, 5.67578030482714091 51.61174738436638165, 5.67596255215849244 51.60861784022704768, 5.6749441088969057 51.60964481049137476, 5.66991067706474006 51.61164166336239845, 5.66804641747515969 51.61108443841346372, 5.66829163941083447 51.60885826447172775, 5.66652490902696737 51.60673394586867602, 5.66007527013721923 51.60293548103089734, 5.66209566377570361 51.60070943603071925, 5.65840245311109324 51.59980572097899199, 5.6453032560402745 51.600824068241117, 5.64292834413364019 51.60620926789363239, 5.62656849842794671 51.62340098885782425, 5.6332547473950223 51.62463859649908926, 5.6332547473950223 51.62463859649908926)))</t>
  </si>
  <si>
    <t>MultiPolygon (((5.6453032560402745 51.600824068241117, 5.65840245311109324 51.59980572097899199, 5.66209566377570361 51.60070943603071925, 5.66740106974824531 51.60018364409413039, 5.66701887565498552 51.59719865488237645, 5.67575635283256297 51.59718555349670055, 5.67591826344468586 51.59541439630559978, 5.67769151318095844 51.59512040050906023, 5.6811802975386092 51.59610941394689121, 5.68271378807614358 51.5975726578441467, 5.68931525397951621 51.59518362537291125, 5.69645661758231103 51.59396665132353377, 5.69677593632755475 51.59023748988769142, 5.68435583764155972 51.58606305131026915, 5.68710253853297409 51.58380670988523065, 5.68552946615908805 51.58373623251389262, 5.65968980885397244 51.58269665754189504, 5.65805396396036553 51.58315136908272081, 5.65135725139027745 51.58236019653720916, 5.65036887110475128 51.58474415104580402, 5.65068372295287169 51.58717622053394791, 5.64950178650960222 51.58921680616390404, 5.64852167249253156 51.59363843464269195, 5.6453032560402745 51.600824068241117, 5.6453032560402745 51.600824068241117)))</t>
  </si>
  <si>
    <t>MultiPolygon (((5.67885848896633583 51.60829642580166166, 5.68915901291696358 51.60812118307824647, 5.7046228701901347 51.61058916429415433, 5.70630545273797907 51.60536921690178502, 5.70976621100845794 51.60586589031145621, 5.71000528554945852 51.60355234539911606, 5.71634202956768611 51.59658842665648137, 5.71057124058989807 51.59486860526015306, 5.69645661758231103 51.59396665132353377, 5.68931525397951621 51.59518362537291125, 5.68271378807614358 51.5975726578441467, 5.68621354022444248 51.59973450884253765, 5.68912585642955193 51.59881018255318708, 5.69208751170444849 51.59903619867937863, 5.69347489368679671 51.59970306705341159, 5.68948167772220259 51.60326761909809079, 5.67864720421731839 51.60422219670327593, 5.67885848896633583 51.60829642580166166, 5.67885848896633583 51.60829642580166166)))</t>
  </si>
  <si>
    <t>MultiPolygon (((5.69645661758231103 51.59396665132353377, 5.71057124058989807 51.59486860526015306, 5.71634202956768611 51.59658842665648137, 5.72082122098118973 51.59180276023661804, 5.72805883360246781 51.5930133200857739, 5.7294789967757529 51.58981152699514183, 5.70997270206773067 51.58634826870726187, 5.70905094512062661 51.58555232579588079, 5.70837156521432831 51.58589593495266712, 5.70598882857175749 51.58701694167016427, 5.69938589621844471 51.58411653453674006, 5.68710253853297409 51.58380670988523065, 5.68435583764155972 51.58606305131026915, 5.69677593632755475 51.59023748988769142, 5.69645661758231103 51.59396665132353377, 5.69645661758231103 51.59396665132353377)))</t>
  </si>
  <si>
    <t>MultiPolygon (((5.67596255215849244 51.60861784022704768, 5.67885848896633583 51.60829642580166166, 5.67864720421731839 51.60422219670327593, 5.68948167772220259 51.60326761909809079, 5.69347489368679671 51.59970306705341159, 5.69208751170444849 51.59903619867937863, 5.68912585642955193 51.59881018255318708, 5.68621354022444248 51.59973450884253765, 5.68271378807614358 51.5975726578441467, 5.6811802975386092 51.59610941394689121, 5.67769151318095844 51.59512040050906023, 5.67591826344468586 51.59541439630559978, 5.67575635283256297 51.59718555349670055, 5.66701887565498552 51.59719865488237645, 5.66740106974824531 51.60018364409413039, 5.66209566377570361 51.60070943603071925, 5.66007527013721923 51.60293548103089734, 5.66652490902696737 51.60673394586867602, 5.66829163941083447 51.60885826447172775, 5.66804641747515969 51.61108443841346372, 5.66991067706474006 51.61164166336239845, 5.6749441088969057 51.60964481049137476, 5.67596255215849244 51.60861784022704768, 5.67596255215849244 51.60861784022704768)))</t>
  </si>
  <si>
    <t>MultiPolygon (((4.25082868730852503 51.53619856757715212, 4.24525180447751183 51.53560022780450822, 4.23304311782113096 51.53749202515123073, 4.23565704254633779 51.54324152183045982, 4.23611885111301056 51.55036579812600195, 4.23972511300940713 51.55091846755072282, 4.24293582420297799 51.5591253031154011, 4.24297544676973892 51.5629798088460376, 4.25202671172206426 51.57065767860762406, 4.26762250715242697 51.56801014070006772, 4.26750453205745828 51.56631015915714045, 4.26433851569244649 51.56441425554435654, 4.2628841146431169 51.56195645130947014, 4.26193531917082957 51.55825725104371315, 4.2625879500919055 51.55551865539555934, 4.26353705297009089 51.55478677593349346, 4.26509362514179191 51.55213059306253598, 4.27138162191187298 51.5482830276049242, 4.27364068465054192 51.54397207688173665, 4.27608839112048145 51.54196549045997244, 4.2710604916661481 51.54165001050540695, 4.25719232480979937 51.53796479907883565, 4.25082868730852503 51.53619856757715212, 4.25082868730852503 51.53619856757715212)))</t>
  </si>
  <si>
    <t>MultiPolygon (((4.29623391946741684 51.55385951829377689, 4.29716039628026891 51.55365762118999129, 4.294187903555855 51.54340192706499835, 4.2853668225356385 51.54360504753538663, 4.28757640266924334 51.54869907526668271, 4.28326552504842528 51.54986754814996885, 4.28900579385165681 51.5531750611733699, 4.28745083267756133 51.55434936895662901, 4.29118632188759985 51.55509079823824692, 4.29623391946741684 51.55385951829377689, 4.29623391946741684 51.55385951829377689)))</t>
  </si>
  <si>
    <t>MultiPolygon (((4.2715256200959919 51.55795583557016215, 4.27101854369498479 51.55637340359029963, 4.26743335971034732 51.55684950541862577, 4.26633216264058834 51.55521496320481845, 4.26353705297009089 51.55478677593349346, 4.2625879500919055 51.55551865539555934, 4.26193531917082957 51.55825725104371315, 4.2628841146431169 51.56195645130947014, 4.26433851569244649 51.56441425554435654, 4.26750453205745828 51.56631015915714045, 4.26726952607372745 51.56494500337718989, 4.26839491708894148 51.56485143686158779, 4.26729026051069305 51.5586267908896474, 4.2715256200959919 51.55795583557016215, 4.2715256200959919 51.55795583557016215)))</t>
  </si>
  <si>
    <t>MultiPolygon (((4.29781388541683196 51.55591309440582393, 4.29623391946741684 51.55385951829377689, 4.29118632188759985 51.55509079823824692, 4.28745083267756133 51.55434936895662901, 4.28900579385165681 51.5531750611733699, 4.28326552504842528 51.54986754814996885, 4.28757640266924334 51.54869907526668271, 4.2853668225356385 51.54360504753538663, 4.27608839112048145 51.54196549045997244, 4.27364068465054192 51.54397207688173665, 4.27138162191187298 51.5482830276049242, 4.26509362514179191 51.55213059306253598, 4.26353705297009089 51.55478677593349346, 4.26633216264058834 51.55521496320481845, 4.26743335971034732 51.55684950541862577, 4.27101854369498479 51.55637340359029963, 4.2715256200959919 51.55795583557016215, 4.26729026051069305 51.5586267908896474, 4.26839491708894148 51.56485143686158779, 4.27312931500773008 51.56443789977232939, 4.29816588342934036 51.55894815996936842, 4.29781388541683196 51.55591309440582393)))</t>
  </si>
  <si>
    <t>MultiPolygon (((4.25719232480979937 51.53796479907883565, 4.25336143028472691 51.53508868780487262, 4.25306254253700189 51.53213510730559221, 4.25439673358901338 51.5281258757268148, 4.25679190485536108 51.52772248339134364, 4.26341337327484649 51.52426619991734213, 4.26148057755196952 51.51424126362534395, 4.25004444280525906 51.51854200289494656, 4.23928857542685655 51.5110453590645605, 4.23550633317247271 51.51226376639112914, 4.21993077863611088 51.51380292894332058, 4.23304311782113096 51.53749202515123073, 4.24525180447751183 51.53560022780450822, 4.25082868730852503 51.53619856757715212, 4.25719232480979937 51.53796479907883565, 4.25719232480979937 51.53796479907883565)))</t>
  </si>
  <si>
    <t>MultiPolygon (((4.28870736429631982 51.52812872522324739, 4.29919805649012954 51.53522468294877967, 4.30789400790202137 51.52941892909349519, 4.31127439974184057 51.52384859925893323, 4.31170008452824938 51.51940973227180365, 4.30935041014848341 51.50947658641127447, 4.30528812665400107 51.51058710520999995, 4.29380358911949411 51.51416820790851858, 4.29128845336343989 51.5174811339171157, 4.29411803535083259 51.5222834432894814, 4.29198405211617207 51.52264817218739523, 4.28768623875130306 51.52178377217416028, 4.28639405379076699 51.52394629257217673, 4.28870736429631982 51.52812872522324739, 4.28870736429631982 51.52812872522324739)))</t>
  </si>
  <si>
    <t>MultiPolygon (((4.2853668225356385 51.54360504753538663, 4.294187903555855 51.54340192706499835, 4.29759424404392476 51.54337714133498594, 4.29513393370327101 51.53950947321878573, 4.29919805649012954 51.53522468294877967, 4.28870736429631982 51.52812872522324739, 4.2870341559981604 51.52735445337251718, 4.28150933176631376 51.52692268070953219, 4.27677330826364521 51.52800599274721804, 4.28033406880872391 51.53337646574352959, 4.27986260857078182 51.53404001720935668, 4.28262892351741709 51.53668354165340304, 4.2853668225356385 51.54360504753538663, 4.2853668225356385 51.54360504753538663)))</t>
  </si>
  <si>
    <t>MultiPolygon (((4.27677330826364521 51.52800599274721804, 4.28150933176631376 51.52692268070953219, 4.2870341559981604 51.52735445337251718, 4.28870736429631982 51.52812872522324739, 4.28639405379076699 51.52394629257217673, 4.28768623875130306 51.52178377217416028, 4.28285850541642432 51.5214873742901176, 4.27881619494733023 51.52049494137676788, 4.27553575439587341 51.52083750012442209, 4.27521280118798153 51.52452920076673593, 4.27677330826364521 51.52800599274721804, 4.27677330826364521 51.52800599274721804)))</t>
  </si>
  <si>
    <t>MultiPolygon (((4.27553575439587341 51.52083750012442209, 4.27881619494733023 51.52049494137676788, 4.28285850541642432 51.5214873742901176, 4.28768623875130306 51.52178377217416028, 4.29198405211617207 51.52264817218739523, 4.29411803535083259 51.5222834432894814, 4.29128845336343989 51.5174811339171157, 4.29380358911949411 51.51416820790851858, 4.29268247881191467 51.51420954982108213, 4.28629428021559811 51.51410285710868209, 4.2788120252063635 51.51176103393737549, 4.27553575439587341 51.52083750012442209, 4.27553575439587341 51.52083750012442209)))</t>
  </si>
  <si>
    <t>MultiPolygon (((4.26341337327484649 51.52426619991734213, 4.27553575439587341 51.52083750012442209, 4.2788120252063635 51.51176103393737549, 4.26933665456190425 51.5107789980641968, 4.26840828692401608 51.51038038464264446, 4.2635782727947813 51.51238766473288422, 4.26148057755196952 51.51424126362534395, 4.26341337327484649 51.52426619991734213, 4.26341337327484649 51.52426619991734213)))</t>
  </si>
  <si>
    <t>MultiPolygon (((4.27608839112048145 51.54196549045997244, 4.2853668225356385 51.54360504753538663, 4.28262892351741709 51.53668354165340304, 4.27986260857078182 51.53404001720935668, 4.26932498544324623 51.53046380222977518, 4.26363276884790743 51.53045831937163257, 4.25720737209536271 51.52930592834550083, 4.25439673358901338 51.5281258757268148, 4.25306254253700189 51.53213510730559221, 4.25336143028472691 51.53508868780487262, 4.25719232480979937 51.53796479907883565, 4.2710604916661481 51.54165001050540695, 4.27608839112048145 51.54196549045997244, 4.27608839112048145 51.54196549045997244)))</t>
  </si>
  <si>
    <t>MultiPolygon (((4.25439673358901338 51.5281258757268148, 4.25720737209536271 51.52930592834550083, 4.26363276884790743 51.53045831937163257, 4.26932498544324623 51.53046380222977518, 4.27986260857078182 51.53404001720935668, 4.28033406880872391 51.53337646574352959, 4.27677330826364521 51.52800599274721804, 4.27521280118798153 51.52452920076673593, 4.27553575439587341 51.52083750012442209, 4.26341337327484649 51.52426619991734213, 4.25679190485536108 51.52772248339134364, 4.25439673358901338 51.5281258757268148, 4.25439673358901338 51.5281258757268148)))</t>
  </si>
  <si>
    <t>MultiPolygon (((4.29363772495337592 51.45890168300854128, 4.2953508771430462 51.45800506990894974, 4.29766483641743058 51.45833942459060495, 4.29746222897412178 51.45011275626315239, 4.29508221164170312 51.44882293225772685, 4.29373357266490796 51.44537612084548783, 4.29025158162983988 51.44518284949689502, 4.28713336873710738 51.44396977916361635, 4.28317329021716731 51.4396669827586237, 4.2682722776003299 51.44026421092712553, 4.26543175191043034 51.43968067783875853, 4.23032777023449835 51.48890425477217292, 4.22490611015162543 51.49649297295096062, 4.23236967831983257 51.49928763830192935, 4.24153916255636965 51.4995776164340171, 4.24638204111278839 51.49850629826777038, 4.25056347923690314 51.49664280652803683, 4.25382328721715997 51.49406355064446927, 4.25126788053682336 51.49353505475131243, 4.24974975737014393 51.49188970360533091, 4.24682751791263957 51.49115399244028168, 4.26146766298228297 51.48178956383505067, 4.25890859937330291 51.47928600513660058, 4.25955921728071463 51.47749830507563473, 4.27324631920539222 51.47040911791702911, 4.28789192745560488 51.47054279468914473, 4.29363772495337592 51.45890168300854128, 4.29363772495337592 51.45890168300854128)))</t>
  </si>
  <si>
    <t>MultiPolygon (((4.31254738031597817 51.47137583456908061, 4.31120287604004115 51.46575800472987794, 4.31223907051422461 51.4601269338007512, 4.31116656201500703 51.46017328639394606, 4.30847191966707399 51.46540730977967115, 4.3073588460990786 51.46621685373012411, 4.30418234956114798 51.46581574812950777, 4.30391751520583021 51.46664307884676504, 4.3014467933192515 51.4666208580088167, 4.2995648004077287 51.46639311944333883, 4.29951252119136917 51.46602468913290096, 4.29910013592304541 51.46680089623791332, 4.29768493839008325 51.46622204816549839, 4.29766483641743058 51.45833942459060495, 4.2953508771430462 51.45800506990894974, 4.29363772495337592 51.45890168300854128, 4.28789192745560488 51.47054279468914473, 4.28965656892590363 51.47055609661471465, 4.29675504201747138 51.47074512698924309, 4.31254738031597817 51.47137583456908061, 4.31254738031597817 51.47137583456908061)))</t>
  </si>
  <si>
    <t>MultiPolygon (((4.2635782727947813 51.51238766473288422, 4.26840828692401608 51.51038038464264446, 4.26933665456190425 51.5107789980641968, 4.27885456835858768 51.5058590186583416, 4.27900647848925075 51.50318038593836434, 4.27825332501819489 51.50320382533442398, 4.27822421112482054 51.50242155398473898, 4.27958599715280918 51.49959755533674866, 4.27612443213437565 51.4987776500291119, 4.25525164395577171 51.49361444477643346, 4.25126788053682336 51.49353505475131243, 4.25382328721715997 51.49406355064446927, 4.25056347923690314 51.49664280652803683, 4.24638204111278839 51.49850629826777038, 4.24153916255636965 51.4995776164340171, 4.23236967831983257 51.49928763830192935, 4.22490611015162543 51.49649297295096062, 4.21892721258080527 51.50485845504699256, 4.21879978543523038 51.50896139555322861, 4.21993077863611088 51.51380292894332058, 4.23550633317247271 51.51226376639112914, 4.23928857542685655 51.5110453590645605, 4.25004444280525906 51.51854200289494656, 4.26148057755196952 51.51424126362534395, 4.2635782727947813 51.51238766473288422, 4.2635782727947813 51.51238766473288422)))</t>
  </si>
  <si>
    <t>MultiPolygon (((4.25525164395577171 51.49361444477643346, 4.27612443213437565 51.4987776500291119, 4.27734703348060563 51.49771225330736257, 4.27449981268014856 51.4952770856801294, 4.27526802965818398 51.49376319555786807, 4.28170926561408205 51.49318103721471118, 4.28170726551966485 51.49315009308984514, 4.28172160423595205 51.49225613742353858, 4.28107468432870331 51.49097346135830122, 4.27793222887323843 51.49033416863480994, 4.27652060981931204 51.48908723685244127, 4.27624889900999783 51.487826558304846, 4.26835728959061189 51.48841483350792458, 4.26622400264391732 51.49006567354876296, 4.26218753377550197 51.49006722881174625, 4.25894081854942197 51.49118412311614179, 4.25816669224255939 51.49283355784073279, 4.25525164395577171 51.49361444477643346, 4.25525164395577171 51.49361444477643346)))</t>
  </si>
  <si>
    <t>MultiPolygon (((4.28489397189449228 51.48005213650946388, 4.28898704724765878 51.4816365305203405, 4.2957365269517469 51.48267834925415798, 4.29639458359824999 51.47647895483522262, 4.29675504201747138 51.47074512698924309, 4.28965656892590363 51.47055609661471465, 4.28808705884415708 51.47173499831644961, 4.28633705139284071 51.47512508691441013, 4.28656479529376355 51.47658512921137941, 4.28489397189449228 51.48005213650946388, 4.28489397189449228 51.48005213650946388)))</t>
  </si>
  <si>
    <t>MultiPolygon (((4.25126788053682336 51.49353505475131243, 4.25525164395577171 51.49361444477643346, 4.25816669224255939 51.49283355784073279, 4.25894081854942197 51.49118412311614179, 4.26218753377550197 51.49006722881174625, 4.26622400264391732 51.49006567354876296, 4.26835728959061189 51.48841483350792458, 4.27624889900999783 51.487826558304846, 4.27652060981931204 51.48908723685244127, 4.27957727834836366 51.48769660626523148, 4.28489397189449228 51.48005213650946388, 4.28656479529376355 51.47658512921137941, 4.28633705139284071 51.47512508691441013, 4.28808705884415708 51.47173499831644961, 4.28965656892590363 51.47055609661471465, 4.28789192745560488 51.47054279468914473, 4.27324631920539222 51.47040911791702911, 4.25955921728071463 51.47749830507563473, 4.25890859937330291 51.47928600513660058, 4.26146766298228297 51.48178956383505067, 4.24682751791263957 51.49115399244028168, 4.24974975737014393 51.49188970360533091, 4.25126788053682336 51.49353505475131243, 4.25126788053682336 51.49353505475131243)))</t>
  </si>
  <si>
    <t>MultiPolygon (((4.31797760791427088 51.55121575304360704, 4.31630879899797115 51.54549683927876202, 4.3082810922665562 51.54671646481190095, 4.30690922113396635 51.54350492421142604, 4.31462387833623495 51.54107526204879264, 4.32757467124899708 51.53519402816652217, 4.32872558232788318 51.53175285842327469, 4.32841350123798208 51.53072657478100638, 4.3256494445004634 51.52961400555017946, 4.32953525732314226 51.52932464640674937, 4.32988623760971603 51.52823959085656469, 4.33764582830275458 51.52756297462662616, 4.34277741985145571 51.52638956208058119, 4.34045715032762303 51.52266950649481458, 4.34081508370186064 51.52178897142301395, 4.3421944793416154 51.51804975587988622, 4.35014020069665275 51.51837319579828289, 4.3515972413748969 51.51770076395818165, 4.35246378807683154 51.51429938543316922, 4.35055460160883811 51.50570102035928954, 4.35395941069981074 51.50645098122755883, 4.35439754580530547 51.50577845988444636, 4.3511802755021094 51.50385055920062882, 4.34954018482792115 51.50348101178467175, 4.35158964184137886 51.49992841635229013, 4.35817254573165158 51.49260335310096792, 4.36387955185553356 51.49118681213607118, 4.37264351719078537 51.48777250804629801, 4.37182295033271728 51.48390628951880643, 4.37165506631461565 51.47909324155470046, 4.36163242629996351 51.47637176652062863, 4.36266838344216445 51.47168549869369514, 4.36139683363725883 51.47121915932926584, 4.36696586550934018 51.45671886284281271, 4.35976900382148891 51.45791304045233971, 4.34430830976169791 51.46058696752371731, 4.34018303776105707 51.46254827109633823, 4.32737189550191204 51.4724380431436046, 4.31562853812845049 51.47871996303295816, 4.31669178994261138 51.48912642986221755, 4.31692827500228837 51.49442771024856569, 4.31559296897176381 51.49873726388444339, 4.31125901733313555 51.50588944707837413, 4.30935041014848341 51.50947658641127447, 4.31170008452824938 51.51940973227180365, 4.31127439974184057 51.52384859925893323, 4.30789400790202137 51.52941892909349519, 4.29919805649012954 51.53522468294877967, 4.29513393370327101 51.53950947321878573, 4.29759424404392476 51.54337714133498594, 4.294187903555855 51.54340192706499835, 4.29716039628026891 51.55365762118999129, 4.31797760791427088 51.55121575304360704)))</t>
  </si>
  <si>
    <t>MultiPolygon (((4.32737189550191204 51.4724380431436046, 4.34018303776105707 51.46254827109633823, 4.33651470945097017 51.45980063313165687, 4.3279611488238503 51.46424161275323428, 4.32421585609185399 51.46229142472407858, 4.32419103787470682 51.46140710780397853, 4.3224773019273206 51.46029990310474034, 4.32001065570690912 51.46058933889905518, 4.31223907051422461 51.4601269338007512, 4.31120287604004115 51.46575800472987794, 4.31254738031597817 51.47137583456908061, 4.31562853812845049 51.47871996303295816, 4.32737189550191204 51.4724380431436046, 4.32737189550191204 51.4724380431436046)))</t>
  </si>
  <si>
    <t>MultiPolygon (((4.29720887011618125 51.49856994378770736, 4.30226847668585854 51.50301273071541885, 4.30742474477935833 51.50511774403761223, 4.31125901733313555 51.50588944707837413, 4.31559296897176381 51.49873726388444339, 4.30643436480572106 51.49731440999970289, 4.29720887011618125 51.49856994378770736, 4.29720887011618125 51.49856994378770736)))</t>
  </si>
  <si>
    <t>MultiPolygon (((4.2957365269517469 51.48267834925415798, 4.29565938327111674 51.48379029325322875, 4.3005273630069949 51.47956010521111381, 4.30158584028223245 51.47743457857882277, 4.29797318609223389 51.47637290105000574, 4.29639458359824999 51.47647895483522262, 4.2957365269517469 51.48267834925415798, 4.2957365269517469 51.48267834925415798)))</t>
  </si>
  <si>
    <t>MultiPolygon (((4.3005273630069949 51.47956010521111381, 4.30264832267873665 51.47983972086843352, 4.3063248880459204 51.47988831062117754, 4.31249854301145685 51.48096281138617059, 4.31562853812845049 51.47871996303295816, 4.31254738031597817 51.47137583456908061, 4.29675504201747138 51.47074512698924309, 4.29639458359824999 51.47647895483522262, 4.29797318609223389 51.47637290105000574, 4.30158584028223245 51.47743457857882277, 4.3005273630069949 51.47956010521111381, 4.3005273630069949 51.47956010521111381)))</t>
  </si>
  <si>
    <t>MultiPolygon (((4.30585744463198328 51.48927434844451057, 4.31669178994261138 51.48912642986221755, 4.31562853812845049 51.47871996303295816, 4.31249854301145685 51.48096281138617059, 4.3063248880459204 51.47988831062117754, 4.30264832267873665 51.47983972086843352, 4.30114479210797551 51.48652385100876927, 4.30261749657207915 51.48654388332641929, 4.30419194989086318 51.48894996967067783, 4.30585744463198328 51.48927434844451057, 4.30585744463198328 51.48927434844451057)))</t>
  </si>
  <si>
    <t>MultiPolygon (((4.30643436480572106 51.49731440999970289, 4.31559296897176381 51.49873726388444339, 4.31692827500228837 51.49442771024856569, 4.31669178994261138 51.48912642986221755, 4.30585744463198328 51.48927434844451057, 4.30797696831911825 51.49476804287241549, 4.30643436480572106 51.49731440999970289, 4.30643436480572106 51.49731440999970289)))</t>
  </si>
  <si>
    <t>MultiPolygon (((4.29526230291868227 51.48923625308425045, 4.30419194989086318 51.48894996967067783, 4.30261749657207915 51.48654388332641929, 4.30114479210797551 51.48652385100876927, 4.30264832267873665 51.47983972086843352, 4.3005273630069949 51.47956010521111381, 4.29565938327111674 51.48379029325322875, 4.29526230291868227 51.48923625308425045, 4.29526230291868227 51.48923625308425045)))</t>
  </si>
  <si>
    <t>MultiPolygon (((4.29720887011618125 51.49856994378770736, 4.30643436480572106 51.49731440999970289, 4.30797696831911825 51.49476804287241549, 4.30585744463198328 51.48927434844451057, 4.30419194989086318 51.48894996967067783, 4.29526230291868227 51.48923625308425045, 4.29591137091413433 51.49453644967973531, 4.29616587335752698 51.49569514630558587, 4.29720887011618125 51.49856994378770736, 4.29720887011618125 51.49856994378770736)))</t>
  </si>
  <si>
    <t>MultiPolygon (((4.2788120252063635 51.51176103393737549, 4.28629428021559811 51.51410285710868209, 4.29268247881191467 51.51420954982108213, 4.29308847388155623 51.51305842250207689, 4.29193387836870244 51.51003920116767887, 4.28894236554525587 51.50784696318182654, 4.28565199504134053 51.50649904564648551, 4.27885456835858768 51.5058590186583416, 4.26933665456190425 51.5107789980641968, 4.2788120252063635 51.51176103393737549, 4.2788120252063635 51.51176103393737549)))</t>
  </si>
  <si>
    <t>MultiPolygon (((4.27885456835858768 51.5058590186583416, 4.28565199504134053 51.50649904564648551, 4.29019493382614847 51.50311500819274357, 4.28857583687361288 51.50099031132759819, 4.28116070225597056 51.49975209475668692, 4.27958599715280918 51.49959755533674866, 4.27822421112482054 51.50242155398473898, 4.27825332501819489 51.50320382533442398, 4.27900647848925075 51.50318038593836434, 4.27885456835858768 51.5058590186583416, 4.27885456835858768 51.5058590186583416)))</t>
  </si>
  <si>
    <t>MultiPolygon (((4.29268247881191467 51.51420954982108213, 4.29380358911949411 51.51416820790851858, 4.30528812665400107 51.51058710520999995, 4.29942684446842538 51.50687107369533635, 4.29841600780340372 51.50755862461215173, 4.29019493382614847 51.50311500819274357, 4.28565199504134053 51.50649904564648551, 4.28894236554525587 51.50784696318182654, 4.29193387836870244 51.51003920116767887, 4.29308847388155623 51.51305842250207689, 4.29268247881191467 51.51420954982108213, 4.29268247881191467 51.51420954982108213)))</t>
  </si>
  <si>
    <t>MultiPolygon (((4.30528812665400107 51.51058710520999995, 4.30935041014848341 51.50947658641127447, 4.31125901733313555 51.50588944707837413, 4.30742474477935833 51.50511774403761223, 4.30226847668585854 51.50301273071541885, 4.29720887011618125 51.49856994378770736, 4.28857583687361288 51.50099031132759819, 4.29019493382614847 51.50311500819274357, 4.29841600780340372 51.50755862461215173, 4.29942684446842538 51.50687107369533635, 4.30528812665400107 51.51058710520999995, 4.30528812665400107 51.51058710520999995)))</t>
  </si>
  <si>
    <t>MultiPolygon (((4.28907154690153991 51.49028513916381655, 4.2918244016533782 51.49127837752652681, 4.29591137091413433 51.49453644967973531, 4.29526230291868227 51.48923625308425045, 4.29565938327111674 51.48379029325322875, 4.29541670365953454 51.48391779420070691, 4.28969217977486306 51.48692488291137437, 4.28907154690153991 51.49028513916381655, 4.28907154690153991 51.49028513916381655)))</t>
  </si>
  <si>
    <t>MultiPolygon (((4.28172160423595205 51.49225613742353858, 4.28546994385726787 51.49056761593647735, 4.28681012238064607 51.48847022923391847, 4.28553958913109234 51.48514089731858689, 4.29148274785567896 51.48273661185258021, 4.29492210955567089 51.48333674393696668, 4.29541670365953454 51.48391779420070691, 4.29565938327111674 51.48379029325322875, 4.2957365269517469 51.48267834925415798, 4.28898704724765878 51.4816365305203405, 4.28489397189449228 51.48005213650946388, 4.27957727834836366 51.48769660626523148, 4.27652060981931204 51.48908723685244127, 4.27793222887323843 51.49033416863480994, 4.28107468432870331 51.49097346135830122, 4.28172160423595205 51.49225613742353858, 4.28172160423595205 51.49225613742353858)))</t>
  </si>
  <si>
    <t>MultiPolygon (((4.28546994385726787 51.49056761593647735, 4.28907154690153991 51.49028513916381655, 4.28969217977486306 51.48692488291137437, 4.29541670365953454 51.48391779420070691, 4.29492210955567089 51.48333674393696668, 4.29148274785567896 51.48273661185258021, 4.28553958913109234 51.48514089731858689, 4.28681012238064607 51.48847022923391847, 4.28546994385726787 51.49056761593647735, 4.28546994385726787 51.49056761593647735)))</t>
  </si>
  <si>
    <t>MultiPolygon (((4.29379377293754594 51.49558092239433904, 4.29616587335752698 51.49569514630558587, 4.29591137091413433 51.49453644967973531, 4.2918244016533782 51.49127837752652681, 4.28907154690153991 51.49028513916381655, 4.28546994385726787 51.49056761593647735, 4.28172160423595205 51.49225613742353858, 4.28170726551966485 51.49315009308984514, 4.28610736980664075 51.49146956188471336, 4.2883447386234046 51.49144948129712418, 4.29143957224794992 51.4927764098478562, 4.29379377293754594 51.49558092239433904, 4.29379377293754594 51.49558092239433904)))</t>
  </si>
  <si>
    <t>MultiPolygon (((4.28116070225597056 51.49975209475668692, 4.28857583687361288 51.50099031132759819, 4.29720887011618125 51.49856994378770736, 4.29616587335752698 51.49569514630558587, 4.29379377293754594 51.49558092239433904, 4.29458285159568209 51.49639591274932826, 4.28950653743272081 51.49828997212505044, 4.28368371084567823 51.49739587643655625, 4.28116070225597056 51.49975209475668692, 4.28116070225597056 51.49975209475668692)))</t>
  </si>
  <si>
    <t>MultiPolygon (((4.27958599715280918 51.49959755533674866, 4.28116070225597056 51.49975209475668692, 4.28368371084567823 51.49739587643655625, 4.28218533947170155 51.496772247235306, 4.28170926561408205 51.49318103721471118, 4.27526802965818398 51.49376319555786807, 4.27449981268014856 51.4952770856801294, 4.27734703348060563 51.49771225330736257, 4.27612443213437565 51.4987776500291119, 4.27958599715280918 51.49959755533674866, 4.27958599715280918 51.49959755533674866)))</t>
  </si>
  <si>
    <t>MultiPolygon (((4.28368371084567823 51.49739587643655625, 4.28950653743272081 51.49828997212505044, 4.29458285159568209 51.49639591274932826, 4.29379377293754594 51.49558092239433904, 4.29143957224794992 51.4927764098478562, 4.2883447386234046 51.49144948129712418, 4.28610736980664075 51.49146956188471336, 4.28170726551966485 51.49315009308984514, 4.28170926561408205 51.49318103721471118, 4.28218533947170155 51.496772247235306, 4.28368371084567823 51.49739587643655625, 4.28368371084567823 51.49739587643655625)))</t>
  </si>
  <si>
    <t>MultiPolygon (((5.9597454215026735 53.20938249256009556, 5.959224912262993 53.2067021612617026, 5.9654818385593753 53.19803457126664625, 5.95093521763693634 53.1949048818570347, 5.93864605213952945 53.19372646964612983, 5.93735161965952951 53.19534761083394869, 5.93130642601289715 53.20319449781029419, 5.93083875852857823 53.20669207823179647, 5.93384025373171919 53.20888893289728117, 5.95302274807257614 53.2101484136510976, 5.9597454215026735 53.20938249256009556, 5.9597454215026735 53.20938249256009556)),((5.95597354452424987 53.22805631556452965, 5.96614091774544875 53.2280609575818815, 5.97175806050082603 53.22794659541727924, 5.98534653975851771 53.23065829102240798, 5.98117574762019277 53.21952011303057617, 5.98059174054638643 53.2157661059939926, 5.96927777823945593 53.21179534883807349, 5.96941352266533265 53.21020420938269524, 5.96959218203765296 53.20811920456501554, 5.96840868804709856 53.20783066118180216, 5.95986366169883297 53.20939259877397376, 5.96219670635833232 53.22319196833305455, 5.94995627729477228 53.2235240656515316, 5.93855539639809393 53.22017646334880681, 5.92856213272653854 53.22008100559209254, 5.92874504597699215 53.22260010972821931, 5.93602421382632439 53.2233954056344345, 5.93587377154190765 53.22510787035296431, 5.93819441912284418 53.22733074476820292, 5.93789850889728488 53.23100725084419338, 5.9541048008022992 53.23222189717599662, 5.95597354452424987 53.22805631556452965, 5.95597354452424987 53.22805631556452965)))</t>
  </si>
  <si>
    <t>MultiPolygon (((5.92827630379827308 53.21780385452116491, 5.92856213272653854 53.22008100559209254, 5.93855539639809393 53.22017646334880681, 5.94995627729477228 53.2235240656515316, 5.96219670635833232 53.22319196833305455, 5.95986366169883297 53.20939259877397376, 5.9597454215026735 53.20938249256009556, 5.95302274807257614 53.2101484136510976, 5.93384025373171919 53.20888893289728117, 5.92337041080479576 53.2088873254735546, 5.9240997774861377 53.21300626968647407, 5.92655993436434603 53.21355740418573532, 5.92827630379827308 53.21780385452116491, 5.92827630379827308 53.21780385452116491)))</t>
  </si>
  <si>
    <t>MultiPolygon (((6.01514034248076168 53.24052854659743872, 6.01979068059862588 53.24091399317086371, 6.02739523512170816 53.23016431427320327, 6.03045908319933766 53.22606066234430955, 6.03197203857031461 53.22208756915522798, 6.02949686321905087 53.22167345869793564, 6.02903261230591969 53.22357194192360197, 6.02357913733067285 53.22250056782666405, 6.01055625519683456 53.21306577875825639, 6.00842577249581034 53.21184933440960663, 6.00099761157593647 53.20953487039291474, 5.98535286427239654 53.20693864889499025, 5.98442139045643273 53.21025623647096126, 5.96941352266533265 53.21020420938269524, 5.96927777823945593 53.21179534883807349, 5.98059174054638643 53.2157661059939926, 5.98117574762019277 53.21952011303057617, 5.98534653975851771 53.23065829102240798, 6.00959844329284198 53.23854232638262118, 6.01514034248076168 53.24052854659743872, 6.01514034248076168 53.24052854659743872),(6.00592417661520805 53.23639965159254928, 6.00178079426271349 53.2357379843298375, 5.99725155618443306 53.23387149911032878, 5.9987470767401172 53.23022961176614132, 5.99471501574688848 53.22964523932995462, 5.99802488202336548 53.22057136722190052, 6.00175757322447101 53.21985141738144875, 6.00801391700048715 53.2204639395658603, 6.01118197013981792 53.22191555604939595, 6.00592417661520805 53.23639965159254928, 6.00592417661520805 53.23639965159254928)))</t>
  </si>
  <si>
    <t>MultiPolygon (((6.00592417661520805 53.23639965159254928, 6.01118197013981792 53.22191555604939595, 6.00801391700048715 53.2204639395658603, 6.00175757322447101 53.21985141738144875, 5.99802488202336548 53.22057136722190052, 5.99471501574688848 53.22964523932995462, 5.9987470767401172 53.23022961176614132, 5.99725155618443306 53.23387149911032878, 6.00178079426271349 53.2357379843298375, 6.00592417661520805 53.23639965159254928, 6.00592417661520805 53.23639965159254928)))</t>
  </si>
  <si>
    <t>MultiPolygon (((6.02739523512170816 53.23016431427320327, 6.0445032753792276 53.22586216912321078, 6.08628898252013695 53.21502598378672388, 6.08169967378310972 53.21408576899575138, 6.08030251251899934 53.21327587592853092, 6.08177458688441952 53.21143159820287138, 6.07927026852390107 53.21076844766979264, 6.07926411431969438 53.20964709336528387, 6.08292280845617217 53.20997804240145257, 6.0840157344098964 53.2085112900438304, 6.07921094089238245 53.20683540968646952, 6.08128934289833101 53.20266550581073517, 6.05976260676586787 53.19931710491960786, 6.04841140463642279 53.19829348836377392, 6.03331283523001716 53.19489206689441119, 6.03179157143201827 53.20095053920667283, 6.03385154731547146 53.21190946389118182, 6.03197203857031461 53.22208756915522798, 6.03045908319933766 53.22606066234430955, 6.02739523512170816 53.23016431427320327, 6.02739523512170816 53.23016431427320327),(6.06362870433275969 53.21582932759083917, 6.0608056140306461 53.2162316018283974, 6.05599896833490359 53.21382670261960612, 6.05654531384689054 53.21305368276508574, 6.05882568680660505 53.2131835887402076, 6.05982575891968622 53.20635436453752476, 6.06917227985974339 53.20747761799324138, 6.07233827553762584 53.21156274243588769, 6.06362870433275969 53.21582932759083917, 6.06362870433275969 53.21582932759083917)))</t>
  </si>
  <si>
    <t>MultiPolygon (((6.08128934289833101 53.20266550581073517, 6.0814024626969303 53.2024243603188367, 6.08225359652925412 53.1984289970276194, 6.0853042430149058 53.1942230957263078, 6.08880273731055688 53.19273156172346262, 6.09885230344745022 53.18645534439964706, 6.10232043370827881 53.18222223160995554, 6.1089467486754252 53.17633173227728349, 6.1093542602020614 53.17705721479231329, 6.11459342102939729 53.17597764529902093, 6.11341712989573782 53.17295096361797846, 6.10501297725506209 53.15179939790013464, 6.10452976995217789 53.15042143174623845, 6.09394307852978656 53.15613437734847224, 6.08879953765771731 53.15392826133268755, 6.0857600849296567 53.15711798089827766, 6.08675035530561548 53.15804280620004363, 6.08432571978424974 53.15865228241374751, 6.07893164736119473 53.15645515507559082, 6.06165891206524243 53.1566022974383614, 6.04903488321265304 53.15641758118807303, 6.03020365988776419 53.17899477689480392, 6.04276064031682747 53.17685215612187477, 6.04243420141942345 53.17850622651863546, 6.03611646135673308 53.17991205976768754, 6.03500610313361108 53.1807717239009321, 6.03479315732155097 53.18353435470257295, 6.02962902110193699 53.1882550111768353, 6.02811595529186661 53.19195124611290737, 6.03333518326012452 53.19429101688702133, 6.03331283523001716 53.19489206689441119, 6.04841140463642279 53.19829348836377392, 6.05976260676586787 53.19931710491960786, 6.08128934289833101 53.20266550581073517, 6.08128934289833101 53.20266550581073517),(6.07140718516637357 53.18754542948093444, 6.06877625645016572 53.18748571565502914, 6.06763503478796551 53.18683004683040139, 6.05539529454635694 53.18755484135903089, 6.05356419403607315 53.18202409345555992, 6.04813896843778132 53.17792396690228429, 6.05693261807358763 53.17185852316303141, 6.06175398100604657 53.16704703147694744, 6.06227373922852752 53.16528734873275397, 6.0683377613201035 53.16427806826925462, 6.07044008754682096 53.1670394027270703, 6.07079797494052809 53.16962532195255164, 6.07740337713601164 53.17666504432954611, 6.0775684806225021 53.18569664624670423, 6.07673375338846711 53.18626756291596536, 6.07314251078941947 53.18649371137109227, 6.07140718516637357 53.18754542948093444, 6.07140718516637357 53.18754542948093444)))</t>
  </si>
  <si>
    <t>MultiPolygon (((6.06362870433275969 53.21582932759083917, 6.07233827553762584 53.21156274243588769, 6.06917227985974339 53.20747761799324138, 6.05982575891968622 53.20635436453752476, 6.05882568680660505 53.2131835887402076, 6.05654531384689054 53.21305368276508574, 6.05599896833490359 53.21382670261960612, 6.0608056140306461 53.2162316018283974, 6.06362870433275969 53.21582932759083917, 6.06362870433275969 53.21582932759083917)))</t>
  </si>
  <si>
    <t>MultiPolygon (((6.07140718516637357 53.18754542948093444, 6.07314251078941947 53.18649371137109227, 6.07673375338846711 53.18626756291596536, 6.0775684806225021 53.18569664624670423, 6.07740337713601164 53.17666504432954611, 6.07079797494052809 53.16962532195255164, 6.07044008754682096 53.1670394027270703, 6.0683377613201035 53.16427806826925462, 6.06227373922852752 53.16528734873275397, 6.06175398100604657 53.16704703147694744, 6.05693261807358763 53.17185852316303141, 6.04813896843778132 53.17792396690228429, 6.05356419403607315 53.18202409345555992, 6.05539529454635694 53.18755484135903089, 6.06763503478796551 53.18683004683040139, 6.06877625645016572 53.18748571565502914, 6.07140718516637357 53.18754542948093444, 6.07140718516637357 53.18754542948093444)))</t>
  </si>
  <si>
    <t>MultiPolygon (((6.01050099795823822 53.18901641555627435, 6.01894678281630569 53.19170167794277404, 6.03331283523001716 53.19489206689441119, 6.03333518326012452 53.19429101688702133, 6.02811595529186661 53.19195124611290737, 6.02962902110193699 53.1882550111768353, 6.03479315732155097 53.18353435470257295, 6.03500610313361108 53.1807717239009321, 6.03611646135673308 53.17991205976768754, 6.04243420141942345 53.17850622651863546, 6.04276064031682747 53.17685215612187477, 6.03020365988776419 53.17899477689480392, 6.04903488321265304 53.15641758118807303, 6.04060282873158183 53.15648788334264907, 6.0130982967207256 53.1545368030919434, 6.00124751923770106 53.14962078911172938, 6.00086649923443094 53.14946160793220997, 5.99416703005720386 53.1591681885657934, 5.99403162942879142 53.1751093221974287, 5.99633957395274741 53.17587658310992538, 5.99637837550258368 53.17247354008403448, 6.00845998887884924 53.17242558376882045, 6.01091041964915274 53.17196468858088565, 6.01102199363122836 53.17109696836209309, 6.01296153197600969 53.17108854542322405, 6.0152475595081869 53.17785758236548332, 6.01419412693954314 53.17875157608312975, 6.00970062521628634 53.17819820712090717, 6.00811664125836487 53.17851194056337505, 6.00720057914147976 53.18755366487083336, 6.01050099795823822 53.18901641555627435, 6.01050099795823822 53.18901641555627435)))</t>
  </si>
  <si>
    <t>MultiPolygon (((5.98905503706785858 53.18549511741280611, 6.00278544250789547 53.18625717327791591, 6.00720057914147976 53.18755366487083336, 6.00811664125836487 53.17851194056337505, 6.00970062521628634 53.17819820712090717, 6.01419412693954314 53.17875157608312975, 6.0152475595081869 53.17785758236548332, 6.01296153197600969 53.17108854542322405, 6.01102199363122836 53.17109696836209309, 6.01091041964915274 53.17196468858088565, 6.00845998887884924 53.17242558376882045, 5.99637837550258368 53.17247354008403448, 5.99633957395274741 53.17587658310992538, 5.99403162942879142 53.1751093221974287, 5.99116077402030633 53.17741971254889677, 5.98899324497468921 53.18073292016966036, 5.98905503706785858 53.18549511741280611, 5.98905503706785858 53.18549511741280611)))</t>
  </si>
  <si>
    <t>MultiPolygon (((5.97695588748649431 53.18659927430127254, 5.98905503706785858 53.18549511741280611, 5.98899324497468921 53.18073292016966036, 5.99116077402030633 53.17741971254889677, 5.99403162942879142 53.1751093221974287, 5.99416703005720386 53.1591681885657934, 6.00086649923443094 53.14946160793220997, 5.98684427520479545 53.14183455404400291, 5.98005115617761707 53.14413121463471157, 5.97351217543886648 53.14177031110818206, 5.96110963177192232 53.14604926057381817, 5.95713447228087478 53.14223179206616976, 5.950623417341105 53.13787743515156592, 5.9232993295780858 53.15295950071057973, 5.93191797993026437 53.16108407536458458, 5.93374567838138134 53.16886847852905618, 5.93277877335098314 53.17029890060566544, 5.93790951148276225 53.17324160978160563, 5.95593252000126849 53.18112174399095693, 5.9600910219774299 53.18395944581890689, 5.97076422528738959 53.18561978206620466, 5.97423528812583093 53.18675471285792611, 5.97695588748649431 53.18659927430127254, 5.97695588748649431 53.18659927430127254),(5.97052060076990898 53.17032253316305201, 5.96917441638287904 53.17151689722224006, 5.96468958614793898 53.17007669371148637, 5.95499003415554995 53.165151022138744, 5.96146672070946426 53.16216830291903506, 5.96033844846234384 53.15905166171569363, 5.97001888298128325 53.15905552823124935, 5.97984742751502996 53.16298472807593356, 5.97727391797272034 53.168048995405357, 5.97530163045959295 53.16990926997692668, 5.97218977657056804 53.17123152104482386, 5.97052060076990898 53.17032253316305201, 5.97052060076990898 53.17032253316305201)))</t>
  </si>
  <si>
    <t>MultiPolygon (((5.950623417341105 53.13787743515156592, 5.95713447228087478 53.14223179206616976, 5.96110963177192232 53.14604926057381817, 5.97351217543886648 53.14177031110818206, 5.98005115617761707 53.14413121463471157, 5.98684427520479545 53.14183455404400291, 5.97487964342940536 53.1348928175158548, 5.96187128549018119 53.13112626006914496, 5.950623417341105 53.13787743515156592)),((5.950623417341105 53.13787743515156592, 5.94016656503526974 53.13275697300968403, 5.93263957888332794 53.12993169113212133, 5.93240168785767086 53.12813355099384438, 5.92729832102693788 53.12917504380813938, 5.92335599300149163 53.13090985419218271, 5.90862880904407284 53.14478049312010199, 5.91896219876112362 53.14917262640840789, 5.9232993295780858 53.15295950071057973, 5.950623417341105 53.13787743515156592)))</t>
  </si>
  <si>
    <t>MultiPolygon (((5.97052060076990898 53.17032253316305201, 5.97218977657056804 53.17123152104482386, 5.97530163045959295 53.16990926997692668, 5.97727391797272034 53.168048995405357, 5.97984742751502996 53.16298472807593356, 5.97001888298128325 53.15905552823124935, 5.96033844846234384 53.15905166171569363, 5.96146672070946426 53.16216830291903506, 5.95499003415554995 53.165151022138744, 5.96468958614793898 53.17007669371148637, 5.96917441638287904 53.17151689722224006, 5.97052060076990898 53.17032253316305201, 5.97052060076990898 53.17032253316305201)))</t>
  </si>
  <si>
    <t>MultiPolygon (((5.95095390619576659 53.12657759582431538, 5.95015779042263571 53.12624582223170933, 5.94834450371534729 53.12625754667617883, 5.94327751144304095 53.12444186650063216, 5.94345966643649337 53.12161397925926565, 5.93858042091211047 53.12540383693780655, 5.93240168785767086 53.12813355099384438, 5.93263957888332794 53.12993169113212133, 5.94016656503526974 53.13275697300968403, 5.950623417341105 53.13787743515156592, 5.96187128549018119 53.13112626006914496, 5.95096841383373842 53.1274471761716427, 5.95095390619576659 53.12657759582431538, 5.95095390619576659 53.12657759582431538)))</t>
  </si>
  <si>
    <t>MultiPolygon (((5.93735161965952951 53.19534761083394869, 5.93864605213952945 53.19372646964612983, 5.95093521763693634 53.1949048818570347, 5.9600910219774299 53.18395944581890689, 5.95593252000126849 53.18112174399095693, 5.93790951148276225 53.17324160978160563, 5.93641204386405263 53.17450649839553023, 5.93271489226731674 53.18766515288810126, 5.93085754462717851 53.18973470691133087, 5.92449541142703229 53.19112865990518912, 5.91582469049915005 53.18985751393316264, 5.91590689235394684 53.18520250747481271, 5.91404474663069735 53.17735653832072273, 5.91556627479647901 53.16875855275439022, 5.88028369990177957 53.17031982795777623, 5.86193687398289409 53.17151871382134232, 5.85706544959307696 53.18141687884754276, 5.87843119314479612 53.18351980177464355, 5.88073141468527982 53.18283024509871382, 5.8834555935525632 53.18454988922238869, 5.88491433914380924 53.18834932227619561, 5.91508874557288866 53.19146247370226632, 5.91659662982119272 53.1920578736193832, 5.91685914027779702 53.19308727265969594, 5.92145715597973332 53.19334992886305002, 5.93735161965952951 53.19534761083394869, 5.93735161965952951 53.19534761083394869)))</t>
  </si>
  <si>
    <t>MultiPolygon (((5.91685914027779702 53.19308727265969594, 5.91659662982119272 53.1920578736193832, 5.91508874557288866 53.19146247370226632, 5.88491433914380924 53.18834932227619561, 5.8834555935525632 53.18454988922238869, 5.88073141468527982 53.18283024509871382, 5.87843119314479612 53.18351980177464355, 5.85706544959307696 53.18141687884754276, 5.85497934133181808 53.18582265532818099, 5.8536727229859622 53.18893696463527476, 5.85097296118207222 53.19172083471000434, 5.86206967059531792 53.19359588263804284, 5.8574650775895245 53.20159964899109184, 5.85699214214469066 53.20293196400746183, 5.85766395750588309 53.2038663442875972, 5.85772756865105748 53.20406334829640116, 5.89789169890972698 53.20869718019726946, 5.90705190505867961 53.2110289584143743, 5.90820325113929012 53.20858798908510323, 5.91000042216855093 53.20830947491339202, 5.91640390736772837 53.20271304038976012, 5.92145715597973332 53.19334992886305002, 5.91685914027779702 53.19308727265969594, 5.91685914027779702 53.19308727265969594)))</t>
  </si>
  <si>
    <t>MultiPolygon (((5.93277877335098314 53.17029890060566544, 5.9259452186480237 53.16842742936601951, 5.91556627479647901 53.16875855275439022, 5.91404474663069735 53.17735653832072273, 5.91590689235394684 53.18520250747481271, 5.91582469049915005 53.18985751393316264, 5.92449541142703229 53.19112865990518912, 5.93085754462717851 53.18973470691133087, 5.93271489226731674 53.18766515288810126, 5.93641204386405263 53.17450649839553023, 5.93790951148276225 53.17324160978160563, 5.93277877335098314 53.17029890060566544, 5.93277877335098314 53.17029890060566544)))</t>
  </si>
  <si>
    <t>MultiPolygon (((5.89418824385692641 53.21764894208731533, 5.92827630379827308 53.21780385452116491, 5.92655993436434603 53.21355740418573532, 5.9240997774861377 53.21300626968647407, 5.92337041080479576 53.2088873254735546, 5.93384025373171919 53.20888893289728117, 5.93083875852857823 53.20669207823179647, 5.93130642601289715 53.20319449781029419, 5.93735161965952951 53.19534761083394869, 5.92145715597973332 53.19334992886305002, 5.91640390736772837 53.20271304038976012, 5.91000042216855093 53.20830947491339202, 5.90820325113929012 53.20858798908510323, 5.90705190505867961 53.2110289584143743, 5.90687425414231715 53.21136034435933482, 5.90556488239354405 53.21189521172470904, 5.90500363374326831 53.2124762440316772, 5.90497231125080368 53.21391784996811936, 5.90593209176855627 53.21501386969942615, 5.89786379975400443 53.21465807316012331, 5.89789976035205044 53.21538822444424, 5.89382134096291388 53.21551826894018689, 5.89418824385692641 53.21764894208731533)))</t>
  </si>
  <si>
    <t>MultiPolygon (((5.94960247830279965 53.23960103592615667, 5.9541048008022992 53.23222189717599662, 5.93789850889728488 53.23100725084419338, 5.93819441912284418 53.22733074476820292, 5.93587377154190765 53.22510787035296431, 5.93602421382632439 53.2233954056344345, 5.92874504597699215 53.22260010972821931, 5.92856213272653854 53.22008100559209254, 5.92827630379827308 53.21780385452116491, 5.89418824385692641 53.21764894208731533, 5.88901194960071717 53.21797642714845722, 5.88895268174063791 53.22095244748224019, 5.89711650605566984 53.22097013752973282, 5.89692656323586561 53.22296217262379514, 5.88917019811113462 53.22281573406520749, 5.88999197537816777 53.22499869691697683, 5.88065645497892842 53.2249757207103471, 5.87989228665695496 53.23324876283402318, 5.88675146744231359 53.23367010618183315, 5.9014201902266521 53.23503293717420348, 5.90740159838034806 53.23799713398725686, 5.91304034989326155 53.23796975302877854, 5.92124227770391887 53.23931620356186301, 5.94960247830279965 53.23960103592615667, 5.94960247830279965 53.23960103592615667),(5.89858868300685746 53.23191016564326361, 5.89772389117966966 53.22842853499006566, 5.90070911601423465 53.22850340674897041, 5.90131943265041059 53.22304592567872561, 5.9085761429946233 53.22263721468286946, 5.91126297324041605 53.22095866304059797, 5.92412798748511804 53.22094558706938727, 5.92417897672521576 53.2243340915427936, 5.92075851465668723 53.2241567190961149, 5.91992288981229464 53.22499553977394271, 5.91992606376405828 53.22878299234820787, 5.91259438761806777 53.23122347672337185, 5.90898066223771057 53.23319980306850141, 5.90305219494859479 53.23311423457041514, 5.89858868300685746 53.23191016564326361, 5.89858868300685746 53.23191016564326361)))</t>
  </si>
  <si>
    <t>MultiPolygon (((5.91259438761806777 53.23122347672337185, 5.91992606376405828 53.22878299234820787, 5.91992288981229464 53.22499553977394271, 5.92075851465668723 53.2241567190961149, 5.92417897672521576 53.2243340915427936, 5.92412798748511804 53.22094558706938727, 5.91126297324041605 53.22095866304059797, 5.9085761429946233 53.22263721468286946, 5.90131943265041059 53.22304592567872561, 5.90070911601423465 53.22850340674897041, 5.89772389117966966 53.22842853499006566, 5.89858868300685746 53.23191016564326361, 5.90305219494859479 53.23311423457041514, 5.90898066223771057 53.23319980306850141, 5.91259438761806777 53.23122347672337185)))</t>
  </si>
  <si>
    <t>MultiPolygon (((5.92124227770391887 53.23931620356186301, 5.91304034989326155 53.23796975302877854, 5.91319779455830918 53.23982965250269928, 5.9070780058970902 53.24471080516097743, 5.90644737438014644 53.24682740222714727, 5.9069972290423598 53.24758711505172215, 5.91376646464475098 53.24777438845705291, 5.91634031979680408 53.24631638479240081, 5.91960706407846082 53.24396623724189226, 5.92124227770391887 53.23931620356186301)),((5.87725307549039933 53.24986091163415125, 5.87902253503544703 53.24790660885897609, 5.87874028525264869 53.24640941715989584, 5.88250214141760441 53.24394930536715265, 5.88259040549559398 53.24119653470923907, 5.88675146744231359 53.23367010618183315, 5.87989228665695496 53.23324876283402318, 5.87792567382802922 53.23322012341584042, 5.87623043059939842 53.23231031052217332, 5.86869139920060334 53.23152446888394707, 5.8602557015726795 53.23121214449002991, 5.86028226208168412 53.23059756596562409, 5.8525538247393305 53.23047672986417922, 5.85924128079175954 53.24329273744594104, 5.86280252382417189 53.24803487167591953, 5.87191364509188851 53.24799730168024325, 5.87235319019822555 53.24872167411532331, 5.87725307549039933 53.24986091163415125)))</t>
  </si>
  <si>
    <t>MultiPolygon (((5.92577492457972888 53.25235319450209204, 5.94253281130904476 53.25047541000491691, 5.94960247830279965 53.23960103592615667, 5.92124227770391887 53.23931620356186301, 5.91960706407846082 53.24396623724189226, 5.91634031979680408 53.24631638479240081, 5.91376646464475098 53.24777438845705291, 5.9069972290423598 53.24758711505172215, 5.90804843118371359 53.24903935113714937, 5.92171712617324975 53.24899892020423664, 5.92577492457972888 53.25235319450209204, 5.92577492457972888 53.25235319450209204)))</t>
  </si>
  <si>
    <t>MultiPolygon (((5.89139870718028469 53.24459404801866214, 5.8937251569315956 53.24460390809108645, 5.89417928762505117 53.24538598576044279, 5.90052333728517819 53.24551851827871474, 5.90644737438014644 53.24682740222714727, 5.9070780058970902 53.24471080516097743, 5.91319779455830918 53.23982965250269928, 5.91304034989326155 53.23796975302877854, 5.90740159838034806 53.23799713398725686, 5.9014201902266521 53.23503293717420348, 5.88675146744231359 53.23367010618183315, 5.88259040549559398 53.24119653470923907, 5.88250214141760441 53.24394930536715265, 5.88334724080604321 53.24449225341653857, 5.89139870718028469 53.24459404801866214, 5.89139870718028469 53.24459404801866214)))</t>
  </si>
  <si>
    <t>MultiPolygon (((5.90983787392814985 53.25651264881579294, 5.9144481765053829 53.25864643507757279, 5.92295508348756883 53.25740505498633581, 5.92591366510403361 53.25472983109671787, 5.92577492457972888 53.25235319450209204, 5.92171712617324975 53.24899892020423664, 5.90804843118371359 53.24903935113714937, 5.91263383006402599 53.25282084118423143, 5.909925827078788 53.25449500005514381, 5.90983787392814985 53.25651264881579294, 5.90983787392814985 53.25651264881579294)))</t>
  </si>
  <si>
    <t>MultiPolygon (((5.87627913089899501 53.25952157026543432, 5.88951496884599734 53.25831676848392959, 5.88969077740520053 53.24934280173598466, 5.89067718400128282 53.24887815737393026, 5.89139870718028469 53.24459404801866214, 5.88334724080604321 53.24449225341653857, 5.88250214141760441 53.24394930536715265, 5.87874028525264869 53.24640941715989584, 5.87902253503544703 53.24790660885897609, 5.87725307549039933 53.24986091163415125, 5.87235319019822555 53.24872167411532331, 5.87191364509188851 53.24799730168024325, 5.86280252382417189 53.24803487167591953, 5.87627913089899501 53.25952157026543432, 5.87627913089899501 53.25952157026543432)))</t>
  </si>
  <si>
    <t>MultiPolygon (((5.91258833506270332 53.26027908207779404, 5.9144481765053829 53.25864643507757279, 5.90983787392814985 53.25651264881579294, 5.90638832406455094 53.25661522577404838, 5.90432272705212036 53.25730760700803756, 5.90496371002219789 53.25864931226713139, 5.89892612599509736 53.25927161571670609, 5.90431430331087093 53.26423268985525539, 5.91258833506270332 53.26027908207779404, 5.91258833506270332 53.26027908207779404)),((5.87461060430606441 53.28260171822126523, 5.88224459240506192 53.27678249235828645, 5.88959636620853999 53.27215697387789817, 5.88547196866165923 53.26986320433893951, 5.88279181296573839 53.27049598226633265, 5.88038607733268304 53.26510445524426274, 5.88414623295883032 53.26277011750870827, 5.88978474392966245 53.26180035485305808, 5.89028425821325108 53.26041954118615962, 5.88951496884599734 53.25831676848392959, 5.87627913089899501 53.25952157026543432, 5.85223412502132678 53.26173208668549819, 5.85315682589882957 53.26434779318663715, 5.84905874141551241 53.26525263296761636, 5.85405772552170145 53.27571827210425681, 5.85314006571195922 53.27860786438205309, 5.86084257990173718 53.28364947902703364, 5.86415362542187069 53.28687742374852121, 5.87461060430606441 53.28260171822126523, 5.87461060430606441 53.28260171822126523)))</t>
  </si>
  <si>
    <t>MultiPolygon (((5.83216102254338331 53.24285658941877131, 5.83101967384365505 53.24472280232344445, 5.83204473489702124 53.24640249234647627, 5.83316649188210246 53.24774478106545672, 5.82990306217774545 53.25535100632160379, 5.82970078729177033 53.2575821436838055, 5.83206254642711741 53.26033901974501816, 5.83253014994773888 53.26854722181856516, 5.83864916582624094 53.27494928424113141, 5.84751685114748909 53.28408599796241418, 5.84766081213852296 53.28516262403795878, 5.8607686192915418 53.28849380850127915, 5.861345661823127 53.28804438838670166, 5.86415362542187069 53.28687742374852121, 5.86084257990173718 53.28364947902703364, 5.85314006571195922 53.27860786438205309, 5.85405772552170145 53.27571827210425681, 5.84905874141551241 53.26525263296761636, 5.85315682589882957 53.26434779318663715, 5.85223412502132678 53.26173208668549819, 5.87627913089899501 53.25952157026543432, 5.86280252382417189 53.24803487167591953, 5.85924128079175954 53.24329273744594104, 5.83216102254338331 53.24285658941877131)))</t>
  </si>
  <si>
    <t>MultiPolygon (((5.89028425821325108 53.26041954118615962, 5.89892612599509736 53.25927161571670609, 5.90496371002219789 53.25864931226713139, 5.90432272705212036 53.25730760700803756, 5.90638832406455094 53.25661522577404838, 5.90983787392814985 53.25651264881579294, 5.909925827078788 53.25449500005514381, 5.91263383006402599 53.25282084118423143, 5.90804843118371359 53.24903935113714937, 5.9069972290423598 53.24758711505172215, 5.90644737438014644 53.24682740222714727, 5.90052333728517819 53.24551851827871474, 5.89417928762505117 53.24538598576044279, 5.8937251569315956 53.24460390809108645, 5.89139870718028469 53.24459404801866214, 5.89067718400128282 53.24887815737393026, 5.88969077740520053 53.24934280173598466, 5.88951496884599734 53.25831676848392959, 5.89028425821325108 53.26041954118615962, 5.89028425821325108 53.26041954118615962)))</t>
  </si>
  <si>
    <t>MultiPolygon (((5.88959636620853999 53.27215697387789817, 5.89156259097527357 53.27097951431893108, 5.90431430331087093 53.26423268985525539, 5.89892612599509736 53.25927161571670609, 5.89028425821325108 53.26041954118615962, 5.88978474392966245 53.26180035485305808, 5.88414623295883032 53.26277011750870827, 5.88038607733268304 53.26510445524426274, 5.88279181296573839 53.27049598226633265, 5.88547196866165923 53.26986320433893951, 5.88959636620853999 53.27215697387789817, 5.88959636620853999 53.27215697387789817)))</t>
  </si>
  <si>
    <t>MultiPolygon (((5.95986366169883297 53.20939259877397376, 5.96840868804709856 53.20783066118180216, 5.96959218203765296 53.20811920456501554, 5.96941352266533265 53.21020420938269524, 5.98442139045643273 53.21025623647096126, 5.98535286427239654 53.20693864889499025, 6.00099761157593647 53.20953487039291474, 6.00842577249581034 53.21184933440960663, 6.01055625519683456 53.21306577875825639, 6.02357913733067285 53.22250056782666405, 6.02903261230591969 53.22357194192360197, 6.02949686321905087 53.22167345869793564, 6.03197203857031461 53.22208756915522798, 6.03385154731547146 53.21190946389118182, 6.03179157143201827 53.20095053920667283, 6.03331283523001716 53.19489206689441119, 6.01894678281630569 53.19170167794277404, 6.01050099795823822 53.18901641555627435, 6.00808367700668988 53.1968522595413944, 6.0120525094211521 53.1978345447060903, 6.01093814473537957 53.19932756431794019, 6.00276123401181039 53.19812591622964248, 6.00069619958436462 53.20382845151226547, 5.99294138772270113 53.20268398242266983, 5.98446334595681417 53.20393636595822784, 5.97757412709246694 53.20273502433914814, 5.97567061043303482 53.20068530197875134, 5.97651832165168528 53.19866264865197536, 5.9725534228301429 53.19723872054191816, 5.97525300492163858 53.19229005402972632, 5.97442427872569226 53.19196444719386818, 5.97695588748649431 53.18659927430127254, 5.97423528812583093 53.18675471285792611, 5.97076422528738959 53.18561978206620466, 5.9600910219774299 53.18395944581890689, 5.95093521763693634 53.1949048818570347, 5.9654818385593753 53.19803457126664625, 5.959224912262993 53.2067021612617026, 5.9597454215026735 53.20938249256009556, 5.95986366169883297 53.20939259877397376, 5.95986366169883297 53.20939259877397376)))</t>
  </si>
  <si>
    <t>MultiPolygon (((6.00720057914147976 53.18755366487083336, 6.00278544250789547 53.18625717327791591, 5.98905503706785858 53.18549511741280611, 5.97695588748649431 53.18659927430127254, 5.97442427872569226 53.19196444719386818, 5.97525300492163858 53.19229005402972632, 5.9725534228301429 53.19723872054191816, 5.97651832165168528 53.19866264865197536, 5.97567061043303482 53.20068530197875134, 5.97757412709246694 53.20273502433914814, 5.98446334595681417 53.20393636595822784, 5.99294138772270113 53.20268398242266983, 6.00069619958436462 53.20382845151226547, 6.00276123401181039 53.19812591622964248, 6.01093814473537957 53.19932756431794019, 6.0120525094211521 53.1978345447060903, 6.00808367700668988 53.1968522595413944, 6.01050099795823822 53.18901641555627435, 6.00720057914147976 53.18755366487083336, 6.00720057914147976 53.18755366487083336)))</t>
  </si>
  <si>
    <t>MultiPolygon (((5.0109987571136303 52.25884528594814071, 5.01219597026151575 52.25429714903411593, 5.00705015442971302 52.23167299883946413, 5.0031906291312902 52.23136366932479291, 4.99982989308394465 52.23107987638589833, 4.99741494749529114 52.23081724392032044, 4.99472757658388122 52.23247422744987034, 4.99358728925279483 52.23209923401037713, 4.99472978613923058 52.23026634039360516, 4.98041377246840256 52.22684743805667296, 4.96857869098381588 52.24821959234851931, 4.96431820790616829 52.26032612821622081, 4.96538583099194852 52.2595613824911851, 4.97587167889737003 52.26018098385628008, 4.98660780787257174 52.25874910694891895, 4.99300124973177706 52.26041518130964647, 4.98938040233181646 52.26439815000055233, 4.99497617600641508 52.2646231291102481, 5.0045965747575023 52.26297837945119085, 5.00431049484309298 52.26248674393582405, 5.0109987571136303 52.25884528594814071, 5.0109987571136303 52.25884528594814071),(4.98565330412405139 52.24450219877721224, 4.9877044787196434 52.24421071625192781, 4.99441407623188471 52.24714095656938895, 4.99466480388491529 52.24827902506500976, 4.99338710514595796 52.25005355472219293, 4.98692592107063692 52.24822110543330211, 4.9839101485236208 52.24615390484738242, 4.98565330412405139 52.24450219877721224, 4.98565330412405139 52.24450219877721224)))</t>
  </si>
  <si>
    <t>MultiPolygon (((4.99338710514595796 52.25005355472219293, 4.99466480388491529 52.24827902506500976, 4.99441407623188471 52.24714095656938895, 4.9877044787196434 52.24421071625192781, 4.98565330412405139 52.24450219877721224, 4.9839101485236208 52.24615390484738242, 4.98692592107063692 52.24822110543330211, 4.99338710514595796 52.25005355472219293, 4.99338710514595796 52.25005355472219293)))</t>
  </si>
  <si>
    <t>MultiPolygon (((5.02154319639450808 52.30245685000956257, 5.02186720897998207 52.28265326889606968, 5.01491999559454094 52.25912783944817619, 5.00746303819222049 52.23170451688432081, 5.00746266225548897 52.23170448691486456, 5.00705015442971302 52.23167299883946413, 5.01219597026151575 52.25429714903411593, 5.0109987571136303 52.25884528594814071, 5.00431049484309298 52.26248674393582405, 5.0045965747575023 52.26297837945119085, 4.99497617600641508 52.2646231291102481, 4.98938040233181646 52.26439815000055233, 4.99300124973177706 52.26041518130964647, 4.98660780787257174 52.25874910694891895, 4.97587167889737003 52.26018098385628008, 4.96538583099194852 52.2595613824911851, 4.96431820790616829 52.26032612821622081, 4.96177254483329477 52.2606717632445239, 4.96041882804402068 52.2600734682358592, 4.96101411219257038 52.25796352878069939, 4.95839387369767515 52.25412852508082295, 4.95060523238121242 52.25431144984010956, 4.94562284116353013 52.25144412864182186, 4.93928099262942766 52.25277132349221176, 4.93127219890402646 52.2426803928497776, 4.92085611881878293 52.24545783381394415, 4.92020723043649078 52.24650979519527993, 4.91764819587983659 52.24775985870222428, 4.90810768424046628 52.24996751967453434, 4.90854705412741321 52.25268261461996389, 4.91097024713703778 52.25268223881956686, 4.91730328263891536 52.25681724349648505, 4.9185535566988916 52.25858617188879407, 4.91808687098425157 52.26166513574685268, 4.92313670311349494 52.26302317713367529, 4.92471362987109451 52.26693726045819943, 4.9293905103798874 52.26835333169634623, 4.92929998137113401 52.26995832238281992, 4.92801465590284948 52.27174215600535945, 4.9266514257436711 52.27244479130089871, 4.92765493270487287 52.27380831749791668, 4.92598569599724101 52.27807831272516381, 4.92640267741991256 52.27970926318862865, 4.92858719383954291 52.27961128047244443, 4.93375507646634492 52.28089576741019329, 4.94269151947004559 52.27818395998696133, 4.94666750060878258 52.27899155122057095, 4.95376491796347906 52.27802965052542561, 4.95524052492510236 52.27830490173320754, 4.95657150312616679 52.27866565106105412, 4.96105363428489454 52.27817420107842139, 4.96254801679275914 52.28028527469357556, 4.9655137435106953 52.28049326168146393, 4.96757649482986174 52.27956163708561377, 4.96758898246755098 52.27542981356881313, 4.96636291594669022 52.27574065296735029, 4.96334927763752898 52.27519306268790444, 4.95876014644258323 52.27363790039564861, 4.96085955008592983 52.26920143988896683, 4.9636638739947232 52.26942634781443076, 4.96467796005061146 52.26660077046035724, 4.96964448949102522 52.26323855362257831, 4.97034712003685719 52.26288291950162801, 4.97998220976937223 52.26831867928886055, 4.97639632574661039 52.27141737083278628, 4.97651546516288423 52.27209690598856895, 4.97779710309140189 52.27241712810394603, 4.98109382623478503 52.2709766668017437, 4.98331492332220094 52.27127116381581828, 4.97185101627912385 52.28436832408878132, 4.98350596402230739 52.29036812791979116, 4.99747536729044128 52.28911835496409566, 5.00175789036681717 52.29277255573296657, 5.00185125379495421 52.29587877059097423, 5.00324630380721214 52.29638967952944029, 5.00376510968050248 52.29834048938699453, 5.00526479483438091 52.29839283305007314, 5.00795194459150395 52.30154855902574695, 5.01176932565611466 52.30339284021616919, 5.01387474326991978 52.30360021417239835, 5.02154319639450808 52.30245685000956257, 5.02154319639450808 52.30245685000956257)))</t>
  </si>
  <si>
    <t>MultiPolygon (((4.96758898246755098 52.27542981356881313, 4.972413166239952 52.27315794892716383, 4.97341983606746574 52.27167864900128791, 4.97248404561482182 52.27032906473873908, 4.97998220976937223 52.26831867928886055, 4.97034712003685719 52.26288291950162801, 4.96964448949102522 52.26323855362257831, 4.96467796005061146 52.26660077046035724, 4.9636638739947232 52.26942634781443076, 4.96085955008592983 52.26920143988896683, 4.95876014644258323 52.27363790039564861, 4.96334927763752898 52.27519306268790444, 4.96636291594669022 52.27574065296735029, 4.96758898246755098 52.27542981356881313, 4.96758898246755098 52.27542981356881313)))</t>
  </si>
  <si>
    <t>MultiPolygon (((4.97183948058906999 52.28436069784704898, 4.97185101627912385 52.28436832408878132, 4.98331492332220094 52.27127116381581828, 4.98109382623478503 52.2709766668017437, 4.97779710309140189 52.27241712810394603, 4.97651546516288423 52.27209690598856895, 4.97639632574661039 52.27141737083278628, 4.97998220976937223 52.26831867928886055, 4.97248404561482182 52.27032906473873908, 4.97341983606746574 52.27167864900128791, 4.972413166239952 52.27315794892716383, 4.96758898246755098 52.27542981356881313, 4.96757649482986174 52.27956163708561377, 4.96972297868838453 52.28311784102749726, 4.97183948058906999 52.28436069784704898, 4.97183948058906999 52.28436069784704898)))</t>
  </si>
  <si>
    <t>MultiPolygon (((4.87484215205921956 52.19847842796414028, 4.8932845624680974 52.19362339933903883, 4.91219317624214824 52.19437772925245866, 4.9161580275541219 52.19540234446832727, 4.92325118294528075 52.18797223215046444, 4.94571262331064787 52.18581299061643364, 4.93399527252859382 52.17694503575184939, 4.93500683636037163 52.17585480395992192, 4.9337388210077755 52.17414050637506051, 4.93161838205517444 52.17375658075245326, 4.9324506028889088 52.17239874533117217, 4.92860631878783639 52.16720011250862399, 4.90963796137280273 52.16187089241250874, 4.9078067225343176 52.16146081176449201, 4.90368655414133325 52.16205077709006588, 4.89217825613120283 52.16179792033835128, 4.86711673924736221 52.17345765437326577, 4.85546508215362849 52.17895771587296139, 4.84406151105622662 52.18006568709992621, 4.84299527375957695 52.18081489007266072, 4.86395444533956844 52.19389450374246309, 4.87268891246280145 52.19933702156538402, 4.87285821599098679 52.19944596049891317, 4.87484215205921956 52.19847842796414028, 4.87484215205921956 52.19847842796414028)),((4.91946554547089754 52.20704706121964733, 4.91957506985298831 52.20250534639878026, 4.91969774368825341 52.19741718581111201, 4.91689809990423754 52.19627672840645261, 4.91440795405306208 52.19730174966120018, 4.90955123045802377 52.19613866892818521, 4.90531808927208779 52.19704443751201239, 4.90402682312936378 52.20602162711717398, 4.90138152695568063 52.20608816000382291, 4.90137843695481301 52.20531878891714683, 4.89769719411856919 52.20531499821298382, 4.88963094014721555 52.20683181494796088, 4.88951594559665548 52.21134864048791258, 4.9163391381150392 52.2115294129014984, 4.91640820750160223 52.20703491355494208, 4.91946554547089754 52.20704706121964733, 4.91946554547089754 52.20704706121964733)))</t>
  </si>
  <si>
    <t>MultiPolygon (((4.88668915469920506 52.20187080201302621, 4.88658209521089937 52.2068189296754781, 4.88963094014721555 52.20683181494796088, 4.89769719411856919 52.20531499821298382, 4.90137843695481301 52.20531878891714683, 4.90138152695568063 52.20608816000382291, 4.90402682312936378 52.20602162711717398, 4.90531808927208779 52.19704443751201239, 4.89510899506929142 52.19635881268121125, 4.88676979415421808 52.1981430219990159, 4.88668915469920506 52.20187080201302621, 4.88668915469920506 52.20187080201302621)))</t>
  </si>
  <si>
    <t>MultiPolygon (((4.87285821599098679 52.19944596049891317, 4.87464305265246711 52.20020830142210855, 4.88612199801651848 52.19712914060600184, 4.88676979415421808 52.1981430219990159, 4.89510899506929142 52.19635881268121125, 4.90531808927208779 52.19704443751201239, 4.90955123045802377 52.19613866892818521, 4.91440795405306208 52.19730174966120018, 4.9161580275541219 52.19540234446832727, 4.91219317624214824 52.19437772925245866, 4.8932845624680974 52.19362339933903883, 4.87484215205921956 52.19847842796414028, 4.87285821599098679 52.19944596049891317, 4.87285821599098679 52.19944596049891317)))</t>
  </si>
  <si>
    <t>MultiPolygon (((4.88758566892259605 52.25098923044971144, 4.8917594825732591 52.25326766858595562, 4.89856854463082403 52.25093224087822819, 4.90293074088937431 52.253181805832142, 4.90854705412741321 52.25268261461996389, 4.90810768424046628 52.24996751967453434, 4.91764819587983659 52.24775985870222428, 4.92020723043649078 52.24650979519527993, 4.92085611881878293 52.24545783381394415, 4.93127219890402646 52.2426803928497776, 4.93204413585983126 52.24234717594038102, 4.93077969619173206 52.24057825863651061, 4.92035434464639554 52.22803890448126651, 4.91972687194003466 52.22743222488256976, 4.91750065876421161 52.22803069099938966, 4.91750845327290698 52.22729158040184672, 4.90410262702005184 52.2272375179398054, 4.90418782551367105 52.22305688485908348, 4.89298463197577505 52.2202676672083328, 4.89349087574405228 52.21940066367120892, 4.90421436133057398 52.22177253560947463, 4.90433363634202824 52.21641443129401949, 4.9037415724119926 52.21641183047321277, 4.90409964554668143 52.21801743234900783, 4.88934767194146502 52.21795617403671486, 4.88729672417634298 52.21781024703541618, 4.85757218444157601 52.24532579227674489, 4.85653492135191733 52.24627575598570672, 4.85752171636413532 52.24772305570535025, 4.86062084093035729 52.24821680907314914, 4.86611332111365158 52.25098827545571822, 4.86877915833061614 52.25169834489170739, 4.87012126627845365 52.25328215519233055, 4.8722896678383556 52.25118204774419439, 4.87385293821103804 52.25074263401520369, 4.87772887148858203 52.25281610606546678, 4.88271883800421858 52.25371151620988286, 4.88758566892259605 52.25098923044971144)))</t>
  </si>
  <si>
    <t>MultiPolygon (((4.90418782551367105 52.22305688485908348, 4.90419662558397373 52.22286357185462435, 4.90421436133057398 52.22177253560947463, 4.89349087574405228 52.21940066367120892, 4.89298463197577505 52.2202676672083328, 4.90418782551367105 52.22305688485908348, 4.90418782551367105 52.22305688485908348)))</t>
  </si>
  <si>
    <t>MultiPolygon (((4.96138767107732104 52.19947511974433496, 4.96080855172345192 52.19781978323704408, 4.95088126979859222 52.19863849990360194, 4.94955613478002121 52.1934929221986863, 4.94838271816469177 52.19359818449632371, 4.94827632286475882 52.1925323804707304, 4.94946959314512025 52.19240861472673743, 4.94857157155898975 52.18578468420287919, 4.94571262331064787 52.18581299061643364, 4.92325118294528075 52.18797223215046444, 4.9161580275541219 52.19540234446832727, 4.91440795405306208 52.19730174966120018, 4.91689809990423754 52.19627672840645261, 4.91969774368825341 52.19741718581111201, 4.91957506985298831 52.20250534639878026, 4.92164169664664364 52.20332667191674147, 4.92560817895609926 52.20696204328059764, 4.928454621073457 52.20766609904793398, 4.92506097908182916 52.19906923075718908, 4.93269043260525031 52.20002194536476736, 4.93460078369745148 52.2055387057817768, 4.94004048521639216 52.21286374883327142, 4.93961350796024856 52.21367564217698032, 4.97374660081313369 52.22059841748987452, 4.96830357295164049 52.20784217077775224, 4.96659572392400417 52.20005231479743202, 4.96138767107732104 52.19947511974433496, 4.96138767107732104 52.19947511974433496)),((4.92835734432261674 52.22082679652015713, 4.92925892665508769 52.21627087940157708, 4.9192449518240533 52.21610358253013118, 4.91935463232058545 52.2119133790232226, 4.9163391381150392 52.2115294129014984, 4.88951594559665548 52.21134864048791258, 4.88940152438843167 52.21584177784276193, 4.88934767194146502 52.21795617403671486, 4.90409964554668143 52.21801743234900783, 4.9037415724119926 52.21641183047321277, 4.90433363634202824 52.21641443129401949, 4.90421436133057398 52.22177253560947463, 4.90419662558397373 52.22286357185462435, 4.90418782551367105 52.22305688485908348, 4.90410262702005184 52.2272375179398054, 4.91750845327290698 52.22729158040184672, 4.91750065876421161 52.22803069099938966, 4.91972687194003466 52.22743222488256976, 4.91861433365801126 52.22591488261458892, 4.9228055039527483 52.22442868639966207, 4.92835734432261674 52.22082679652015713, 4.92835734432261674 52.22082679652015713)))</t>
  </si>
  <si>
    <t>MultiPolygon (((4.96101411219257038 52.25796352878069939, 4.96041882804402068 52.2600734682358592, 4.96177254483329477 52.2606717632445239, 4.96431820790616829 52.26032612821622081, 4.96857869098381588 52.24821959234851931, 4.98041377246840256 52.22684743805667296, 4.98287423404019858 52.22241559633335584, 4.97374660081313369 52.22059841748987452, 4.93961350796024856 52.21367564217698032, 4.93501828924596886 52.22029988048191029, 4.92586578261803254 52.22588456458318262, 4.92035434464639554 52.22803890448126651, 4.93077969619173206 52.24057825863651061, 4.93204413585983126 52.24234717594038102, 4.93127219890402646 52.2426803928497776, 4.93928099262942766 52.25277132349221176, 4.94562284116353013 52.25144412864182186, 4.95060523238121242 52.25431144984010956, 4.95839387369767515 52.25412852508082295, 4.96101411219257038 52.25796352878069939, 4.96101411219257038 52.25796352878069939)))</t>
  </si>
  <si>
    <t>MultiPolygon (((4.9163391381150392 52.2115294129014984, 4.91935463232058545 52.2119133790232226, 4.9192449518240533 52.21610358253013118, 4.92925892665508769 52.21627087940157708, 4.92992452037002415 52.21301649333190653, 4.928454621073457 52.20766609904793398, 4.92560817895609926 52.20696204328059764, 4.92164169664664364 52.20332667191674147, 4.91957506985298831 52.20250534639878026, 4.91946554547089754 52.20704706121964733, 4.91640820750160223 52.20703491355494208, 4.9163391381150392 52.2115294129014984, 4.9163391381150392 52.2115294129014984)))</t>
  </si>
  <si>
    <t>MultiPolygon (((4.91972687194003466 52.22743222488256976, 4.92035434464639554 52.22803890448126651, 4.92586578261803254 52.22588456458318262, 4.93501828924596886 52.22029988048191029, 4.93961350796024856 52.21367564217698032, 4.94004048521639216 52.21286374883327142, 4.93460078369745148 52.2055387057817768, 4.93269043260525031 52.20002194536476736, 4.92506097908182916 52.19906923075718908, 4.928454621073457 52.20766609904793398, 4.92992452037002415 52.21301649333190653, 4.92925892665508769 52.21627087940157708, 4.92835734432261674 52.22082679652015713, 4.9228055039527483 52.22442868639966207, 4.91861433365801126 52.22591488261458892, 4.91972687194003466 52.22743222488256976, 4.91972687194003466 52.22743222488256976)))</t>
  </si>
  <si>
    <t>MultiPolygon (((4.85676308146333024 52.24280690113169356, 4.85222982645509759 52.23785962247726644, 4.83906381362371718 52.23137389085459859, 4.84147426159060235 52.22896046120024494, 4.83888125441233807 52.22665694374428824, 4.83631468789301344 52.22659014321173743, 4.83546040388669951 52.22701988984137955, 4.83558291641647831 52.2289977846839335, 4.83144556902982991 52.23005447118649869, 4.82978799495917777 52.22749413250216577, 4.82200262690207904 52.22919439365267635, 4.8286135978502891 52.23059309386945159, 4.83963261874396888 52.23539129234757894, 4.8428452504379047 52.23534723765730092, 4.84299589773695605 52.23678997151127845, 4.84599513094446088 52.23765778566295381, 4.84732573131968891 52.23978137583854675, 4.85079212774606106 52.23860661820339857, 4.85215655257544309 52.23964121685521178, 4.85127314294974532 52.24189019873819007, 4.85205325858766301 52.24201349017285878, 4.85493788568803364 52.2421456193184639, 4.85529095483689588 52.24555596316659489, 4.85653492135191733 52.24627575598570672, 4.85757218444157601 52.24532579227674489, 4.85680858609277433 52.24499720107992573, 4.85676308146333024 52.24280690113169356, 4.85676308146333024 52.24280690113169356)))</t>
  </si>
  <si>
    <t>MultiPolygon (((4.82978799495917777 52.22749413250216577, 4.82772804996473859 52.21861894761396883, 4.82287856786578928 52.21551479334455337, 4.81838878452476482 52.21031951597468179, 4.81388859162725957 52.20933348106643024, 4.81559607551363555 52.20512953004292456, 4.81458973373132526 52.20222604341816464, 4.81343970065591531 52.20138714001939206, 4.81432943196479357 52.19978606992263792, 4.8172811727249627 52.20192979305727476, 4.81664812889058869 52.20496466755673026, 4.81510906146870621 52.20686929966309719, 4.81552199967988148 52.20816226427532314, 4.81605442839277131 52.20931996074347126, 4.81832058726114543 52.20952066982246009, 4.81878921128705073 52.20764246469240533, 4.81747466685872805 52.20400070979447804, 4.82142144714499388 52.20087906591147231, 4.82885060067841465 52.19702767565956236, 4.83525023697234069 52.1908753816435933, 4.84041277368651812 52.18569082284517435, 4.83725803883630245 52.18450297030256024, 4.83838324336853187 52.1832582999837058, 4.83746873870442862 52.18376041782077124, 4.83525836048037672 52.1861957967182164, 4.82343004705349454 52.19328390993381106, 4.82225347909333379 52.19609351565871691, 4.81463017829251871 52.19916832281029428, 4.8131394591527501 52.20111116852361732, 4.81359431015097883 52.20184711858082949, 4.80362106569328073 52.20107139336133173, 4.80261111226490911 52.20174667664451107, 4.80144446136081715 52.20801961693638304, 4.80214966410177624 52.21763360257279629, 4.79700286123684361 52.22034806059190259, 4.79598353090085805 52.2231762326596396, 4.79442987401214538 52.22342340026882823, 4.79457569770200998 52.22673066516719587, 4.80194256018320065 52.22692220455095224, 4.80527504607665179 52.22797416890117717, 4.80819825959944058 52.22711518609006021, 4.81410001090213502 52.22716933084595325, 4.81719277575191196 52.22832489218393448, 4.82200262690207904 52.22919439365267635, 4.82978799495917777 52.22749413250216577, 4.82978799495917777 52.22749413250216577)))</t>
  </si>
  <si>
    <t>MultiPolygon (((4.81838878452476482 52.21031951597468179, 4.81832058726114543 52.20952066982246009, 4.81605442839277131 52.20931996074347126, 4.81552199967988148 52.20816226427532314, 4.81510906146870621 52.20686929966309719, 4.81664812889058869 52.20496466755673026, 4.8172811727249627 52.20192979305727476, 4.81432943196479357 52.19978606992263792, 4.81343970065591531 52.20138714001939206, 4.81458973373132526 52.20222604341816464, 4.81559607551363555 52.20512953004292456, 4.81388859162725957 52.20933348106643024, 4.81838878452476482 52.21031951597468179, 4.81838878452476482 52.21031951597468179)))</t>
  </si>
  <si>
    <t>MultiPolygon (((4.88668915469920506 52.20187080201302621, 4.88676979415421808 52.1981430219990159, 4.88612199801651848 52.19712914060600184, 4.87464305265246711 52.20020830142210855, 4.87180654149782733 52.20166047338047122, 4.88668915469920506 52.20187080201302621, 4.88668915469920506 52.20187080201302621)),((4.85757218444157601 52.24532579227674489, 4.88729672417634298 52.21781024703541618, 4.88934767194146502 52.21795617403671486, 4.88940152438843167 52.21584177784276193, 4.87165183783621103 52.21573299306007243, 4.87166308499096878 52.2157791181890758, 4.87197396744520095 52.21811834315498402, 4.86053406747319805 52.21931251566142151, 4.85745754654990058 52.21075232113386022, 4.86154054342775588 52.21017792052432327, 4.86134932245911777 52.20966476904364839, 4.86036220551944975 52.20921746209026537, 4.85337117257264872 52.21023170278449754, 4.8454105392266662 52.20492960359283785, 4.84590726764178292 52.20349802190781929, 4.85332498544379742 52.19932934074538622, 4.85668470480496683 52.19749102390866824, 4.86395444533956844 52.19389450374246309, 4.84299527375957695 52.18081489007266072, 4.83838324336853187 52.1832582999837058, 4.83725803883630245 52.18450297030256024, 4.84041277368651812 52.18569082284517435, 4.83525023697234069 52.1908753816435933, 4.82885060067841465 52.19702767565956236, 4.82142144714499388 52.20087906591147231, 4.81747466685872805 52.20400070979447804, 4.81878921128705073 52.20764246469240533, 4.81832058726114543 52.20952066982246009, 4.81838878452476482 52.21031951597468179, 4.82287856786578928 52.21551479334455337, 4.82772804996473859 52.21861894761396883, 4.82978799495917777 52.22749413250216577, 4.83144556902982991 52.23005447118649869, 4.83558291641647831 52.2289977846839335, 4.83546040388669951 52.22701988984137955, 4.83631468789301344 52.22659014321173743, 4.83888125441233807 52.22665694374428824, 4.84147426159060235 52.22896046120024494, 4.83906381362371718 52.23137389085459859, 4.85222982645509759 52.23785962247726644, 4.85676308146333024 52.24280690113169356, 4.85680858609277433 52.24499720107992573, 4.85757218444157601 52.24532579227674489, 4.85757218444157601 52.24532579227674489)))</t>
  </si>
  <si>
    <t>MultiPolygon (((4.87165183783621103 52.21573299306007243, 4.88940152438843167 52.21584177784276193, 4.88951594559665548 52.21134864048791258, 4.88963094014721555 52.20683181494796088, 4.88658209521089937 52.2068189296754781, 4.88668915469920506 52.20187080201302621, 4.87180654149782733 52.20166047338047122, 4.8682540052691099 52.20475172230688088, 4.86771537884395222 52.20680100551073366, 4.87165183783621103 52.21573299306007243, 4.87165183783621103 52.21573299306007243)))</t>
  </si>
  <si>
    <t>MultiPolygon (((4.85788165161324059 52.202402890995522, 4.86301258435265282 52.1994994502293892, 4.85971171226196308 52.1972430449829119, 4.85771821731166042 52.19822582529383226, 4.85668470480496683 52.19749102390866824, 4.85332498544379742 52.19932934074538622, 4.85788165161324059 52.202402890995522, 4.85788165161324059 52.202402890995522)))</t>
  </si>
  <si>
    <t>MultiPolygon (((4.85788165161324059 52.202402890995522, 4.85332498544379742 52.19932934074538622, 4.84590726764178292 52.20349802190781929, 4.8454105392266662 52.20492960359283785, 4.85337117257264872 52.21023170278449754, 4.86036220551944975 52.20921746209026537, 4.85384302552431723 52.20473684655902957, 4.85788165161324059 52.202402890995522, 4.85788165161324059 52.202402890995522)))</t>
  </si>
  <si>
    <t>MultiPolygon (((4.86134932245911777 52.20966476904364839, 4.86243572586311057 52.20952824085059518, 4.86180798791078228 52.20901456158641452, 4.86253835600492845 52.20735370676741383, 4.86739258466918212 52.2030087855548075, 4.86301258435265282 52.1994994502293892, 4.85788165161324059 52.202402890995522, 4.85384302552431723 52.20473684655902957, 4.86036220551944975 52.20921746209026537, 4.86134932245911777 52.20966476904364839, 4.86134932245911777 52.20966476904364839)))</t>
  </si>
  <si>
    <t>MultiPolygon (((4.86301258435265282 52.1994994502293892, 4.86739258466918212 52.2030087855548075, 4.87268891246280145 52.19933702156538402, 4.86395444533956844 52.19389450374246309, 4.85668470480496683 52.19749102390866824, 4.85771821731166042 52.19822582529383226, 4.85971171226196308 52.1972430449829119, 4.86301258435265282 52.1994994502293892, 4.86301258435265282 52.1994994502293892)))</t>
  </si>
  <si>
    <t>MultiPolygon (((4.86134932245911777 52.20966476904364839, 4.86154054342775588 52.21017792052432327, 4.85745754654990058 52.21075232113386022, 4.86053406747319805 52.21931251566142151, 4.87197396744520095 52.21811834315498402, 4.87166308499096878 52.2157791181890758, 4.8673888228653075 52.21114835501215623, 4.86431955139534811 52.20945058597042276, 4.86243572586311057 52.20952824085059518, 4.86134932245911777 52.20966476904364839, 4.86134932245911777 52.20966476904364839)))</t>
  </si>
  <si>
    <t>MultiPolygon (((4.87166308499096878 52.2157791181890758, 4.87165183783621103 52.21573299306007243, 4.86771537884395222 52.20680100551073366, 4.8682540052691099 52.20475172230688088, 4.87180654149782733 52.20166047338047122, 4.87464305265246711 52.20020830142210855, 4.87285821599098679 52.19944596049891317, 4.87268891246280145 52.19933702156538402, 4.86739258466918212 52.2030087855548075, 4.86253835600492845 52.20735370676741383, 4.86180798791078228 52.20901456158641452, 4.86243572586311057 52.20952824085059518, 4.86431955139534811 52.20945058597042276, 4.8673888228653075 52.21114835501215623, 4.87166308499096878 52.2157791181890758, 4.87166308499096878 52.2157791181890758)))</t>
  </si>
  <si>
    <t>MultiPolygon (((3.70297479532891094 51.45004425378441226, 3.6963918303751444 51.44585113847607261, 3.70274296819836346 51.44140060881471044, 3.70854360952274087 51.43470168617906779, 3.69197603900486637 51.44406477588963611, 3.68523092850487854 51.44700863939184643, 3.67969526490691035 51.44888981021760799, 3.67833791977173075 51.44862976698961177, 3.67566055484397802 51.44675503150249796, 3.67492355942643156 51.44684275643653137, 3.67783532818698378 51.44925731773141564, 3.67903772053141287 51.45125139139928194, 3.68644647090426725 51.45728217414338701, 3.69070599122717713 51.45671281580066392, 3.70464842266198069 51.45030405627482395, 3.70297479532891094 51.45004425378441226)),((3.71110807379942775 51.46546492873363121, 3.71324638600119616 51.46340177312185205, 3.71488162611592054 51.46363571042927276, 3.71123390573006162 51.45773722023584895, 3.71027897515929173 51.45461970958805864, 3.70964520036561751 51.45480000033084167, 3.70526324998576539 51.45319374271947055, 3.69270749277158661 51.45875558687892948, 3.69329507515908295 51.45969671787815969, 3.70900466292180608 51.46560587423989119, 3.71110807379942775 51.46546492873363121)),((3.70644916679795777 51.47868956895239734, 3.70562602094078652 51.47694805707048715, 3.7044105669481513 51.47823856820470922, 3.70066500390499931 51.47686774672882848, 3.70262933952018081 51.47481192657743776, 3.69567808442355039 51.47111471653915515, 3.69839255488513441 51.46969141167279815, 3.70629817766380443 51.4709568905085959, 3.70676732921727004 51.47045156894583329, 3.70336753850610423 51.46739900049908556, 3.68623983923699106 51.46094203764572228, 3.68408370284309195 51.46269854458771675, 3.68170835891134196 51.4626331083574442, 3.6783105381819543 51.46114786497439297, 3.6789502648445076 51.46027301534721943, 3.6781371074222422 51.46002542347728337, 3.67640456342935318 51.46214161486293648, 3.67287997776760911 51.46098004063030373, 3.67561258808344959 51.45757893139513328, 3.67311358425263457 51.45713970159287243, 3.6713137654224588 51.45915995966873879, 3.67003757661746599 51.45891037057972994, 3.66956378122924276 51.45944818007665589, 3.66448694806849984 51.45782462000657631, 3.66268590251287929 51.45889803285141539, 3.66215156989083823 51.45854743363437223, 3.65900701344062851 51.45967311282106493, 3.65483868740946782 51.46104701096822964, 3.65399997834328616 51.46297449975521943, 3.65741068761215793 51.46471728259614054, 3.66154511422780748 51.46834328818292903, 3.66182741930043987 51.46838276683140379, 3.6675012659036379 51.46982250738139442, 3.68541703979755741 51.4769986424874304, 3.6956976466509448 51.48100122876956419, 3.7036479310032755 51.48227034837061922, 3.70644916679795777 51.47868956895239734)))</t>
  </si>
  <si>
    <t>MultiPolygon (((3.60167253332262804 51.45818065253499896, 3.60242541125814553 51.45740926056876674, 3.60486227873096432 51.45491225328208174, 3.59332249396396541 51.45430210043627284, 3.59295554262059369 51.45735381118660712, 3.59736787686820803 51.45693172228455126, 3.60167253332262804 51.45818065253499896, 3.60167253332262804 51.45818065253499896)))</t>
  </si>
  <si>
    <t>MultiPolygon (((3.59332249396396541 51.45430210043627284, 3.60486227873096432 51.45491225328208174, 3.60920763850371484 51.45063358847794888, 3.61342488936733641 51.45221309295316559, 3.61574926373572625 51.45049774494384565, 3.61524700231776919 51.4459599757417152, 3.61137749941990061 51.44419335483639344, 3.61405393671809305 51.44095545746578324, 3.60910299691267955 51.44022653501980358, 3.60191979176503541 51.44314416409299184, 3.60052152659252656 51.45185615012027824, 3.59673154109182347 51.45151112948396843, 3.59714499104974106 51.44459319728341029, 3.59550919587408302 51.44445145604835545, 3.59332249396396541 51.45430210043627284, 3.59332249396396541 51.45430210043627284)))</t>
  </si>
  <si>
    <t>MultiPolygon (((3.59051465512210877 51.4578534227735247, 3.59209866059638339 51.46083796442771785, 3.59342956278766623 51.46047000147091666, 3.59295554262059369 51.45735381118660712, 3.59332249396396541 51.45430210043627284, 3.59550919587408302 51.44445145604835545, 3.59714499104974106 51.44459319728341029, 3.59777917785838541 51.44358687121864904, 3.59721172045344639 51.44262149934389328, 3.59544224214228914 51.44291357203010762, 3.59698588239771633 51.44248093321388637, 3.59635617702453425 51.44246847848383197, 3.5867209526174193 51.44490643127468132, 3.58542872965670023 51.44648726923525572, 3.58607988087798013 51.44949536829488324, 3.58830732034766964 51.4536937389989717, 3.59051465512210877 51.4578534227735247, 3.59051465512210877 51.4578534227735247)))</t>
  </si>
  <si>
    <t>MultiPolygon (((3.60861016781697375 51.46071377002420633, 3.60986541575685305 51.45995914720985098, 3.60870178043003476 51.45815879489452982, 3.60242541125814553 51.45740926056876674, 3.60167253332262804 51.45818065253499896, 3.60455773725071138 51.45921272812976355, 3.60861016781697375 51.46071377002420633, 3.60861016781697375 51.46071377002420633)))</t>
  </si>
  <si>
    <t>MultiPolygon (((3.64183769656007428 51.45516096530928962, 3.63330621451590874 51.45429447593430439, 3.62841247152989199 51.45489068532108945, 3.60986541575685305 51.45995914720985098, 3.60861016781697375 51.46071377002420633, 3.6100450793285237 51.46145141209000684, 3.61274086407206418 51.46359476829657353, 3.61440899183944264 51.46617203990705036, 3.61743519632825894 51.47044632556905697, 3.62241642330055269 51.47315071504035444, 3.62165586316907051 51.47548451085951626, 3.62897859759258923 51.48075507987835664, 3.63662513974745583 51.47682841596183323, 3.64834970360791289 51.46984509868341462, 3.65499919427254838 51.46833094739765357, 3.66154511422780748 51.46834328818292903, 3.65741068761215793 51.46471728259614054, 3.65399997834328616 51.46297449975521943, 3.65483868740946782 51.46104701096822964, 3.65900701344062851 51.45967311282106493, 3.64183769656007428 51.45516096530928962)))</t>
  </si>
  <si>
    <t>MultiPolygon (((3.65900701344062851 51.45967311282106493, 3.66215156989083823 51.45854743363437223, 3.65847597772859956 51.45688695730773787, 3.65615673618593284 51.45314383167699646, 3.65660646241176313 51.45269799608552574, 3.65968968084867363 51.45259151473446479, 3.66723342819058518 51.45008279946183904, 3.66675462496539906 51.44951707268943153, 3.66039739426169675 51.45179996637164521, 3.65630511940936564 51.45206139697908299, 3.65138574100013358 51.44950669885444228, 3.64973125495053274 51.45028158378699601, 3.64542335257889683 51.4498557522834119, 3.64162860542987543 51.44755977061294061, 3.6413897382864282 51.44506494522107687, 3.64002768719416414 51.44352258902823394, 3.63227934929640339 51.44154946117969018, 3.62931910749709452 51.44145639598544051, 3.62618922984524827 51.44225572966074367, 3.62326586835320308 51.44109813818153754, 3.62308712830310942 51.44145429323811669, 3.62258999230671774 51.4410482198959329, 3.61858839120713993 51.44161438921285168, 3.61405393671809305 51.44095545746578324, 3.61137749941990061 51.44419335483639344, 3.61524700231776919 51.4459599757417152, 3.61574926373572625 51.45049774494384565, 3.61342488936733641 51.45221309295316559, 3.60920763850371484 51.45063358847794888, 3.60486227873096432 51.45491225328208174, 3.60242541125814553 51.45740926056876674, 3.60870178043003476 51.45815879489452982, 3.60986541575685305 51.45995914720985098, 3.62841247152989199 51.45489068532108945, 3.63330621451590874 51.45429447593430439, 3.64183769656007428 51.45516096530928962, 3.65900701344062851 51.45967311282106493, 3.65900701344062851 51.45967311282106493),(3.62794768106753374 51.45411105813103347, 3.62667295463412076 51.45487184608756337, 3.62154225069388902 51.45152813083438303, 3.6297221492118279 51.44540703923883029, 3.63100450752130754 51.4476889386296321, 3.62794994447608676 51.4508469235065462, 3.62794768106753374 51.45411105813103347, 3.62794768106753374 51.45411105813103347)))</t>
  </si>
  <si>
    <t>MultiPolygon (((3.62794768106753374 51.45411105813103347, 3.62794994447608676 51.4508469235065462, 3.63100450752130754 51.4476889386296321, 3.6297221492118279 51.44540703923883029, 3.62154225069388902 51.45152813083438303, 3.62667295463412076 51.45487184608756337, 3.62794768106753374 51.45411105813103347, 3.62794768106753374 51.45411105813103347)))</t>
  </si>
  <si>
    <t>MultiPolygon (((3.60686180845917059 51.47263705955177926, 3.60754957151347044 51.47342508987519949, 3.61188632456468106 51.4746779762174711, 3.61743519632825894 51.47044632556905697, 3.61440899183944264 51.46617203990705036, 3.61159482852711156 51.47010924156322176, 3.61024418117097268 51.47008554629477572, 3.60686180845917059 51.47263705955177926, 3.60686180845917059 51.47263705955177926)))</t>
  </si>
  <si>
    <t>MultiPolygon (((3.60686180845917059 51.47263705955177926, 3.61024418117097268 51.47008554629477572, 3.6056763844210229 51.4664553510498024, 3.60408067832069445 51.46654917948389851, 3.6038944454640891 51.46656402870716107, 3.60473778952226409 51.47098329753348622, 3.60686180845917059 51.47263705955177926, 3.60686180845917059 51.47263705955177926)))</t>
  </si>
  <si>
    <t>MultiPolygon (((3.60408067832069445 51.46654917948389851, 3.6056763844210229 51.4664553510498024, 3.60713046831974449 51.46634525602964771, 3.60837816816286905 51.46508477502212742, 3.6100450793285237 51.46145141209000684, 3.60861016781697375 51.46071377002420633, 3.60455773725071138 51.45921272812976355, 3.60096600945858647 51.45980328568391116, 3.60400437520738182 51.46391724621543062, 3.60408067832069445 51.46654917948389851, 3.60408067832069445 51.46654917948389851)))</t>
  </si>
  <si>
    <t>MultiPolygon (((3.61772882931299566 51.4777549742800602, 3.62165586316907051 51.47548451085951626, 3.62241642330055269 51.47315071504035444, 3.61743519632825894 51.47044632556905697, 3.61188632456468106 51.4746779762174711, 3.60754957151347044 51.47342508987519949, 3.60875050065752401 51.47563588377337851, 3.61772882931299566 51.4777549742800602, 3.61772882931299566 51.4777549742800602)))</t>
  </si>
  <si>
    <t>MultiPolygon (((3.6056763844210229 51.4664553510498024, 3.61024418117097268 51.47008554629477572, 3.61159482852711156 51.47010924156322176, 3.61440899183944264 51.46617203990705036, 3.61274086407206418 51.46359476829657353, 3.6100450793285237 51.46145141209000684, 3.60837816816286905 51.46508477502212742, 3.60713046831974449 51.46634525602964771, 3.6056763844210229 51.4664553510498024, 3.6056763844210229 51.4664553510498024)))</t>
  </si>
  <si>
    <t>MultiPolygon (((3.60176054777534249 51.47932624141184732, 3.6049653338019132 51.47825951887610785, 3.60875050065752401 51.47563588377337851, 3.60754957151347044 51.47342508987519949, 3.60686180845917059 51.47263705955177926, 3.60473778952226409 51.47098329753348622, 3.6038944454640891 51.46656402870716107, 3.59552412404524135 51.4673058813605806, 3.59900679720182826 51.47403500434075596, 3.59965880237720448 51.47529455742578364, 3.60176054777534249 51.47932624141184732, 3.60176054777534249 51.47932624141184732)))</t>
  </si>
  <si>
    <t>MultiPolygon (((3.59317360352360637 51.46286310998345925, 3.59353635327284415 51.46354647272226401, 3.59495818365817676 51.46329614869939206, 3.5970102042542873 51.4610370894794471, 3.60096600945858647 51.45980328568391116, 3.60455773725071138 51.45921272812976355, 3.60167253332262804 51.45818065253499896, 3.59736787686820803 51.45693172228455126, 3.59295554262059369 51.45735381118660712, 3.59342956278766623 51.46047000147091666, 3.59209866059638339 51.46083796442771785, 3.59317360352360637 51.46286310998345925, 3.59317360352360637 51.46286310998345925)))</t>
  </si>
  <si>
    <t>MultiPolygon (((3.59552412404524135 51.4673058813605806, 3.6038944454640891 51.46656402870716107, 3.60408067832069445 51.46654917948389851, 3.60400437520738182 51.46391724621543062, 3.60096600945858647 51.45980328568391116, 3.5970102042542873 51.4610370894794471, 3.59495818365817676 51.46329614869939206, 3.59353635327284415 51.46354647272226401, 3.59552412404524135 51.4673058813605806, 3.59552412404524135 51.4673058813605806)))</t>
  </si>
  <si>
    <t>MultiPolygon (((3.59462213787323925 51.4755770100924579, 3.59663200820806583 51.47523951911627194, 3.59822347789517849 51.47572903932039168, 3.59842670160364397 51.47554861368486456, 3.59965880237720448 51.47529455742578364, 3.59900679720182826 51.47403500434075596, 3.59697617928735935 51.4744449128341941, 3.59564805982799429 51.47187877829396996, 3.58697608502846421 51.47000046443214671, 3.58607992649366025 51.4756282102406999, 3.59270446596845927 51.47682988194081588, 3.59462213787323925 51.4755770100924579)))</t>
  </si>
  <si>
    <t>MultiPolygon (((3.5970083622087925 51.47709578470283276, 3.59686671169008809 51.47643944325191967, 3.59774023774944984 51.47629976739763435, 3.59822347789517849 51.47572903932039168, 3.59663200820806583 51.47523951911627194, 3.59462213787323925 51.4755770100924579, 3.59270446596845927 51.47682988194081588, 3.58607992649366025 51.4756282102406999, 3.58697608502846421 51.47000046443214671, 3.58278666083650332 51.46904080652100788, 3.58133642566110133 51.46934230025888013, 3.57903584352655191 51.46769411252662252, 3.57528136730060586 51.46764531422924449, 3.57464301669879525 51.46507897112680752, 3.56672583091414408 51.46506252861921382, 3.56659036671761642 51.47011228130042326, 3.56456713582647344 51.4704297532890962, 3.566320698607651 51.47296589914081011, 3.56605766773178079 51.47824870285872834, 3.57051507361047626 51.47689203082840237, 3.57429904343455718 51.47743409608874288, 3.57570238174894284 51.47444726388422964, 3.58234206055830207 51.47581205132674143, 3.58392315560287544 51.47845763365255323, 3.58697877802189469 51.47925336690010312, 3.58942138794528898 51.47980352352050204, 3.59030842216372381 51.47865864378373146, 3.59259645179088638 51.47758806596471004, 3.5970083622087925 51.47709578470283276)))</t>
  </si>
  <si>
    <t>MultiPolygon (((3.58697608502846421 51.47000046443214671, 3.59564805982799429 51.47187877829396996, 3.59697617928735935 51.4744449128341941, 3.59900679720182826 51.47403500434075596, 3.59552412404524135 51.4673058813605806, 3.59353635327284415 51.46354647272226401, 3.59317360352360637 51.46286310998345925, 3.58318752750230196 51.46446390919704328, 3.58411442376707878 51.46789765498389357, 3.58278666083650332 51.46904080652100788, 3.58697608502846421 51.47000046443214671, 3.58697608502846421 51.47000046443214671)))</t>
  </si>
  <si>
    <t>MultiPolygon (((3.57464301669879525 51.46507897112680752, 3.57528136730060586 51.46764531422924449, 3.57903584352655191 51.46769411252662252, 3.58133642566110133 51.46934230025888013, 3.58278666083650332 51.46904080652100788, 3.58411442376707878 51.46789765498389357, 3.58318752750230196 51.46446390919704328, 3.57464301669879525 51.46507897112680752, 3.57464301669879525 51.46507897112680752)))</t>
  </si>
  <si>
    <t>MultiPolygon (((3.56672583091414408 51.46506252861921382, 3.55892075219508586 51.46391572982336982, 3.55692655964017446 51.46805025774930442, 3.56022540101329676 51.47111406887547247, 3.56456713582647344 51.4704297532890962, 3.56659036671761642 51.47011228130042326, 3.56672583091414408 51.46506252861921382, 3.56672583091414408 51.46506252861921382)))</t>
  </si>
  <si>
    <t>MultiPolygon (((3.58318752750230196 51.46446390919704328, 3.59317360352360637 51.46286310998345925, 3.59209866059638339 51.46083796442771785, 3.59051465512210877 51.4578534227735247, 3.58171460952525322 51.46037823603332839, 3.58318752750230196 51.46446390919704328, 3.58318752750230196 51.46446390919704328)))</t>
  </si>
  <si>
    <t>MultiPolygon (((3.56672583091414408 51.46506252861921382, 3.57464301669879525 51.46507897112680752, 3.58318752750230196 51.46446390919704328, 3.58171460952525322 51.46037823603332839, 3.58120721005972298 51.46047617278940578, 3.56967635173951292 51.46067787679523775, 3.56672583091414408 51.46506252861921382, 3.56672583091414408 51.46506252861921382)))</t>
  </si>
  <si>
    <t>MultiPolygon (((3.55892075219508586 51.46391572982336982, 3.56672583091414408 51.46506252861921382, 3.56967635173951292 51.46067787679523775, 3.5665230635553935 51.46011094753340132, 3.559956587789745 51.45824219433134772, 3.55875792989385831 51.45978349998376444, 3.55891273961019872 51.46336340533590459, 3.55892075219508586 51.46391572982336982, 3.55892075219508586 51.46391572982336982)))</t>
  </si>
  <si>
    <t>MultiPolygon (((3.55513265995984717 51.46790516002019444, 3.55692655964017446 51.46805025774930442, 3.55892075219508586 51.46391572982336982, 3.55891273961019872 51.46336340533590459, 3.55128901044241818 51.46144230520559404, 3.54971021362015327 51.4649723148611784, 3.55513265995984717 51.46790516002019444, 3.55513265995984717 51.46790516002019444)))</t>
  </si>
  <si>
    <t>MultiPolygon (((3.55579911187718878 51.45251039511111912, 3.55639545244323019 51.45063845687101889, 3.55606144493417231 51.44998983471912624, 3.55173759202991635 51.44889775435283497, 3.55127816652381911 51.44936733351146074, 3.5522241115430413 51.44967875551409264, 3.55136340708843745 51.45042076819348864, 3.54810885668212528 51.45192238640390769, 3.54769109833516172 51.45159947148322033, 3.54401347391038524 51.45400495816157616, 3.53375795546274096 51.45854147663879985, 3.52684272083258499 51.46304002972565428, 3.52813922843784944 51.46374292449476684, 3.53980516820447333 51.46549828941471816, 3.54301561063342429 51.45965213263762905, 3.54577936926954695 51.4583424068193338, 3.55102049975468592 51.45746833840929213, 3.5528268274293584 51.45622589871240393, 3.55579911187718878 51.45251039511111912, 3.55579911187718878 51.45251039511111912)))</t>
  </si>
  <si>
    <t>MultiPolygon (((3.55128901044241818 51.46144230520559404, 3.55102049975468592 51.45746833840929213, 3.54577936926954695 51.4583424068193338, 3.54301561063342429 51.45965213263762905, 3.53980516820447333 51.46549828941471816, 3.54434590624263057 51.46649943674673722, 3.54659386552571521 51.46757986263369844, 3.54827752026336984 51.46942642611478647, 3.55276116842180478 51.47095550800457886, 3.55513265995984717 51.46790516002019444, 3.54971021362015327 51.4649723148611784, 3.55128901044241818 51.46144230520559404, 3.55128901044241818 51.46144230520559404)))</t>
  </si>
  <si>
    <t>MultiPolygon (((3.55128901044241818 51.46144230520559404, 3.55891273961019872 51.46336340533590459, 3.55875792989385831 51.45978349998376444, 3.559956587789745 51.45824219433134772, 3.5528268274293584 51.45622589871240393, 3.55102049975468592 51.45746833840929213, 3.55128901044241818 51.46144230520559404, 3.55128901044241818 51.46144230520559404)))</t>
  </si>
  <si>
    <t>MultiPolygon (((3.56910205992454044 51.45565601352961238, 3.57281803337871118 51.45586104585517973, 3.57320127886548233 51.4521306015095945, 3.5747122416108521 51.45016191818013596, 3.56913070166125168 51.44960222338961131, 3.5699319822621014 51.45027821860372086, 3.5684039514074426 51.45398328282333722, 3.56910205992454044 51.45565601352961238, 3.56910205992454044 51.45565601352961238)))</t>
  </si>
  <si>
    <t>MultiPolygon (((3.55606144493417231 51.44998983471912624, 3.55639545244323019 51.45063845687101889, 3.55989682166879229 51.45036869046965933, 3.56310459653394807 51.4471629309998022, 3.56568512784809233 51.44705322427503091, 3.57058900779507304 51.4446093730704348, 3.56789754446676133 51.44322608446076828, 3.56031012903559541 51.44839658128906024, 3.55606144493417231 51.44998983471912624, 3.55606144493417231 51.44998983471912624)))</t>
  </si>
  <si>
    <t>MultiPolygon (((3.58120721005972298 51.46047617278940578, 3.58171460952525322 51.46037823603332839, 3.59051465512210877 51.4578534227735247, 3.58830732034766964 51.4536937389989717, 3.57948132275956388 51.45520743027002908, 3.58120721005972298 51.46047617278940578, 3.58120721005972298 51.46047617278940578)))</t>
  </si>
  <si>
    <t>MultiPolygon (((3.56967635173951292 51.46067787679523775, 3.58120721005972298 51.46047617278940578, 3.57948132275956388 51.45520743027002908, 3.57281803337871118 51.45586104585517973, 3.56910205992454044 51.45565601352961238, 3.56905515567888543 51.45930810180183101, 3.5665230635553935 51.46011094753340132, 3.56967635173951292 51.46067787679523775, 3.56967635173951292 51.46067787679523775)))</t>
  </si>
  <si>
    <t>MultiPolygon (((3.559956587789745 51.45824219433134772, 3.5665230635553935 51.46011094753340132, 3.56905515567888543 51.45930810180183101, 3.56910205992454044 51.45565601352961238, 3.56280898707920546 51.4546240525048546, 3.559956587789745 51.45824219433134772, 3.559956587789745 51.45824219433134772)))</t>
  </si>
  <si>
    <t>MultiPolygon (((3.5528268274293584 51.45622589871240393, 3.559956587789745 51.45824219433134772, 3.56280898707920546 51.4546240525048546, 3.55805164306661847 51.45427330821499368, 3.55579911187718878 51.45251039511111912, 3.5528268274293584 51.45622589871240393, 3.5528268274293584 51.45622589871240393)))</t>
  </si>
  <si>
    <t>MultiPolygon (((3.57948132275956388 51.45520743027002908, 3.58830732034766964 51.4536937389989717, 3.58607988087798013 51.44949536829488324, 3.57927783294543689 51.45052295834367584, 3.57948132275956388 51.45520743027002908, 3.57948132275956388 51.45520743027002908)))</t>
  </si>
  <si>
    <t>MultiPolygon (((3.57281803337871118 51.45586104585517973, 3.57948132275956388 51.45520743027002908, 3.57927783294543689 51.45052295834367584, 3.57510115284116825 51.45013309790072498, 3.5747122416108521 51.45016191818013596, 3.57320127886548233 51.4521306015095945, 3.57281803337871118 51.45586104585517973, 3.57281803337871118 51.45586104585517973)))</t>
  </si>
  <si>
    <t>MultiPolygon (((3.56280898707920546 51.4546240525048546, 3.56910205992454044 51.45565601352961238, 3.5684039514074426 51.45398328282333722, 3.5699319822621014 51.45027821860372086, 3.56913070166125168 51.44960222338961131, 3.56580905562711648 51.44765012616385036, 3.56280898707920546 51.4546240525048546, 3.56280898707920546 51.4546240525048546)))</t>
  </si>
  <si>
    <t>MultiPolygon (((3.55579911187718878 51.45251039511111912, 3.55805164306661847 51.45427330821499368, 3.56280898707920546 51.4546240525048546, 3.56580905562711648 51.44765012616385036, 3.56568512784809233 51.44705322427503091, 3.56310459653394807 51.4471629309998022, 3.55989682166879229 51.45036869046965933, 3.55639545244323019 51.45063845687101889, 3.55579911187718878 51.45251039511111912, 3.55579911187718878 51.45251039511111912)))</t>
  </si>
  <si>
    <t>MultiPolygon (((3.57927783294543689 51.45052295834367584, 3.58607988087798013 51.44949536829488324, 3.58542872965670023 51.44648726923525572, 3.5867209526174193 51.44490643127468132, 3.58108349991620578 51.44419725934034204, 3.57463999164653146 51.44513535287320849, 3.57498041049982351 51.44626989298694753, 3.57794729193669125 51.44636869159769077, 3.57927783294543689 51.45052295834367584, 3.57927783294543689 51.45052295834367584)))</t>
  </si>
  <si>
    <t>MultiPolygon (((3.5747122416108521 51.45016191818013596, 3.57510115284116825 51.45013309790072498, 3.56844524325653678 51.44683911241389751, 3.57203206496895032 51.44538350817042272, 3.57058900779507304 51.4446093730704348, 3.56568512784809233 51.44705322427503091, 3.56580905562711648 51.44765012616385036, 3.56913070166125168 51.44960222338961131, 3.5747122416108521 51.45016191818013596, 3.5747122416108521 51.45016191818013596)))</t>
  </si>
  <si>
    <t>MultiPolygon (((3.57510115284116825 51.45013309790072498, 3.57927783294543689 51.45052295834367584, 3.57794729193669125 51.44636869159769077, 3.57498041049982351 51.44626989298694753, 3.57203206496895032 51.44538350817042272, 3.56844524325653678 51.44683911241389751, 3.57510115284116825 51.45013309790072498, 3.57510115284116825 51.45013309790072498)))</t>
  </si>
  <si>
    <t>MultiPolygon (((3.58108349991620578 51.44419725934034204, 3.5867209526174193 51.44490643127468132, 3.59635617702453425 51.44246847848383197, 3.59643223987127003 51.44156848524438885, 3.60092417780786178 51.4397229783137746, 3.59753684124298578 51.44075418491792107, 3.59495656172207134 51.4401341288375562, 3.59271316855929701 51.44112601060693635, 3.58991524467493139 51.4414700984578559, 3.58295363872210348 51.44043183197990032, 3.58222475236818605 51.43965843320533082, 3.57994809517583734 51.44064997638208325, 3.57628662572026457 51.43985009639671091, 3.57583706594796746 51.44034236429796181, 3.57518686361183358 51.43993394185812917, 3.57586184387988615 51.43958364935713234, 3.57575803591051145 51.43818868734246053, 3.57500972098861514 51.43904913735030959, 3.56911572946124878 51.44052438179956255, 3.56789754446676133 51.44322608446076828, 3.57058900779507304 51.4446093730704348, 3.57203206496895032 51.44538350817042272, 3.57498041049982351 51.44626989298694753, 3.57463999164653146 51.44513535287320849, 3.58108349991620578 51.44419725934034204, 3.58108349991620578 51.44419725934034204)))</t>
  </si>
  <si>
    <t>MultiPolygon (((3.45966856595510608 51.5502337570869642, 3.46138130080503004 51.5474923717260225, 3.4680177426669645 51.5452125638285068, 3.47484979759285517 51.54069576761712312, 3.48019302722383506 51.534240102464139, 3.4794847168544929 51.53001861934700401, 3.48232217662053189 51.52655011228072368, 3.4626236337391747 51.52211753695829088, 3.46582870826229961 51.51581551135053871, 3.46682029508356582 51.51098354104048838, 3.46352762931754343 51.51079195065151595, 3.45503730345774196 51.51969568041182157, 3.45036384130717844 51.51988152499052376, 3.44919581253696039 51.51846154503020614, 3.44996177723160136 51.5168755737216344, 3.45944698584753318 51.51129022979695549, 3.4618533101203548 51.51058734823941876, 3.46023405436075526 51.5097034806175742, 3.4510466658364507 51.51483143457922154, 3.44377922064113484 51.52096287289026577, 3.44185836733753447 51.52180925392366362, 3.43978551012076172 51.52198926308221161, 3.43715395581132022 51.52597828821939174, 3.44514993272352754 51.5267279874629196, 3.44748529741009024 51.52577780663111184, 3.45104428711302758 51.52705511695364038, 3.45031433124891418 51.52878442213192756, 3.4456488458372192 51.53182761814762358, 3.44548680680175323 51.53388437131312116, 3.44204521212654946 51.53672060509441621, 3.43797340899307313 51.53691530842161228, 3.43494013364944717 51.53595056672348562, 3.43619632388154539 51.54024933312211942, 3.43830587128666965 51.54244408460325388, 3.45527113297546506 51.54913109146706063, 3.45966856595510608 51.5502337570869642, 3.45966856595510608 51.5502337570869642)))</t>
  </si>
  <si>
    <t>MultiPolygon (((3.46352762931754343 51.51079195065151595, 3.46207624498381161 51.51070902916893601, 3.4618533101203548 51.51058734823941876, 3.45944698584753318 51.51129022979695549, 3.44996177723160136 51.5168755737216344, 3.44919581253696039 51.51846154503020614, 3.45036384130717844 51.51988152499052376, 3.45503730345774196 51.51969568041182157, 3.46352762931754343 51.51079195065151595, 3.46352762931754343 51.51079195065151595)))</t>
  </si>
  <si>
    <t>MultiPolygon (((3.43494013364944717 51.53595056672348562, 3.43797340899307313 51.53691530842161228, 3.44204521212654946 51.53672060509441621, 3.44548680680175323 51.53388437131312116, 3.4456488458372192 51.53182761814762358, 3.45031433124891418 51.52878442213192756, 3.45104428711302758 51.52705511695364038, 3.44748529741009024 51.52577780663111184, 3.44514993272352754 51.5267279874629196, 3.43715395581132022 51.52597828821939174, 3.4356631839215841 51.52555921057687272, 3.43378208754397374 51.52646845497785222, 3.43334362640254609 51.52744913720737685, 3.43494013364944717 51.53595056672348562)))</t>
  </si>
  <si>
    <t>MultiPolygon (((3.48232217662053189 51.52655011228072368, 3.48452779070704599 51.52739213998718526, 3.48913822765149195 51.52357726144658301, 3.4928415754426223 51.52198506422733004, 3.49390400939363133 51.52220598848572308, 3.49513824169859344 51.5168762314586175, 3.4991003955338198 51.51304794355903738, 3.50095567670582541 51.50977384200934495, 3.49869816740714112 51.50917571145767226, 3.49953451114992742 51.50670892225212327, 3.50662575799852805 51.50706919243061321, 3.51146115234827727 51.50624003687445907, 3.51392431142657946 51.50514169810745813, 3.514527279990034 51.5015163229577837, 3.51141552080657737 51.49901275237057519, 3.50788219134714829 51.49707518488812497, 3.50629844235541599 51.49846936824699384, 3.50362929734725714 51.49883456756128197, 3.50629866348252239 51.49598709306751232, 3.49694423330666693 51.49393502012926405, 3.48522262576079411 51.49873993918380677, 3.48064572983468112 51.50008648739120787, 3.46023405436075526 51.5097034806175742, 3.4618533101203548 51.51058734823941876, 3.46207624498381161 51.51070902916893601, 3.46352762931754343 51.51079195065151595, 3.46682029508356582 51.51098354104048838, 3.46582870826229961 51.51581551135053871, 3.4626236337391747 51.52211753695829088, 3.48232217662053189 51.52655011228072368, 3.48232217662053189 51.52655011228072368),(3.47581524425628441 51.51103280043486166, 3.47426289811613742 51.51264218887633461, 3.4674189094049539 51.51029562316784194, 3.47024824314520997 51.50688175714392969, 3.47747322253761304 51.50360629610005248, 3.48190321410105552 51.50760313909278665, 3.47581524425628441 51.51103280043486166, 3.47581524425628441 51.51103280043486166),(3.49076000454001267 51.50386951145033976, 3.48873732236361223 51.50532292134991508, 3.48011530782065925 51.50393269194044876, 3.47771194389097182 51.50318398160280253, 3.47778810227567403 51.50272922620162319, 3.48081786341118882 51.50025345707489066, 3.49200790269994021 51.49783001660485127, 3.49748079628277075 51.49493212730734371, 3.50141313601075632 51.49553066540686785, 3.50076652020497381 51.49783420495339925, 3.49749567863814947 51.50078982779054115, 3.49253758424801974 51.5007471185925354, 3.49116637127939367 51.50141461359960005, 3.49076000454001267 51.50386951145033976, 3.49076000454001267 51.50386951145033976)))</t>
  </si>
  <si>
    <t>MultiPolygon (((3.47581524425628441 51.51103280043486166, 3.48190321410105552 51.50760313909278665, 3.47747322253761304 51.50360629610005248, 3.47024824314520997 51.50688175714392969, 3.4674189094049539 51.51029562316784194, 3.47426289811613742 51.51264218887633461, 3.47581524425628441 51.51103280043486166, 3.47581524425628441 51.51103280043486166)))</t>
  </si>
  <si>
    <t>MultiPolygon (((3.49076000454001267 51.50386951145033976, 3.49116637127939367 51.50141461359960005, 3.49253758424801974 51.5007471185925354, 3.49749567863814947 51.50078982779054115, 3.50076652020497381 51.49783420495339925, 3.50141313601075632 51.49553066540686785, 3.49748079628277075 51.49493212730734371, 3.49200790269994021 51.49783001660485127, 3.48081786341118882 51.50025345707489066, 3.47778810227567403 51.50272922620162319, 3.47771194389097182 51.50318398160280253, 3.48011530782065925 51.50393269194044876, 3.48873732236361223 51.50532292134991508, 3.49076000454001267 51.50386951145033976, 3.49076000454001267 51.50386951145033976)))</t>
  </si>
  <si>
    <t>MultiPolygon (((3.51392431142657946 51.50514169810745813, 3.5172479496276039 51.50582376180312849, 3.52279300633865633 51.50807103995513359, 3.52195702856184889 51.50894720254757431, 3.52997934518951029 51.51217516732996415, 3.5437791311012643 51.51387138789266373, 3.54535562422048445 51.5133085038497569, 3.54671977865786747 51.51354634830389756, 3.54780497448843724 51.50942270975476589, 3.55327484745028199 51.50064485736252351, 3.55418516885186087 51.49781503267862348, 3.54914488055451915 51.49770600558579758, 3.54512345081836111 51.49832337927509229, 3.54815436011408725 51.49267448383982071, 3.53504998035749551 51.48665316113284263, 3.52923531201730878 51.48252675154905234, 3.52401017075431167 51.4811251995455379, 3.5211592795706439 51.48750265350620481, 3.51705979292241544 51.48861932123554652, 3.51237226256705615 51.48879586553970711, 3.50843214267673575 51.4928277814158335, 3.50704174198522178 51.49488674446761394, 3.50629866348252239 51.49598709306751232, 3.50362929734725714 51.49883456756128197, 3.50629844235541599 51.49846936824699384, 3.50788219134714829 51.49707518488812497, 3.51141552080657737 51.49901275237057519, 3.514527279990034 51.5015163229577837, 3.51392431142657946 51.50514169810745813, 3.51392431142657946 51.50514169810745813),(3.52787940304261394 51.50127120419796256, 3.52751324058458815 51.50294746697230863, 3.52255255025715996 51.50252332882796935, 3.52245230483598037 51.50167997720392066, 3.52516796650175879 51.50130441106617951, 3.52533417655924186 51.50016524833819886, 3.51885914443779901 51.49883289221605764, 3.52171428114711782 51.49619202466305978, 3.52505238094886097 51.4970662781807107, 3.5273193065263988 51.49445550872820832, 3.52535009474083116 51.49275269742486216, 3.52825506946794443 51.49260569456229319, 3.52932122184919983 51.49295279301473727, 3.53111296136133657 51.49717627923811847, 3.5295440902448032 51.49821636844409056, 3.52787940304261394 51.50127120419796256, 3.52787940304261394 51.50127120419796256)))</t>
  </si>
  <si>
    <t>MultiPolygon (((3.50629866348252239 51.49598709306751232, 3.50704174198522178 51.49488674446761394, 3.50077023266748633 51.49376512035237141, 3.5060880935894474 51.4884854469259281, 3.50566140872006571 51.49231479488957319, 3.50843214267673575 51.4928277814158335, 3.51237226256705615 51.48879586553970711, 3.51705979292241544 51.48861932123554652, 3.5211592795706439 51.48750265350620481, 3.52401017075431167 51.4811251995455379, 3.51158049642410708 51.4793221012977682, 3.49694423330666693 51.49393502012926405, 3.50629866348252239 51.49598709306751232, 3.50629866348252239 51.49598709306751232)))</t>
  </si>
  <si>
    <t>MultiPolygon (((3.50704174198522178 51.49488674446761394, 3.50843214267673575 51.4928277814158335, 3.50566140872006571 51.49231479488957319, 3.5060880935894474 51.4884854469259281, 3.50077023266748633 51.49376512035237141, 3.50704174198522178 51.49488674446761394, 3.50704174198522178 51.49488674446761394)))</t>
  </si>
  <si>
    <t>MultiPolygon (((3.52787940304261394 51.50127120419796256, 3.5295440902448032 51.49821636844409056, 3.53111296136133657 51.49717627923811847, 3.52932122184919983 51.49295279301473727, 3.52825506946794443 51.49260569456229319, 3.52535009474083116 51.49275269742486216, 3.5273193065263988 51.49445550872820832, 3.52505238094886097 51.4970662781807107, 3.52171428114711782 51.49619202466305978, 3.51885914443779901 51.49883289221605764, 3.52533417655924186 51.50016524833819886, 3.52516796650175879 51.50130441106617951, 3.52245230483598037 51.50167997720392066, 3.52255255025715996 51.50252332882796935, 3.52751324058458815 51.50294746697230863, 3.52787940304261394 51.50127120419796256, 3.52787940304261394 51.50127120419796256)))</t>
  </si>
  <si>
    <t>MultiPolygon (((3.58201141427312564 51.49981971472858078, 3.5848902440423096 51.49436803895066106, 3.58503026579571049 51.49090838911980939, 3.58156134147109517 51.49031966575929431, 3.58143738667713496 51.4895312549947306, 3.57963044899273353 51.48921586071394074, 3.58123662183755487 51.48638461521706233, 3.58331573057152397 51.48270356495818589, 3.58476217234224848 51.48289151650310913, 3.58697877802189469 51.47925336690010312, 3.58392315560287544 51.47845763365255323, 3.58234206055830207 51.47581205132674143, 3.57570238174894284 51.47444726388422964, 3.57429904343455718 51.47743409608874288, 3.57051507361047626 51.47689203082840237, 3.56605766773178079 51.47824870285872834, 3.566320698607651 51.47296589914081011, 3.56456713582647344 51.4704297532890962, 3.56022540101329676 51.47111406887547247, 3.55692655964017446 51.46805025774930442, 3.55513265995984717 51.46790516002019444, 3.55276116842180478 51.47095550800457886, 3.54827752026336984 51.46942642611478647, 3.54659386552571521 51.46757986263369844, 3.54434590624263057 51.46649943674673722, 3.53980516820447333 51.46549828941471816, 3.53773804934871317 51.46776512595310038, 3.53480338661800353 51.46900424152821074, 3.53310066808395629 51.47084725826731955, 3.5294204535252014 51.47858167194372214, 3.52401017075431167 51.4811251995455379, 3.52923531201730878 51.48252675154905234, 3.53504998035749551 51.48665316113284263, 3.54815436011408725 51.49267448383982071, 3.54512345081836111 51.49832337927509229, 3.54914488055451915 51.49770600558579758, 3.55418516885186087 51.49781503267862348, 3.55519035864083754 51.49727030347357726, 3.57873228358009321 51.500122685325465, 3.57986193460770385 51.50097692581441322, 3.58201141427312564 51.49981971472858078),(3.54581567531839603 51.47859546317371127, 3.54804384636271886 51.47706212301776674, 3.54990343738620551 51.47746039613149094, 3.54987158277656922 51.47795049145148027, 3.55996311010328137 51.47857610721310095, 3.56130926345184173 51.48348345982059016, 3.55567040763836939 51.48473369474672978, 3.55577130195964708 51.48515334113816522, 3.55770644836956684 51.48526963677419843, 3.55807995800612442 51.48478535161230241, 3.55942152679133894 51.48494161287926829, 3.55868272048790635 51.48653577625154298, 3.55079838378083013 51.48480352295908347, 3.54892462957047217 51.48702449195946684, 3.54681148645722022 51.4865936388760943, 3.54750350256310165 51.48242840213467275, 3.54579700144194554 51.48208148199838519, 3.54581567531839603 51.47859546317371127)))</t>
  </si>
  <si>
    <t>MultiPolygon (((3.52401017075431167 51.4811251995455379, 3.5294204535252014 51.47858167194372214, 3.53310066808395629 51.47084725826731955, 3.53480338661800353 51.46900424152821074, 3.53773804934871317 51.46776512595310038, 3.53980516820447333 51.46549828941471816, 3.52813922843784944 51.46374292449476684, 3.52684272083258499 51.46304002972565428, 3.51581929397199078 51.4731374794558505, 3.51158049642410708 51.4793221012977682, 3.52401017075431167 51.4811251995455379, 3.52401017075431167 51.4811251995455379),(3.51832410876957935 51.47662182674435627, 3.52286711935163233 51.46923390476980131, 3.52767615866246187 51.47099386033542601, 3.52512094824268107 51.47397398449899697, 3.52425632512677645 51.47390624134911974, 3.52315182770131097 51.47853407708356599, 3.51816879188705789 51.47926428984681735, 3.51832410876957935 51.47662182674435627, 3.51832410876957935 51.47662182674435627)))</t>
  </si>
  <si>
    <t>MultiPolygon (((3.52315182770131097 51.47853407708356599, 3.52425632512677645 51.47390624134911974, 3.52512094824268107 51.47397398449899697, 3.52767615866246187 51.47099386033542601, 3.52286711935163233 51.46923390476980131, 3.51832410876957935 51.47662182674435627, 3.51816879188705789 51.47926428984681735, 3.52315182770131097 51.47853407708356599)))</t>
  </si>
  <si>
    <t>MultiPolygon (((3.55079838378083013 51.48480352295908347, 3.55868272048790635 51.48653577625154298, 3.55942152679133894 51.48494161287926829, 3.55807995800612442 51.48478535161230241, 3.55770644836956684 51.48526963677419843, 3.55577130195964708 51.48515334113816522, 3.55567040763836939 51.48473369474672978, 3.56130926345184173 51.48348345982059016, 3.55996311010328137 51.47857610721310095, 3.54987158277656922 51.47795049145148027, 3.54990343738620551 51.47746039613149094, 3.54804384636271886 51.47706212301776674, 3.54581567531839603 51.47859546317371127, 3.54579700144194554 51.48208148199838519, 3.54750350256310165 51.48242840213467275, 3.54681148645722022 51.4865936388760943, 3.54892462957047217 51.48702449195946684, 3.55079838378083013 51.48480352295908347)))</t>
  </si>
  <si>
    <t>MultiPolygon (((3.49390400939363133 51.52220598848572308, 3.49931600741143223 51.52404566366192995, 3.50098456665350266 51.52304880817715116, 3.50258861852207648 51.5231646108368011, 3.50339872905254257 51.52711813545677444, 3.5009988833148884 51.52781579765167663, 3.50112195187731023 51.53176835523181154, 3.5138657171897929 51.53449784869429351, 3.51368502114417725 51.53084670649220556, 3.52008133813968938 51.52996015606815661, 3.52035530603013536 51.53080684745411588, 3.5251518133595714 51.53224465061402526, 3.53564067360783785 51.53387854432223492, 3.53993326489180982 51.52651941798895763, 3.55133118787196045 51.52559328975456054, 3.55176509811672592 51.52300379526460006, 3.54661267002693537 51.51944418615477872, 3.54164156131553032 51.51746505770956475, 3.5437791311012643 51.51387138789266373, 3.52997934518951029 51.51217516732996415, 3.52195702856184889 51.50894720254757431, 3.52279300633865633 51.50807103995513359, 3.5172479496276039 51.50582376180312849, 3.51392431142657946 51.50514169810745813, 3.51146115234827727 51.50624003687445907, 3.50662575799852805 51.50706919243061321, 3.49953451114992742 51.50670892225212327, 3.49869816740714112 51.50917571145767226, 3.50095567670582541 51.50977384200934495, 3.4991003955338198 51.51304794355903738, 3.49513824169859344 51.5168762314586175, 3.49390400939363133 51.52220598848572308, 3.49390400939363133 51.52220598848572308),(3.51507115162111861 51.51767095085842385, 3.51092367225895519 51.5176374306922753, 3.50645528899772119 51.51633810426258719, 3.50653275082543425 51.51460864268582895, 3.50849729553103362 51.51165661141200047, 3.51665623822609374 51.51465268171126155, 3.51507115162111861 51.51767095085842385, 3.51507115162111861 51.51767095085842385)))</t>
  </si>
  <si>
    <t>MultiPolygon (((3.51507115162111861 51.51767095085842385, 3.51665623822609374 51.51465268171126155, 3.50849729553103362 51.51165661141200047, 3.50653275082543425 51.51460864268582895, 3.50645528899772119 51.51633810426258719, 3.51092367225895519 51.5176374306922753, 3.51507115162111861 51.51767095085842385, 3.51507115162111861 51.51767095085842385)))</t>
  </si>
  <si>
    <t>MultiPolygon (((3.57606738465336393 51.54157048385499706, 3.57736789081825401 51.53925085353738922, 3.58063730999096519 51.53956106154682004, 3.58626471594860607 51.53847890290462885, 3.58979703785742421 51.53181355458012547, 3.59063830862898792 51.53002207259254419, 3.59347030776450538 51.52878113338832833, 3.59475527702680697 51.52646552522992351, 3.59663482894244124 51.52245161389249972, 3.5836842999016838 51.51962664341117204, 3.58417278878754031 51.51686511258353818, 3.58243236277177646 51.51668758289076777, 3.5828483922783172 51.51347357595020071, 3.58110391340422529 51.51348667861666542, 3.57883772384318055 51.51242509317543039, 3.58342318785619884 51.50866101265779662, 3.58331237910947831 51.50858688927438322, 3.58260065858365895 51.5082252806747718, 3.57788012434144465 51.50721764376447709, 3.57533560589240551 51.50657985655060145, 3.57632772044987091 51.50527340277386656, 3.57806379914627026 51.50474192154931075, 3.57817147114290757 51.50236922173653653, 3.57986193460770385 51.50097692581441322, 3.57873228358009321 51.500122685325465, 3.55519035864083754 51.49727030347357726, 3.55418516885186087 51.49781503267862348, 3.55327484745028199 51.50064485736252351, 3.54780497448843724 51.50942270975476589, 3.54671977865786747 51.51354634830389756, 3.54535562422048445 51.5133085038497569, 3.5437791311012643 51.51387138789266373, 3.54164156131553032 51.51746505770956475, 3.54661267002693537 51.51944418615477872, 3.55176509811672592 51.52300379526460006, 3.55133118787196045 51.52559328975456054, 3.53993326489180982 51.52651941798895763, 3.53564067360783785 51.53387854432223492, 3.53282726846537765 51.54147706997252243, 3.53643415302874997 51.54165564139185562, 3.53476487257670424 51.54675158789198264, 3.5481198277262993 51.55054082783689751, 3.55589845751528433 51.55077595084802056, 3.56292670536376299 51.55169251914812634, 3.56479607018894828 51.55357290042147866, 3.57344107110691844 51.55728648757686727, 3.57782632649839094 51.55208518491560454, 3.5792475015804972 51.54673844104310376, 3.57701063257643748 51.54454186299969365, 3.57606738465336393 51.54157048385499706),(3.55708245046384741 51.531654138764317, 3.55968740433405717 51.52976026474060234, 3.56862564821920669 51.53274163110342698, 3.56921084695795976 51.53360765238517871, 3.56689752361164736 51.53538406459517063, 3.56025411837602856 51.53768448473162067, 3.55716795579829004 51.53569994729614479, 3.55620958572000978 51.53352960463672616, 3.55708245046384741 51.531654138764317)))</t>
  </si>
  <si>
    <t>MultiPolygon (((3.56689752361164736 51.53538406459517063, 3.56921084695795976 51.53360765238517871, 3.56862564821920669 51.53274163110342698, 3.55968740433405717 51.52976026474060234, 3.55708245046384741 51.531654138764317, 3.55620958572000978 51.53352960463672616, 3.55716795579829004 51.53569994729614479, 3.56025411837602856 51.53768448473162067, 3.56689752361164736 51.53538406459517063)))</t>
  </si>
  <si>
    <t>MultiPolygon (((3.52164489117314394 51.55765048090086822, 3.5228157624252816 51.55620425590948486, 3.52621395572029828 51.55648094486281252, 3.53015949246760519 51.55511505061917177, 3.53476487257670424 51.54675158789198264, 3.53643415302874997 51.54165564139185562, 3.53282726846537765 51.54147706997252243, 3.53564067360783785 51.53387854432223492, 3.5251518133595714 51.53224465061402526, 3.52035530603013536 51.53080684745411588, 3.52008133813968938 51.52996015606815661, 3.51368502114417725 51.53084670649220556, 3.5138657171897929 51.53449784869429351, 3.50112195187731023 51.53176835523181154, 3.5009988833148884 51.52781579765167663, 3.50339872905254257 51.52711813545677444, 3.50258861852207648 51.5231646108368011, 3.50098456665350266 51.52304880817715116, 3.49931600741143223 51.52404566366192995, 3.49390400939363133 51.52220598848572308, 3.4928415754426223 51.52198506422733004, 3.48913822765149195 51.52357726144658301, 3.48452779070704599 51.52739213998718526, 3.48232217662053189 51.52655011228072368, 3.4794847168544929 51.53001861934700401, 3.48019302722383506 51.534240102464139, 3.47484979759285517 51.54069576761712312, 3.47939143237961801 51.54346331570940265, 3.47783056352609377 51.544362457349024, 3.48218630828089282 51.54619771536857087, 3.49258803554270747 51.54746766287119897, 3.50438917261202354 51.55056467871585824, 3.50433095641981485 51.55344019578893722, 3.50940090936559068 51.55644375232428445, 3.51382505242718102 51.55785100161670442, 3.51443357782362398 51.55604689268363927, 3.52164489117314394 51.55765048090086822, 3.52164489117314394 51.55765048090086822),(3.51122501908770124 51.54935525698958543, 3.51117289752448913 51.55016695143294925, 3.50372648277274568 51.54897557030084698, 3.50553618422341273 51.54678628123443929, 3.5078762636803491 51.54557901993018731, 3.49884771884360379 51.54342485774365201, 3.49343367590492315 51.54121007328745208, 3.49529024422032331 51.53920010832421639, 3.49997662462099912 51.54104258454058396, 3.50526679704265076 51.5420882445645816, 3.50785511515964465 51.54381819306949808, 3.51415172118718155 51.54558623990940447, 3.51122501908770124 51.54935525698958543, 3.51122501908770124 51.54935525698958543)))</t>
  </si>
  <si>
    <t>MultiPolygon (((3.51122501908770124 51.54935525698958543, 3.51415172118718155 51.54558623990940447, 3.50785511515964465 51.54381819306949808, 3.50526679704265076 51.5420882445645816, 3.49997662462099912 51.54104258454058396, 3.49529024422032331 51.53920010832421639, 3.49343367590492315 51.54121007328745208, 3.49884771884360379 51.54342485774365201, 3.5078762636803491 51.54557901993018731, 3.50553618422341273 51.54678628123443929, 3.50372648277274568 51.54897557030084698, 3.51117289752448913 51.55016695143294925, 3.51122501908770124 51.54935525698958543, 3.51122501908770124 51.54935525698958543)))</t>
  </si>
  <si>
    <t>MultiPolygon (((3.5753835318123004 51.59353761919147274, 3.57562527140136677 51.58467091076530409, 3.57457585285607626 51.5834454197338772, 3.57510890849142138 51.58110098218629247, 3.57943764365903583 51.58141159163467648, 3.57643730886978473 51.57798191439754731, 3.57472910817622314 51.57486186180859988, 3.56713094389961727 51.57125630963806628, 3.56730024367230003 51.56864270259271166, 3.56634009984913947 51.56788883715737626, 3.55965369014696309 51.5689523990945986, 3.55479148233351783 51.56816601268877065, 3.55356729786694681 51.56886974418501524, 3.5540872731128621 51.56965267056384761, 3.55679544064056019 51.57061671754236443, 3.55597385421377288 51.57129748679494696, 3.55368036846672064 51.57453356839373981, 3.55320230332249931 51.57699116618088908, 3.55838208528314315 51.5788209851782895, 3.55685884764647353 51.58011341571579322, 3.5521361886573084 51.57978679202724948, 3.54653368135050817 51.5785282447537341, 3.53966160537945651 51.57690294620763183, 3.54114580054108519 51.57415027281323461, 3.53437644686937347 51.57196633070849145, 3.53615606039549224 51.57054872881437291, 3.53829795869931951 51.56999206379729372, 3.53384118115445789 51.56908338052163998, 3.53443947935330138 51.56792689820420605, 3.52260098057768234 51.56785802537650909, 3.52278079492813356 51.5673540474731098, 3.5196121573119834 51.56723939709917204, 3.51668363625617175 51.57168900432318281, 3.51429399002789378 51.57323682297563039, 3.53482784742042266 51.58053090374526306, 3.55308342036818958 51.588766985419511, 3.5753835318123004 51.59353761919147274, 3.5753835318123004 51.59353761919147274)))</t>
  </si>
  <si>
    <t>MultiPolygon (((3.57643730886978473 51.57798191439754731, 3.58374963957533277 51.5764370601163975, 3.58416579070145591 51.57334681799487441, 3.58809604846122587 51.5731727860595015, 3.58870791767458597 51.57113096736412672, 3.58975896560860619 51.57079650816543648, 3.59003865254809806 51.56967447079122735, 3.58744282099115619 51.56973342067777111, 3.58847351197468445 51.56558191577786943, 3.58596365388025751 51.56431999084973228, 3.58472696043143468 51.55989923174236367, 3.57947042585385322 51.55924629250350932, 3.57344107110691844 51.55728648757686727, 3.56479607018894828 51.55357290042147866, 3.56292670536376299 51.55169251914812634, 3.55589845751528433 51.55077595084802056, 3.5481198277262993 51.55054082783689751, 3.53476487257670424 51.54675158789198264, 3.53015949246760519 51.55511505061917177, 3.52621395572029828 51.55648094486281252, 3.5228157624252816 51.55620425590948486, 3.52164489117314394 51.55765048090086822, 3.52048472212648189 51.55948205710661369, 3.5196121573119834 51.56723939709917204, 3.52278079492813356 51.5673540474731098, 3.52260098057768234 51.56785802537650909, 3.53443947935330138 51.56792689820420605, 3.54490979916348214 51.56494290480988241, 3.54629989051718786 51.56302368863926233, 3.55049114513058717 51.56298175010772411, 3.55440802690033619 51.56414468530224582, 3.55578897087163925 51.56235707733630136, 3.55793376470610889 51.56158819415756511, 3.55922180524631626 51.56205150831259942, 3.55447336886733289 51.56629435967209218, 3.55770027899594909 51.56769715569262758, 3.56084635612747036 51.56794780651456733, 3.56553077233383453 51.56666699874556059, 3.56634009984913947 51.56788883715737626, 3.56730024367230003 51.56864270259271166, 3.56713094389961727 51.57125630963806628, 3.57472910817622314 51.57486186180859988, 3.57643730886978473 51.57798191439754731, 3.57643730886978473 51.57798191439754731)))</t>
  </si>
  <si>
    <t>MultiPolygon (((3.54653368135050817 51.5785282447537341, 3.5521361886573084 51.57978679202724948, 3.55685884764647353 51.58011341571579322, 3.55838208528314315 51.5788209851782895, 3.55320230332249931 51.57699116618088908, 3.55368036846672064 51.57453356839373981, 3.55597385421377288 51.57129748679494696, 3.55361815321105601 51.57064052609385385, 3.55242628979412345 51.57285647846421028, 3.54653368135050817 51.5785282447537341, 3.54653368135050817 51.5785282447537341)))</t>
  </si>
  <si>
    <t>MultiPolygon (((3.54653368135050817 51.5785282447537341, 3.55242628979412345 51.57285647846421028, 3.55361815321105601 51.57064052609385385, 3.5450815737983139 51.5697530435866085, 3.54537550647136701 51.56749738904701275, 3.54028590592791748 51.56837372266297592, 3.53829795869931951 51.56999206379729372, 3.53615606039549224 51.57054872881437291, 3.53437644686937347 51.57196633070849145, 3.54114580054108519 51.57415027281323461, 3.53966160537945651 51.57690294620763183, 3.54653368135050817 51.5785282447537341, 3.54653368135050817 51.5785282447537341)))</t>
  </si>
  <si>
    <t>MultiPolygon (((3.55361815321105601 51.57064052609385385, 3.55597385421377288 51.57129748679494696, 3.55679544064056019 51.57061671754236443, 3.5540872731128621 51.56965267056384761, 3.55356729786694681 51.56886974418501524, 3.55479148233351783 51.56816601268877065, 3.55965369014696309 51.5689523990945986, 3.56634009984913947 51.56788883715737626, 3.56553077233383453 51.56666699874556059, 3.56084635612747036 51.56794780651456733, 3.55770027899594909 51.56769715569262758, 3.55447336886733289 51.56629435967209218, 3.55922180524631626 51.56205150831259942, 3.55793376470610889 51.56158819415756511, 3.55578897087163925 51.56235707733630136, 3.55440802690033619 51.56414468530224582, 3.55049114513058717 51.56298175010772411, 3.54629989051718786 51.56302368863926233, 3.54490979916348214 51.56494290480988241, 3.53443947935330138 51.56792689820420605, 3.53384118115445789 51.56908338052163998, 3.53829795869931951 51.56999206379729372, 3.54028590592791748 51.56837372266297592, 3.54537550647136701 51.56749738904701275, 3.5450815737983139 51.5697530435866085, 3.55361815321105601 51.57064052609385385, 3.55361815321105601 51.57064052609385385)))</t>
  </si>
  <si>
    <t>MultiPolygon (((3.51429399002789378 51.57323682297563039, 3.51668363625617175 51.57168900432318281, 3.5196121573119834 51.56723939709917204, 3.52048472212648189 51.55948205710661369, 3.52164489117314394 51.55765048090086822, 3.51443357782362398 51.55604689268363927, 3.51382505242718102 51.55785100161670442, 3.50940090936559068 51.55644375232428445, 3.50433095641981485 51.55344019578893722, 3.50438917261202354 51.55056467871585824, 3.49258803554270747 51.54746766287119897, 3.48218630828089282 51.54619771536857087, 3.47783056352609377 51.544362457349024, 3.47939143237961801 51.54346331570940265, 3.47484979759285517 51.54069576761712312, 3.4680177426669645 51.5452125638285068, 3.46138130080503004 51.5474923717260225, 3.45966856595510608 51.5502337570869642, 3.48853478375451242 51.56332583527814251, 3.4891858970737859 51.56142783490391679, 3.49169910495652802 51.55905350113244623, 3.4906056343193379 51.55757926510058553, 3.49713411772423388 51.55490242814160951, 3.49539530329755621 51.55417666599721827, 3.49649868688846777 51.55291082341884845, 3.49994519462008391 51.55396900495306056, 3.49752481404500815 51.55702717892049947, 3.50289843987498806 51.55946951514444976, 3.50578568991508766 51.56278948447120314, 3.50651936339076764 51.56306005547951798, 3.51037962944201709 51.55942808070947336, 3.51256312796240033 51.56022733592619289, 3.50865769366437119 51.56385247518419845, 3.51130760035626066 51.56522397356079068, 3.51088229097376958 51.56639042620791002, 3.50276833227350215 51.56907535196073411, 3.51429399002789378 51.57323682297563039, 3.51429399002789378 51.57323682297563039)))</t>
  </si>
  <si>
    <t>MultiPolygon (((3.50276833227350215 51.56907535196073411, 3.51088229097376958 51.56639042620791002, 3.51130760035626066 51.56522397356079068, 3.50865769366437119 51.56385247518419845, 3.51256312796240033 51.56022733592619289, 3.51037962944201709 51.55942808070947336, 3.50651936339076764 51.56306005547951798, 3.50578568991508766 51.56278948447120314, 3.50289843987498806 51.55946951514444976, 3.49752481404500815 51.55702717892049947, 3.49994519462008391 51.55396900495306056, 3.49649868688846777 51.55291082341884845, 3.49539530329755621 51.55417666599721827, 3.49713411772423388 51.55490242814160951, 3.4906056343193379 51.55757926510058553, 3.49169910495652802 51.55905350113244623, 3.4891858970737859 51.56142783490391679, 3.48853478375451242 51.56332583527814251, 3.50276833227350215 51.56907535196073411, 3.50276833227350215 51.56907535196073411)))</t>
  </si>
  <si>
    <t>MultiPolygon (((3.60032140572964199 51.57010802824920859, 3.60475964373639446 51.56881992643812396, 3.60799596060237704 51.56685734600799265, 3.60676630271608767 51.5650916627550302, 3.60708614040464415 51.56400953292232714, 3.61205484569120427 51.56160656044303181, 3.62016720350537202 51.56208266110610339, 3.62150881492601728 51.56152952048722682, 3.62373845506074588 51.56174215259787275, 3.62409608134550965 51.55870963087667747, 3.62284708604958361 51.55847500856711463, 3.62099070578866744 51.55197470077185073, 3.60981063596855156 51.55194901414213859, 3.61066215286398551 51.54897544834307865, 3.61230047237509311 51.54751242821755852, 3.61380885070661417 51.54387622037113914, 3.61348281487415557 51.54298739723191858, 3.61008729173759413 51.54219576874651665, 3.61097510028359103 51.53530118162856155, 3.6109204381030473 51.53488456408672391, 3.60354450973514551 51.53395736441902386, 3.60271296655003903 51.53491329833715895, 3.5929581979656029 51.53216705628670979, 3.58979703785742421 51.53181355458012547, 3.58626471594860607 51.53847890290462885, 3.58063730999096519 51.53956106154682004, 3.57736789081825401 51.53925085353738922, 3.57606738465336393 51.54157048385499706, 3.57701063257643748 51.54454186299969365, 3.5792475015804972 51.54673844104310376, 3.57782632649839094 51.55208518491560454, 3.57344107110691844 51.55728648757686727, 3.57947042585385322 51.55924629250350932, 3.58472696043143468 51.55989923174236367, 3.58596365388025751 51.56431999084973228, 3.58847351197468445 51.56558191577786943, 3.58744282099115619 51.56973342067777111, 3.59003865254809806 51.56967447079122735, 3.58975896560860619 51.57079650816543648, 3.60032140572964199 51.57010802824920859, 3.60032140572964199 51.57010802824920859),(3.59793039216685751 51.54398811592977125, 3.59941112850543954 51.54372224671285352, 3.60299642799070519 51.54460699020304304, 3.60375161569699065 51.54923512642456984, 3.60106147351260208 51.5535850343823725, 3.59920908534293948 51.55479542271525162, 3.59652606290186894 51.55442168902375499, 3.59656004171182753 51.55342791760399734, 3.59382277591335608 51.55265855226542726, 3.59171776608983695 51.55480922782871289, 3.58917860071328043 51.55417933808210762, 3.58861972642915772 51.55564714516991387, 3.58466538763014686 51.55411879263333219, 3.58889471587394349 51.54833929537753789, 3.59269683120469852 51.54605123516419241, 3.59793039216685751 51.54398811592977125, 3.59793039216685751 51.54398811592977125)))</t>
  </si>
  <si>
    <t>MultiPolygon (((3.58917860071328043 51.55417933808210762, 3.59171776608983695 51.55480922782871289, 3.59382277591335608 51.55265855226542726, 3.59656004171182753 51.55342791760399734, 3.59652606290186894 51.55442168902375499, 3.59920908534293948 51.55479542271525162, 3.60106147351260208 51.5535850343823725, 3.60375161569699065 51.54923512642456984, 3.60299642799070519 51.54460699020304304, 3.59941112850543954 51.54372224671285352, 3.59793039216685751 51.54398811592977125, 3.59269683120469852 51.54605123516419241, 3.58889471587394349 51.54833929537753789, 3.58466538763014686 51.55411879263333219, 3.58861972642915772 51.55564714516991387, 3.58917860071328043 51.55417933808210762, 3.58917860071328043 51.55417933808210762)))</t>
  </si>
  <si>
    <t>MultiPolygon (((3.62135267999725219 51.58931906428552594, 3.62966213428788897 51.58899303390183633, 3.63362339320192707 51.58939743475641393, 3.63491348493809818 51.58689246651456273, 3.62987985868701912 51.5853419698066773, 3.6278776853268706 51.58406022931394119, 3.62826119148834181 51.57982392514070824, 3.62750438171137013 51.57765285329003291, 3.62860490487836485 51.57600393927022253, 3.62805095690327128 51.57458479249377348, 3.6302848271537278 51.57156651442554107, 3.63950771702176157 51.56559468337185592, 3.63899028433389704 51.56448129711466066, 3.64087020976713616 51.56310469812160591, 3.63866494357438519 51.56338534867330026, 3.63786943898724147 51.56256223107342862, 3.63501732457895388 51.56407568238762451, 3.63071317500761737 51.56571756192067113, 3.62774065898519193 51.56213062792263457, 3.62373845506074588 51.56174215259787275, 3.62150881492601728 51.56152952048722682, 3.62016720350537202 51.56208266110610339, 3.61205484569120427 51.56160656044303181, 3.60708614040464415 51.56400953292232714, 3.60676630271608767 51.5650916627550302, 3.60799596060237704 51.56685734600799265, 3.60475964373639446 51.56881992643812396, 3.60032140572964199 51.57010802824920859, 3.58975896560860619 51.57079650816543648, 3.58870791767458597 51.57113096736412672, 3.58809604846122587 51.5731727860595015, 3.58416579070145591 51.57334681799487441, 3.58374963957533277 51.5764370601163975, 3.57643730886978473 51.57798191439754731, 3.57943764365903583 51.58141159163467648, 3.57510890849142138 51.58110098218629247, 3.57457585285607626 51.5834454197338772, 3.57562527140136677 51.58467091076530409, 3.5753835318123004 51.59353761919147274, 3.58239794489447494 51.59466087219178121, 3.58421957945032066 51.59415533234033546, 3.60794292421271479 51.59303723376412165, 3.62135267999725219 51.58931906428552594, 3.62135267999725219 51.58931906428552594),(3.61090285773330733 51.58529683418072409, 3.61016115493662193 51.5817351852375694, 3.61640883222715193 51.57892243649213526, 3.61602024896144281 51.57820827210600356, 3.61387726030844725 51.57757145612706751, 3.61093373759249481 51.57878373787211501, 3.61033199626815948 51.57540851701905638, 3.61611840530751305 51.57331981233042484, 3.61258756717516327 51.57048736983027482, 3.61373314657376055 51.57009822260566523, 3.62115076437416139 51.57557248049761256, 3.61731747599184983 51.57719402281431087, 3.61811809462004819 51.578361411398852, 3.62108363769134378 51.58254268746571114, 3.62131458273585061 51.58649746005588099, 3.61297914131247655 51.58803532354717447, 3.61090285773330733 51.58529683418072409, 3.61090285773330733 51.58529683418072409)),((3.71985297375989532 51.64913484797477139, 3.71435566149804819 51.64223862039666813, 3.71654696514856875 51.64099821003191693, 3.71460709018901003 51.64125971168594731, 3.71329244009558623 51.63906793940271456, 3.7155155335589507 51.63814841754967944, 3.71743046683800493 51.63886323766156039, 3.71806616841924775 51.64052456663547019, 3.71813462805017503 51.63967251362043243, 3.71905924871770432 51.63920041572496444, 3.71619358737303473 51.63659834022494266, 3.70955443221611292 51.63240746143526394, 3.71458313820929309 51.62997811039315366, 3.71707208783413057 51.6304730569596444, 3.72426718430312409 51.62741488024884262, 3.73074205097614309 51.63291231391091429, 3.72278606098013487 51.63654287509939422, 3.72466487883433528 51.63660648614167314, 3.73125415664907356 51.63362051470161873, 3.73166565145714912 51.63226200314044689, 3.7222502714180461 51.62490067352329248, 3.70854882123054841 51.63117674238426247, 3.70418434664201168 51.62873467283807827, 3.70705579553732756 51.62445171295524204, 3.70369123110271081 51.6218865419299604, 3.70296322067929173 51.62242017026567709, 3.70525933482401948 51.62390014823223794, 3.70456552849532272 51.62534047522998293, 3.69751403973448856 51.62883166308120764, 3.69010374072021285 51.62303442502992112, 3.69645084537704438 51.61936930565538262, 3.69894573146232863 51.61963299906359737, 3.70016991582456178 51.62040173822894218, 3.70096044321243722 51.61993900473184027, 3.69902700319002742 51.61880470524737063, 3.69672951762803281 51.61860284753437611, 3.69033945500259719 51.62129633016457575, 3.68733393780472252 51.62172591262067556, 3.68625856991425405 51.6197535525555864, 3.68615056113674822 51.61666521539159191, 3.6940146520787982 51.61651232644124576, 3.6915892448266634 51.61602268857291165, 3.68662883163698174 51.61614732115359061, 3.6842781794817685 51.6148494504307962, 3.68236776257903342 51.60097181847348935, 3.68312677643846875 51.60076315175523121, 3.68075375368601332 51.6000980198640633, 3.68226620911708435 51.60221195709743824, 3.68380491421318634 51.61486509909390463, 3.68244565673608371 51.61629617263646708, 3.67653951316134275 51.61828701789283969, 3.67414802829170473 51.62020262752910327, 3.67503141077947859 51.62052369428980114, 3.67709509826218284 51.6189582122793027, 3.68176071179201969 51.61728059007730707, 3.68281535670007587 51.62072038768520343, 3.68035757856808043 51.62096185267620285, 3.6795271462531205 51.61989715834235426, 3.67884231522918093 51.62000176869968726, 3.67864565963901979 51.62172136151560409, 3.67690784373324941 51.62249230736146188, 3.67262765955516368 51.6224104256835119, 3.66827081015209178 51.62136940975923949, 3.66763827610629711 51.62186938711284512, 3.67328970282914513 51.62323992670149408, 3.68252431999004459 51.6234084886584057, 3.68697494888229915 51.62901159350936808, 3.69748134967434039 51.6368791976478505, 3.69844953917893804 51.63859462594698613, 3.6972883444701159 51.63966111405711956, 3.69718972913570854 51.64098470658245787, 3.69845331748294415 51.64261641699762606, 3.70155727016030234 51.64390703407597272, 3.70387851506276444 51.64410042640323439, 3.7041931003273838 51.64354531644868018, 3.70166601102911663 51.64308982795776615, 3.6983952760865666 51.64047168801369736, 3.70157623193197471 51.63772503288963378, 3.70318725175066854 51.63763972089736143, 3.70728407087948097 51.64043393550435468, 3.70527204799862675 51.64190077223960884, 3.70546919296552746 51.64256559162186733, 3.70826091218958798 51.64346265244975598, 3.71373314912375463 51.64240140786409228, 3.71455461081285021 51.64286948672458522, 3.71924777949791885 51.64875721692928323, 3.71895570913560691 51.65033135184204838, 3.72223341790380768 51.65033779170421013, 3.72112691456210776 51.6492287524509095, 3.71985297375989532 51.64913484797477139, 3.71985297375989532 51.64913484797477139)))</t>
  </si>
  <si>
    <t>MultiPolygon (((3.61640883222715193 51.57892243649213526, 3.61016115493662193 51.5817351852375694, 3.61090285773330733 51.58529683418072409, 3.61297914131247655 51.58803532354717447, 3.62131458273585061 51.58649746005588099, 3.62108363769134378 51.58254268746571114, 3.61811809462004819 51.578361411398852, 3.61664933883746853 51.57892692207117591, 3.61640883222715193 51.57892243649213526, 3.61640883222715193 51.57892243649213526)))</t>
  </si>
  <si>
    <t>MultiPolygon (((3.61640883222715193 51.57892243649213526, 3.61664933883746853 51.57892692207117591, 3.61811809462004819 51.578361411398852, 3.61731747599184983 51.57719402281431087, 3.62115076437416139 51.57557248049761256, 3.61373314657376055 51.57009822260566523, 3.61258756717516327 51.57048736983027482, 3.61611840530751305 51.57331981233042484, 3.61033199626815948 51.57540851701905638, 3.61093373759249481 51.57878373787211501, 3.61387726030844725 51.57757145612706751, 3.61602024896144281 51.57820827210600356, 3.61640883222715193 51.57892243649213526, 3.61640883222715193 51.57892243649213526)))</t>
  </si>
  <si>
    <t>MultiPolygon (((3.64075926448410581 51.55625374607506473, 3.64453656754091782 51.55146797752619392, 3.645465776721458 51.54552458005930049, 3.64505296114451971 51.54402433646482962, 3.64083535312948126 51.54198629021160372, 3.64176405564558836 51.5372198089125817, 3.63997529056189784 51.53431361114741804, 3.63653773005730008 51.53414414340120686, 3.63635799378787228 51.530955473783294, 3.63434666331360878 51.53048028175792439, 3.63370992153564121 51.52600380471205455, 3.62625341840454096 51.52593521924477926, 3.61721443005962495 51.52526505611223229, 3.61485815188799808 51.53052019947369189, 3.61315813102430994 51.53514198222455889, 3.61097510028359103 51.53530118162856155, 3.61008729173759413 51.54219576874651665, 3.61348281487415557 51.54298739723191858, 3.61380885070661417 51.54387622037113914, 3.61230047237509311 51.54751242821755852, 3.61066215286398551 51.54897544834307865, 3.60981063596855156 51.55194901414213859, 3.62099070578866744 51.55197470077185073, 3.62284708604958361 51.55847500856711463, 3.62409608134550965 51.55870963087667747, 3.62373845506074588 51.56174215259787275, 3.62774065898519193 51.56213062792263457, 3.63071317500761737 51.56571756192067113, 3.63501732457895388 51.56407568238762451, 3.63394174629111344 51.56097753116976889, 3.63626926898462921 51.55826333467761913, 3.64075926448410581 51.55625374607506473, 3.64075926448410581 51.55625374607506473),(3.62027790399848204 51.54215536026460853, 3.62699500067165603 51.54189264649150459, 3.63009298025675831 51.54591388939514474, 3.63000302861180302 51.54860432221828148, 3.62693127344784827 51.54792341693607227, 3.62040008802874214 51.54502965250239299, 3.61944934711185251 51.54384370363101908, 3.62027790399848204 51.54215536026460853, 3.62027790399848204 51.54215536026460853)))</t>
  </si>
  <si>
    <t>MultiPolygon (((3.63009298025675831 51.54591388939514474, 3.62699500067165603 51.54189264649150459, 3.62027790399848204 51.54215536026460853, 3.61944934711185251 51.54384370363101908, 3.62040008802874214 51.54502965250239299, 3.62693127344784827 51.54792341693607227, 3.63000302861180302 51.54860432221828148, 3.63009298025675831 51.54591388939514474)))</t>
  </si>
  <si>
    <t>MultiPolygon (((3.6953273564697402 51.54207966278925568, 3.68988271815181168 51.53692982518839472, 3.68789250925686707 51.53711606381384769, 3.68673349475356149 51.54298020045924744, 3.68253258579696796 51.54832810580059288, 3.68174021789341444 51.55166674737353105, 3.68368490349423627 51.55285395823333516, 3.68853533876597695 51.55151117450981246, 3.69435589961406352 51.54683969838223589, 3.6953273564697402 51.54207966278925568)),((3.67549735720559712 51.55606226634044731, 3.67516996706364996 51.5542288585623254, 3.67385583075814193 51.55495640046603967, 3.67346695314211358 51.55692453247966967, 3.67028271122006755 51.55844776021917397, 3.67261215912616779 51.55899542816249692, 3.67549735720559712 51.55606226634044731)),((3.66638629967705088 51.56211545634141658, 3.66704357220697919 51.56160017222237713, 3.67129136634931452 51.56188860804849128, 3.6723985073664549 51.56029112286092442, 3.66945526120055332 51.56070018212382422, 3.6654262497811203 51.55977911724612284, 3.66638629967705088 51.56211545634141658)),((3.63501732457895388 51.56407568238762451, 3.63786943898724147 51.56256223107342862, 3.63866494357438519 51.56338534867330026, 3.63877969109074195 51.56285310220876283, 3.64144888056749272 51.56257571824957608, 3.65030816386199053 51.55897775301138353, 3.65302581060792697 51.55869988112419833, 3.65001413606917202 51.55885377009335713, 3.64476465652484549 51.56040339516533066, 3.64395667366708542 51.55975880003020251, 3.6483883341696437 51.55776424455810059, 3.65028775691540863 51.55760456519482915, 3.65052131214163333 51.55806548783113641, 3.65364739938468697 51.55731173969343217, 3.65370198691447268 51.5577139726071394, 3.65385879452080964 51.5571948488926779, 3.65663638381484724 51.55656642964481051, 3.65962457186063794 51.55378611187597926, 3.66540559257264409 51.55088609433536107, 3.66367023011929405 51.55009474514902479, 3.65805322695258583 51.5510374977060124, 3.65767478570497495 51.55349609605397632, 3.65355454353968945 51.55347549330853241, 3.65448712369065865 51.54889188003549805, 3.65564901510433682 51.54719531823465672, 3.65901568155698964 51.54671669984927007, 3.66178199609088306 51.54472492271708717, 3.6589705466855138 51.542803260955111, 3.65937441443869016 51.54431511841001878, 3.65615357359800663 51.54462256020264022, 3.6567746094784046 51.54197258011914329, 3.65441671108124089 51.53908403284589923, 3.65884142793587674 51.53778753874616569, 3.66290768655831256 51.53810385441750697, 3.6656566545693261 51.54072743618322505, 3.66550608985807225 51.54246822056917665, 3.66675293375350853 51.54247538748989399, 3.66815661093641365 51.54223411011172118, 3.66944062955763828 51.54505736638833469, 3.67247976379472307 51.54725229081695659, 3.67732962382745932 51.54054145364820272, 3.68020231929468755 51.53449610700454286, 3.65884034101229405 51.51926115393781203, 3.65650608997980253 51.52217292068924337, 3.65147129937909209 51.5213357756208552, 3.64159677820807426 51.51969320026114474, 3.63964070429867581 51.5205030819910661, 3.63477429760566295 51.52052879883676439, 3.63490461979199608 51.52312633350493343, 3.63370992153564121 51.52600380471205455, 3.63434666331360878 51.53048028175792439, 3.63635799378787228 51.530955473783294, 3.63653773005730008 51.53414414340120686, 3.63997529056189784 51.53431361114741804, 3.64176405564558836 51.5372198089125817, 3.64083535312948126 51.54198629021160372, 3.64505296114451971 51.54402433646482962, 3.645465776721458 51.54552458005930049, 3.64453656754091782 51.55146797752619392, 3.64075926448410581 51.55625374607506473, 3.63626926898462921 51.55826333467761913, 3.63394174629111344 51.56097753116976889, 3.63501732457895388 51.56407568238762451)))</t>
  </si>
  <si>
    <t>MultiPolygon (((3.65564901510433682 51.54719531823465672, 3.65448712369065865 51.54889188003549805, 3.65355454353968945 51.55347549330853241, 3.65767478570497495 51.55349609605397632, 3.65805322695258583 51.5510374977060124, 3.65778443108162676 51.5492354475618626, 3.65564901510433682 51.54719531823465672, 3.65564901510433682 51.54719531823465672)))</t>
  </si>
  <si>
    <t>MultiPolygon (((3.66178199609088306 51.54472492271708717, 3.66280284551461177 51.54452310230911394, 3.66550608985807225 51.54246822056917665, 3.6656566545693261 51.54072743618322505, 3.66290768655831256 51.53810385441750697, 3.65884142793587674 51.53778753874616569, 3.65441671108124089 51.53908403284589923, 3.6567746094784046 51.54197258011914329, 3.65615357359800663 51.54462256020264022, 3.65937441443869016 51.54431511841001878, 3.6589705466855138 51.542803260955111, 3.66178199609088306 51.54472492271708717, 3.66178199609088306 51.54472492271708717)))</t>
  </si>
  <si>
    <t>MultiPolygon (((3.65805322695258583 51.5510374977060124, 3.66367023011929405 51.55009474514902479, 3.66540559257264409 51.55088609433536107, 3.66876293010859467 51.55038285309138502, 3.663597218633865 51.54854217477770106, 3.66430542051537866 51.54833864079539296, 3.66972199750272265 51.55029331386424474, 3.67161100706183952 51.54813549042060572, 3.667816168903689 51.54501790443728737, 3.66675293375350853 51.54247538748989399, 3.66550608985807225 51.54246822056917665, 3.66280284551461177 51.54452310230911394, 3.66178199609088306 51.54472492271708717, 3.65901568155698964 51.54671669984927007, 3.65564901510433682 51.54719531823465672, 3.65778443108162676 51.5492354475618626, 3.65805322695258583 51.5510374977060124, 3.65805322695258583 51.5510374977060124)))</t>
  </si>
  <si>
    <t>MultiPolygon (((4.13167794632731056 51.63849215812376059, 4.13118986224989992 51.63737860933096613, 4.12569358939153208 51.63845103931856073, 4.12681445663872282 51.63990560725896017, 4.12823756871913794 51.63935302612244982, 4.12944979828675685 51.64024216606258477, 4.13167794632731056 51.63849215812376059, 4.13167794632731056 51.63849215812376059)))</t>
  </si>
  <si>
    <t>MultiPolygon (((4.192900571467991 51.63468879764651831, 4.19317593602003047 51.63876299916940837, 4.19413673989079339 51.63903026445618138, 4.19560537547347145 51.63467276057427569, 4.19953510115583484 51.63461325385193845, 4.19576338714737851 51.63798607657556516, 4.2005399569893429 51.63922691583398006, 4.21151668630223686 51.63854385010406389, 4.2142330994133097 51.63788802246132548, 4.2175197976516472 51.63531515777930991, 4.22955960207785076 51.63393117357415463, 4.23268899643417651 51.63506221427586951, 4.23732367191310111 51.63401442676378394, 4.22782235382863369 51.63102259657827631, 4.21446660866474065 51.62766402692120948, 4.20502084466850867 51.62356141704837853, 4.19765949398559446 51.61804795509240051, 4.19168488753337609 51.60933696942692706, 4.19057356049427998 51.60605583542404418, 4.17449605063376428 51.60761720902039684, 4.17406717870462707 51.60835927751922725, 4.16878612341624688 51.60897194078494721, 4.17372952221997728 51.61137119791122529, 4.17748132247445803 51.61643890771759402, 4.17366869478693747 51.61726940189077339, 4.16951918528868504 51.61664463012328241, 4.17081674540841973 51.61870142713673459, 4.15587315264826351 51.62324170336811591, 4.15717312228102909 51.6199251233023233, 4.15934293671570909 51.62107493223406607, 4.16039339103521044 51.61926887346411519, 4.16069169794855931 51.61852114089568033, 4.15800723337624945 51.61810515104188113, 4.15902661114012417 51.61497186526545278, 4.16046397532996171 51.61485738856912775, 4.1582587936493125 51.61297985180534198, 4.15407093591997345 51.61252251660326351, 4.14219498062789349 51.61347481938711468, 4.13587639293431764 51.61293756547389222, 4.12626333657580346 51.61311501185200257, 4.11760165176479997 51.62463578625458638, 4.11694121092375109 51.62501889882481976, 4.11411250114368787 51.62430538185599715, 4.11237590192231028 51.62569810257903669, 4.11255317811559795 51.6267831610300405, 4.10867299673175346 51.62968163537566824, 4.10469164430165723 51.63014533716790311, 4.10370003987273524 51.62965552568939387, 4.100481320473361 51.63098186291483671, 4.09939800246452091 51.63281984710770445, 4.09849993103205357 51.63880715759424334, 4.1003014494962251 51.64114833273376348, 4.09775771887405682 51.64253836510351192, 4.09992300376949359 51.64214142388684792, 4.10058009023367731 51.64282549429927371, 4.09852990319385757 51.64337637159464123, 4.0995611772879732 51.64338455464424271, 4.10528298562141458 51.64137141636042116, 4.10393798078763172 51.64362949079022513, 4.10721265768137478 51.64633105708748673, 4.11672362863476682 51.65225867715754049, 4.12025515288220134 51.65359553289644623, 4.1241677795854903 51.6535805068432694, 4.1371630386757996 51.65245789310296232, 4.14872842695653965 51.65007884002043426, 4.16855293007475503 51.64364098204873699, 4.192900571467991 51.63468879764651831),(4.12944979828675685 51.64024216606258477, 4.12823756871913794 51.63935302612244982, 4.12681445663872282 51.63990560725896017, 4.12569358939153208 51.63845103931856073, 4.13118986224989992 51.63737860933096613, 4.13167794632731056 51.63849215812376059, 4.12944979828675685 51.64024216606258477, 4.12944979828675685 51.64024216606258477),(4.17123699435798834 51.61890408476872238, 4.1758231924953142 51.61787642470029169, 4.17713174350694594 51.62001320307591357, 4.17404358546219711 51.62114026107011, 4.17123699435798834 51.61890408476872238, 4.17123699435798834 51.61890408476872238)))</t>
  </si>
  <si>
    <t>MultiPolygon (((4.17713174350694594 51.62001320307591357, 4.1758231924953142 51.61787642470029169, 4.17123699435798834 51.61890408476872238, 4.17404358546219711 51.62114026107011, 4.17713174350694594 51.62001320307591357, 4.17713174350694594 51.62001320307591357)),((4.17081674540841973 51.61870142713673459, 4.16951918528868504 51.61664463012328241, 4.16434138240704588 51.61359524218524797, 4.16046397532996171 51.61485738856912775, 4.15902661114012417 51.61497186526545278, 4.15800723337624945 51.61810515104188113, 4.16069169794855931 51.61852114089568033, 4.16039339103521044 51.61926887346411519, 4.15934293671570909 51.62107493223406607, 4.15717312228102909 51.6199251233023233, 4.15587315264826351 51.62324170336811591, 4.17081674540841973 51.61870142713673459, 4.17081674540841973 51.61870142713673459)))</t>
  </si>
  <si>
    <t>MultiPolygon (((4.19057356049427998 51.60605583542404418, 4.19016232240678033 51.60095389654679821, 4.19081704283932943 51.59738453780104095, 4.19223151756226819 51.59390158065129839, 4.19571796640728412 51.58897518335542287, 4.19889144728905084 51.5859753508878498, 4.22812111847472849 51.56371630668508033, 4.23244371096121252 51.55905485980527914, 4.23558563584330816 51.55272393468801795, 4.2314086860367226 51.55104307180278767, 4.23002944912529522 51.55194682491843139, 4.22720475977071253 51.55169424736825334, 4.22624276697102541 51.55251264647491638, 4.22621118683966834 51.5545784725112739, 4.22047913384451423 51.55299628362482167, 4.21217981287461374 51.54822765363726944, 4.20472656351294827 51.55278693338316032, 4.19978876002701362 51.55435499013191958, 4.19278621513927074 51.55526292455850523, 4.18425185458343751 51.55397068789500992, 4.18070489548146806 51.55222614552611304, 4.17818508199806793 51.54922769299557928, 4.17701209544289132 51.54960932669545315, 4.17003028447000279 51.55290284109079835, 4.16392787086280869 51.56041994006148599, 4.17092126508395644 51.56326813444685087, 4.17048939694758847 51.57277132302304068, 4.17450050368552183 51.57660511132628045, 4.17529522446661883 51.58006719600810186, 4.17461342610647801 51.58188957730102686, 4.17163512537324177 51.58413573004734332, 4.16214898505148501 51.58671615600582072, 4.1513296053514015 51.58524494181985887, 4.15028418777620178 51.58577326361113791, 4.14920886358149499 51.58808743423412579, 4.14109869542818121 51.58891135290817687, 4.1391004545967105 51.58822925912355828, 4.14017565762328221 51.60314738064239748, 4.14488912305498136 51.60390801980209829, 4.14935189924787107 51.60374298708179452, 4.15118856925955271 51.60306295820992517, 4.1561893636801317 51.60368238781197192, 4.1617107825093953 51.60526265393356482, 4.17099620324420162 51.6059518639531376, 4.17348354827711354 51.6054703209577923, 4.17449605063376428 51.60761720902039684, 4.19057356049427998 51.60605583542404418, 4.19057356049427998 51.60605583542404418),(4.20903968475252555 51.57625213544835674, 4.20450296243696897 51.57396865757983306, 4.19898651585553484 51.57519386238710979, 4.19546301291290824 51.57505377247213119, 4.19419889591792394 51.57164292262855554, 4.19431676677460974 51.56740441720828727, 4.19733158781678917 51.56392426187723288, 4.20154022083575729 51.56218350244613191, 4.20388695518997668 51.56394697897054868, 4.2028461255710523 51.56487505816271977, 4.20667214045734639 51.56945362078329254, 4.20505504815921416 51.57336098346138442, 4.20766180537121048 51.57384951464478462, 4.21019544856957939 51.57553589667471527, 4.20903968475252555 51.57625213544835674, 4.20903968475252555 51.57625213544835674)))</t>
  </si>
  <si>
    <t>MultiPolygon (((4.20903968475252555 51.57625213544835674, 4.21019544856957939 51.57553589667471527, 4.20766180537121048 51.57384951464478462, 4.20505504815921416 51.57336098346138442, 4.20667214045734639 51.56945362078329254, 4.2028461255710523 51.56487505816271977, 4.20388695518997668 51.56394697897054868, 4.20154022083575729 51.56218350244613191, 4.19733158781678917 51.56392426187723288, 4.19431676677460974 51.56740441720828727, 4.19419889591792394 51.57164292262855554, 4.19546301291290824 51.57505377247213119, 4.19898651585553484 51.57519386238710979, 4.20450296243696897 51.57396865757983306, 4.20903968475252555 51.57625213544835674, 4.20903968475252555 51.57625213544835674)))</t>
  </si>
  <si>
    <t>MultiPolygon (((4.10148874181529788 51.61021009275673777, 4.10022859874165935 51.6101129011312949, 4.09868571103090407 51.60793932514530269, 4.10284386084928876 51.60562042639629254, 4.09425446770421164 51.60103701975220503, 4.09361239288826795 51.60133591459678115, 4.08754540764695484 51.59834263788199848, 4.10429070226533277 51.59352215613809989, 4.10814399083794335 51.59116264321533407, 4.1128752767565242 51.59441299875506104, 4.10890317545702999 51.59990265444819357, 4.11172969312476688 51.60305908217890192, 4.11129274772579834 51.60336609239099914, 4.11658938828115684 51.602210870982681, 4.12787281167887254 51.60190479025447985, 4.14017565762328221 51.60314738064239748, 4.1391004545967105 51.58822925912355828, 4.13435683614505312 51.58944696429712451, 4.13205815130627307 51.58902887775507651, 4.12922245905140617 51.58792866116628062, 4.12730194050358712 51.58480398748424989, 4.12168412564399667 51.58048984433794715, 4.11351850831433286 51.57835663553355232, 4.1013457185140263 51.57697693554525387, 4.10122824996697499 51.57908693802561828, 4.10109718259845746 51.581251799381306, 4.0967329496941467 51.58280002960045607, 4.0989702386683815 51.58510554975169526, 4.10236024546441502 51.58622790725891605, 4.09820491770434625 51.5891581356813731, 4.09910245144952778 51.59083008612135757, 4.09804312146175054 51.59256775984870558, 4.0857308477079517 51.59080277652781632, 4.08190689524024908 51.59096262313334336, 4.07444208370738536 51.59265415567864466, 4.06496626896875135 51.59262603171889339, 4.0603852200101338 51.59101395863778805, 4.05470210068491799 51.5899620484280419, 4.05155531042158756 51.5936463374795693, 4.0485176587288656 51.59273681185406701, 4.04677500296104142 51.59548149060905331, 4.0477284705773755 51.59890500238352473, 4.04321206780932929 51.60414317834452902, 4.04397536391082646 51.6045092301484658, 4.04582535785821307 51.60392556329207281, 4.05359201398313918 51.60899126054543729, 4.06197673293410411 51.60977182861353185, 4.06374526794823954 51.61162280012464976, 4.06890355963560779 51.61209607356821749, 4.07455643993460281 51.61346997440886497, 4.0834633394224511 51.61176424747495162, 4.08509491405634328 51.61252593525748722, 4.10148874181529788 51.61021009275673777, 4.10148874181529788 51.61021009275673777)))</t>
  </si>
  <si>
    <t>MultiPolygon (((4.10148874181529788 51.61021009275673777, 4.10383384328455936 51.60922308103238265, 4.10437039360355893 51.60662699356971217, 4.10546630539695379 51.60660927312969903, 4.10916683825488604 51.60451370438156715, 4.10837108696450226 51.60406282576190051, 4.10575237655423297 51.60543702909910735, 4.10521421629451133 51.60506156297584823, 4.10712926658906596 51.60318904179644761, 4.10825793084382962 51.60258801662197925, 4.11017293852240417 51.60397003189959264, 4.11129274772579834 51.60336609239099914, 4.11172969312476688 51.60305908217890192, 4.10890317545702999 51.59990265444819357, 4.1128752767565242 51.59441299875506104, 4.10814399083794335 51.59116264321533407, 4.10429070226533277 51.59352215613809989, 4.08754540764695484 51.59834263788199848, 4.09361239288826795 51.60133591459678115, 4.09425446770421164 51.60103701975220503, 4.10284386084928876 51.60562042639629254, 4.09868571103090407 51.60793932514530269, 4.10022859874165935 51.6101129011312949, 4.10148874181529788 51.61021009275673777, 4.10148874181529788 51.61021009275673777)))</t>
  </si>
  <si>
    <t>MultiPolygon (((4.03965666970205106 51.60394102652296766, 4.04321206780932929 51.60414317834452902, 4.0477284705773755 51.59890500238352473, 4.04677500296104142 51.59548149060905331, 4.0485176587288656 51.59273681185406701, 4.05155531042158756 51.5936463374795693, 4.05470210068491799 51.5899620484280419, 4.03793903887275363 51.58597650808877688, 4.03382120251748333 51.58553917690819901, 4.04206360265233133 51.57565952297757406, 4.03574740967074064 51.56826271893585556, 4.02671601881430963 51.56522652839085197, 4.02313850982300192 51.56737359767210904, 4.01300333018945832 51.57037476300743606, 4.00544769732002504 51.57569242380075281, 3.98982957888787659 51.57636843667417281, 3.98387202924784578 51.58087695857303601, 3.98472893089156122 51.58706139146040925, 3.98783001372633894 51.59101865680329979, 3.9900074822205136 51.59263529571662588, 3.9947340932730051 51.59411169388469176, 3.99528715568608161 51.59386712236237571, 3.99435050954176463 51.59318536913526998, 4.00388479444941048 51.59370023688028084, 4.00289813619749513 51.59443086296999326, 4.00870004339318164 51.59614352602791598, 4.01200709580985482 51.59503451100000859, 4.01994134313561968 51.59780114192476219, 4.02378270648111336 51.59688178092878275, 4.03748749604642576 51.60297663821587122, 4.03868520793154762 51.60437365340871452, 4.03965666970205106 51.60394102652296766, 4.03965666970205106 51.60394102652296766),(4.01871175903197297 51.59379964243962746, 4.01850750328310546 51.59085957997285021, 4.01324150516524725 51.58924564279221414, 4.01197296768339928 51.59052702753105279, 4.01126165576634719 51.59025196950386061, 4.0082702319162884 51.59225625595139064, 4.00492708093462202 51.58597264803758264, 4.00911015096807599 51.58507134100997149, 4.00892823784020358 51.58236446676025366, 4.00968064221762788 51.58164756143790441, 4.01071983479839211 51.58278230811583143, 4.01560003313170455 51.5831752215831898, 4.01853758426426655 51.58433556850295787, 4.02172688177360538 51.5869506934294435, 4.02270993758242668 51.58952738077495326, 4.01961783162893216 51.59474557384896798, 4.01871175903197297 51.59379964243962746, 4.01871175903197297 51.59379964243962746)))</t>
  </si>
  <si>
    <t>MultiPolygon (((4.01126165576634719 51.59025196950386061, 4.01197296768339928 51.59052702753105279, 4.01324150516524725 51.58924564279221414, 4.01850750328310546 51.59085957997285021, 4.01871175903197297 51.59379964243962746, 4.01961783162893216 51.59474557384896798, 4.02270993758242668 51.58952738077495326, 4.02172688177360538 51.5869506934294435, 4.01853758426426655 51.58433556850295787, 4.01560003313170455 51.5831752215831898, 4.01071983479839211 51.58278230811583143, 4.00968064221762788 51.58164756143790441, 4.00892823784020358 51.58236446676025366, 4.00911015096807599 51.58507134100997149, 4.00492708093462202 51.58597264803758264, 4.0082702319162884 51.59225625595139064, 4.01126165576634719 51.59025196950386061, 4.01126165576634719 51.59025196950386061)))</t>
  </si>
  <si>
    <t>MultiPolygon (((4.05470210068491799 51.5899620484280419, 4.0603852200101338 51.59101395863778805, 4.06496626896875135 51.59262603171889339, 4.07444208370738536 51.59265415567864466, 4.08190689524024908 51.59096262313334336, 4.0857308477079517 51.59080277652781632, 4.09804312146175054 51.59256775984870558, 4.09910245144952778 51.59083008612135757, 4.09820491770434625 51.5891581356813731, 4.10236024546441502 51.58622790725891605, 4.0989702386683815 51.58510554975169526, 4.0967329496941467 51.58280002960045607, 4.10109718259845746 51.581251799381306, 4.10122824996697499 51.57908693802561828, 4.09810206729291604 51.57982171021765083, 4.09420384805993365 51.577135936883856, 4.09147226154401089 51.57165963127688713, 4.09087662318866041 51.56690784323432553, 4.09354561893612967 51.56206636710375335, 4.09697835760067441 51.56263154992887365, 4.10082768235515172 51.55844169107610497, 4.10265409121867908 51.55737869867991208, 4.10521501398165078 51.55703114449785573, 4.10563097523249887 51.55623670624044053, 4.10309089486868217 51.55438156898433277, 4.10266679661966815 51.5504381554372344, 4.10332699845969628 51.54968745601788527, 4.10010293101243395 51.54744537044008013, 4.09676472641766143 51.54659859285255408, 4.09636143786073781 51.54648410596208663, 4.0953504092453441 51.54845064121963816, 4.08459896524875532 51.54888988206634082, 4.07895216654657844 51.55225045689178387, 4.07793603489841594 51.55384684820194963, 4.07441129980516692 51.5532509209184866, 4.07034224108595311 51.54964620323047342, 4.06862200739039714 51.54978795208347719, 4.06702012775237964 51.55073330272818311, 4.06581294200057375 51.55001361224589118, 4.07052117483157083 51.54623512105413141, 4.06984729556011171 51.5458807051303225, 4.07149860901448424 51.54448738247003092, 4.07574896807548903 51.54263772734658744, 4.07623027224302437 51.54479196931976048, 4.08030627081882358 51.54607277518262975, 4.08089062618865128 51.54620466857994643, 4.08232407340048464 51.5457014723191449, 4.08553889391672342 51.54489423911454082, 4.08527160557654678 51.54448083293936378, 4.08100284158756921 51.54595994043082641, 4.07932991954172142 51.54506986574043026, 4.07591706359677985 51.53591261931291712, 4.07009559020590839 51.53206601549736376, 4.06801815945636847 51.53340212206050097, 4.06600264350460527 51.53323966748057217, 4.06435514591361713 51.534337462794511, 4.05978684265431689 51.54105634105589218, 4.06117242137372436 51.54321970377681339, 4.06074658528803489 51.54404218229258561, 4.05605002017540617 51.54650853286614876, 4.05229716328144285 51.54723171896284839, 4.04907308587568959 51.55258936072228693, 4.03321941970634601 51.55430830269338571, 4.03187590040250043 51.5554016431892137, 4.02753148504683089 51.55642337064832503, 4.03044787516460357 51.56129081061748565, 4.03011989197531495 51.5628435019741076, 4.02671601881430963 51.56522652839085197, 4.03574740967074064 51.56826271893585556, 4.04206360265233133 51.57565952297757406, 4.03382120251748333 51.58553917690819901, 4.03793903887275363 51.58597650808877688, 4.05470210068491799 51.5899620484280419, 4.05470210068491799 51.5899620484280419)))</t>
  </si>
  <si>
    <t>MultiPolygon (((4.08553889391672342 51.54489423911454082, 4.08232407340048464 51.5457014723191449, 4.08089062618865128 51.54620466857994643, 4.08030627081882358 51.54607277518262975, 4.07623027224302437 51.54479196931976048, 4.07574896807548903 51.54263772734658744, 4.07149860901448424 51.54448738247003092, 4.06984729556011171 51.5458807051303225, 4.07052117483157083 51.54623512105413141, 4.06581294200057375 51.55001361224589118, 4.06702012775237964 51.55073330272818311, 4.06862200739039714 51.54978795208347719, 4.07034224108595311 51.54964620323047342, 4.07441129980516692 51.5532509209184866, 4.07793603489841594 51.55384684820194963, 4.07895216654657844 51.55225045689178387, 4.08459896524875532 51.54888988206634082, 4.0953504092453441 51.54845064121963816, 4.09636143786073781 51.54648410596208663, 4.09184812790214369 51.54525665906577103, 4.08553889391672342 51.54489423911454082, 4.08553889391672342 51.54489423911454082)))</t>
  </si>
  <si>
    <t>MultiPolygon (((4.11912457984456637 51.54541175993634283, 4.12522458345502319 51.5462522400813441, 4.1277266174092242 51.54603535690170446, 4.13297589600492277 51.54329138201851634, 4.13084426854296094 51.53565278039570785, 4.12705379274992978 51.53471525090278504, 4.13168996425842483 51.52716752101441244, 4.13474611105847867 51.52613308847452345, 4.1261621931687138 51.52394049915784535, 4.11799737606233762 51.52376855889718144, 4.10828529309348145 51.52463433914746105, 4.10245454237341267 51.5244338693144357, 4.10099069256995996 51.52564678531039988, 4.09879118952895816 51.52508454161558404, 4.09335195667819551 51.52490610675852878, 4.09234253934300085 51.52507177419961693, 4.0919312251370874 51.52666397435503853, 4.07970145314300137 51.52736751984325281, 4.07950559325653206 51.52541344504608389, 4.07382263890570417 51.52731511234313899, 4.07128905408969199 51.52964756907938693, 4.07306855839671034 51.53135708639167945, 4.07009559020590839 51.53206601549736376, 4.07591706359677985 51.53591261931291712, 4.07932991954172142 51.54506986574043026, 4.08100284158756921 51.54595994043082641, 4.08527160557654678 51.54448083293936378, 4.08553889391672342 51.54489423911454082, 4.09184812790214369 51.54525665906577103, 4.09636143786073781 51.54648410596208663, 4.09676472641766143 51.54659859285255408, 4.09938021320260315 51.54631904123129971, 4.10132524804438159 51.54376844573661742, 4.10604940812264552 51.54376806471195493, 4.11490005104426437 51.54727890606508822, 4.1135260322168703 51.54809031148465692, 4.11912457984456637 51.54541175993634283, 4.11912457984456637 51.54541175993634283)),((4.11408594653034942 51.56133689730103242, 4.11539755056589751 51.5565795431204279, 4.11330063527349576 51.55128123216785241, 4.11007201539421985 51.54969681400857695, 4.10332699845969628 51.54968745601788527, 4.10266679661966815 51.5504381554372344, 4.10309089486868217 51.55438156898433277, 4.10563097523249887 51.55623670624044053, 4.11064743035123303 51.55951805829020884, 4.10943775086329488 51.56031564318212901, 4.10959109912361953 51.56180335470235576, 4.11408594653034942 51.56133689730103242, 4.11408594653034942 51.56133689730103242)))</t>
  </si>
  <si>
    <t>MultiPolygon (((4.10332699845969628 51.54968745601788527, 4.11007201539421985 51.54969681400857695, 4.1135260322168703 51.54809031148465692, 4.11490005104426437 51.54727890606508822, 4.10604940812264552 51.54376806471195493, 4.10132524804438159 51.54376844573661742, 4.09938021320260315 51.54631904123129971, 4.09676472641766143 51.54659859285255408, 4.10010293101243395 51.54744537044008013, 4.10332699845969628 51.54968745601788527, 4.10332699845969628 51.54968745601788527)))</t>
  </si>
  <si>
    <t>MultiPolygon (((4.1391004545967105 51.58822925912355828, 4.14109869542818121 51.58891135290817687, 4.14920886358149499 51.58808743423412579, 4.15028418777620178 51.58577326361113791, 4.1513296053514015 51.58524494181985887, 4.14924019716946102 51.58444525621504084, 4.15040903693465602 51.58313575958447217, 4.1521561232389379 51.58319785364686538, 4.15427303771161771 51.58083566674157083, 4.15502793561575068 51.57709966233336019, 4.14959407230452992 51.56692943398259388, 4.14987499725547426 51.56207248237936369, 4.15314514646386712 51.55956155566622101, 4.16008768869619061 51.55641563729933807, 4.16034278327447904 51.55298310143209051, 4.15926682663984248 51.54952500693723749, 4.16062636160456112 51.54389568435287572, 4.17069089518493019 51.54118936024155317, 4.17722361643531048 51.53738183327163114, 4.17406640951497998 51.533922836204205, 4.16778255480318105 51.53242962535054517, 4.16520671140761856 51.52344878030547193, 4.16393570199820484 51.52282464600246925, 4.15282881891042699 51.52315810495827719, 4.15020438755253096 51.52406347683514554, 4.14684180795551516 51.52202136731889226, 4.14398809690204217 51.52138462749179837, 4.14132741851473529 51.52142541282511701, 4.13474611105847867 51.52613308847452345, 4.13168996425842483 51.52716752101441244, 4.12705379274992978 51.53471525090278504, 4.13084426854296094 51.53565278039570785, 4.13297589600492277 51.54329138201851634, 4.1277266174092242 51.54603535690170446, 4.12522458345502319 51.5462522400813441, 4.11912457984456637 51.54541175993634283, 4.1135260322168703 51.54809031148465692, 4.11007201539421985 51.54969681400857695, 4.11330063527349576 51.55128123216785241, 4.11539755056589751 51.5565795431204279, 4.11408594653034942 51.56133689730103242, 4.10959109912361953 51.56180335470235576, 4.10943775086329488 51.56031564318212901, 4.11064743035123303 51.55951805829020884, 4.10563097523249887 51.55623670624044053, 4.10521501398165078 51.55703114449785573, 4.10265409121867908 51.55737869867991208, 4.10082768235515172 51.55844169107610497, 4.09697835760067441 51.56263154992887365, 4.09354561893612967 51.56206636710375335, 4.09087662318866041 51.56690784323432553, 4.09147226154401089 51.57165963127688713, 4.09420384805993365 51.577135936883856, 4.09810206729291604 51.57982171021765083, 4.10122824996697499 51.57908693802561828, 4.1013457185140263 51.57697693554525387, 4.11351850831433286 51.57835663553355232, 4.12168412564399667 51.58048984433794715, 4.12730194050358712 51.58480398748424989, 4.12922245905140617 51.58792866116628062, 4.13205815130627307 51.58902887775507651, 4.13435683614505312 51.58944696429712451, 4.1391004545967105 51.58822925912355828, 4.1391004545967105 51.58822925912355828),(4.14467144854125458 51.55296963344117955, 4.14466797706657086 51.55206290586047402, 4.14178383218411561 51.55055769004325583, 4.13930215556230596 51.54727022396764369, 4.13649671973043365 51.54756120139136755, 4.13530806828920738 51.54474408189904011, 4.13744859769753415 51.54228684072050726, 4.14626704239741706 51.54109465427755055, 4.15249800081946852 51.54261844709971285, 4.15092600061924433 51.54384237683019165, 4.14995350000530916 51.54339681164174181, 4.14692682049673156 51.54643578300628803, 4.14467144854125458 51.55296963344117955, 4.14467144854125458 51.55296963344117955)))</t>
  </si>
  <si>
    <t>MultiPolygon (((4.14467144854125458 51.55296963344117955, 4.14692682049673156 51.54643578300628803, 4.14995350000530916 51.54339681164174181, 4.15092600061924433 51.54384237683019165, 4.15249800081946852 51.54261844709971285, 4.14626704239741706 51.54109465427755055, 4.13744859769753415 51.54228684072050726, 4.13530806828920738 51.54474408189904011, 4.13649671973043365 51.54756120139136755, 4.13930215556230596 51.54727022396764369, 4.14178383218411561 51.55055769004325583, 4.14466797706657086 51.55206290586047402, 4.14467144854125458 51.55296963344117955, 4.14467144854125458 51.55296963344117955)))</t>
  </si>
  <si>
    <t>MultiPolygon (((4.17163512537324177 51.58413573004734332, 4.17461342610647801 51.58188957730102686, 4.17529522446661883 51.58006719600810186, 4.17450050368552183 51.57660511132628045, 4.17048939694758847 51.57277132302304068, 4.17092126508395644 51.56326813444685087, 4.16392787086280869 51.56041994006148599, 4.17003028447000279 51.55290284109079835, 4.17701209544289132 51.54960932669545315, 4.17818508199806793 51.54922769299557928, 4.18070489548146806 51.55222614552611304, 4.18425185458343751 51.55397068789500992, 4.19278621513927074 51.55526292455850523, 4.19978876002701362 51.55435499013191958, 4.20472656351294827 51.55278693338316032, 4.21217981287461374 51.54822765363726944, 4.22047913384451423 51.55299628362482167, 4.22621118683966834 51.5545784725112739, 4.22624276697102541 51.55251264647491638, 4.22720475977071253 51.55169424736825334, 4.22878340013280773 51.55028068410684483, 4.23148245506525544 51.54484842185851079, 4.23069426192543219 51.54068056626736904, 4.22932064818577746 51.5386793806781256, 4.23053061126106833 51.53752822700224812, 4.23308518052057359 51.54139602210154436, 4.23438506772108703 51.54681912577547109, 4.2341791920019185 51.54908912560721745, 4.2314086860367226 51.55104307180278767, 4.23558563584330816 51.55272393468801795, 4.23611885111301056 51.55036579812600195, 4.23565704254633779 51.54324152183045982, 4.23304311782113096 51.53749202515123073, 4.21993077863611088 51.51380292894332058, 4.21879978543523038 51.50896139555322861, 4.21892721258080527 51.50485845504699256, 4.22490611015162543 51.49649297295096062, 4.23032777023449835 51.48890425477217292, 4.21761324186238706 51.48767620773979559, 4.21647635517371455 51.49025470858666154, 4.21375446128348674 51.49200609010502205, 4.17668683280975106 51.5018757700230978, 4.17281595390462101 51.50466432262764016, 4.17222113385454918 51.5084158930245124, 4.16573986098289328 51.510463487531851, 4.16169434217060363 51.51285874404961618, 4.16103028693274624 51.51486608048659122, 4.16296803862598797 51.51236075996722974, 4.16951573374766049 51.51023081957290373, 4.17304838851613713 51.51002262550047561, 4.17345640731142797 51.51058435457579776, 4.17071441281119526 51.51146009464069664, 4.17031397355412814 51.51215658686818699, 4.16583010463109282 51.51305928388600108, 4.16808547041842026 51.51369294434319812, 4.17402300138789428 51.51206046944462713, 4.17611852386422111 51.51510129336065802, 4.16852073148238489 51.51906935209770211, 4.16393570199820484 51.52282464600246925, 4.16520671140761856 51.52344878030547193, 4.16778255480318105 51.53242962535054517, 4.17406640951497998 51.533922836204205, 4.17722361643531048 51.53738183327163114, 4.17069089518493019 51.54118936024155317, 4.16062636160456112 51.54389568435287572, 4.15926682663984248 51.54952500693723749, 4.16034278327447904 51.55298310143209051, 4.16008768869619061 51.55641563729933807, 4.15314514646386712 51.55956155566622101, 4.14987499725547426 51.56207248237936369, 4.14959407230452992 51.56692943398259388, 4.15502793561575068 51.57709966233336019, 4.15427303771161771 51.58083566674157083, 4.1521561232389379 51.58319785364686538, 4.15040903693465602 51.58313575958447217, 4.14924019716946102 51.58444525621504084, 4.1513296053514015 51.58524494181985887, 4.16214898505148501 51.58671615600582072, 4.17163512537324177 51.58413573004734332, 4.17163512537324177 51.58413573004734332),(4.2168482196558239 51.54574835126997812, 4.22391406017854631 51.54045016550432479, 4.2297074357096518 51.5401449698468781, 4.23112989390510208 51.54421750270277158, 4.22871971953498793 51.54942723023295059, 4.2168482196558239 51.54574835126997812, 4.2168482196558239 51.54574835126997812),(4.21959435254882109 51.54141132191835339, 4.21090251304044116 51.54232686815301889, 4.21090628068433581 51.54073033999495124, 4.21379321430635478 51.53844212942710357, 4.21338488205835482 51.53728800241515273, 4.21002456788761137 51.53660550058103951, 4.20504219119109113 51.5376751881589783, 4.20260192175369696 51.53599378223960059, 4.20155351969732394 51.53231738857272148, 4.20343843264535444 51.52939076343862013, 4.21654733905781587 51.5258674541713475, 4.22251497298140244 51.52904302428880357, 4.2238592656959284 51.52913859083868431, 4.22959879888572132 51.53444997014718609, 4.23045388140288647 51.53731073301486987, 4.22740385663809182 51.53757848642401029, 4.22588490156546825 51.53692009902863447, 4.22340161159630423 51.53986305337753748, 4.21959435254882109 51.54141132191835339, 4.21959435254882109 51.54141132191835339)))</t>
  </si>
  <si>
    <t>MultiPolygon (((4.22588490156546825 51.53692009902863447, 4.22740385663809182 51.53757848642401029, 4.23045388140288647 51.53731073301486987, 4.22959879888572132 51.53444997014718609, 4.2238592656959284 51.52913859083868431, 4.22251497298140244 51.52904302428880357, 4.21654733905781587 51.5258674541713475, 4.20343843264535444 51.52939076343862013, 4.20155351969732394 51.53231738857272148, 4.20260192175369696 51.53599378223960059, 4.20504219119109113 51.5376751881589783, 4.21002456788761137 51.53660550058103951, 4.21338488205835482 51.53728800241515273, 4.21379321430635478 51.53844212942710357, 4.21090628068433581 51.54073033999495124, 4.21090251304044116 51.54232686815301889, 4.21959435254882109 51.54141132191835339, 4.22340161159630423 51.53986305337753748, 4.22588490156546825 51.53692009902863447, 4.22588490156546825 51.53692009902863447)),((4.23112989390510208 51.54421750270277158, 4.2297074357096518 51.5401449698468781, 4.22391406017854631 51.54045016550432479, 4.2168482196558239 51.54574835126997812, 4.22871971953498793 51.54942723023295059, 4.23112989390510208 51.54421750270277158)),((4.23053061126106833 51.53752822700224812, 4.22932064818577746 51.5386793806781256, 4.23069426192543219 51.54068056626736904, 4.23148245506525544 51.54484842185851079, 4.22878340013280773 51.55028068410684483, 4.22720475977071253 51.55169424736825334, 4.23002944912529522 51.55194682491843139, 4.2314086860367226 51.55104307180278767, 4.2341791920019185 51.54908912560721745, 4.23438506772108703 51.54681912577547109, 4.23308518052057359 51.54139602210154436, 4.23053061126106833 51.53752822700224812, 4.23053061126106833 51.53752822700224812)))</t>
  </si>
  <si>
    <t>MultiPolygon (((4.07626483806550866 51.44034608696035349, 4.07915836378567409 51.44191367760346623, 4.08103490149857073 51.4415547099284538, 4.08131598745145574 51.44015317580581836, 4.07626483806550866 51.44034608696035349)),((4.07626483806550866 51.44034608696035349, 4.06950889162636642 51.43764288907676985, 4.06443217127367085 51.44399127645524317, 4.0668187902579529 51.44712100385464026, 4.07131719056030672 51.44640061856521385, 4.07622005683582245 51.46126293059468537, 4.08025973979628631 51.45860063462253464, 4.07877712528027381 51.44908156881729866, 4.08269708652778451 51.44696990767096167, 4.08308882484408109 51.44282991847408937, 4.08169865891479589 51.44264757902180918, 4.08087878405740678 51.44252459239646669, 4.07940088928596367 51.44525995280537956, 4.07714621762491625 51.44536639123545996, 4.07484168334781138 51.44392019434156538, 4.07392829417893765 51.44128800419965586, 4.07409345800781786 51.44065907632401746, 4.07626483806550866 51.44034608696035349)))</t>
  </si>
  <si>
    <t>MultiPolygon (((4.08169865891479589 51.44264757902180918, 4.08103490149857073 51.4415547099284538, 4.07915836378567409 51.44191367760346623, 4.07626483806550866 51.44034608696035349, 4.07409345800781786 51.44065907632401746, 4.07392829417893765 51.44128800419965586, 4.07484168334781138 51.44392019434156538, 4.07714621762491625 51.44536639123545996, 4.07940088928596367 51.44525995280537956, 4.08087878405740678 51.44252459239646669, 4.08169865891479589 51.44264757902180918, 4.08169865891479589 51.44264757902180918)))</t>
  </si>
  <si>
    <t>MultiPolygon (((4.01234325241965983 51.46736858405845538, 4.01893734830751281 51.45844781087337338, 4.01656540094610826 51.45553842222500407, 4.01534123766975615 51.45059203310136553, 4.01820744813803632 51.44511311881834104, 4.01833930594168187 51.44281916963056744, 4.01669119430895005 51.43976512704765724, 4.01525387213290585 51.43982474523896542, 4.01314270286545849 51.43903050962734369, 4.01258457093580567 51.4394053066943826, 4.01436050811185474 51.44034905156010495, 4.01645986496277363 51.44388015637730405, 4.01194146300935905 51.4545370147877108, 4.00994649299541628 51.45440867915068139, 4.00944428968379096 51.4558239941869715, 4.00657238141278604 51.45566360701460695, 4.00562745184334812 51.45707379775934243, 4.0029395770315146 51.45484024381349997, 4.00470881528812672 51.45373670460272564, 3.99909205948825086 51.45191540409717135, 3.99449949730024079 51.45302244657900559, 3.99886550982480449 51.45627313447382534, 4.0000676001730735 51.45675085433667562, 4.0009715064660325 51.45626580932880501, 4.00219126576467144 51.45745498882508429, 4.00349247014435861 51.45701716104049694, 4.00575099975032956 51.45872339169710585, 4.00732282650054739 51.45863420177444425, 4.00609043238689377 51.47327970200054637, 4.00579710656051091 51.47891716028264852, 4.00859612132583187 51.47938287218870101, 4.00808077293301235 51.48923482499871795, 4.01809451922714089 51.48862502970092692, 4.02613631312317644 51.46962486719900909, 4.01234325241965983 51.46736858405845538, 4.01234325241965983 51.46736858405845538)))</t>
  </si>
  <si>
    <t>MultiPolygon (((3.99449949730024079 51.45302244657900559, 3.99909205948825086 51.45191540409717135, 4.00470881528812672 51.45373670460272564, 4.0029395770315146 51.45484024381349997, 4.00562745184334812 51.45707379775934243, 4.00657238141278604 51.45566360701460695, 4.00665314481986101 51.45079577147736671, 3.99935178246265144 51.44676786411347535, 3.99300101307360311 51.45134179804504271, 3.99449949730024079 51.45302244657900559, 3.99449949730024079 51.45302244657900559)))</t>
  </si>
  <si>
    <t>MultiPolygon (((4.00657238141278604 51.45566360701460695, 4.00944428968379096 51.4558239941869715, 4.00994649299541628 51.45440867915068139, 4.00950664768598131 51.45289497545318369, 4.01080453340081622 51.44908859495894404, 4.01104485318675863 51.44382385308343686, 4.00975078860230383 51.44004426428190868, 4.0063394827715042 51.44047720160310888, 4.00693627398636654 51.44191668854965371, 4.00591916274359328 51.44408400562069517, 4.00332011405497834 51.44401437329321425, 4.0033170387536865 51.44514748456290931, 3.99935178246265144 51.44676786411347535, 4.00665314481986101 51.45079577147736671, 4.00657238141278604 51.45566360701460695, 4.00657238141278604 51.45566360701460695)))</t>
  </si>
  <si>
    <t>MultiPolygon (((4.26543175191043034 51.43968067783875853, 4.27585163819582448 51.42504940900948895, 4.26644687108457799 51.41997948172468824, 4.26373225713262638 51.41644910742060404, 4.26906103540494097 51.40034738964128991, 4.26863359619005056 51.38812644950628084, 4.26634902206736832 51.38654063201948219, 4.26838204982739366 51.38354588817438184, 4.2736976877114472 51.38314988645752379, 4.27456353356794772 51.38165658381721812, 4.27742457792971997 51.37603524010917511, 4.24319620318885349 51.37481060132918742, 4.24401883117091572 51.37873321462372189, 4.24334778058701012 51.38411187079339726, 4.2316245691279919 51.3949008777723364, 4.21697837329027969 51.39942807537621405, 4.2115948233055045 51.4003438937019439, 4.20674672053928589 51.39966168020031745, 4.20356561838778031 51.40432154139465126, 4.20063519259807894 51.40627858399944472, 4.19869489908105997 51.40672402199806612, 4.19747907832596034 51.40685525608339645, 4.19452000792885293 51.40565175704546874, 4.18951431529423779 51.40561956496058826, 4.18874289982842729 51.40430590942352751, 4.18492233342317466 51.40402431797670602, 4.18240482190918073 51.40285099644086131, 4.1733025999173945 51.40182842349069858, 4.17350123507365112 51.40151523935919187, 4.15673622350742278 51.39482696755467117, 4.15386412573173125 51.39457343174614579, 4.15280395882822173 51.39514985164285577, 4.13881447607637831 51.39654108826185563, 4.13339472136197195 51.39908276027576051, 4.12120996343154022 51.40078909930415563, 4.14329097512508771 51.4290119682026301, 4.14417255854296673 51.43190184042703095, 4.14674921541424713 51.43169447327525745, 4.153423400030543 51.43299432811551242, 4.15868618534263135 51.43575588044416946, 4.16397270889503535 51.43713438887330369, 4.18145164642685963 51.44399022501472274, 4.18752521004316058 51.44304665567493373, 4.18944007678957053 51.4435129009418759, 4.19137352612237457 51.44177001020123186, 4.19651487528301637 51.44122783171652458, 4.20038896814891238 51.4416947115269565, 4.20451692489009954 51.43848236276033248, 4.2102971394761628 51.43778342924930058, 4.21338713927317698 51.43875167562204354, 4.21480321707918648 51.43688708258972042, 4.21738295530221041 51.43753829214584528, 4.21906502611681411 51.43689849299160244, 4.22164595309156532 51.43721764313525568, 4.22305354592761439 51.43867014120388603, 4.21954686036202986 51.45669628021319397, 4.22245685449768882 51.46362927236669549, 4.21761324186238706 51.48767620773979559, 4.23032777023449835 51.48890425477217292, 4.26543175191043034 51.43968067783875853, 4.26543175191043034 51.43968067783875853),(4.15525795078731086 51.42257570244538556, 4.16318468623967419 51.42075196951322624, 4.16563558099881082 51.42125045974570696, 4.1646019586952816 51.42370810565218875, 4.15768933402526386 51.42556426398757452, 4.15309928385908833 51.42496068155266187, 4.15525795078731086 51.42257570244538556, 4.15525795078731086 51.42257570244538556),(4.1864336667031683 51.42254069751531631, 4.18618329614554074 51.41957700546115007, 4.18829482344629511 51.41893575220852597, 4.19074697112088579 51.42204876346393405, 4.19368303256466302 51.42116314562154145, 4.19267821633768545 51.41987212298826648, 4.19773244416631997 51.41834438419683551, 4.20128645562218672 51.42294404701963373, 4.20020360235213452 51.42373938955039847, 4.1864336667031683 51.42254069751531631, 4.1864336667031683 51.42254069751531631),(4.18782852945773154 51.41755378045407099, 4.17883311648813116 51.42055636439892652, 4.17676632253196534 51.41791015558420241, 4.17136585591889819 51.41944406177842808, 4.16812166979109477 51.41513332577693518, 4.16912181979240604 51.41602840255279006, 4.17946538159722802 51.41263044850191477, 4.18042196166480018 51.41233796674536904, 4.18201515960542469 51.41439091545140627, 4.18566486758605816 51.41329625461084163, 4.18788901565103266 51.41615111941383987, 4.18695185803992054 51.41643964190488703, 4.18782852945773154 51.41755378045407099, 4.18782852945773154 51.41755378045407099),(4.20739796107562825 51.40228076476854824, 4.20829978926321679 51.40084341835485304, 4.211891598023076 51.40122999089160771, 4.21290231564222051 51.40256977739827704, 4.21196386741844364 51.40313171644462642, 4.20994522540747251 51.40319281992743328, 4.20739796107562825 51.40228076476854824, 4.20739796107562825 51.40228076476854824)))</t>
  </si>
  <si>
    <t>MultiPolygon (((4.20020360235213452 51.42373938955039847, 4.20128645562218672 51.42294404701963373, 4.19773244416631997 51.41834438419683551, 4.19267821633768545 51.41987212298826648, 4.19368303256466302 51.42116314562154145, 4.19074697112088579 51.42204876346393405, 4.18829482344629511 51.41893575220852597, 4.18618329614554074 51.41957700546115007, 4.1864336667031683 51.42254069751531631, 4.20020360235213452 51.42373938955039847)))</t>
  </si>
  <si>
    <t>MultiPolygon (((4.17676632253196534 51.41791015558420241, 4.17859589523281283 51.41728173142942637, 4.17722469947904074 51.41538821358441425, 4.18074929890985825 51.41429013548827243, 4.17946538159722802 51.41263044850191477, 4.16912181979240604 51.41602840255279006, 4.16812166979109477 51.41513332577693518, 4.17136585591889819 51.41944406177842808, 4.17676632253196534 51.41791015558420241, 4.17676632253196534 51.41791015558420241)))</t>
  </si>
  <si>
    <t>MultiPolygon (((4.21196386741844364 51.40313171644462642, 4.21290231564222051 51.40256977739827704, 4.211891598023076 51.40122999089160771, 4.20829978926321679 51.40084341835485304, 4.20739796107562825 51.40228076476854824, 4.20994522540747251 51.40319281992743328, 4.21196386741844364 51.40313171644462642, 4.21196386741844364 51.40313171644462642)))</t>
  </si>
  <si>
    <t>MultiPolygon (((4.1646019586952816 51.42370810565218875, 4.16563558099881082 51.42125045974570696, 4.16318468623967419 51.42075196951322624, 4.15525795078731086 51.42257570244538556, 4.15309928385908833 51.42496068155266187, 4.15768933402526386 51.42556426398757452, 4.1646019586952816 51.42370810565218875)))</t>
  </si>
  <si>
    <t>MultiPolygon (((4.17676632253196534 51.41791015558420241, 4.17883311648813116 51.42055636439892652, 4.18782852945773154 51.41755378045407099, 4.18695185803992054 51.41643964190488703, 4.18788901565103266 51.41615111941383987, 4.18566486758605816 51.41329625461084163, 4.18201515960542469 51.41439091545140627, 4.18042196166480018 51.41233796674536904, 4.17946538159722802 51.41263044850191477, 4.18074929890985825 51.41429013548827243, 4.17722469947904074 51.41538821358441425, 4.17859589523281283 51.41728173142942637, 4.17676632253196534 51.41791015558420241, 4.17676632253196534 51.41791015558420241)))</t>
  </si>
  <si>
    <t>MultiPolygon (((4.05034462515273042 51.42984543488212523, 4.05762382363444285 51.43236592225191117, 4.06109261145420941 51.43474273236511607, 4.06378312936927433 51.43520479328547879, 4.06931938216776246 51.43474606887381384, 4.07210314146754815 51.43447183535218414, 4.08555997767903101 51.42734268816893461, 4.08721215925095738 51.42518815405460231, 4.08892984199343168 51.42442370212802416, 4.09309662460167445 51.42403302168261092, 4.0996746359639431 51.42173543244255995, 4.10452263832044384 51.42266983641145828, 4.10817594429159172 51.42172783848474893, 4.10889123018186719 51.42037842134115522, 4.10871558601732634 51.41928183214012904, 4.12345077119570202 51.41883113859836385, 4.11757161181750941 51.40148134570283389, 4.11717843640222636 51.4011323389398882, 4.11446649063118652 51.40209490831618666, 4.10691576219549148 51.40251760287424077, 4.09592026571664203 51.40540517014809296, 4.08063793622489968 51.40817317695264421, 4.07929251918004798 51.40747813148605161, 4.07292349398906417 51.41182082805363507, 4.06824895727483593 51.4127103427374692, 4.06803191014161136 51.41227344304159885, 4.06613016144545281 51.41352561426406709, 4.06185733189452503 51.4137093869382511, 4.05134878145059307 51.41999718439845424, 4.05186169848501443 51.42213664384235017, 4.04666179498419964 51.42618968384919498, 4.04867839822649156 51.42837049283424733, 4.05077736758733042 51.42956905508211918, 4.05034462515273042 51.42984543488212523, 4.05034462515273042 51.42984543488212523),(4.07240450734762938 51.42396980148136265, 4.06810233724115466 51.41962983747418292, 4.06701210623892173 51.42145313535214513, 4.06872380645983434 51.4227754207543839, 4.06785214711610887 51.42342326793681906, 4.06540819729836844 51.42120849896725332, 4.06517471832463428 51.41693293759509942, 4.0667218755613348 51.41418794882890353, 4.07105501081539067 51.41546126755655166, 4.07415173600442593 51.4188713295267732, 4.07240450734762938 51.42396980148136265, 4.07240450734762938 51.42396980148136265)))</t>
  </si>
  <si>
    <t>MultiPolygon (((4.07240450734762938 51.42396980148136265, 4.07415173600442593 51.4188713295267732, 4.07105501081539067 51.41546126755655166, 4.0667218755613348 51.41418794882890353, 4.06517471832463428 51.41693293759509942, 4.06540819729836844 51.42120849896725332, 4.06785214711610887 51.42342326793681906, 4.06872380645983434 51.4227754207543839, 4.06701210623892173 51.42145313535214513, 4.06810233724115466 51.41962983747418292, 4.07240450734762938 51.42396980148136265, 4.07240450734762938 51.42396980148136265)))</t>
  </si>
  <si>
    <t>MultiPolygon (((4.08169865891479589 51.44264757902180918, 4.08308882484408109 51.44282991847408937, 4.08269708652778451 51.44696990767096167, 4.07877712528027381 51.44908156881729866, 4.08025973979628631 51.45860063462253464, 4.08415309029382811 51.45831512952639031, 4.09324347238531505 51.44632033721987341, 4.10130957977103972 51.44504469830695825, 4.12395014232570833 51.43594493090370889, 4.12737853547765265 51.43657816278176398, 4.12947178490688938 51.43539875051558852, 4.13311972438151543 51.43140102151787119, 4.13900452646573758 51.43100237275053388, 4.14046798582003639 51.43184753767289408, 4.14417255854296673 51.43190184042703095, 4.14329097512508771 51.4290119682026301, 4.12120996343154022 51.40078909930415563, 4.12045397010058512 51.40025906694212665, 4.11757161181750941 51.40148134570283389, 4.12345077119570202 51.41883113859836385, 4.10871558601732634 51.41928183214012904, 4.10889123018186719 51.42037842134115522, 4.11050551463434655 51.42026054462192519, 4.11215502305757941 51.42664828290627099, 4.12289811781364968 51.42657653661888162, 4.13089197866212032 51.42767420300916825, 4.11832640473931288 51.43268880701000256, 4.11267697676844257 51.43494254843065505, 4.1025106436676424 51.43899697535889004, 4.1011163614043884 51.43445699382101566, 4.10165052183954604 51.43353932720650334, 4.10847707241620341 51.42781146133475545, 4.11030629488986232 51.4270296263995732, 4.10817594429159172 51.42172783848474893, 4.10452263832044384 51.42266983641145828, 4.0996746359639431 51.42173543244255995, 4.09309662460167445 51.42403302168261092, 4.08892984199343168 51.42442370212802416, 4.08721215925095738 51.42518815405460231, 4.08555997767903101 51.42734268816893461, 4.07210314146754815 51.43447183535218414, 4.06931938216776246 51.43474606887381384, 4.06950889162636642 51.43764288907676985, 4.07626483806550866 51.44034608696035349, 4.08131598745145574 51.44015317580581836, 4.08103490149857073 51.4415547099284538, 4.08169865891479589 51.44264757902180918, 4.08169865891479589 51.44264757902180918)))</t>
  </si>
  <si>
    <t>MultiPolygon (((4.11030629488986232 51.4270296263995732, 4.11215502305757941 51.42664828290627099, 4.11050551463434655 51.42026054462192519, 4.10889123018186719 51.42037842134115522, 4.10817594429159172 51.42172783848474893, 4.11030629488986232 51.4270296263995732, 4.11030629488986232 51.4270296263995732)))</t>
  </si>
  <si>
    <t>MultiPolygon (((4.11030629488986232 51.4270296263995732, 4.10847707241620341 51.42781146133475545, 4.10165052183954604 51.43353932720650334, 4.1011163614043884 51.43445699382101566, 4.1025106436676424 51.43899697535889004, 4.11267697676844257 51.43494254843065505, 4.11210250805792388 51.43301353580205415, 4.11068325671867285 51.43278290669449859, 4.10571374247739751 51.43380395440749453, 4.10532871294056179 51.43438358558972112, 4.10469250255707063 51.43253281597835525, 4.11145479301852124 51.43068636897577761, 4.11030629488986232 51.4270296263995732, 4.11030629488986232 51.4270296263995732)))</t>
  </si>
  <si>
    <t>MultiPolygon (((4.12289811781364968 51.42657653661888162, 4.1169952451986207 51.42856503488576436, 4.11832640473931288 51.43268880701000256, 4.13089197866212032 51.42767420300916825, 4.12289811781364968 51.42657653661888162, 4.12289811781364968 51.42657653661888162)))</t>
  </si>
  <si>
    <t>MultiPolygon (((4.11267697676844257 51.43494254843065505, 4.11832640473931288 51.43268880701000256, 4.1169952451986207 51.42856503488576436, 4.12289811781364968 51.42657653661888162, 4.11215502305757941 51.42664828290627099, 4.11030629488986232 51.4270296263995732, 4.11145479301852124 51.43068636897577761, 4.10469250255707063 51.43253281597835525, 4.10532871294056179 51.43438358558972112, 4.10571374247739751 51.43380395440749453, 4.11068325671867285 51.43278290669449859, 4.11210250805792388 51.43301353580205415, 4.11267697676844257 51.43494254843065505, 4.11267697676844257 51.43494254843065505)))</t>
  </si>
  <si>
    <t>MultiPolygon (((4.02613631312317644 51.46962486719900909, 4.03431010385698308 51.47114027873654152, 4.04729599338631463 51.46938916242800133, 4.04934281532821583 51.46653335765197568, 4.05565281096362629 51.46233915614762822, 4.06451942438457881 51.46323908080732679, 4.07131846949625587 51.46574229803335498, 4.07622005683582245 51.46126293059468537, 4.07131719056030672 51.44640061856521385, 4.0668187902579529 51.44712100385464026, 4.06443217127367085 51.44399127645524317, 4.06950889162636642 51.43764288907676985, 4.06931938216776246 51.43474606887381384, 4.06378312936927433 51.43520479328547879, 4.06109261145420941 51.43474273236511607, 4.05762382363444285 51.43236592225191117, 4.05034462515273042 51.42984543488212523, 4.03863068587219587 51.43210476842795487, 4.03290407104407667 51.43249060948834739, 4.03397769255151672 51.43378156004312274, 4.03390406730472328 51.43592023856187012, 4.03533520710407956 51.43655037726939128, 4.03705325840995766 51.44014769304961732, 4.03976183990354532 51.44303167724507375, 4.04473897493519274 51.44586797690641333, 4.04366648019285346 51.44642977356677704, 4.03149035465073347 51.45385158317401419, 4.02677780036252297 51.45447177428805219, 4.02314681938009144 51.4517733380750073, 4.02743577250484996 51.44971829374138395, 4.02586579113419329 51.44862474909368188, 4.02328118310306326 51.4482510920084124, 4.03155825029564152 51.44514589656357373, 4.03449155290643446 51.44482619648119481, 4.03564621104499643 51.44332615691222088, 4.03488223953626868 51.44219770986963169, 4.03191681187234696 51.44030009387815738, 4.0306922685458435 51.43690972771617709, 4.02983179787537527 51.43612044816860163, 4.03013491996996986 51.4332451235839585, 4.02744227537845489 51.4364428563402214, 4.01669119430895005 51.43976512704765724, 4.01833930594168187 51.44281916963056744, 4.01820744813803632 51.44511311881834104, 4.01534123766975615 51.45059203310136553, 4.01656540094610826 51.45553842222500407, 4.01893734830751281 51.45844781087337338, 4.01234325241965983 51.46736858405845538, 4.02613631312317644 51.46962486719900909, 4.02613631312317644 51.46962486719900909),(4.03655949389533575 51.46525001370947905, 4.03256134049312909 51.46681121647797141, 4.02672727393071739 51.46447254461584464, 4.02920852720790368 51.46062956335745753, 4.03442552258561093 51.45581385729918367, 4.03879853617347173 51.45778899321842914, 4.04016222560018345 51.45945939169715189, 4.04059970993844075 51.46372197292674144, 4.03655949389533575 51.46525001370947905, 4.03655949389533575 51.46525001370947905)))</t>
  </si>
  <si>
    <t>MultiPolygon (((4.03655949389533575 51.46525001370947905, 4.04059970993844075 51.46372197292674144, 4.04016222560018345 51.45945939169715189, 4.03879853617347173 51.45778899321842914, 4.03442552258561093 51.45581385729918367, 4.02920852720790368 51.46062956335745753, 4.02672727393071739 51.46447254461584464, 4.03256134049312909 51.46681121647797141, 4.03655949389533575 51.46525001370947905, 4.03655949389533575 51.46525001370947905)))</t>
  </si>
  <si>
    <t>MultiPolygon (((4.03488223953626868 51.44219770986963169, 4.0384716677060748 51.44339043003817125, 4.04366648019285346 51.44642977356677704, 4.04473897493519274 51.44586797690641333, 4.03976183990354532 51.44303167724507375, 4.03705325840995766 51.44014769304961732, 4.03533520710407956 51.43655037726939128, 4.03390406730472328 51.43592023856187012, 4.03379575513848643 51.43645388981917677, 4.0322864855932572 51.43692429705090774, 4.0306922685458435 51.43690972771617709, 4.03191681187234696 51.44030009387815738, 4.03488223953626868 51.44219770986963169, 4.03488223953626868 51.44219770986963169)))</t>
  </si>
  <si>
    <t>MultiPolygon (((4.03155825029564152 51.44514589656357373, 4.02328118310306326 51.4482510920084124, 4.02586579113419329 51.44862474909368188, 4.02743577250484996 51.44971829374138395, 4.02314681938009144 51.4517733380750073, 4.02677780036252297 51.45447177428805219, 4.03149035465073347 51.45385158317401419, 4.03047335158122699 51.45266841708955496, 4.03071397218701666 51.44881069995686573, 4.0347022508759558 51.44635440118356939, 4.03155825029564152 51.44514589656357373, 4.03155825029564152 51.44514589656357373)))</t>
  </si>
  <si>
    <t>MultiPolygon (((4.03149035465073347 51.45385158317401419, 4.04366648019285346 51.44642977356677704, 4.0384716677060748 51.44339043003817125, 4.03488223953626868 51.44219770986963169, 4.03564621104499643 51.44332615691222088, 4.03449155290643446 51.44482619648119481, 4.03155825029564152 51.44514589656357373, 4.0347022508759558 51.44635440118356939, 4.03071397218701666 51.44881069995686573, 4.03047335158122699 51.45266841708955496, 4.03149035465073347 51.45385158317401419, 4.03149035465073347 51.45385158317401419)))</t>
  </si>
  <si>
    <t>MultiPolygon (((4.02502839394739276 51.51102935795588422, 4.03829352766035399 51.50550430156269499, 4.04267295318788733 51.50264324092970725, 4.042122276462214 51.50234091777961964, 4.03295477497007315 51.50287258700597448, 4.03758398360977555 51.49773227433711043, 4.03487980326057105 51.49605514015376428, 4.04015482647959878 51.49150646718980795, 4.03590255324733249 51.49001578256597611, 4.03663609208456275 51.48636292267007519, 4.03766393045380223 51.48636557663061808, 4.03875154292957816 51.48312471502542564, 4.03878209942175115 51.48036547793967088, 4.04126042141225295 51.47925579307892718, 4.04170106058946299 51.48002385751961896, 4.04773568268171502 51.47967388956588053, 4.04930513759337707 51.47515060727975822, 4.04869604104467129 51.47370239605556463, 4.06038051109750064 51.47464837546898764, 4.06243083496882829 51.47368326430158447, 4.07131846949625587 51.46574229803335498, 4.06451942438457881 51.46323908080732679, 4.05565281096362629 51.46233915614762822, 4.04934281532821583 51.46653335765197568, 4.04729599338631463 51.46938916242800133, 4.03431010385698308 51.47114027873654152, 4.02613631312317644 51.46962486719900909, 4.01809451922714089 51.48862502970092692, 4.00808077293301235 51.48923482499871795, 4.00859612132583187 51.47938287218870101, 4.00579710656051091 51.47891716028264852, 4.00489817121853608 51.49636998545516064, 4.00473118464966493 51.50484329101991676, 4.00637718910475638 51.50458111746738155, 4.01048345417953733 51.50689613130297317, 4.01359281238907251 51.50758817973601822, 4.01501857396864903 51.51065973401293974, 4.01738812097876696 51.51245045528587951, 4.01366779022233366 51.51745099737487976, 4.01361356320265372 51.51973060826581019, 4.01763868742983377 51.5188165337808428, 4.02124076923510998 51.51243990660251626, 4.02473457791773637 51.51168239561300055, 4.02502839394739276 51.51102935795588422, 4.02502839394739276 51.51102935795588422)))</t>
  </si>
  <si>
    <t>MultiPolygon (((4.04962173261805702 51.48843730648852102, 4.0510680767080256 51.49061011017222, 4.05291394638899316 51.49123314647160043, 4.05432206088491398 51.49069979382537099, 4.05538820860250127 51.4907320382421716, 4.05719951301337822 51.48941206017447314, 4.05843910786170792 51.48679618735178565, 4.05755444338604487 51.48366165400941696, 4.05623134581550193 51.48210629994130727, 4.05485959997224565 51.48153992363398146, 4.05696794624218082 51.47961866521185215, 4.05893394588134981 51.47528547019008016, 4.06038051109750064 51.47464837546898764, 4.04869604104467129 51.47370239605556463, 4.04930513759337707 51.47515060727975822, 4.04773568268171502 51.47967388956588053, 4.04977111950616475 51.48443553388101179, 4.04872155475374118 51.48624935125209845, 4.04962173261805702 51.48843730648852102, 4.04962173261805702 51.48843730648852102)))</t>
  </si>
  <si>
    <t>MultiPolygon (((4.042122276462214 51.50234091777961964, 4.04443283330189463 51.50079776540088972, 4.04628088720017498 51.49759048197915234, 4.04511762636946237 51.49343658422453984, 4.04269509346412992 51.49136580464813306, 4.04015482647959878 51.49150646718980795, 4.03487980326057105 51.49605514015376428, 4.03758398360977555 51.49773227433711043, 4.03295477497007315 51.50287258700597448, 4.042122276462214 51.50234091777961964, 4.042122276462214 51.50234091777961964)))</t>
  </si>
  <si>
    <t>MultiPolygon (((4.04015482647959878 51.49150646718980795, 4.04269509346412992 51.49136580464813306, 4.04511762636946237 51.49343658422453984, 4.04752723357598843 51.4893527136294793, 4.04962173261805702 51.48843730648852102, 4.04872155475374118 51.48624935125209845, 4.04977111950616475 51.48443553388101179, 4.04773568268171502 51.47967388956588053, 4.04170106058946299 51.48002385751961896, 4.04126042141225295 51.47925579307892718, 4.03878209942175115 51.48036547793967088, 4.03875154292957816 51.48312471502542564, 4.03766393045380223 51.48636557663061808, 4.03663609208456275 51.48636292267007519, 4.03590255324733249 51.49001578256597611, 4.04015482647959878 51.49150646718980795, 4.04015482647959878 51.49150646718980795)))</t>
  </si>
  <si>
    <t>MultiPolygon (((4.042122276462214 51.50234091777961964, 4.04267295318788733 51.50264324092970725, 4.04729069104218286 51.50218715620065524, 4.05157789369814658 51.50333555094626803, 4.05367905554539032 51.50278829517490209, 4.05679968351797626 51.5002726488205127, 4.0574209184903669 51.49858757222817474, 4.05534311168911898 51.49953976465813099, 4.05545129735678067 51.50040891581672042, 4.05317685231467539 51.50217614047817705, 4.05272301031843263 51.50195948333823281, 4.0539719472601119 51.49855373488615129, 4.05613089755967593 51.49816399431624347, 4.05787025377915977 51.4971710671749392, 4.05735243600833684 51.49681019358467893, 4.0541887174414093 51.49807845334294143, 4.05402359830582082 51.49691865971121274, 4.05528950326460791 51.49617247685574739, 4.05361199437230102 51.49686771726285173, 4.05271338686357652 51.49650712329734858, 4.05468649411534887 51.49247090635480362, 4.05432206088491398 51.49069979382537099, 4.05291394638899316 51.49123314647160043, 4.0510680767080256 51.49061011017222, 4.04962173261805702 51.48843730648852102, 4.04752723357598843 51.4893527136294793, 4.04511762636946237 51.49343658422453984, 4.04628088720017498 51.49759048197915234, 4.04443283330189463 51.50079776540088972, 4.042122276462214 51.50234091777961964, 4.042122276462214 51.50234091777961964)))</t>
  </si>
  <si>
    <t>MultiPolygon (((4.00609043238689377 51.47327970200054637, 4.00732282650054739 51.45863420177444425, 4.00575099975032956 51.45872339169710585, 4.00349247014435861 51.45701716104049694, 4.00219126576467144 51.45745498882508429, 4.0009715064660325 51.45626580932880501, 4.0000676001730735 51.45675085433667562, 3.99886550982480449 51.45627313447382534, 3.99449949730024079 51.45302244657900559, 3.99300101307360311 51.45134179804504271, 3.98843830260887966 51.45351689214137281, 3.98689334514166083 51.45361902868975079, 3.98144132784690541 51.45964644403072441, 3.97864039324618135 51.460193548278788, 3.97805167987401287 51.46117575710348291, 3.97541262450147581 51.46236628323360662, 3.97211786261322164 51.46467992982177719, 3.97278871089172103 51.46684405787007677, 3.98446803216562984 51.4671618863534448, 3.99127186567659553 51.46796334382000992, 3.99625208617129157 51.46858397345160796, 3.99459760694003663 51.47041698253870834, 3.99638573949243447 51.47115299198033966, 3.99849079853772471 51.47144409985034486, 3.99956475314182969 51.47002749802323507, 4.00147149287866011 51.47077214511571697, 4.00402126284562954 51.47313607932713353, 4.00609043238689377 51.47327970200054637, 4.00609043238689377 51.47327970200054637),(3.9932446373403212 51.46064521719289075, 3.99427655143152993 51.45980968998271976, 4.00113846811680052 51.45996247255085621, 4.00596817159103047 51.46232814366167219, 4.0058338435492411 51.46391521606663844, 4.00132549299856421 51.46508072294585645, 3.99739741835817286 51.46486601306404651, 3.99727888857096003 51.46666958187969954, 3.9957324375023755 51.46648933763629685, 3.9932446373403212 51.46064521719289075, 3.9932446373403212 51.46064521719289075)))</t>
  </si>
  <si>
    <t>MultiPolygon (((3.99739741835817286 51.46486601306404651, 4.00132549299856421 51.46508072294585645, 4.0058338435492411 51.46391521606663844, 4.00596817159103047 51.46232814366167219, 4.00113846811680052 51.45996247255085621, 3.99427655143152993 51.45980968998271976, 3.9932446373403212 51.46064521719289075, 3.9957324375023755 51.46648933763629685, 3.99727888857096003 51.46666958187969954, 3.99739741835817286 51.46486601306404651, 3.99739741835817286 51.46486601306404651)))</t>
  </si>
  <si>
    <t>MultiPolygon (((3.97370892129222719 51.52787053866624944, 3.98973609451827205 51.52418580971484374, 3.99376254115950147 51.52208831821036483, 3.98656584960375682 51.51842438835396365, 3.98407863312965871 51.51838723078263627, 3.98360301094489877 51.51954316347612206, 3.97957307769828272 51.51819283104819647, 3.98209362206041284 51.51704018280111086, 3.98419398694352278 51.51246800328556219, 3.98825059485250799 51.51408257220050757, 3.99555873962529473 51.51281158705552343, 3.99689807733516478 51.51191507916578161, 4.0038487344417959 51.51248587384496602, 4.00464705035419133 51.51127356376948541, 4.00572391005255746 51.51382349505389868, 4.00613958460849773 51.51394721522365217, 4.00669998239198488 51.51222098292350893, 4.00872064102351988 51.51208050873058397, 4.00979592198761203 51.51317196459736181, 4.00970489496577009 51.51450839519031177, 4.00925360315586765 51.51607290471654466, 4.00838427119031859 51.51607051097725787, 4.00763157958259608 51.52024228224409796, 4.01295002006370538 51.51824722318675498, 4.01361356320265372 51.51973060826581019, 4.01366779022233366 51.51745099737487976, 4.01738812097876696 51.51245045528587951, 4.01501857396864903 51.51065973401293974, 4.01359281238907251 51.50758817973601822, 4.01048345417953733 51.50689613130297317, 4.00637718910475638 51.50458111746738155, 4.00473118464966493 51.50484329101991676, 4.00489817121853608 51.49636998545516064, 3.99796142647449759 51.50302253043959411, 3.99379580261967337 51.50207476171137699, 3.99270599568564855 51.499593216261772, 3.99026400710015539 51.49824870906264351, 3.98208168053811118 51.49848764546891289, 3.97481304050371742 51.50106654725406941, 3.96462280997318617 51.5021986083663279, 3.96406388320676495 51.50419203269687074, 3.96188876821191682 51.50520849182782968, 3.96523051784394553 51.50646916110534335, 3.9636358278589845 51.51393312500070465, 3.96350603869169227 51.52061322125189236, 3.96793712602383764 51.52598102017896053, 3.9698900772776482 51.52557843648924063, 3.97105477624386483 51.52772172529976302, 3.9738203401565384 51.52704361260543209, 3.97370892129222719 51.52787053866624944, 3.97370892129222719 51.52787053866624944)))</t>
  </si>
  <si>
    <t>MultiPolygon (((4.00763157958259608 51.52024228224409796, 4.00838427119031859 51.51607051097725787, 4.00925360315586765 51.51607290471654466, 4.00970489496577009 51.51450839519031177, 4.00979592198761203 51.51317196459736181, 4.00872064102351988 51.51208050873058397, 4.00669998239198488 51.51222098292350893, 4.00613958460849773 51.51394721522365217, 4.00658688241771799 51.51900364690026635, 4.00440541848188492 51.52149107717279009, 4.00551575019601458 51.52148683692718834, 4.00634751178381521 51.52031598662877343, 4.00763157958259608 51.52024228224409796, 4.00763157958259608 51.52024228224409796)),((3.99955469295813604 51.52089376760978467, 4.00313575398966837 51.52170667996809783, 4.0033413336290895 51.5199921131457188, 4.00257521354537005 51.51908407771885834, 4.0025649413909985 51.51583623127708478, 4.00359523707050702 51.51459420250510135, 4.00442171534517932 51.51461192873287587, 4.0043814588040556 51.5163538906839662, 4.00292878434353305 51.51642399602994971, 4.00266667924452868 51.51792717101155006, 4.00498333025690645 51.51849458636355905, 4.00572391005255746 51.51382349505389868, 4.00464705035419133 51.51127356376948541, 4.0038487344417959 51.51248587384496602, 3.99689807733516478 51.51191507916578161, 3.99555873962529473 51.51281158705552343, 3.98825059485250799 51.51408257220050757, 3.98419398694352278 51.51246800328556219, 3.98209362206041284 51.51704018280111086, 3.97957307769828272 51.51819283104819647, 3.98360301094489877 51.51954316347612206, 3.98407863312965871 51.51838723078263627, 3.98656584960375682 51.51842438835396365, 3.99376254115950147 51.52208831821036483, 3.99564203921936967 51.52178732842629927, 3.99704150676234526 51.52212010054229552, 3.99955469295813604 51.52089376760978467, 3.99955469295813604 51.52089376760978467)))</t>
  </si>
  <si>
    <t>MultiPolygon (((3.98208168053811118 51.49848764546891289, 3.99026400710015539 51.49824870906264351, 3.99270599568564855 51.499593216261772, 3.99379580261967337 51.50207476171137699, 3.99796142647449759 51.50302253043959411, 4.00489817121853608 51.49636998545516064, 4.00579710656051091 51.47891716028264852, 4.00609043238689377 51.47327970200054637, 4.00402126284562954 51.47313607932713353, 4.00147149287866011 51.47077214511571697, 3.99956475314182969 51.47002749802323507, 3.99849079853772471 51.47144409985034486, 3.99638573949243447 51.47115299198033966, 3.99459760694003663 51.47041698253870834, 3.99625208617129157 51.46858397345160796, 3.99127186567659553 51.46796334382000992, 3.99113179608948032 51.46853931225275858, 3.9637133929183257 51.47818833433360908, 3.96527418069247917 51.47972579669602311, 3.9681746745846409 51.4798580153970704, 3.97147977943006669 51.48486845800193379, 3.97398950865522371 51.48491609670502811, 3.97612725671304057 51.48806046534878789, 3.9731866615549114 51.49093051787764352, 3.97054678186378052 51.49136430026452871, 3.96794459950488321 51.4909523137987577, 3.95513332717900301 51.49139088334350589, 3.94820774698995924 51.49010557963666912, 3.94912186507955276 51.48847450947000226, 3.94795893712476964 51.48358486592735517, 3.94522704649326483 51.481574505170272, 3.94495535449287393 51.47936301362826583, 3.9496391866840499 51.4797306331379545, 3.95431295616009804 51.47619994523248721, 3.95682855049261617 51.47521758299728845, 3.95867116670499453 51.47085198011529172, 3.96002125366585966 51.47107076963446559, 3.96041051655877752 51.47179921155647264, 3.96810421259685953 51.47088811638776207, 3.96882901405289878 51.46760733592338966, 3.97278871089172103 51.46684405787007677, 3.97211786261322164 51.46467992982177719, 3.97541262450147581 51.46236628323360662, 3.96169229486150121 51.45597856693740368, 3.9504063953709605 51.45577143880450421, 3.93421950643299789 51.44845060795864811, 3.93332003618929038 51.44855205253800534, 3.92817246392807551 51.4505531730809551, 3.92560624279218917 51.45147830633820973, 3.92543311186963306 51.45152752196038648, 3.92598037931369559 51.4545839581268325, 3.92851023413520606 51.4587906514246356, 3.91623635926985436 51.4634247393649531, 3.90912911499053539 51.46780685700235836, 3.90773202867648539 51.46950978325677539, 3.90904527615918962 51.47146614911400064, 3.90808123790010908 51.47183132929527716, 3.91012639947556062 51.47307657864926966, 3.91291467618646172 51.4772293983290723, 3.91226811918871542 51.47823867354556882, 3.9128776703357282 51.47912157922125687, 3.91676442310342443 51.48159659858752235, 3.91501856156509209 51.48479959921350968, 3.92091843554558528 51.48611443532191601, 3.92183188482428324 51.4850246421245572, 3.92474378605157659 51.4853723529993843, 3.9245845779505566 51.48674085023832703, 3.92587606311697002 51.48910146267940746, 3.9256542568497621 51.49101542835133216, 3.92582146060973125 51.49186849746507022, 3.94018454425715792 51.49314317731433732, 3.94365142966188431 51.49724501735753535, 3.95619842472391481 51.50340440881550563, 3.96188876821191682 51.50520849182782968, 3.96406388320676495 51.50419203269687074, 3.96462280997318617 51.5021986083663279, 3.97481304050371742 51.50106654725406941, 3.98208168053811118 51.49848764546891289)))</t>
  </si>
  <si>
    <t>MultiPolygon (((3.97278871089172103 51.46684405787007677, 3.96882901405289878 51.46760733592338966, 3.96810421259685953 51.47088811638776207, 3.96041051655877752 51.47179921155647264, 3.96002125366585966 51.47107076963446559, 3.95867116670499453 51.47085198011529172, 3.95682855049261617 51.47521758299728845, 3.95431295616009804 51.47619994523248721, 3.9496391866840499 51.4797306331379545, 3.94495535449287393 51.47936301362826583, 3.94522704649326483 51.481574505170272, 3.94795893712476964 51.48358486592735517, 3.94912186507955276 51.48847450947000226, 3.94820774698995924 51.49010557963666912, 3.95513332717900301 51.49139088334350589, 3.96794459950488321 51.4909523137987577, 3.97054678186378052 51.49136430026452871, 3.9731866615549114 51.49093051787764352, 3.97612725671304057 51.48806046534878789, 3.97398950865522371 51.48491609670502811, 3.97147977943006669 51.48486845800193379, 3.9681746745846409 51.4798580153970704, 3.96527418069247917 51.47972579669602311, 3.9637133929183257 51.47818833433360908, 3.99113179608948032 51.46853931225275858, 3.99127186567659553 51.46796334382000992, 3.98446803216562984 51.4671618863534448, 3.97278871089172103 51.46684405787007677, 3.97278871089172103 51.46684405787007677)))</t>
  </si>
  <si>
    <t>MultiPolygon (((4.03665580560144299 51.37949157409750001, 4.03940757197397105 51.37737885625639933, 4.04407928379801707 51.3709205155343156, 4.04945036903872069 51.36696722819024075, 4.04857931683240668 51.36609788561696632, 4.04119868798020843 51.36648943250141031, 4.0380434070720197 51.36795334580678229, 4.03327688979927501 51.37129122842144824, 4.03275533028230626 51.37450798526279527, 4.03147543317179924 51.37586958247672442, 4.03674017740723201 51.38016131410213916, 4.03665580560144299 51.37949157409750001, 4.03665580560144299 51.37949157409750001)),((3.99172720991750873 51.40574197023333625, 3.99234616062734382 51.40324743980922051, 3.99721086413185756 51.40271723876978882, 3.99966923582034006 51.39906803419084014, 3.99749675553666828 51.39608792355144118, 4.00396812491420651 51.39363233989590185, 4.01730993055513252 51.39022177118256707, 4.01907261724980192 51.38546744034931635, 4.02238438937573051 51.3854005330854875, 4.03044138472218361 51.38720471022077874, 4.03128598223980905 51.38561963589722836, 4.03073391842797513 51.38542600242886493, 4.03126627656671221 51.38478964685202754, 4.02879967460035004 51.38360745403352325, 4.0281677988527802 51.38404425269140319, 4.02537583131397714 51.38263894487889161, 4.02643555559636912 51.38108875510780393, 4.02314710483405147 51.37678298493280238, 4.02339173399971273 51.37529927699812049, 4.02045778108557705 51.37536965490286178, 4.01766227858684122 51.3788155128725279, 4.01272646106184538 51.37950253845550463, 4.00524664600519387 51.37896452687227367, 4.00338383849227775 51.38043480668564911, 4.00415748308759856 51.38180221647039758, 4.00307897163051063 51.38338696797145388, 4.00057354629768991 51.38349540768975032, 4.00018811537650265 51.38502097089835985, 4.00569084091666294 51.38641468271960377, 4.00215232465622162 51.39153155232011017, 3.99918194157884033 51.39312299330029532, 3.99348630468517385 51.39290792835197408, 3.98894010199728344 51.39525320765879002, 3.98508151823749479 51.39972732503212427, 3.98976914676967764 51.40186905912386095, 3.98775810641908413 51.40373925807058697, 3.98136385867402032 51.40571196481583627, 3.97336643824179259 51.40551380364361478, 3.96964778164683851 51.4018030972568738, 3.96933752083257918 51.40277715774939082, 3.97083456901466203 51.40570064390933425, 3.97430875684261942 51.40668873856145638, 3.99172720991750873 51.40574197023333625)))</t>
  </si>
  <si>
    <t>MultiPolygon (((3.99483522369219024 51.40374829750157915, 4.01631432164879953 51.40131255563767354, 4.01840542985252736 51.40059572323762183, 4.0163684717693835 51.39903015475984915, 4.01742463589432663 51.39724486743866549, 4.01839990157525406 51.39698598297702148, 4.02180892974151405 51.39806839433218499, 4.0219418269370717 51.40065786471684817, 4.02226683817038477 51.39825880557566506, 4.02491683992533389 51.39426613804744903, 4.02911198592569697 51.39351191923373818, 4.03236916442228743 51.38531283243240466, 4.03128598223980905 51.38561963589722836, 4.03044138472218361 51.38720471022077874, 4.02238438937573051 51.3854005330854875, 4.01907261724980192 51.38546744034931635, 4.01730993055513252 51.39022177118256707, 4.00396812491420651 51.39363233989590185, 3.99749675553666828 51.39608792355144118, 3.99966923582034006 51.39906803419084014, 3.99721086413185756 51.40271723876978882, 3.99234616062734382 51.40324743980922051, 3.99172720991750873 51.40574197023333625, 3.99483522369219024 51.40374829750157915)))</t>
  </si>
  <si>
    <t>MultiPolygon (((4.03128598223980905 51.38561963589722836, 4.03236916442228743 51.38531283243240466, 4.03488955243534964 51.38253305524484205, 4.0333036715786319 51.38374214708689891, 4.03262255675480397 51.38336492471272976, 4.0341795636528186 51.3820235415497919, 4.03334290499831294 51.38102505468422265, 4.03425721182656893 51.38064176112772685, 4.03548762006116668 51.3819436651835062, 4.03674017740723201 51.38016131410213916, 4.03147543317179924 51.37586958247672442, 4.02653037908389333 51.37562631461648266, 4.02380759822170742 51.37465941198142616, 4.02339173399971273 51.37529927699812049, 4.02314710483405147 51.37678298493280238, 4.02643555559636912 51.38108875510780393, 4.02537583131397714 51.38263894487889161, 4.0281677988527802 51.38404425269140319, 4.02879967460035004 51.38360745403352325, 4.03126627656671221 51.38478964685202754, 4.03073391842797513 51.38542600242886493, 4.03128598223980905 51.38561963589722836, 4.03128598223980905 51.38561963589722836)))</t>
  </si>
  <si>
    <t>MultiPolygon (((4.03160324605832088 51.34826179581304473, 4.03312721791459161 51.34549393446920362, 4.03579937867981009 51.34554702527046288, 4.03918403577398966 51.34314459856749124, 4.03659664245706296 51.34241533343708142, 4.03689956650609272 51.34335841887815377, 4.03564677917059189 51.34427016442378999, 4.03111838742118689 51.34342060569932897, 4.03204903301726603 51.33787378612410635, 4.03669623474046535 51.33714505488146784, 4.0429959981014596 51.33659036908662898, 4.04877993590614427 51.33974967100342468, 4.04787219832067713 51.3407769711312838, 4.04981913017300243 51.34156528650039775, 4.05216201581309665 51.33908607705391347, 4.05539233864837989 51.33867399093153239, 4.05543973370924693 51.33849559171220278, 4.05255518373052404 51.33856142731412575, 4.05112030415040092 51.33715500712612823, 4.05411662956687557 51.33323906696993788, 4.05571104520973513 51.33266385520060027, 4.05984388614423164 51.33359108937737858, 4.06286556751999761 51.33162809025645856, 4.06329137845576582 51.32499261735355844, 4.06320028160175273 51.31736636649301886, 4.0655970071035501 51.31363906921630047, 4.06380784119715255 51.31315534393714017, 4.05857685563489046 51.31606956688059284, 4.05619720819016294 51.31533539908636499, 4.05209150027913889 51.31767910755734619, 4.04855081665675431 51.31839714034560274, 4.04323777594744449 51.31855006796885732, 4.04121450026019158 51.32198437698916393, 4.03319040386035166 51.32233519890100837, 4.03301812309218999 51.32061698914441195, 4.03262208720569504 51.3203973739115753, 4.0311210530388859 51.32128381003575157, 4.02679664516975588 51.32099171588598807, 4.02314227281877379 51.32244185998675334, 4.02369848595534219 51.32895044395932871, 4.02494203286210528 51.32890578045896035, 4.03120977880809495 51.33369660035339166, 4.0291964405892351 51.33546310205435503, 4.02787455846870035 51.34224217317555627, 4.03160324605832088 51.34826179581304473, 4.03160324605832088 51.34826179581304473)))</t>
  </si>
  <si>
    <t>MultiPolygon (((4.03659664245706296 51.34241533343708142, 4.0383548639257576 51.34075982792812454, 4.03626843043974048 51.34033870497675878, 4.03669623474046535 51.33714505488146784, 4.03204903301726603 51.33787378612410635, 4.03111838742118689 51.34342060569932897, 4.03564677917059189 51.34427016442378999, 4.03689956650609272 51.34335841887815377, 4.03659664245706296 51.34241533343708142, 4.03659664245706296 51.34241533343708142)))</t>
  </si>
  <si>
    <t>MultiPolygon (((3.98136385867402032 51.40571196481583627, 3.98775810641908413 51.40373925807058697, 3.98976914676967764 51.40186905912386095, 3.98508151823749479 51.39972732503212427, 3.98894010199728344 51.39525320765879002, 3.99348630468517385 51.39290792835197408, 3.99918194157884033 51.39312299330029532, 4.00215232465622162 51.39153155232011017, 4.00569084091666294 51.38641468271960377, 4.00018811537650265 51.38502097089835985, 4.00057354629768991 51.38349540768975032, 4.00091408684661243 51.37804592471445631, 3.99971784907840311 51.37228735047465733, 4.00065453273568217 51.36721683512614334, 3.9980637423796126 51.36618919520726934, 3.99246468115891062 51.36342460448035041, 3.98948213908767357 51.36350551934916808, 3.98694914449475801 51.36091339344321938, 3.98519135224702348 51.36010405015552749, 3.96852366692122516 51.36185661235636957, 3.96526546458972717 51.36170833806086478, 3.96485103110277226 51.36007419968959908, 3.95902081169275766 51.35968969075364043, 3.95730179411071914 51.35900891795122192, 3.95589372651850546 51.35673725830898206, 3.95721017933038155 51.35442837252177384, 3.95922839287197759 51.35352660009837678, 3.95939241992184554 51.35132298207592783, 3.95580843241921976 51.35410396472588701, 3.95462691497833063 51.35677629344986883, 3.95763902032117487 51.36373620094963144, 3.95704678236109464 51.36481265748087566, 3.941779947495061 51.36540891529485009, 3.94836178867594434 51.36724446401340316, 3.95906689051834215 51.3676688011066318, 3.95961480009487765 51.36899785695374021, 3.95915568019794639 51.37128714221578463, 3.96269711562588789 51.37537309522762996, 3.96323898809040109 51.38141502111104586, 3.9676046536670988 51.38450426765488999, 3.96816355137933252 51.38562812390951962, 3.96568702552862273 51.38905576302724398, 3.96524464280189548 51.39692389409856332, 3.96964778164683851 51.4018030972568738, 3.97336643824179259 51.40551380364361478, 3.98136385867402032 51.40571196481583627),(3.9768501985388971 51.39108426028652588, 3.97500810214750011 51.38871233210108613, 3.98139433949392041 51.38598353085691883, 3.98412451633006937 51.38624994685964253, 3.98150575230912729 51.38967319572545733, 3.97823588494367364 51.38958930860842145, 3.97818312376266237 51.39078144523480773, 3.9768501985388971 51.39108426028652588)))</t>
  </si>
  <si>
    <t>MultiPolygon (((3.97818312376266237 51.39078144523480773, 3.97823588494367364 51.38958930860842145, 3.98150575230912729 51.38967319572545733, 3.98412451633006937 51.38624994685964253, 3.98139433949392041 51.38598353085691883, 3.97500810214750011 51.38871233210108613, 3.9768501985388971 51.39108426028652588, 3.97818312376266237 51.39078144523480773, 3.97818312376266237 51.39078144523480773)))</t>
  </si>
  <si>
    <t>MultiPolygon (((4.00698653015046258 51.36641729142134238, 4.00589795927964065 51.36496913860428748, 4.00358248710518616 51.36043554925213783, 4.0043773341247153 51.35753185798469644, 4.011073198952948 51.35868220023890274, 4.01470545444520344 51.36015063886708987, 4.01911195321624426 51.35751940867967846, 4.02055640028378036 51.35538387757090817, 4.0167369232222585 51.35319794521622327, 4.01360697861016291 51.35029132868119461, 4.01244591338971901 51.34801613612447824, 4.01269904026489499 51.34553505565703801, 4.01480231816616762 51.34625128746827727, 4.01786768042799824 51.3454598657897634, 4.01768434034461741 51.34348739502665637, 4.02422463112908346 51.34183389004186182, 4.02787455846870035 51.34224217317555627, 4.0291964405892351 51.33546310205435503, 4.03120977880809495 51.33369660035339166, 4.02494203286210528 51.32890578045896035, 4.02369848595534219 51.32895044395932871, 4.02314227281877379 51.32244185998675334, 4.02468482539100592 51.32108253560779332, 4.0236927387675987 51.31701570814913538, 4.00497498279114161 51.31676100385842432, 4.00299306907348473 51.32070582166718253, 3.98795494157026997 51.32178562684256917, 3.98870782604807861 51.32508868478720387, 3.98617436070774511 51.32594118231008196, 3.98446208019625248 51.32442118480253157, 3.98183752044725159 51.32550923950302035, 3.98296315197950168 51.32844516622635211, 3.98002934848224221 51.33445531377716264, 3.98059444865353074 51.33759004168984319, 3.9755079306369141 51.33771655447888804, 3.97563384416259025 51.34317277320800343, 3.97059787330462166 51.34582894998185765, 3.97426150244208687 51.34726386485245087, 3.97381089703649115 51.34791833697801877, 3.96711035133457735 51.35132711179672071, 3.95922839287197759 51.35352660009837678, 3.95721017933038155 51.35442837252177384, 3.95589372651850546 51.35673725830898206, 3.95730179411071914 51.35900891795122192, 3.95902081169275766 51.35968969075364043, 3.96485103110277226 51.36007419968959908, 3.96526546458972717 51.36170833806086478, 3.96852366692122516 51.36185661235636957, 3.98519135224702348 51.36010405015552749, 3.98694914449475801 51.36091339344321938, 3.98948213908767357 51.36350551934916808, 3.99246468115891062 51.36342460448035041, 3.9980637423796126 51.36618919520726934, 3.99464941623580172 51.36289497352323963, 3.99593293138142913 51.35997721706855401, 3.99751559879292184 51.3600893558418008, 4.00527013333265369 51.3647076484316969, 4.00698653015046258 51.36641729142134238, 4.00698653015046258 51.36641729142134238),(3.99595713926503349 51.34657038721324795, 3.99325595180056458 51.34432543995046672, 3.98750590634855051 51.34115676617956581, 3.98630049533219033 51.33906921218495256, 3.99326716070958243 51.33985889135936986, 3.99800522350381815 51.34131071276412683, 3.99778752776594493 51.34589965145807611, 3.99595713926503349 51.34657038721324795, 3.99595713926503349 51.34657038721324795)))</t>
  </si>
  <si>
    <t>MultiPolygon (((3.99595713926503349 51.34657038721324795, 3.99778752776594493 51.34589965145807611, 3.99800522350381815 51.34131071276412683, 3.99326716070958243 51.33985889135936986, 3.98630049533219033 51.33906921218495256, 3.98750590634855051 51.34115676617956581, 3.99325595180056458 51.34432543995046672, 3.99595713926503349 51.34657038721324795, 3.99595713926503349 51.34657038721324795)))</t>
  </si>
  <si>
    <t>MultiPolygon (((3.98002934848224221 51.33445531377716264, 3.98296315197950168 51.32844516622635211, 3.98023596021450121 51.32681132375709154, 3.97902361031899332 51.32853423514622193, 3.97574648760997595 51.32850414067644351, 3.97601454317220515 51.3281237042981644, 3.97405104957681576 51.32733204443051278, 3.96772632774967748 51.32755247576447033, 3.96382033705007242 51.32707309687877739, 3.95983385099251484 51.32787140606058074, 3.95858294510189523 51.32493368837363334, 3.97268707534628618 51.32248791216901651, 3.97512078703621663 51.323783558335343, 3.97732807919060471 51.32312037385397474, 3.97795949942211369 51.32212521650351533, 3.98195702034071841 51.32130332796580774, 3.98432891880070361 51.3201282543273436, 3.98439012265705683 51.31932044841116181, 3.98085394290467143 51.31963297451407158, 3.9781899639417424 51.31835320569762615, 3.98245238772514476 51.31702023375572708, 3.98501526064565947 51.31703860683933272, 3.98774536937084623 51.31790176825543881, 3.98777718861446129 51.31882008942340434, 3.98531182771223591 51.31930007234117852, 3.986021366317269 51.32087718904823248, 3.98795494157026997 51.32178562684256917, 4.00299306907348473 51.32070582166718253, 4.00497498279114161 51.31676100385842432, 4.0236927387675987 51.31701570814913538, 4.02354491702859729 51.31546542745203254, 4.02678448859827132 51.3126461534078544, 4.03573007704575293 51.30699370352655109, 4.03737477125945787 51.30626241438783808, 4.02770550619381407 51.29919460384558505, 4.02468049501513736 51.29804132594703248, 4.01505530385490683 51.30252117451640714, 4.00465416009745923 51.30295744603435537, 3.99869020090928773 51.30431206876314576, 3.99330696863146528 51.30849104622451762, 3.98543670524958138 51.30843875255008157, 3.98540229491297637 51.30278783879206372, 3.98321146756318356 51.30172258446558686, 3.97816767037877783 51.30156554303751903, 3.97581842855271539 51.30068861812747372, 3.97211895268915161 51.30031332750183992, 3.95807863691492301 51.30455523124309281, 3.95327553920860941 51.30829090169940088, 3.95664673006727741 51.3219966004288608, 3.96172946906861956 51.33289579218239851, 3.95971762840990227 51.34189710293959763, 3.95939241992184554 51.35132298207592783, 3.95922839287197759 51.35352660009837678, 3.96711035133457735 51.35132711179672071, 3.97381089703649115 51.34791833697801877, 3.97426150244208687 51.34726386485245087, 3.97059787330462166 51.34582894998185765, 3.97563384416259025 51.34317277320800343, 3.9755079306369141 51.33771655447888804, 3.98059444865353074 51.33759004168984319, 3.98002934848224221 51.33445531377716264, 3.98002934848224221 51.33445531377716264)))</t>
  </si>
  <si>
    <t>MultiPolygon (((3.97795949942211369 51.32212521650351533, 3.97732807919060471 51.32312037385397474, 3.97512078703621663 51.323783558335343, 3.97268707534628618 51.32248791216901651, 3.95858294510189523 51.32493368837363334, 3.95983385099251484 51.32787140606058074, 3.96382033705007242 51.32707309687877739, 3.96772632774967748 51.32755247576447033, 3.97405104957681576 51.32733204443051278, 3.97601454317220515 51.3281237042981644, 3.97574648760997595 51.32850414067644351, 3.97902361031899332 51.32853423514622193, 3.98023596021450121 51.32681132375709154, 3.97905634559747634 51.32340870369616681, 3.97795949942211369 51.32212521650351533, 3.97795949942211369 51.32212521650351533)))</t>
  </si>
  <si>
    <t>MultiPolygon (((3.98023596021450121 51.32681132375709154, 3.98296315197950168 51.32844516622635211, 3.98183752044725159 51.32550923950302035, 3.98446208019625248 51.32442118480253157, 3.98617436070774511 51.32594118231008196, 3.98870782604807861 51.32508868478720387, 3.98795494157026997 51.32178562684256917, 3.986021366317269 51.32087718904823248, 3.98531182771223591 51.31930007234117852, 3.98777718861446129 51.31882008942340434, 3.98774536937084623 51.31790176825543881, 3.98501526064565947 51.31703860683933272, 3.98245238772514476 51.31702023375572708, 3.9781899639417424 51.31835320569762615, 3.98085394290467143 51.31963297451407158, 3.98439012265705683 51.31932044841116181, 3.98432891880070361 51.3201282543273436, 3.98195702034071841 51.32130332796580774, 3.97795949942211369 51.32212521650351533, 3.97905634559747634 51.32340870369616681, 3.98023596021450121 51.32681132375709154, 3.98023596021450121 51.32681132375709154)))</t>
  </si>
  <si>
    <t>MultiPolygon (((4.02314227281877379 51.32244185998675334, 4.02679664516975588 51.32099171588598807, 4.0311210530388859 51.32128381003575157, 4.03262208720569504 51.3203973739115753, 4.03237733235336826 51.31863304710568485, 4.03831579826644571 51.31231788536903338, 4.04082950141869546 51.31754006032503668, 4.03997531826991718 51.31821381729447751, 4.03668725908341397 51.31701093929882518, 4.03449621852297469 51.31749684630778319, 4.03303836209614985 51.31907720899354786, 4.03301812309218999 51.32061698914441195, 4.03319040386035166 51.32233519890100837, 4.04121450026019158 51.32198437698916393, 4.04323777594744449 51.31855006796885732, 4.04855081665675431 51.31839714034560274, 4.05209150027913889 51.31767910755734619, 4.05619720819016294 51.31533539908636499, 4.05857685563489046 51.31606956688059284, 4.06380784119715255 51.31315534393714017, 4.0655970071035501 51.31363906921630047, 4.06929306123720202 51.30898091621639168, 4.06939846587412291 51.30779371870283256, 4.06696260502423357 51.3062265016763277, 4.06403347880548349 51.30636202244541266, 4.06294826978262069 51.30188964014753594, 4.06068465346458041 51.30240100745197651, 4.05939995506519047 51.30434873740745161, 4.05930257506292769 51.30647014580984688, 4.05402201305575183 51.30631370586615247, 4.05495101874902009 51.3031508345039029, 4.05270929526279211 51.29793819394195253, 4.04453692050578528 51.29995371910020907, 4.04336913426041189 51.30568551059596416, 4.0401097027945827 51.30779243814141211, 4.03712720721667129 51.30678727191079247, 4.03573007704575293 51.30699370352655109, 4.02678448859827132 51.3126461534078544, 4.02354491702859729 51.31546542745203254, 4.0236927387675987 51.31701570814913538, 4.02468482539100592 51.32108253560779332, 4.02314227281877379 51.32244185998675334, 4.02314227281877379 51.32244185998675334)))</t>
  </si>
  <si>
    <t>MultiPolygon (((4.03262208720569504 51.3203973739115753, 4.03301812309218999 51.32061698914441195, 4.03303836209614985 51.31907720899354786, 4.03449621852297469 51.31749684630778319, 4.03668725908341397 51.31701093929882518, 4.03997531826991718 51.31821381729447751, 4.04082950141869546 51.31754006032503668, 4.03831579826644571 51.31231788536903338, 4.03237733235336826 51.31863304710568485, 4.03262208720569504 51.3203973739115753, 4.03262208720569504 51.3203973739115753)))</t>
  </si>
  <si>
    <t>MultiPolygon (((4.03160324605832088 51.34826179581304473, 4.03293669915615016 51.34938719292135545, 4.04540161673592191 51.35109952083642071, 4.0485907856582477 51.34853044426768776, 4.05425972602346629 51.34810317483645292, 4.05889848054713465 51.34852911590544267, 4.06545470248012109 51.34623968938671368, 4.07197616856283684 51.34530561594867493, 4.07249394108871421 51.34493270531315545, 4.07681413804750115 51.34467129052093526, 4.07278242537631208 51.34160036695674734, 4.06968459357710977 51.34192560679562689, 4.06719026575549858 51.33360169980164045, 4.06286556751999761 51.33162809025645856, 4.05984388614423164 51.33359108937737858, 4.05571104520973513 51.33266385520060027, 4.05411662956687557 51.33323906696993788, 4.05112030415040092 51.33715500712612823, 4.05255518373052404 51.33856142731412575, 4.05543973370924693 51.33849559171220278, 4.05747471520200165 51.34035888579734319, 4.05846030291150583 51.34338704902743444, 4.05776589361308559 51.34670367440457994, 4.05408072483806237 51.34640024506642675, 4.05110736231269541 51.34326694461054075, 4.05230893616975685 51.34233841348610383, 4.05443164469596784 51.34280619766509091, 4.05539233864837989 51.33867399093153239, 4.05216201581309665 51.33908607705391347, 4.04981913017300243 51.34156528650039775, 4.04787219832067713 51.3407769711312838, 4.04877993590614427 51.33974967100342468, 4.0429959981014596 51.33659036908662898, 4.03669623474046535 51.33714505488146784, 4.03626843043974048 51.34033870497675878, 4.0383548639257576 51.34075982792812454, 4.03659664245706296 51.34241533343708142, 4.03918403577398966 51.34314459856749124, 4.03579937867981009 51.34554702527046288, 4.03312721791459161 51.34549393446920362, 4.03160324605832088 51.34826179581304473, 4.03160324605832088 51.34826179581304473)))</t>
  </si>
  <si>
    <t>MultiPolygon (((4.05539233864837989 51.33867399093153239, 4.05443164469596784 51.34280619766509091, 4.05230893616975685 51.34233841348610383, 4.05110736231269541 51.34326694461054075, 4.05408072483806237 51.34640024506642675, 4.05776589361308559 51.34670367440457994, 4.05846030291150583 51.34338704902743444, 4.05747471520200165 51.34035888579734319, 4.05543973370924693 51.33849559171220278, 4.05539233864837989 51.33867399093153239, 4.05539233864837989 51.33867399093153239)))</t>
  </si>
  <si>
    <t>MultiPolygon (((4.03147543317179924 51.37586958247672442, 4.03275533028230626 51.37450798526279527, 4.03327688979927501 51.37129122842144824, 4.0380434070720197 51.36795334580678229, 4.04119868798020843 51.36648943250141031, 4.04857931683240668 51.36609788561696632, 4.04945036903872069 51.36696722819024075, 4.05316127266350179 51.36579182050650161, 4.08597284726270171 51.36417356393910438, 4.09236053271387679 51.36145138450653747, 4.09497636014752509 51.36174075921356064, 4.09624805647666346 51.36139026958267806, 4.09862714595685063 51.35907106127402955, 4.11095501236134098 51.35428094726290738, 4.10880249832781796 51.35440066842305384, 4.10371195048142656 51.35263144878791763, 4.10421105510373874 51.3522324105932455, 4.09983069518227783 51.35099053042981865, 4.0957061643414141 51.35085858018892679, 4.09468375389081629 51.35151193963301353, 4.09086308143671218 51.35070612972744897, 4.08084613382263495 51.34843589022993626, 4.07275656360754912 51.34516487101647186, 4.07197616856283684 51.34530561594867493, 4.06545470248012109 51.34623968938671368, 4.05889848054713465 51.34852911590544267, 4.05425972602346629 51.34810317483645292, 4.0485907856582477 51.34853044426768776, 4.04540161673592191 51.35109952083642071, 4.03293669915615016 51.34938719292135545, 4.03160324605832088 51.34826179581304473, 4.02787455846870035 51.34224217317555627, 4.02422463112908346 51.34183389004186182, 4.01768434034461741 51.34348739502665637, 4.01786768042799824 51.3454598657897634, 4.01480231816616762 51.34625128746827727, 4.01269904026489499 51.34553505565703801, 4.01244591338971901 51.34801613612447824, 4.01360697861016291 51.35029132868119461, 4.0167369232222585 51.35319794521622327, 4.02055640028378036 51.35538387757090817, 4.01911195321624426 51.35751940867967846, 4.01470545444520344 51.36015063886708987, 4.011073198952948 51.35868220023890274, 4.0043773341247153 51.35753185798469644, 4.00358248710518616 51.36043554925213783, 4.00589795927964065 51.36496913860428748, 4.00719520117587802 51.36421013200659758, 4.00878518621970148 51.36505583062326252, 4.01273756908102186 51.36426878866768675, 4.01597986532410012 51.36266673450887055, 4.01920594623298655 51.35940672997031697, 4.02186515275896461 51.35909957895177058, 4.02348815652619596 51.3595021529265523, 4.02513812600546039 51.36081633282971382, 4.0245542264702685 51.36539116123541504, 4.02380759822170742 51.37465941198142616, 4.02653037908389333 51.37562631461648266, 4.03147543317179924 51.37586958247672442, 4.03147543317179924 51.37586958247672442)),((4.00307897163051063 51.38338696797145388, 4.00415748308759856 51.38180221647039758, 4.00338383849227775 51.38043480668564911, 4.00524664600519387 51.37896452687227367, 4.01272646106184538 51.37950253845550463, 4.01766227858684122 51.3788155128725279, 4.02045778108557705 51.37536965490286178, 4.01692146314567111 51.37453921994048045, 4.01440514698358264 51.37476858127750745, 4.01417707075776331 51.37531023085845305, 4.0086259249948073 51.37452128639718296, 4.00630430866020504 51.37267202652802922, 4.00620096821069804 51.3709231628321632, 4.00441992176921691 51.37098440152715284, 4.00430744050584231 51.36991541457533117, 4.00690173635344227 51.36935403931821043, 4.00799689767908518 51.36780279543509664, 4.00698653015046258 51.36641729142134238, 4.00527013333265369 51.3647076484316969, 3.99751559879292184 51.3600893558418008, 3.99593293138142913 51.35997721706855401, 3.99464941623580172 51.36289497352323963, 3.9980637423796126 51.36618919520726934, 4.00065453273568217 51.36721683512614334, 3.99971784907840311 51.37228735047465733, 4.00091408684661243 51.37804592471445631, 4.00057354629768991 51.38349540768975032, 4.00307897163051063 51.38338696797145388, 4.00307897163051063 51.38338696797145388)))</t>
  </si>
  <si>
    <t>MultiPolygon (((4.01616226428116097 51.36390082621070263, 4.02084018004544763 51.36397932666301358, 4.02201270328858751 51.365684452709651, 4.0245542264702685 51.36539116123541504, 4.02513812600546039 51.36081633282971382, 4.02348815652619596 51.3595021529265523, 4.02186515275896461 51.35909957895177058, 4.01920594623298655 51.35940672997031697, 4.01597986532410012 51.36266673450887055, 4.01616226428116097 51.36390082621070263, 4.01616226428116097 51.36390082621070263)))</t>
  </si>
  <si>
    <t>MultiPolygon (((4.02045778108557705 51.37536965490286178, 4.02339173399971273 51.37529927699812049, 4.02380759822170742 51.37465941198142616, 4.0245542264702685 51.36539116123541504, 4.02201270328858751 51.365684452709651, 4.02084018004544763 51.36397932666301358, 4.01616226428116097 51.36390082621070263, 4.0162491484258922 51.36881755139665984, 4.01421529628983542 51.36884367593462031, 4.01318047267016365 51.37122611012264883, 4.01719616987630346 51.37184221580755406, 4.01692146314567111 51.37453921994048045, 4.02045778108557705 51.37536965490286178, 4.02045778108557705 51.37536965490286178)))</t>
  </si>
  <si>
    <t>MultiPolygon (((4.00620096821069804 51.3709231628321632, 4.01318047267016365 51.37122611012264883, 4.01421529628983542 51.36884367593462031, 4.0162491484258922 51.36881755139665984, 4.01616226428116097 51.36390082621070263, 4.01597986532410012 51.36266673450887055, 4.01273756908102186 51.36426878866768675, 4.00878518621970148 51.36505583062326252, 4.00719520117587802 51.36421013200659758, 4.00589795927964065 51.36496913860428748, 4.00698653015046258 51.36641729142134238, 4.00799689767908518 51.36780279543509664, 4.00690173635344227 51.36935403931821043, 4.00430744050584231 51.36991541457533117, 4.00441992176921691 51.37098440152715284, 4.00620096821069804 51.3709231628321632, 4.00620096821069804 51.3709231628321632)))</t>
  </si>
  <si>
    <t>MultiPolygon (((4.01692146314567111 51.37453921994048045, 4.01719616987630346 51.37184221580755406, 4.01318047267016365 51.37122611012264883, 4.00620096821069804 51.3709231628321632, 4.00630430866020504 51.37267202652802922, 4.0086259249948073 51.37452128639718296, 4.01417707075776331 51.37531023085845305, 4.01440514698358264 51.37476858127750745, 4.01692146314567111 51.37453921994048045, 4.01692146314567111 51.37453921994048045)))</t>
  </si>
  <si>
    <t>MultiPolygon (((4.06011251273863305 51.25153125937775656, 4.06178850721661444 51.25110681174948724, 4.06391536410750742 51.25127008723619326, 4.06354841219451401 51.25006899410977468, 4.06282445637934053 51.24999390878515015, 4.06279102547595805 51.24976141306549238, 4.06344264776524433 51.2497227990020221, 4.06322914760480103 51.24902393944501, 4.06233893555297243 51.24916616794845226, 4.05952811402452074 51.24919441298655443, 4.05989998457501322 51.24827274358160878, 4.06410016195115631 51.24750178836857373, 4.06184816998439757 51.24457291226497802, 4.05791084248947698 51.24342115970988942, 4.04223225695251642 51.24150377396554745, 4.03981975919997716 51.2457664014822214, 4.04329088597854991 51.24737313973133723, 4.05668507163626391 51.24927288980831719, 4.05629280643947254 51.25078842227464548, 4.06011251273863305 51.25153125937775656)),((4.06330344585700676 51.25264585176957866, 4.06017262549709557 51.2525457485609266, 4.05847916410232212 51.25304518331901704, 4.05766528900518519 51.25533243212537116, 4.0626020361529358 51.25519776845622033, 4.06330344585700676 51.25264585176957866)),((4.06981030220528872 51.26284446801830796, 4.07892694263858413 51.25373852640415606, 4.07616389409917979 51.2521385680130166, 4.07063964436875114 51.25069454435273286, 4.07142053497534295 51.2502409490193287, 4.06623544285797411 51.24830320163815145, 4.06667094244827165 51.25613386053403531, 4.0681540009807442 51.26103509408112302, 4.06379335204198089 51.26077907889390417, 4.06380331204485579 51.26037933617399744, 4.06271691715363747 51.2622972843104634, 4.06981030220528872 51.26284446801830796)))</t>
  </si>
  <si>
    <t>MultiPolygon (((4.06667094244827165 51.25613386053403531, 4.06623544285797411 51.24830320163815145, 4.06410016195115631 51.24750178836857373, 4.05989998457501322 51.24827274358160878, 4.05952811402452074 51.24919441298655443, 4.06233893555297243 51.24916616794845226, 4.06322914760480103 51.24902393944501, 4.06344264776524433 51.2497227990020221, 4.06279102547595805 51.24976141306549238, 4.06282445637934053 51.24999390878515015, 4.06354841219451401 51.25006899410977468, 4.06391536410750742 51.25127008723619326, 4.06178850721661444 51.25110681174948724, 4.06011251273863305 51.25153125937775656, 4.06017262549709557 51.2525457485609266, 4.06330344585700676 51.25264585176957866, 4.0626020361529358 51.25519776845622033, 4.05766528900518519 51.25533243212537116, 4.05586611437520617 51.25648569732048543, 4.05750458428479011 51.25842514788363502, 4.06214261393815335 51.26026545706200466, 4.06380331204485579 51.26037933617399744, 4.06379335204198089 51.26077907889390417, 4.0681540009807442 51.26103509408112302, 4.06667094244827165 51.25613386053403531)))</t>
  </si>
  <si>
    <t>MultiPolygon (((4.18338423282467442 51.37189145832139303, 4.19141557484144212 51.37641918161289567, 4.20645585785287679 51.37447160011140568, 4.23469574879769883 51.34806015847891558, 4.16806525961823215 51.29445099810349973, 4.16722732421985853 51.29454720805617995, 4.16700150651369139 51.29637790576474288, 4.16287072736131414 51.29652719847886289, 4.15223267488543613 51.29249268410850959, 4.15289924135659483 51.29171118297328746, 4.15483742592375549 51.29252368348790014, 4.15795257894685477 51.29181842132889813, 4.15977486372275607 51.29021660341512501, 4.14240912967355968 51.28237241709049243, 4.13766793512751541 51.2864881984121368, 4.13052973823597558 51.28353636246518477, 4.12546455648794996 51.28594158475112863, 4.12508683246647312 51.28923148444911106, 4.128598269366762 51.29191300758580496, 4.12619730568169008 51.294118886664684, 4.12242814250552669 51.29396040963941061, 4.11694283216196055 51.29007916717758775, 4.11382572848859063 51.28980427439717715, 4.10937173249554721 51.29248332186865156, 4.11135271690235893 51.29342574880245564, 4.11360406005458401 51.29249408036137936, 4.11629843047582789 51.29388735396882737, 4.12072833458913834 51.29773215462152791, 4.12370341213058467 51.29930767694951044, 4.12198681582787163 51.30080871906697837, 4.12928959131468432 51.30400393313501439, 4.12548999080300405 51.3100822609502174, 4.1199505287059397 51.30872408278855801, 4.12816809207388857 51.31136665682473108, 4.13288374940088765 51.31535573842313624, 4.13183502446833018 51.32094579777516685, 4.13088671502709825 51.32494513449513107, 4.12698063658735581 51.33254431655644368, 4.12359383300390903 51.33188406381555779, 4.12249018052556071 51.33410688692615054, 4.12569698854387124 51.33474829375734316, 4.1217652157182032 51.33806234619062536, 4.12106162999413783 51.34007243809279686, 4.12401261110265693 51.34141731631018502, 4.11098622165340544 51.35061883313268538, 4.11192149489390868 51.35303560821093072, 4.11122902891691577 51.3539405495571728, 4.11543406220998431 51.35242368230266408, 4.11919164615854516 51.34917269876861923, 4.12744939698516422 51.34370416608480525, 4.1340706250497945 51.33658010304095853, 4.12834151772009772 51.34860814992305933, 4.11262338365547819 51.36062219400958639, 4.11494478667608554 51.36303200828869819, 4.11842448527614202 51.36377757704680391, 4.13092539842438278 51.36449686091000899, 4.13678442461776985 51.36331624595949563, 4.15032312331297604 51.34947996509330892, 4.15798872624374649 51.34728498433931776, 4.15159890881082116 51.36639364269715458, 4.1556083835911739 51.3687876782157602, 4.17283977227104508 51.3733542557619387, 4.17522776219695579 51.3606370426343517, 4.18338423282467442 51.37189145832139303, 4.18338423282467442 51.37189145832139303)))</t>
  </si>
  <si>
    <t>MultiPolygon (((4.16806525961823215 51.29445099810349973, 4.16613168462242545 51.29289288810370095, 4.15977486372275607 51.29021660341512501, 4.15795257894685477 51.29181842132889813, 4.15483742592375549 51.29252368348790014, 4.15289924135659483 51.29171118297328746, 4.15223267488543613 51.29249268410850959, 4.16287072736131414 51.29652719847886289, 4.16700150651369139 51.29637790576474288, 4.16722732421985853 51.29454720805617995, 4.16806525961823215 51.29445099810349973, 4.16806525961823215 51.29445099810349973)))</t>
  </si>
  <si>
    <t>MultiPolygon (((4.03995269237894217 51.25187798318376053, 4.04329088597854991 51.24737313973133723, 4.03981975919997716 51.2457664014822214, 4.04223225695251642 51.24150377396554745, 4.03988043582945977 51.24144846131412834, 4.03653732493569706 51.24567841200924789, 4.03239547763646033 51.24330433318736766, 4.02734210224836531 51.24249672451642112, 4.02449049277326321 51.24149984596796514, 4.0221424498557159 51.24433361279359644, 4.0298764212533289 51.24932661022684499, 4.03369890615203541 51.24915295839684859, 4.03995269237894217 51.25187798318376053)),((4.00892035699253046 51.26033986668750231, 4.01659556182222488 51.25868206038799002, 4.02042800678770096 51.25893836313903762, 4.02605038356951628 51.25436258733395789, 4.02936341365215789 51.25428903959719662, 4.03025992365671115 51.25370522794193562, 4.02914647907376278 51.25283531555077587, 4.0216237375824786 51.25281014280577097, 4.01962857085732761 51.25112241507727617, 4.02037780087909802 51.24968097969057368, 4.01765949618525919 51.24778230168438142, 4.00151346178918921 51.24475933857073784, 3.99684150729798215 51.2426781139070755, 3.99703040986676461 51.24119368828396404, 3.99411287684034511 51.24282551359718951, 3.99306760666614302 51.24498482017119727, 3.99459892127611571 51.24643046119644652, 3.99311921283232252 51.24800340639623641, 3.98759032304560002 51.24980946271034554, 3.98223669450286089 51.24910982305321028, 3.98213618993368579 51.261482485715824, 3.98470733529952481 51.26165830371378718, 3.9853645070973287 51.257116822788646, 3.99393985275686125 51.25770157372166125, 3.99241271983867874 51.26125325623887363, 4.00332100960413939 51.2632130841877327, 4.00159037448438859 51.26579864797751185, 4.00417988903167288 51.26644029967667393, 4.00892035699253046 51.26033986668750231)))</t>
  </si>
  <si>
    <t>MultiPolygon (((4.03920500497581347 51.25309028255058763, 4.03995269237894217 51.25187798318376053, 4.03369890615203541 51.24915295839684859, 4.0298764212533289 51.24932661022684499, 4.0221424498557159 51.24433361279359644, 4.02093408069197089 51.24536555866089316, 4.01548141003711478 51.24449786987373301, 4.01486677512317858 51.24508727617251225, 4.00569296925032159 51.24187590625985678, 4.00336052548945354 51.24331203494954678, 3.99703040986676461 51.24119368828396404, 3.99684150729798215 51.2426781139070755, 4.00151346178918921 51.24475933857073784, 4.01765949618525919 51.24778230168438142, 4.02037780087909802 51.24968097969057368, 4.01962857085732761 51.25112241507727617, 4.0216237375824786 51.25281014280577097, 4.02914647907376278 51.25283531555077587, 4.03025992365671115 51.25370522794193562, 4.03494323627414708 51.25385428109395747, 4.03920500497581347 51.25309028255058763, 4.03920500497581347 51.25309028255058763)))</t>
  </si>
  <si>
    <t>MultiPolygon (((4.10421105510373874 51.3522324105932455, 4.10766305553799338 51.35275732610805477, 4.10750983293918104 51.35141125212017954, 4.11041925180667178 51.35023405525713969, 4.11098622165340544 51.35061883313268538, 4.12401261110265693 51.34141731631018502, 4.12106162999413783 51.34007243809279686, 4.1217652157182032 51.33806234619062536, 4.12569698854387124 51.33474829375734316, 4.12249018052556071 51.33410688692615054, 4.12359383300390903 51.33188406381555779, 4.12698063658735581 51.33254431655644368, 4.13088671502709825 51.32494513449513107, 4.13183502446833018 51.32094579777516685, 4.13288374940088765 51.31535573842313624, 4.12816809207388857 51.31136665682473108, 4.1199505287059397 51.30872408278855801, 4.1170385707516699 51.30990425005671085, 4.11147591094813425 51.30896971756855152, 4.1072707441651648 51.30931310686527524, 4.10505452604718357 51.30740663164696258, 4.1052585021558281 51.30137211840106914, 4.09910207965830864 51.29531089732618909, 4.09481183154401496 51.29406340624539951, 4.09301301079947155 51.29622882049931576, 4.08986555762804382 51.29809840125241749, 4.09906577349210632 51.30154135923275049, 4.09626621657559209 51.30527568799501381, 4.09414953691477201 51.30717462990686784, 4.09195648039779236 51.30598788290839707, 4.07557084883712584 51.30725706063046232, 4.07188114328791784 51.3106738876841888, 4.07407768036506912 51.31346782604293111, 4.07451908675897023 51.31930267399205547, 4.06844697534015332 51.31934158347410602, 4.06896745665441539 51.32204467828881889, 4.06567663682597669 51.32462767524242508, 4.06329137845576582 51.32499261735355844, 4.06286556751999761 51.33162809025645856, 4.06719026575549858 51.33360169980164045, 4.06968459357710977 51.34192560679562689, 4.07278242537631208 51.34160036695674734, 4.07681413804750115 51.34467129052093526, 4.07249394108871421 51.34493270531315545, 4.07197616856283684 51.34530561594867493, 4.07275656360754912 51.34516487101647186, 4.08084613382263495 51.34843589022993626, 4.09086308143671218 51.35070612972744897, 4.09468375389081629 51.35151193963301353, 4.0957061643414141 51.35085858018892679, 4.09983069518227783 51.35099053042981865, 4.10421105510373874 51.3522324105932455, 4.10421105510373874 51.3522324105932455),(4.10801632783730497 51.33319197664926747, 4.1049538519258606 51.33148888183336567, 4.10277663722008246 51.33159966531061258, 4.10027541297876041 51.33091117067356635, 4.09758790622970448 51.32806583326272687, 4.09906679376997385 51.32516174446870849, 4.10156655656494173 51.32353119153913923, 4.10386122492942462 51.32345674278178649, 4.1064680069192514 51.32522482749445913, 4.10801632783730497 51.33319197664926747, 4.10801632783730497 51.33319197664926747)))</t>
  </si>
  <si>
    <t>MultiPolygon (((4.11095501236134098 51.35428094726290738, 4.110491257722237 51.35203444112443805, 4.11126570389743495 51.35198435119996674, 4.11122902891691577 51.3539405495571728, 4.11192149489390868 51.35303560821093072, 4.11098622165340544 51.35061883313268538, 4.11041925180667178 51.35023405525713969, 4.10750983293918104 51.35141125212017954, 4.10766305553799338 51.35275732610805477, 4.10421105510373874 51.3522324105932455, 4.10371195048142656 51.35263144878791763, 4.10880249832781796 51.35440066842305384, 4.11095501236134098 51.35428094726290738)))</t>
  </si>
  <si>
    <t>MultiPolygon (((4.10801632783730497 51.33319197664926747, 4.1064680069192514 51.32522482749445913, 4.10386122492942462 51.32345674278178649, 4.10156655656494173 51.32353119153913923, 4.09906679376997385 51.32516174446870849, 4.09758790622970448 51.32806583326272687, 4.10027541297876041 51.33091117067356635, 4.10277663722008246 51.33159966531061258, 4.1049538519258606 51.33148888183336567, 4.10801632783730497 51.33319197664926747, 4.10801632783730497 51.33319197664926747)))</t>
  </si>
  <si>
    <t>MultiPolygon (((4.12548999080300405 51.3100822609502174, 4.12928959131468432 51.30400393313501439, 4.12198681582787163 51.30080871906697837, 4.12370341213058467 51.29930767694951044, 4.12072833458913834 51.29773215462152791, 4.11629843047582789 51.29388735396882737, 4.11360406005458401 51.29249408036137936, 4.11135271690235893 51.29342574880245564, 4.10937173249554721 51.29248332186865156, 4.11382572848859063 51.28980427439717715, 4.11694283216196055 51.29007916717758775, 4.12242814250552669 51.29396040963941061, 4.12619730568169008 51.294118886664684, 4.128598269366762 51.29191300758580496, 4.12508683246647312 51.28923148444911106, 4.12546455648794996 51.28594158475112863, 4.13052973823597558 51.28353636246518477, 4.13766793512751541 51.2864881984121368, 4.14240912967355968 51.28237241709049243, 4.09462092258903088 51.26076154118289452, 4.09248003947358097 51.26086275937993264, 4.09410153605163529 51.26446664874159609, 4.10109462091142163 51.26504893628732873, 4.10098893639568463 51.26626265854468301, 4.09507079703863663 51.26666550520151588, 4.0950327931720194 51.26719476923968699, 4.09461686940624681 51.27111514105715884, 4.09544985893063895 51.27114739665518073, 4.0957436991544629 51.27238617371722285, 4.09260910052501448 51.27459660171945188, 4.092494385749613 51.27861489194267364, 4.0917556290238446 51.27881695750573954, 4.08891715233593622 51.27721396704713186, 4.08899797906014051 51.2759052901616883, 4.09042262202785167 51.27595309680079794, 4.09031100111177892 51.27553602684429279, 4.08700613823917536 51.27444797706501589, 4.08308928279218897 51.27430746330452394, 4.08285773646278649 51.26898457109341933, 4.08521762733109206 51.26868424981327621, 4.0853675930647162 51.26669231537994165, 4.08716476151625052 51.26465448274286985, 4.07709701681306935 51.26427162154847395, 4.0771497714319187 51.26328734984372204, 4.0865297931878759 51.26291394060682194, 4.09031205370308015 51.25921530074575116, 4.09011679303788256 51.25868389849885176, 4.07892694263858413 51.25373852640415606, 4.06981030220528872 51.26284446801830796, 4.06309459762505121 51.26955524902690087, 4.06535910584026272 51.26936807230249826, 4.06591773964519376 51.26875693794966793, 4.07306217633053702 51.26902937241889902, 4.0733581800988965 51.27330314798975763, 4.07446693159703965 51.27731527822997037, 4.07452744469737471 51.27798099190454906, 4.07488880324834035 51.28058012807291277, 4.07663841661307647 51.28061501403756495, 4.07632762107581659 51.27816434306065219, 4.08158381051381092 51.27838108413730822, 4.08112184114323995 51.28437099485473283, 4.09321760609683061 51.28513914197524315, 4.09524844229303753 51.29144522552022778, 4.09481183154401496 51.29406340624539951, 4.09910207965830864 51.29531089732618909, 4.1052585021558281 51.30137211840106914, 4.10505452604718357 51.30740663164696258, 4.1072707441651648 51.30931310686527524, 4.11147591094813425 51.30896971756855152, 4.1170385707516699 51.30990425005671085, 4.1199505287059397 51.30872408278855801, 4.12548999080300405 51.3100822609502174, 4.12548999080300405 51.3100822609502174)))</t>
  </si>
  <si>
    <t>MultiPolygon (((4.09507079703863663 51.26666550520151588, 4.10098893639568463 51.26626265854468301, 4.10109462091142163 51.26504893628732873, 4.09410153605163529 51.26446664874159609, 4.09248003947358097 51.26086275937993264, 4.09462092258903088 51.26076154118289452, 4.09260244313387478 51.26017919325232697, 4.09249376452569091 51.25970994273365733, 4.09106193697049125 51.25989483062279817, 4.09113980064330995 51.2591583604294101, 4.09031205370308015 51.25921530074575116, 4.0865297931878759 51.26291394060682194, 4.0771497714319187 51.26328734984372204, 4.07709701681306935 51.26427162154847395, 4.08716476151625052 51.26465448274286985, 4.0853675930647162 51.26669231537994165, 4.0894624125387784 51.26634218074637062, 4.0950327931720194 51.26719476923968699, 4.09507079703863663 51.26666550520151588, 4.09507079703863663 51.26666550520151588)))</t>
  </si>
  <si>
    <t>MultiPolygon (((4.0853675930647162 51.26669231537994165, 4.08521762733109206 51.26868424981327621, 4.08285773646278649 51.26898457109341933, 4.08308928279218897 51.27430746330452394, 4.08700613823917536 51.27444797706501589, 4.09031100111177892 51.27553602684429279, 4.09042262202785167 51.27595309680079794, 4.08899797906014051 51.2759052901616883, 4.08891715233593622 51.27721396704713186, 4.0917556290238446 51.27881695750573954, 4.092494385749613 51.27861489194267364, 4.09260910052501448 51.27459660171945188, 4.0957436991544629 51.27238617371722285, 4.09544985893063895 51.27114739665518073, 4.09461686940624681 51.27111514105715884, 4.0950327931720194 51.26719476923968699, 4.0894624125387784 51.26634218074637062, 4.0853675930647162 51.26669231537994165, 4.0853675930647162 51.26669231537994165)))</t>
  </si>
  <si>
    <t>MultiPolygon (((4.05255422666379328 51.25389084652312022, 4.05490251172280214 51.25413290768046437, 4.05766528900518519 51.25533243212537116, 4.05847916410232212 51.25304518331901704, 4.06017262549709557 51.2525457485609266, 4.06011251273863305 51.25153125937775656, 4.05629280643947254 51.25078842227464548, 4.05668507163626391 51.24927288980831719, 4.04329088597854991 51.24737313973133723, 4.03995269237894217 51.25187798318376053, 4.03920500497581347 51.25309028255058763, 4.04016756522703968 51.25429753014595491, 4.05169179567357673 51.2556381266938601, 4.05255422666379328 51.25389084652312022, 4.05255422666379328 51.25389084652312022)),((4.04481852118723761 51.26527851515837142, 4.04213373192584857 51.25973909029296038, 4.04083140213407965 51.25929660325362391, 4.041608935054672 51.25640125676330427, 4.03494323627414708 51.25385428109395747, 4.03025992365671115 51.25370522794193562, 4.02936341365215789 51.25428903959719662, 4.02605038356951628 51.25436258733395789, 4.02042800678770096 51.25893836313903762, 4.01635828519141391 51.26225416560004078, 4.03003588209219821 51.26624616806982004, 4.03508176295583887 51.2632496825489028, 4.0378631737191153 51.26480289611916419, 4.03964104369326993 51.26681478794636604, 4.04440230543500689 51.26593102855122197, 4.04481852118723761 51.26527851515837142, 4.04481852118723761 51.26527851515837142)))</t>
  </si>
  <si>
    <t>MultiPolygon (((4.04213373192584857 51.25973909029296038, 4.05243332157638747 51.26173379647715933, 4.05323606099261369 51.25604192974910234, 4.05169179567357673 51.2556381266938601, 4.04016756522703968 51.25429753014595491, 4.03920500497581347 51.25309028255058763, 4.03494323627414708 51.25385428109395747, 4.041608935054672 51.25640125676330427, 4.04083140213407965 51.25929660325362391, 4.04213373192584857 51.25973909029296038, 4.04213373192584857 51.25973909029296038)))</t>
  </si>
  <si>
    <t>MultiPolygon (((4.05271970490150579 51.26884253335386177, 4.05875763690615798 51.26626538816852019, 4.06271691715363747 51.2622972843104634, 4.06380331204485579 51.26037933617399744, 4.06214261393815335 51.26026545706200466, 4.05750458428479011 51.25842514788363502, 4.05586611437520617 51.25648569732048543, 4.05766528900518519 51.25533243212537116, 4.05490251172280214 51.25413290768046437, 4.05255422666379328 51.25389084652312022, 4.05169179567357673 51.2556381266938601, 4.05323606099261369 51.25604192974910234, 4.05243332157638747 51.26173379647715933, 4.05038266006134862 51.26395240051741098, 4.05271970490150579 51.26884253335386177, 4.05271970490150579 51.26884253335386177)))</t>
  </si>
  <si>
    <t>MultiPolygon (((4.04728824835053125 51.27007029639189994, 4.04735354884944609 51.27019776935046025, 4.04883022150463745 51.26976337694988928, 4.05271970490150579 51.26884253335386177, 4.05038266006134862 51.26395240051741098, 4.05243332157638747 51.26173379647715933, 4.04213373192584857 51.25973909029296038, 4.04481852118723761 51.26527851515837142, 4.04539820892331736 51.2651614481893958, 4.04728824835053125 51.27007029639189994, 4.04728824835053125 51.27007029639189994)))</t>
  </si>
  <si>
    <t>MultiPolygon (((4.07557084883712584 51.30725706063046232, 4.09195648039779236 51.30598788290839707, 4.09414953691477201 51.30717462990686784, 4.09626621657559209 51.30527568799501381, 4.09906577349210632 51.30154135923275049, 4.08986555762804382 51.29809840125241749, 4.09301301079947155 51.29622882049931576, 4.09481183154401496 51.29406340624539951, 4.09524844229303753 51.29144522552022778, 4.09321760609683061 51.28513914197524315, 4.08112184114323995 51.28437099485473283, 4.08158381051381092 51.27838108413730822, 4.07632762107581659 51.27816434306065219, 4.07663841661307647 51.28061501403756495, 4.07488880324834035 51.28058012807291277, 4.07452744469737471 51.27798099190454906, 4.06417697592745331 51.27746592099028788, 4.063943153434316 51.27293362585999148, 4.0733581800988965 51.27330314798975763, 4.07306217633053702 51.26902937241889902, 4.06591773964519376 51.26875693794966793, 4.06535910584026272 51.26936807230249826, 4.06309459762505121 51.26955524902690087, 4.06981030220528872 51.26284446801830796, 4.06271691715363747 51.2622972843104634, 4.05875763690615798 51.26626538816852019, 4.05271970490150579 51.26884253335386177, 4.04883022150463745 51.26976337694988928, 4.04892626572834669 51.27067305730426483, 4.05415689418036695 51.2710218501122128, 4.06195920980597869 51.27547220047625132, 4.06352509558501218 51.2778085947435045, 4.05854410598057669 51.27711336908675577, 4.05584383132835402 51.27603658237159578, 4.05069554394036668 51.2764142834654848, 4.05115884029116557 51.27810251010912168, 4.05325105052251722 51.27740638728452183, 4.05588235219236459 51.27751162266296348, 4.05888895968349761 51.27843887353008512, 4.05927955208275471 51.28150114717804797, 4.06918124995199637 51.28577452608735143, 4.07345916065456937 51.2873498698538981, 4.08096112452913573 51.29310287960296932, 4.07228168538204738 51.29392939598371726, 4.06529018025979383 51.29132446226143571, 4.0609468863637801 51.29276148494497534, 4.05062075234618035 51.29598771913600075, 4.05093831069327504 51.29635318108923769, 4.04494176057757482 51.29597461161377225, 4.04533059761854208 51.29229424847764562, 4.04408648566417295 51.28951752428503852, 4.04026188732385272 51.28492466847180253, 4.04859450042118052 51.28244169049956724, 4.04764203742878159 51.28130574657316743, 4.04912360989117204 51.27866949416299036, 4.03722825149360887 51.27731137761367108, 4.03681117986520999 51.27531619426960674, 4.02792111154045696 51.27316321692197221, 4.03223333657439653 51.270528815317995, 4.02951641117755699 51.26972438285696398, 4.02478871711880526 51.27265975722885827, 4.02086643535903043 51.27190303544683303, 4.03003588209219821 51.26624616806982004, 4.01635828519141391 51.26225416560004078, 4.02042800678770096 51.25893836313903762, 4.01659556182222488 51.25868206038799002, 4.00892035699253046 51.26033986668750231, 4.00417988903167288 51.26644029967667393, 4.00159037448438859 51.26579864797751185, 4.00332100960413939 51.2632130841877327, 3.99241271983867874 51.26125325623887363, 3.99393985275686125 51.25770157372166125, 3.9853645070973287 51.257116822788646, 3.98470733529952481 51.26165830371378718, 3.98213618993368579 51.261482485715824, 3.98193716728499458 51.26269119408480179, 3.97887925685984145 51.30081453477483677, 3.97816767037877783 51.30156554303751903, 3.98321146756318356 51.30172258446558686, 3.98540229491297637 51.30278783879206372, 3.98543670524958138 51.30843875255008157, 3.99330696863146528 51.30849104622451762, 3.99869020090928773 51.30431206876314576, 4.00465416009745923 51.30295744603435537, 4.01505530385490683 51.30252117451640714, 4.02468049501513736 51.29804132594703248, 4.02770550619381407 51.29919460384558505, 4.03737477125945787 51.30626241438783808, 4.03573007704575293 51.30699370352655109, 4.03712720721667129 51.30678727191079247, 4.0401097027945827 51.30779243814141211, 4.04336913426041189 51.30568551059596416, 4.04453692050578528 51.29995371910020907, 4.05270929526279211 51.29793819394195253, 4.05495101874902009 51.3031508345039029, 4.05402201305575183 51.30631370586615247, 4.05930257506292769 51.30647014580984688, 4.05939995506519047 51.30434873740745161, 4.06068465346458041 51.30240100745197651, 4.06294826978262069 51.30188964014753594, 4.06403347880548349 51.30636202244541266, 4.06696260502423357 51.3062265016763277, 4.06939846587412291 51.30779371870283256, 4.06929306123720202 51.30898091621639168, 4.0655970071035501 51.31363906921630047, 4.06320028160175273 51.31736636649301886, 4.06329137845576582 51.32499261735355844, 4.06567663682597669 51.32462767524242508, 4.06896745665441539 51.32204467828881889, 4.06844697534015332 51.31934158347410602, 4.07451908675897023 51.31930267399205547, 4.07407768036506912 51.31346782604293111, 4.07188114328791784 51.3106738876841888, 4.07557084883712584 51.30725706063046232, 4.07557084883712584 51.30725706063046232)))</t>
  </si>
  <si>
    <t>MultiPolygon (((4.03722825149360887 51.27731137761367108, 4.04064976584241897 51.27348053101953695, 4.04728824835053125 51.27007029639189994, 4.04539820892331736 51.2651614481893958, 4.04481852118723761 51.26527851515837142, 4.04440230543500689 51.26593102855122197, 4.03964104369326993 51.26681478794636604, 4.0378631737191153 51.26480289611916419, 4.03508176295583887 51.2632496825489028, 4.03003588209219821 51.26624616806982004, 4.02086643535903043 51.27190303544683303, 4.02478871711880526 51.27265975722885827, 4.02951641117755699 51.26972438285696398, 4.03223333657439653 51.270528815317995, 4.02792111154045696 51.27316321692197221, 4.03681117986520999 51.27531619426960674, 4.03722825149360887 51.27731137761367108, 4.03722825149360887 51.27731137761367108)))</t>
  </si>
  <si>
    <t>MultiPolygon (((4.04912360989117204 51.27866949416299036, 4.05115884029116557 51.27810251010912168, 4.05069554394036668 51.2764142834654848, 4.04735354884944609 51.27019776935046025, 4.04728824835053125 51.27007029639189994, 4.04064976584241897 51.27348053101953695, 4.03722825149360887 51.27731137761367108, 4.04912360989117204 51.27866949416299036, 4.04912360989117204 51.27866949416299036)))</t>
  </si>
  <si>
    <t>MultiPolygon (((4.04735354884944609 51.27019776935046025, 4.05069554394036668 51.2764142834654848, 4.05584383132835402 51.27603658237159578, 4.05854410598057669 51.27711336908675577, 4.06352509558501218 51.2778085947435045, 4.06195920980597869 51.27547220047625132, 4.05415689418036695 51.2710218501122128, 4.04892626572834669 51.27067305730426483, 4.04883022150463745 51.26976337694988928, 4.04735354884944609 51.27019776935046025, 4.04735354884944609 51.27019776935046025)))</t>
  </si>
  <si>
    <t>MultiPolygon (((4.07452744469737471 51.27798099190454906, 4.07446693159703965 51.27731527822997037, 4.0733581800988965 51.27330314798975763, 4.063943153434316 51.27293362585999148, 4.06417697592745331 51.27746592099028788, 4.07452744469737471 51.27798099190454906, 4.07452744469737471 51.27798099190454906)))</t>
  </si>
  <si>
    <t>MultiPolygon (((4.0527422678324605 51.29025341893247969, 4.05769460312449404 51.28915934581358727, 4.05260059748818779 51.28547093720965222, 4.05212181992269116 51.28409272448961786, 4.04828716535319444 51.28407791134381455, 4.04859450042118052 51.28244169049956724, 4.04026188732385272 51.28492466847180253, 4.04408648566417295 51.28951752428503852, 4.04655185022362396 51.28778958584649672, 4.0527422678324605 51.29025341893247969, 4.0527422678324605 51.29025341893247969)))</t>
  </si>
  <si>
    <t>MultiPolygon (((4.0527422678324605 51.29025341893247969, 4.04655185022362396 51.28778958584649672, 4.04408648566417295 51.28951752428503852, 4.04533059761854208 51.29229424847764562, 4.04494176057757482 51.29597461161377225, 4.05093831069327504 51.29635318108923769, 4.05062075234618035 51.29598771913600075, 4.04964956415589672 51.29501912867543467, 4.05084076163089346 51.29190682345970487, 4.0527422678324605 51.29025341893247969, 4.0527422678324605 51.29025341893247969)))</t>
  </si>
  <si>
    <t>MultiPolygon (((4.05062075234618035 51.29598771913600075, 4.0609468863637801 51.29276148494497534, 4.05981574717015103 51.29106581031133771, 4.05769460312449404 51.28915934581358727, 4.0527422678324605 51.29025341893247969, 4.05084076163089346 51.29190682345970487, 4.04964956415589672 51.29501912867543467, 4.05062075234618035 51.29598771913600075, 4.05062075234618035 51.29598771913600075)))</t>
  </si>
  <si>
    <t>MultiPolygon (((4.05981574717015103 51.29106581031133771, 4.0609468863637801 51.29276148494497534, 4.06529018025979383 51.29132446226143571, 4.07228168538204738 51.29392939598371726, 4.08096112452913573 51.29310287960296932, 4.07345916065456937 51.2873498698538981, 4.06918124995199637 51.28577452608735143, 4.06777051061023887 51.28700178474458937, 4.06229173862804593 51.28870342778593283, 4.06348417416195851 51.28951997969125642, 4.05981574717015103 51.29106581031133771, 4.05981574717015103 51.29106581031133771)))</t>
  </si>
  <si>
    <t>MultiPolygon (((4.05769460312449404 51.28915934581358727, 4.05981574717015103 51.29106581031133771, 4.06348417416195851 51.28951997969125642, 4.06229173862804593 51.28870342778593283, 4.06777051061023887 51.28700178474458937, 4.06918124995199637 51.28577452608735143, 4.05927955208275471 51.28150114717804797, 4.05707676633029823 51.28335461586983968, 4.05286197289877936 51.28449341876068246, 4.05212181992269116 51.28409272448961786, 4.05260059748818779 51.28547093720965222, 4.05769460312449404 51.28915934581358727, 4.05769460312449404 51.28915934581358727)))</t>
  </si>
  <si>
    <t>MultiPolygon (((4.04859450042118052 51.28244169049956724, 4.04828716535319444 51.28407791134381455, 4.05212181992269116 51.28409272448961786, 4.05286197289877936 51.28449341876068246, 4.05707676633029823 51.28335461586983968, 4.05927955208275471 51.28150114717804797, 4.05888895968349761 51.27843887353008512, 4.05588235219236459 51.27751162266296348, 4.05325105052251722 51.27740638728452183, 4.05115884029116557 51.27810251010912168, 4.04912360989117204 51.27866949416299036, 4.04764203742878159 51.28130574657316743, 4.04859450042118052 51.28244169049956724, 4.04859450042118052 51.28244169049956724)))</t>
  </si>
  <si>
    <t>MultiPolygon (((5.46391674575245467 51.8890089474663796, 5.47615654012322306 51.88962483279471627, 5.4973816329538332 51.88904194267569636, 5.49728562378675445 51.88626351873546128, 5.49736393501383347 51.88441719209808412, 5.49738305597158927 51.88036991081746407, 5.49564393424163367 51.87286516998327812, 5.49598813680915921 51.86331223658341116, 5.50180992091200238 51.86391255837783376, 5.50361778850323358 51.86011939004178828, 5.49923787162828148 51.85950177623067248, 5.50679215308486825 51.85013184135510045, 5.49617732918887203 51.84853440014671833, 5.48827710864986873 51.84754995273345202, 5.48370229735476222 51.84526262501848493, 5.47716701317248322 51.85515246495617703, 5.47188293105932555 51.8594157461697165, 5.47110930870840484 51.86187741803308171, 5.46690667571720823 51.86104893294914575, 5.45479611455419811 51.8655866580891356, 5.44117113958239873 51.8685435827945156, 5.43925616323859629 51.87108280460952869, 5.43930794011881602 51.87444721736390818, 5.43481358946179416 51.87815058044724736, 5.43604622546036342 51.87901911448935266, 5.44498355915716648 51.88420330174944439, 5.4534345488157312 51.88743749050883025, 5.46391674575245467 51.8890089474663796, 5.46391674575245467 51.8890089474663796),(5.47966097641957006 51.8838013885662761, 5.47277138478856884 51.88162005029855806, 5.47059938464884876 51.88282703098136039, 5.4687424255868331 51.88296850268882565, 5.45771335462223917 51.87984657651370668, 5.45213487149928167 51.87762631886711517, 5.45382683180728112 51.87571086107122653, 5.46012182894152698 51.87741938452074919, 5.46815208028903044 51.87798037529474016, 5.46867107542375397 51.87587843858075587, 5.47125470353575771 51.87593784718606571, 5.47071168893590887 51.87750557104869387, 5.47143140625058688 51.8779654262498866, 5.47695384657428175 51.87776161890248972, 5.4825945143758803 51.88007539161061743, 5.47966097641957006 51.8838013885662761, 5.47966097641957006 51.8838013885662761)))</t>
  </si>
  <si>
    <t>MultiPolygon (((5.47966097641957006 51.8838013885662761, 5.4825945143758803 51.88007539161061743, 5.47695384657428175 51.87776161890248972, 5.47143140625058688 51.8779654262498866, 5.47071168893590887 51.87750557104869387, 5.47125470353575771 51.87593784718606571, 5.46867107542375397 51.87587843858075587, 5.46815208028903044 51.87798037529474016, 5.46012182894152698 51.87741938452074919, 5.45382683180728112 51.87571086107122653, 5.45213487149928167 51.87762631886711517, 5.45771335462223917 51.87984657651370668, 5.4687424255868331 51.88296850268882565, 5.47059938464884876 51.88282703098136039, 5.47277138478856884 51.88162005029855806, 5.47966097641957006 51.8838013885662761, 5.47966097641957006 51.8838013885662761)))</t>
  </si>
  <si>
    <t>MultiPolygon (((5.50679215308486825 51.85013184135510045, 5.51505535546420411 51.85142025136214983, 5.52120112528100471 51.85310600564123007, 5.52029248672548167 51.85206776286723596, 5.52378415709974746 51.84904478933247418, 5.52662902378617638 51.84964983869799937, 5.52953124827584652 51.84721669075221229, 5.53627603602255647 51.84922282233833357, 5.53896479004718856 51.84685712437601524, 5.54213814488347722 51.84379693436046921, 5.54936969627296595 51.84111480626741297, 5.5506360250889033 51.83900640168533869, 5.54941505179113381 51.83640034894454374, 5.54422461495714902 51.83457041916614116, 5.54269555005032011 51.8324691789136125, 5.542868414904218 51.83047521751657172, 5.55214717992338347 51.82496722141326018, 5.55126457770246251 51.82413081878974026, 5.54862869945651305 51.8198027216876298, 5.54528452363403268 51.81743434674718429, 5.54092978407625658 51.81630760279421821, 5.53563387520060601 51.8165743730952002, 5.52788422813874991 51.81848119837395927, 5.51773424206969221 51.8192839197191617, 5.51421399639464482 51.82074390438084777, 5.50807878994999545 51.82614341485542298, 5.50325512825300045 51.82876390493809993, 5.49600627481284576 51.8306044850289922, 5.49019029970618355 51.83050863626213101, 5.49006081821305703 51.83169660473601681, 5.49475964714015408 51.83528576202721894, 5.50007435131709865 51.83536896216014611, 5.50250289848557195 51.83639941679705032, 5.50108841340028221 51.83815970815227558, 5.49905202481529098 51.83850322654880216, 5.50191458653346377 51.84350528511465939, 5.49617732918887203 51.84853440014671833, 5.50679215308486825 51.85013184135510045),(5.53425801104816006 51.82369393582752792, 5.53290801937732457 51.82603709252091306, 5.53030543732405544 51.82505944271500908, 5.52807513104555603 51.82292852958337903, 5.52897818417240217 51.82138761993694942, 5.53297021035203418 51.81927579209317969, 5.54343684001178616 51.81824297038966876, 5.54457877903005958 51.8192256704324592, 5.54416283424956013 51.82017197462312197, 5.54325168884513175 51.82007151009320722, 5.53809785301025403 51.82419689977244559, 5.53425801104816006 51.82369393582752792)))</t>
  </si>
  <si>
    <t>MultiPolygon (((5.53425801104816006 51.82369393582752792, 5.53809785301025403 51.82419689977244559, 5.54325168884513175 51.82007151009320722, 5.54416283424956013 51.82017197462312197, 5.54457877903005958 51.8192256704324592, 5.54343684001178616 51.81824297038966876, 5.53297021035203418 51.81927579209317969, 5.52897818417240217 51.82138761993694942, 5.52807513104555603 51.82292852958337903, 5.53030543732405544 51.82505944271500908, 5.53290801937732457 51.82603709252091306, 5.53425801104816006 51.82369393582752792, 5.53425801104816006 51.82369393582752792)))</t>
  </si>
  <si>
    <t>MultiPolygon (((5.45479611455419811 51.8655866580891356, 5.46690667571720823 51.86104893294914575, 5.47110930870840484 51.86187741803308171, 5.47188293105932555 51.8594157461697165, 5.47716701317248322 51.85515246495617703, 5.48370229735476222 51.84526262501848493, 5.4540174205027423 51.83606941954321456, 5.44465527099651414 51.82949575780661888, 5.43641386922752634 51.82686957696102326, 5.43395417093910549 51.82314406850711919, 5.42929773365011581 51.8212672698798329, 5.42653711830788765 51.81912900068677885, 5.41827155049017772 51.8185579217767156, 5.41488544888811152 51.82129018643880158, 5.41622292781236858 51.82263981464070923, 5.41496497318230574 51.82493779745120577, 5.40833137135649089 51.82928061895951544, 5.40697064187125154 51.83280054406768755, 5.4058432805397878 51.83270563336389358, 5.40533860898149321 51.8346534274145867, 5.40063321565600685 51.83765877048785597, 5.4091489784490232 51.84392393156761614, 5.41523417755345093 51.85180101955559451, 5.41782493566246437 51.85809189171370548, 5.422978267758916 51.86642416344992768, 5.4333404393055531 51.8770526274417989, 5.43481358946179416 51.87815058044724736, 5.43930794011881602 51.87444721736390818, 5.43925616323859629 51.87108280460952869, 5.44117113958239873 51.8685435827945156, 5.45479611455419811 51.8655866580891356, 5.45479611455419811 51.8655866580891356),(5.43251238107814149 51.85392676911257581, 5.43053286190737516 51.85270319909299985, 5.42819235324667737 51.85290130523377883, 5.42642115177358608 51.8523895779674362, 5.42368615547501953 51.84796090205898622, 5.42651775495577926 51.8468868054676193, 5.42673790561501601 51.84614426587975089, 5.41643810337109777 51.8430221635859283, 5.42013002508203012 51.83956853404924203, 5.42332812551264354 51.83420800662702987, 5.42239018499204484 51.83146600355290445, 5.42809358177903878 51.83511145175926771, 5.42166946624087664 51.84076141833745766, 5.42096252825535885 51.84286533347593462, 5.42974938163286591 51.84634825434925887, 5.43394282707551657 51.84425040610020829, 5.44107618456254016 51.84992263045204197, 5.44119236054742217 51.85356369419830713, 5.43485109907404151 51.85451130999961578, 5.43524637968829616 51.85612786883417158, 5.43291558559649257 51.85595558689870899, 5.43251238107814149 51.85392676911257581, 5.43251238107814149 51.85392676911257581)))</t>
  </si>
  <si>
    <t>MultiPolygon (((5.43524637968829616 51.85612786883417158, 5.43485109907404151 51.85451130999961578, 5.44119236054742217 51.85356369419830713, 5.44107618456254016 51.84992263045204197, 5.43394282707551657 51.84425040610020829, 5.42974938163286591 51.84634825434925887, 5.42096252825535885 51.84286533347593462, 5.42166946624087664 51.84076141833745766, 5.42809358177903878 51.83511145175926771, 5.42239018499204484 51.83146600355290445, 5.42332812551264354 51.83420800662702987, 5.42013002508203012 51.83956853404924203, 5.41643810337109777 51.8430221635859283, 5.42673790561501601 51.84614426587975089, 5.42651775495577926 51.8468868054676193, 5.42368615547501953 51.84796090205898622, 5.42642115177358608 51.8523895779674362, 5.42819235324667737 51.85290130523377883, 5.43053286190737516 51.85270319909299985, 5.43251238107814149 51.85392676911257581, 5.43291558559649257 51.85595558689870899, 5.43524637968829616 51.85612786883417158, 5.43524637968829616 51.85612786883417158)))</t>
  </si>
  <si>
    <t>MultiPolygon (((5.5563757463337522 51.88875032861584202, 5.5638942573947654 51.89053039762121244, 5.57699286450412846 51.89243661729039303, 5.57145982500385273 51.88391188029333989, 5.569895293571963 51.88470732915411077, 5.5664374727091106 51.88394834016257562, 5.56694795175339507 51.88125464268416209, 5.56825292554787854 51.88045475274881824, 5.56939379790077993 51.87966561941254895, 5.56843546242867671 51.87654546921054788, 5.56025585537333722 51.87504787005084239, 5.5596189890616845 51.87085048775373508, 5.55378234198168297 51.87037375732885636, 5.55307352011408906 51.86263263015016634, 5.54002858925112207 51.86056380620136252, 5.53374457893814231 51.85846855587001158, 5.53172916890900801 51.87902482144581739, 5.53416401835869287 51.88542257001799385, 5.53403133415955217 51.88758866179088614, 5.5431215847106543 51.88840384427857799, 5.5473302259675128 51.8882584175931143, 5.54595705330112221 51.88764869134892166, 5.54410522309919962 51.88438646162850176, 5.54628697050141728 51.88275214600614049, 5.55545393944903765 51.88185232570489802, 5.55761043672732669 51.8836760925580549, 5.5563757463337522 51.88875032861584202, 5.5563757463337522 51.88875032861584202)))</t>
  </si>
  <si>
    <t>MultiPolygon (((5.5473302259675128 51.8882584175931143, 5.55066217728386757 51.88804791331492794, 5.5563757463337522 51.88875032861584202, 5.55761043672732669 51.8836760925580549, 5.55545393944903765 51.88185232570489802, 5.54628697050141728 51.88275214600614049, 5.54410522309919962 51.88438646162850176, 5.54595705330112221 51.88764869134892166, 5.5473302259675128 51.8882584175931143, 5.5473302259675128 51.8882584175931143)))</t>
  </si>
  <si>
    <t>MultiPolygon (((5.52317547490249883 51.8923938614761866, 5.53136256054789577 51.89475336679319639, 5.53098297143573081 51.89139351371638043, 5.5365053488815219 51.89168450725576065, 5.53988292338129273 51.89117865917691574, 5.5431215847106543 51.88840384427857799, 5.53403133415955217 51.88758866179088614, 5.53416401835869287 51.88542257001799385, 5.53172916890900801 51.87902482144581739, 5.53374457893814231 51.85846855587001158, 5.52120112528100471 51.85310600564123007, 5.51505535546420411 51.85142025136214983, 5.50679215308486825 51.85013184135510045, 5.49923787162828148 51.85950177623067248, 5.50361778850323358 51.86011939004178828, 5.50180992091200238 51.86391255837783376, 5.49598813680915921 51.86331223658341116, 5.49564393424163367 51.87286516998327812, 5.49738305597158927 51.88036991081746407, 5.50358218968235224 51.8800105696096594, 5.50330074795323565 51.87788146387847377, 5.50461741489945133 51.87549459829202902, 5.50923234160839392 51.87490396181243568, 5.5106235456309518 51.8738626706402286, 5.51090804129057776 51.87228660794036728, 5.51314445526326313 51.87180419595335223, 5.51492897379984459 51.87382997345979874, 5.51470375310691274 51.87482005653526329, 5.53069040357895148 51.8806557642859687, 5.53069240840768739 51.88128405538071775, 5.52686383672882364 51.88456758425221693, 5.52614839726300744 51.88645066245957338, 5.52696068850859668 51.88726838178639156, 5.52885751170446405 51.88766412065124456, 5.52853037306031414 51.88799792446388892, 5.52551832442794133 51.88821723312543099, 5.52358802253800008 51.886809453354239, 5.51391712679883117 51.88786462533601451, 5.50320352217043229 51.88750718866112521, 5.49728562378675445 51.88626351873546128, 5.4973816329538332 51.88904194267569636, 5.50903115408252742 51.8898448704476607, 5.52317547490249883 51.8923938614761866, 5.52317547490249883 51.8923938614761866)))</t>
  </si>
  <si>
    <t>MultiPolygon (((5.49738305597158927 51.88036991081746407, 5.49736393501383347 51.88441719209808412, 5.49728562378675445 51.88626351873546128, 5.50320352217043229 51.88750718866112521, 5.51391712679883117 51.88786462533601451, 5.52358802253800008 51.886809453354239, 5.52551832442794133 51.88821723312543099, 5.52853037306031414 51.88799792446388892, 5.52885751170446405 51.88766412065124456, 5.52696068850859668 51.88726838178639156, 5.52614839726300744 51.88645066245957338, 5.52686383672882364 51.88456758425221693, 5.53069240840768739 51.88128405538071775, 5.53069040357895148 51.8806557642859687, 5.51470375310691274 51.87482005653526329, 5.51492897379984459 51.87382997345979874, 5.51314445526326313 51.87180419595335223, 5.51090804129057776 51.87228660794036728, 5.5106235456309518 51.8738626706402286, 5.50923234160839392 51.87490396181243568, 5.50461741489945133 51.87549459829202902, 5.50330074795323565 51.87788146387847377, 5.50358218968235224 51.8800105696096594, 5.49738305597158927 51.88036991081746407, 5.49738305597158927 51.88036991081746407)))</t>
  </si>
  <si>
    <t>MultiPolygon (((5.53896479004718856 51.84685712437601524, 5.55635027811738613 51.8428837983993418, 5.56331319965267213 51.84376620499324417, 5.56861443658892874 51.84275845013696937, 5.58454606526748076 51.84153499420506961, 5.58501328778822614 51.83910658355122081, 5.59826939856155548 51.83954421137530488, 5.59849364117949211 51.83785119858957557, 5.60983528238149631 51.83627384514093706, 5.606631283560918 51.83568927509394086, 5.60985752919434422 51.83393992579718912, 5.60785349965605828 51.83312077329094336, 5.60896190140273898 51.83098882303027466, 5.60306978250833154 51.82828142449179154, 5.59954456413235402 51.82911861193132808, 5.5979766152118664 51.82804944128904623, 5.58884839252630439 51.82969957167564701, 5.57679187192021875 51.82815180523269305, 5.56787978548960538 51.82778327838969545, 5.55815836948094777 51.82752670374353698, 5.55482428556543351 51.82656016235002028, 5.55214717992338347 51.82496722141326018, 5.542868414904218 51.83047521751657172, 5.54269555005032011 51.8324691789136125, 5.54422461495714902 51.83457041916614116, 5.54941505179113381 51.83640034894454374, 5.5506360250889033 51.83900640168533869, 5.54936969627296595 51.84111480626741297, 5.54213814488347722 51.84379693436046921, 5.53896479004718856 51.84685712437601524),(5.58838214093771057 51.83138365551582183, 5.58632922967712808 51.83481176307428484, 5.58144888393976224 51.83383491812453059, 5.5795442105099724 51.83048988773062149, 5.58333803767223991 51.82991115716979635, 5.58838214093771057 51.83138365551582183)))</t>
  </si>
  <si>
    <t>MultiPolygon (((5.58838214093771057 51.83138365551582183, 5.58333803767223991 51.82991115716979635, 5.5795442105099724 51.83048988773062149, 5.58144888393976224 51.83383491812453059, 5.58632922967712808 51.83481176307428484, 5.58838214093771057 51.83138365551582183, 5.58838214093771057 51.83138365551582183)))</t>
  </si>
  <si>
    <t>MultiPolygon (((5.55307352011408906 51.86263263015016634, 5.57727326562571513 51.8645849007831572, 5.57773284479693743 51.86035137484046942, 5.5787107514236336 51.85920496437460514, 5.58469640405180456 51.85722809394968635, 5.58103689261797165 51.85114699104038749, 5.58454606526748076 51.84153499420506961, 5.56861443658892874 51.84275845013696937, 5.56331319965267213 51.84376620499324417, 5.55635027811738613 51.8428837983993418, 5.53896479004718856 51.84685712437601524, 5.53627603602255647 51.84922282233833357, 5.52953124827584652 51.84721669075221229, 5.52662902378617638 51.84964983869799937, 5.52378415709974746 51.84904478933247418, 5.52029248672548167 51.85206776286723596, 5.52120112528100471 51.85310600564123007, 5.53374457893814231 51.85846855587001158, 5.54002858925112207 51.86056380620136252, 5.55307352011408906 51.86263263015016634, 5.55307352011408906 51.86263263015016634),(5.5652790235633729 51.85113725444897881, 5.56482297455190444 51.85194528570655592, 5.56258503875908872 51.85054704179108853, 5.56174134229198192 51.84742597203155157, 5.56592523408531115 51.84666998660219406, 5.56936942779218125 51.84909252820585834, 5.56933107042207531 51.84980795630853123, 5.56799701422122162 51.85147069522532348, 5.5652790235633729 51.85113725444897881, 5.5652790235633729 51.85113725444897881)))</t>
  </si>
  <si>
    <t>MultiPolygon (((5.5652790235633729 51.85113725444897881, 5.56799701422122162 51.85147069522532348, 5.56933107042207531 51.84980795630853123, 5.56936942779218125 51.84909252820585834, 5.56592523408531115 51.84666998660219406, 5.56174134229198192 51.84742597203155157, 5.56258503875908872 51.85054704179108853, 5.56482297455190444 51.85194528570655592, 5.5652790235633729 51.85113725444897881, 5.5652790235633729 51.85113725444897881)))</t>
  </si>
  <si>
    <t>MultiPolygon (((5.48370229735476222 51.84526262501848493, 5.48827710864986873 51.84754995273345202, 5.49617732918887203 51.84853440014671833, 5.50191458653346377 51.84350528511465939, 5.49905202481529098 51.83850322654880216, 5.50108841340028221 51.83815970815227558, 5.50250289848557195 51.83639941679705032, 5.50007435131709865 51.83536896216014611, 5.49475964714015408 51.83528576202721894, 5.49006081821305703 51.83169660473601681, 5.49019029970618355 51.83050863626213101, 5.48584861235255694 51.82940903646393593, 5.48183980224852441 51.82706638101334562, 5.47967285913542934 51.82437160249982355, 5.47834881879835578 51.82005413704955998, 5.47693154276665517 51.81718303973818962, 5.47421458851921017 51.81464138011669007, 5.46748600042402089 51.81180263471760838, 5.4644803802098556 51.81118659289545292, 5.44955420556874781 51.80967755103837646, 5.43940392152638363 51.80970948566891821, 5.42925514656706198 51.81136743758570873, 5.42229228811565456 51.81455847305165463, 5.41827155049017772 51.8185579217767156, 5.42653711830788765 51.81912900068677885, 5.42929773365011581 51.8212672698798329, 5.43395417093910549 51.82314406850711919, 5.43641386922752634 51.82686957696102326, 5.44465527099651414 51.82949575780661888, 5.4540174205027423 51.83606941954321456, 5.48370229735476222 51.84526262501848493),(5.47609125321829726 51.82794893539362135, 5.47416256063335283 51.82898853862641175, 5.47299201545033842 51.82528535479884368, 5.47088554525366 51.82357993184837852, 5.46850707046308315 51.82376502645058736, 5.46530488880197041 51.8215588759763861, 5.46522259453597492 51.82089098373255354, 5.47386623729431321 51.81824878563831049, 5.47609125321829726 51.82794893539362135)))</t>
  </si>
  <si>
    <t>MultiPolygon (((5.47609125321829726 51.82794893539362135, 5.47386623729431321 51.81824878563831049, 5.46522259453597492 51.82089098373255354, 5.46530488880197041 51.8215588759763861, 5.46850707046308315 51.82376502645058736, 5.47088554525366 51.82357993184837852, 5.47299201545033842 51.82528535479884368, 5.47416256063335283 51.82898853862641175, 5.47609125321829726 51.82794893539362135, 5.47609125321829726 51.82794893539362135)))</t>
  </si>
  <si>
    <t>MultiPolygon (((3.80488172716346984 51.53542075131525735, 3.8069575598466705 51.53279248867462314, 3.80293282536995525 51.53212556070047157, 3.79951177763375236 51.52984588557128376, 3.79847523737902337 51.53024369153921214, 3.7968422925048646 51.53421769387827567, 3.80488172716346984 51.53542075131525735, 3.80488172716346984 51.53542075131525735)))</t>
  </si>
  <si>
    <t>MultiPolygon (((3.83572865849005051 51.54739948206446343, 3.84536630973463778 51.54371101983001324, 3.8459529848943399 51.54130506397135747, 3.8492059839078232 51.53959398643358725, 3.86024618584703116 51.53851625953768689, 3.86587106795275171 51.53953113569893674, 3.86511582457856795 51.54147703372124312, 3.86627532922411632 51.54163132535740033, 3.86855271308779569 51.53763457510736856, 3.86876458707358939 51.53545046655429474, 3.86840353058121877 51.5159709705714306, 3.86840554988053453 51.51593985465171954, 3.86510764557427722 51.51453573836092659, 3.85502046608403948 51.51257301103509434, 3.84136622859771171 51.50740655078923425, 3.837617516595623 51.5087728588043845, 3.82310417252264489 51.5028767878377991, 3.81164973209094926 51.50105495628717023, 3.80802662183215457 51.50337063782360048, 3.80147154139446375 51.50366587566544752, 3.78949838876721001 51.50671981168961366, 3.78463754607205383 51.50678043903131709, 3.77934390192201564 51.50744592966793789, 3.77667375648496728 51.5119890921926995, 3.77610450846803758 51.51603296464431736, 3.77429845630364458 51.51768010343342041, 3.77142283990372951 51.51811736380024342, 3.76625646660159541 51.51730685297414425, 3.75275156150972045 51.51900586018355455, 3.750389965501848 51.51881942254181013, 3.74694347675317774 51.51685246933759288, 3.72815355860449982 51.52446566677998163, 3.72601244572492307 51.52474328901614342, 3.72506182832718746 51.52572087928495392, 3.72655370363591754 51.52996148258996101, 3.7313432177477952 51.53494195227622754, 3.73235726799753476 51.53842348776275628, 3.73439652723031967 51.54017397035904224, 3.74627070767344472 51.5446864394687978, 3.74962922498752249 51.5441747475696701, 3.75040771528431272 51.54607457424619099, 3.75364586146163326 51.54755839531691919, 3.76373651136872134 51.54553160170456749, 3.76751996679751278 51.54600703593256839, 3.77017307851557648 51.54385490438731665, 3.77018647846684063 51.54260846491558823, 3.78094944106143682 51.54273822270661753, 3.7924672162944657 51.54108578895921511, 3.8011780427603159 51.54220401060604928, 3.80553366514045344 51.54536611527919376, 3.81294850393453322 51.54723294879199358, 3.81432050144028123 51.54698917449207585, 3.81418761920560412 51.54805235469738278, 3.81515778995147681 51.54682680345736401, 3.81512524237119166 51.54787805073851814, 3.81625511428448849 51.54706211246107728, 3.81696441044078849 51.5472142065349388, 3.81658127824164994 51.54881305007619829, 3.81790070521782532 51.54771533985236687, 3.82016008771771487 51.54785947098561394, 3.82030348542307285 51.5462524836628333, 3.82084379746356761 51.54629647688687299, 3.82123373066143124 51.54810820495865187, 3.82057809156592887 51.54821251804719395, 3.82063185209765388 51.54927276116702473, 3.82246926329030723 51.54839442967058716, 3.82962840263891069 51.54843564306415971, 3.83572865849005051 51.54739948206446343),(3.81263032860211037 51.54010104052826335, 3.81503495179450214 51.53080409503532877, 3.81229437271790284 51.53121373350577983, 3.81226817664868678 51.52858467488994876, 3.8161637397756305 51.52630859823523224, 3.8200669604837838 51.52547587137056695, 3.82531994810029019 51.5256343519918758, 3.82609710222923116 51.52809943758081346, 3.82515809263247952 51.53285704758733488, 3.82048475220100947 51.53406892033010678, 3.81630848176663884 51.53428259138920708, 3.81501839191632719 51.53837297469610235, 3.81367921521975983 51.54005144075071598, 3.81263032860211037 51.54010104052826335),(3.79951177763375236 51.52984588557128376, 3.80293282536995525 51.53212556070047157, 3.8069575598466705 51.53279248867462314, 3.80488172716346984 51.53542075131525735, 3.7968422925048646 51.53421769387827567, 3.79847523737902337 51.53024369153921214, 3.79951177763375236 51.52984588557128376)),((3.77839402214830722 51.54863221624683689, 3.77749524668729642 51.5477336983253025, 3.77076804112183694 51.55027252726309683, 3.77174280778555948 51.55135017706330558, 3.77839402214830722 51.54863221624683689)),((3.77189078110816212 51.54792893946570587, 3.77090576776451814 51.54680125925118972, 3.76743702472655606 51.5474938949776913, 3.76085475883051146 51.54760726357982037, 3.7570102432519934 51.54831605934869998, 3.75634928454248529 51.54943298124069173, 3.75737300276446629 51.55018232861723959, 3.7690451343905722 51.55236825587051186, 3.77010609075471814 51.54950861292378761, 3.77189078110816212 51.54792893946570587)))</t>
  </si>
  <si>
    <t>MultiPolygon (((3.81263032860211037 51.54010104052826335, 3.81367921521975983 51.54005144075071598, 3.81501839191632719 51.53837297469610235, 3.81630848176663884 51.53428259138920708, 3.82048475220100947 51.53406892033010678, 3.82515809263247952 51.53285704758733488, 3.82609710222923116 51.52809943758081346, 3.82531994810029019 51.5256343519918758, 3.8200669604837838 51.52547587137056695, 3.8161637397756305 51.52630859823523224, 3.81226817664868678 51.52858467488994876, 3.81229437271790284 51.53121373350577983, 3.81503495179450214 51.53080409503532877, 3.81263032860211037 51.54010104052826335, 3.81263032860211037 51.54010104052826335)))</t>
  </si>
  <si>
    <t>MultiPolygon (((3.87196619816027532 51.49814495070259568, 3.8712882351090423 51.48446458968033568, 3.87330622413531378 51.4828510044519021, 3.88039260343512105 51.48100745877069073, 3.87411675345930462 51.48004004184783611, 3.87117757178143274 51.48092427799570459, 3.86965657431849053 51.48257033278486716, 3.85096575698269028 51.48406045270746745, 3.84193883556528926 51.48527061676376348, 3.83200620230196742 51.48493517472309122, 3.823250647720009 51.48350225530889901, 3.82066265306805342 51.48819479249283404, 3.82826016759930488 51.49016938919943698, 3.82826115568741621 51.4952320569038946, 3.8271623419372065 51.49684677728246385, 3.83152363450211242 51.49945923225632072, 3.84456372848099992 51.49900460144963432, 3.87196619816027532 51.49814495070259568)))</t>
  </si>
  <si>
    <t>MultiPolygon (((3.86840554988053453 51.51593985465171954, 3.87061928046200965 51.50800184984773011, 3.86061562293467286 51.50387790199501836, 3.85370253553612763 51.50259253526290593, 3.84940805715285572 51.50309069387080285, 3.84464238988032125 51.50186669236414616, 3.84456372848099992 51.49900460144963432, 3.83152363450211242 51.49945923225632072, 3.81253686359664057 51.50025779794926706, 3.81171881913706168 51.50071847250378454, 3.81164973209094926 51.50105495628717023, 3.82310417252264489 51.5028767878377991, 3.837617516595623 51.5087728588043845, 3.84136622859771171 51.50740655078923425, 3.85502046608403948 51.51257301103509434, 3.86510764557427722 51.51453573836092659, 3.86840554988053453 51.51593985465171954, 3.86840554988053453 51.51593985465171954)))</t>
  </si>
  <si>
    <t>MultiPolygon (((3.84456372848099992 51.49900460144963432, 3.84464238988032125 51.50186669236414616, 3.84940805715285572 51.50309069387080285, 3.85370253553612763 51.50259253526290593, 3.86061562293467286 51.50387790199501836, 3.87061928046200965 51.50800184984773011, 3.87198597155767921 51.49821290007893282, 3.87196619816027532 51.49814495070259568, 3.84456372848099992 51.49900460144963432, 3.84456372848099992 51.49900460144963432)))</t>
  </si>
  <si>
    <t>MultiPolygon (((3.81171881913706168 51.50071847250378454, 3.81253686359664057 51.50025779794926706, 3.83152363450211242 51.49945923225632072, 3.8271623419372065 51.49684677728246385, 3.81838052503602299 51.49451804718805903, 3.81053393011354746 51.49995888983733749, 3.80951645005149464 51.49999542722130741, 3.81034535531849361 51.50089410778729615, 3.81171881913706168 51.50071847250378454, 3.81171881913706168 51.50071847250378454)))</t>
  </si>
  <si>
    <t>MultiPolygon (((3.78463754607205383 51.50678043903131709, 3.78949838876721001 51.50671981168961366, 3.80147154139446375 51.50366587566544752, 3.80802662183215457 51.50337063782360048, 3.81164973209094926 51.50105495628717023, 3.81171881913706168 51.50071847250378454, 3.81034535531849361 51.50089410778729615, 3.80951645005149464 51.49999542722130741, 3.81053393011354746 51.49995888983733749, 3.81838052503602299 51.49451804718805903, 3.8164118374483933 51.49394518487379457, 3.81316370323225984 51.48986360956753572, 3.81939969160516002 51.48917874653892568, 3.82066265306805342 51.48819479249283404, 3.823250647720009 51.48350225530889901, 3.81870203017131127 51.48302106480190332, 3.81129774577815494 51.48311069538515028, 3.80368394866319592 51.4844706169291797, 3.79692550634864023 51.48702776896697486, 3.79106946504038378 51.4904066464186414, 3.77961002397749635 51.49595401617268209, 3.76745640321921504 51.49835953340725325, 3.77291740079846916 51.50169941476962521, 3.77922168421727056 51.50451116564168785, 3.78232628060985965 51.50434006634223749, 3.78463754607205383 51.50678043903131709)))</t>
  </si>
  <si>
    <t>MultiPolygon (((3.75275156150972045 51.51900586018355455, 3.76625646660159541 51.51730685297414425, 3.77142283990372951 51.51811736380024342, 3.77429845630364458 51.51768010343342041, 3.77610450846803758 51.51603296464431736, 3.77667375648496728 51.5119890921926995, 3.77934390192201564 51.50744592966793789, 3.78463754607205383 51.50678043903131709, 3.78232628060985965 51.50434006634223749, 3.77922168421727056 51.50451116564168785, 3.77291740079846916 51.50169941476962521, 3.76745640321921504 51.49835953340725325, 3.73883847427092242 51.49998836524633106, 3.72188176906257295 51.5021315939573725, 3.70553631967829977 51.50245590883885427, 3.70560852580814437 51.50364158127921854, 3.71085370450192276 51.50347023938349622, 3.71110315828256176 51.50672068628819034, 3.74524500063951526 51.5124719482440625, 3.74694347675317774 51.51685246933759288, 3.750389965501848 51.51881942254181013, 3.75275156150972045 51.51900586018355455)))</t>
  </si>
  <si>
    <t>MultiPolygon (((3.81838052503602299 51.49451804718805903, 3.8271623419372065 51.49684677728246385, 3.82826115568741621 51.4952320569038946, 3.82826016759930488 51.49016938919943698, 3.82066265306805342 51.48819479249283404, 3.81939969160516002 51.48917874653892568, 3.81316370323225984 51.48986360956753572, 3.8164118374483933 51.49394518487379457, 3.81838052503602299 51.49451804718805903, 3.81838052503602299 51.49451804718805903)))</t>
  </si>
  <si>
    <t>MultiPolygon (((3.97105477624386483 51.52772172529976302, 3.9698900772776482 51.52557843648924063, 3.96793712602383764 51.52598102017896053, 3.96350603869169227 51.52061322125189236, 3.9636358278589845 51.51393312500070465, 3.96523051784394553 51.50646916110534335, 3.96188876821191682 51.50520849182782968, 3.95619842472391481 51.50340440881550563, 3.94365142966188431 51.49724501735753535, 3.94310614146499816 51.49831666186691592, 3.94510119459006114 51.50900828279387156, 3.94293295690837464 51.51166848989792868, 3.93256717531125055 51.51851305050784191, 3.93502904724722669 51.51957670188835436, 3.93718992836659432 51.52243356397138285, 3.93970986628725761 51.52403204721449015, 3.93957937203197561 51.5226058985193589, 3.94624713300455143 51.52177090567290207, 3.94755216133540543 51.52061876981400701, 3.9494496773952279 51.52195429897949452, 3.94764859187302974 51.5241566767468484, 3.94284157074226194 51.52465724881200515, 3.94235550845567895 51.52518071224641716, 3.94392396968184489 51.52596521907229032, 3.94376224744931791 51.52623219226319407, 3.94865380744074557 51.52798615180500974, 3.95445950001789059 51.52919464316509135, 3.95436127606209986 51.52985930719344765, 3.95704985504350315 51.53073668775664373, 3.97105477624386483 51.52772172529976302)))</t>
  </si>
  <si>
    <t>MultiPolygon (((3.93970986628725761 51.52403204721449015, 3.94153557993457904 51.52514346289898128, 3.94392396968184489 51.52596521907229032, 3.94235550845567895 51.52518071224641716, 3.94284157074226194 51.52465724881200515, 3.94764859187302974 51.5241566767468484, 3.9494496773952279 51.52195429897949452, 3.94755216133540543 51.52061876981400701, 3.94624713300455143 51.52177090567290207, 3.93957937203197561 51.5226058985193589, 3.93970986628725761 51.52403204721449015, 3.93970986628725761 51.52403204721449015)))</t>
  </si>
  <si>
    <t>MultiPolygon (((3.9245845779505566 51.48674085023832703, 3.92474378605157659 51.4853723529993843, 3.92183188482428324 51.4850246421245572, 3.92091843554558528 51.48611443532191601, 3.91501856156509209 51.48479959921350968, 3.91676442310342443 51.48159659858752235, 3.9128776703357282 51.47912157922125687, 3.90348888301550501 51.47959496033940496, 3.9028739136806081 51.48151710163114814, 3.89906250080728123 51.4817024923376394, 3.90057974440438793 51.48325416081469541, 3.90356782843729899 51.48403186889029115, 3.90528188585626301 51.48407476681743589, 3.90532223251672228 51.48365374200155742, 3.91245501161741815 51.4844919437660451, 3.91204754941701038 51.48564501081170164, 3.91424975390426688 51.48603559850297273, 3.91742321585776976 51.4892287268141331, 3.91923513035379401 51.49321660247971977, 3.9256542568497621 51.49101542835133216, 3.92587606311697002 51.48910146267940746, 3.9245845779505566 51.48674085023832703, 3.9245845779505566 51.48674085023832703)))</t>
  </si>
  <si>
    <t>MultiPolygon (((3.94510119459006114 51.50900828279387156, 3.94310614146499816 51.49831666186691592, 3.94365142966188431 51.49724501735753535, 3.94018454425715792 51.49314317731433732, 3.92582146060973125 51.49186849746507022, 3.9256542568497621 51.49101542835133216, 3.91923513035379401 51.49321660247971977, 3.91962880604096897 51.49618177326436097, 3.92202754781865393 51.49556954498849848, 3.92459025176073162 51.49586569198591945, 3.92546658139946025 51.49984461487260035, 3.91799533818026724 51.50331114932513543, 3.91467055739698111 51.5021331243967424, 3.90954111445522257 51.50350684779792942, 3.90873226449762834 51.50557044476560264, 3.91091867660316739 51.50715605815000231, 3.90844744550217049 51.51057097385667305, 3.9109699607463817 51.51226041579393922, 3.91663585058349373 51.51291159490506999, 3.91609355287141758 51.51670285339022115, 3.92675682179146834 51.51780535182882659, 3.93256717531125055 51.51851305050784191, 3.94293295690837464 51.51166848989792868, 3.94510119459006114 51.50900828279387156, 3.94510119459006114 51.50900828279387156)))</t>
  </si>
  <si>
    <t>MultiPolygon (((3.91138191895407283 51.49635187858035579, 3.91962880604096897 51.49618177326436097, 3.91923513035379401 51.49321660247971977, 3.91742321585776976 51.4892287268141331, 3.91424975390426688 51.48603559850297273, 3.91204754941701038 51.48564501081170164, 3.9091802170624308 51.48514399081355464, 3.90550970054958224 51.48654604554990044, 3.90719347723861166 51.49217304311320476, 3.90714258246862922 51.495543842824965, 3.90807887876679461 51.49646164051679165, 3.90999518917806865 51.49544926636031761, 3.91138191895407283 51.49635187858035579, 3.91138191895407283 51.49635187858035579)))</t>
  </si>
  <si>
    <t>MultiPolygon (((3.90500378906340107 51.49791231028321192, 3.90636110855135366 51.49913333302142604, 3.90595459752678664 51.50135582871037343, 3.90691374004604786 51.50333049233095295, 3.90954111445522257 51.50350684779792942, 3.91467055739698111 51.5021331243967424, 3.91799533818026724 51.50331114932513543, 3.92546658139946025 51.49984461487260035, 3.92459025176073162 51.49586569198591945, 3.92202754781865393 51.49556954498849848, 3.91962880604096897 51.49618177326436097, 3.91138191895407283 51.49635187858035579, 3.90500378906340107 51.49791231028321192, 3.90500378906340107 51.49791231028321192)))</t>
  </si>
  <si>
    <t>MultiPolygon (((3.92724727336153245 51.54356983362934841, 3.93101289558717015 51.53832572147529589, 3.92641033242083326 51.53785618296585369, 3.92819888211261814 51.53722584725841216, 3.93347137978543238 51.53151459451726879, 3.94045691633010886 51.52548182837609403, 3.94376224744931791 51.52623219226319407, 3.94392396968184489 51.52596521907229032, 3.94153557993457904 51.52514346289898128, 3.93970986628725761 51.52403204721449015, 3.93718992836659432 51.52243356397138285, 3.93502904724722669 51.51957670188835436, 3.93256717531125055 51.51851305050784191, 3.92675682179146834 51.51780535182882659, 3.92638454740017373 51.51913660948781626, 3.91874887209016931 51.52693096442568788, 3.90987252695970477 51.52377016932521769, 3.90622212073832697 51.52405821373115202, 3.89848870829976724 51.52645787002081335, 3.90268837481907616 51.53166925207796822, 3.90208344710765065 51.53231226972491896, 3.89726444961185114 51.53309029561457066, 3.89298636952471266 51.53061628484128676, 3.89278532609598793 51.52579902309766879, 3.89578678634495246 51.52477399389763946, 3.89354300896924954 51.52191652506760278, 3.89173427725160836 51.51981051297072867, 3.89151783721594535 51.518880375785713, 3.89026564857726243 51.51833462831940835, 3.88994466839763531 51.51887080913737549, 3.8846626470132688 51.52040093914948926, 3.87720267160887788 51.51920211305487385, 3.87045631443959959 51.51715563779538343, 3.86840353058121877 51.5159709705714306, 3.86876458707358939 51.53545046655429474, 3.86855271308779569 51.53763457510736856, 3.86627532922411632 51.54163132535740033, 3.86685951671941153 51.54170793840088294, 3.86781085008815939 51.54004370136560453, 3.88247353128724715 51.5427247065887002, 3.88665399712416804 51.54281209299205813, 3.89134879655070298 51.54131885055501527, 3.89827365798765024 51.54112701718945289, 3.90106404640415505 51.54355533192948968, 3.90701724027987085 51.54369051412370339, 3.91248864723247047 51.54570526482758197, 3.91837560671719132 51.54400095050878861, 3.92510739940253783 51.5440563030492811, 3.92724727336153245 51.54356983362934841, 3.92724727336153245 51.54356983362934841)))</t>
  </si>
  <si>
    <t>MultiPolygon (((3.89578678634495246 51.52477399389763946, 3.89278532609598793 51.52579902309766879, 3.89298636952471266 51.53061628484128676, 3.89726444961185114 51.53309029561457066, 3.90208344710765065 51.53231226972491896, 3.90268837481907616 51.53166925207796822, 3.89848870829976724 51.52645787002081335, 3.89738051604200697 51.52680223193839737, 3.89578678634495246 51.52477399389763946, 3.89578678634495246 51.52477399389763946)))</t>
  </si>
  <si>
    <t>MultiPolygon (((3.90474564557398374 51.51659809612647223, 3.91423840243091181 51.51780056241489802, 3.91609355287141758 51.51670285339022115, 3.91663585058349373 51.51291159490506999, 3.9109699607463817 51.51226041579393922, 3.90844744550217049 51.51057097385667305, 3.90736801299608505 51.51077285144555162, 3.90829769553717732 51.51075096318920288, 3.90882667112603421 51.51302704475883587, 3.90687921856355391 51.51552532227879766, 3.90474564557398374 51.51659809612647223, 3.90474564557398374 51.51659809612647223)))</t>
  </si>
  <si>
    <t>MultiPolygon (((3.88708781350393417 51.49214793133155155, 3.88998380016731593 51.49304732334864809, 3.89158176470052641 51.48984499845076357, 3.90235815675993214 51.49075354537571769, 3.90719347723861166 51.49217304311320476, 3.90550970054958224 51.48654604554990044, 3.9091802170624308 51.48514399081355464, 3.91204754941701038 51.48564501081170164, 3.91245501161741815 51.4844919437660451, 3.90532223251672228 51.48365374200155742, 3.90528188585626301 51.48407476681743589, 3.90356782843729899 51.48403186889029115, 3.90057974440438793 51.48325416081469541, 3.89906250080728123 51.4817024923376394, 3.89757634335368452 51.48193185656867854, 3.89624172661884582 51.4835176891679609, 3.88477466458622533 51.4905472349017046, 3.88708781350393417 51.49214793133155155, 3.88708781350393417 51.49214793133155155)))</t>
  </si>
  <si>
    <t>MultiPolygon (((3.89578678634495246 51.52477399389763946, 3.89738051604200697 51.52680223193839737, 3.89848870829976724 51.52645787002081335, 3.90622212073832697 51.52405821373115202, 3.90987252695970477 51.52377016932521769, 3.91874887209016931 51.52693096442568788, 3.92638454740017373 51.51913660948781626, 3.92675682179146834 51.51780535182882659, 3.91609355287141758 51.51670285339022115, 3.91423840243091181 51.51780056241489802, 3.90474564557398374 51.51659809612647223, 3.89967732296514624 51.51617836004039219, 3.90065261223001736 51.51803291684161223, 3.8989033080119353 51.51915249974549482, 3.89713436419111625 51.51877689090574108, 3.8958336428010929 51.51918877140953867, 3.89434627421237423 51.52044796939075155, 3.89441261117101156 51.52141981132641035, 3.89555955896989659 51.52149744715883628, 3.89354300896924954 51.52191652506760278, 3.89578678634495246 51.52477399389763946, 3.89578678634495246 51.52477399389763946)))</t>
  </si>
  <si>
    <t>MultiPolygon (((3.89173427725160836 51.51981051297072867, 3.89354300896924954 51.52191652506760278, 3.89555955896989659 51.52149744715883628, 3.89441261117101156 51.52141981132641035, 3.89434627421237423 51.52044796939075155, 3.8958336428010929 51.51918877140953867, 3.89713436419111625 51.51877689090574108, 3.8989033080119353 51.51915249974549482, 3.90065261223001736 51.51803291684161223, 3.89967732296514624 51.51617836004039219, 3.8941146878878099 51.50941252789957048, 3.89332897275235723 51.50917492601985259, 3.89101402762422888 51.50950253231094678, 3.89173427725160836 51.51981051297072867, 3.89173427725160836 51.51981051297072867)))</t>
  </si>
  <si>
    <t>MultiPolygon (((3.87196619816027532 51.49814495070259568, 3.87198597155767921 51.49821290007893282, 3.88673746304791434 51.49834901693748179, 3.88798603085777961 51.49643856250228424, 3.8878150892726806 51.49504944109385463, 3.8852292976185705 51.49312700007342158, 3.88708781350393417 51.49214793133155155, 3.88477466458622533 51.4905472349017046, 3.89624172661884582 51.4835176891679609, 3.89757634335368452 51.48193185656867854, 3.89906250080728123 51.4817024923376394, 3.9028739136806081 51.48151710163114814, 3.90348888301550501 51.47959496033940496, 3.8977407853710031 51.47988962218883557, 3.88039260343512105 51.48100745877069073, 3.87330622413531378 51.4828510044519021, 3.8712882351090423 51.48446458968033568, 3.87196619816027532 51.49814495070259568)))</t>
  </si>
  <si>
    <t>MultiPolygon (((3.89967732296514624 51.51617836004039219, 3.90474564557398374 51.51659809612647223, 3.90687921856355391 51.51552532227879766, 3.90882667112603421 51.51302704475883587, 3.90829769553717732 51.51075096318920288, 3.90736801299608505 51.51077285144555162, 3.8969259503461946 51.5089650953100886, 3.8941146878878099 51.50941252789957048, 3.89967732296514624 51.51617836004039219, 3.89967732296514624 51.51617836004039219)))</t>
  </si>
  <si>
    <t>MultiPolygon (((3.86840353058121877 51.5159709705714306, 3.87045631443959959 51.51715563779538343, 3.87720267160887788 51.51920211305487385, 3.8846626470132688 51.52040093914948926, 3.88994466839763531 51.51887080913737549, 3.89026564857726243 51.51833462831940835, 3.89151783721594535 51.518880375785713, 3.89173427725160836 51.51981051297072867, 3.89101402762422888 51.50950253231094678, 3.885542242010533 51.50923348525807199, 3.87628636824270201 51.5088367455503402, 3.87061928046200965 51.50800184984773011, 3.86840554988053453 51.51593985465171954, 3.86840353058121877 51.5159709705714306, 3.86840353058121877 51.5159709705714306)))</t>
  </si>
  <si>
    <t>MultiPolygon (((3.87061928046200965 51.50800184984773011, 3.87628636824270201 51.5088367455503402, 3.885542242010533 51.50923348525807199, 3.88601871957351808 51.50148149710715728, 3.89004021031784442 51.50063970150664971, 3.88938184511878005 51.49833999820447161, 3.88673746304791434 51.49834901693748179, 3.87198597155767921 51.49821290007893282, 3.87061928046200965 51.50800184984773011, 3.87061928046200965 51.50800184984773011)))</t>
  </si>
  <si>
    <t>MultiPolygon (((3.88673746304791434 51.49834901693748179, 3.88938184511878005 51.49833999820447161, 3.90084278772731086 51.49845117579145892, 3.90500378906340107 51.49791231028321192, 3.91138191895407283 51.49635187858035579, 3.90999518917806865 51.49544926636031761, 3.90807887876679461 51.49646164051679165, 3.90714258246862922 51.495543842824965, 3.90719347723861166 51.49217304311320476, 3.90235815675993214 51.49075354537571769, 3.89158176470052641 51.48984499845076357, 3.88998380016731593 51.49304732334864809, 3.88708781350393417 51.49214793133155155, 3.8852292976185705 51.49312700007342158, 3.8878150892726806 51.49504944109385463, 3.88798603085777961 51.49643856250228424, 3.88673746304791434 51.49834901693748179, 3.88673746304791434 51.49834901693748179)))</t>
  </si>
  <si>
    <t>MultiPolygon (((3.90736801299608505 51.51077285144555162, 3.90844744550217049 51.51057097385667305, 3.91091867660316739 51.50715605815000231, 3.90873226449762834 51.50557044476560264, 3.90954111445522257 51.50350684779792942, 3.90691374004604786 51.50333049233095295, 3.90595459752678664 51.50135582871037343, 3.90636110855135366 51.49913333302142604, 3.90500378906340107 51.49791231028321192, 3.90084278772731086 51.49845117579145892, 3.88938184511878005 51.49833999820447161, 3.89004021031784442 51.50063970150664971, 3.8925306624643099 51.50142164837676972, 3.89367972482290003 51.50321006708340832, 3.8918137230632639 51.50615448323232926, 3.89332897275235723 51.50917492601985259, 3.8941146878878099 51.50941252789957048, 3.8969259503461946 51.5089650953100886, 3.90736801299608505 51.51077285144555162, 3.90736801299608505 51.51077285144555162)))</t>
  </si>
  <si>
    <t>MultiPolygon (((3.885542242010533 51.50923348525807199, 3.89101402762422888 51.50950253231094678, 3.89332897275235723 51.50917492601985259, 3.8918137230632639 51.50615448323232926, 3.89367972482290003 51.50321006708340832, 3.8925306624643099 51.50142164837676972, 3.89004021031784442 51.50063970150664971, 3.88601871957351808 51.50148149710715728, 3.885542242010533 51.50923348525807199, 3.885542242010533 51.50923348525807199)))</t>
  </si>
  <si>
    <t>MultiPolygon (((4.5593197688420517 51.82862297210110825, 4.55634534121749191 51.82783186080010296, 4.55360870054682021 51.82989690571221075, 4.55724938615977493 51.83389747021036698, 4.55966141249237644 51.83275581288733491, 4.56086042614702869 51.83198896528922717, 4.5593197688420517 51.82862297210110825, 4.5593197688420517 51.82862297210110825)))</t>
  </si>
  <si>
    <t>MultiPolygon (((4.56899126429895741 51.83234238312056164, 4.57373898449474492 51.83067231697771859, 4.57257030689103861 51.8288850293148684, 4.56755838613357668 51.82803803856585034, 4.56534040881068925 51.82535607252930987, 4.55930029057597608 51.82313870740598816, 4.55634534121749191 51.82783186080010296, 4.5593197688420517 51.82862297210110825, 4.56086042614702869 51.83198896528922717, 4.56425422716962714 51.83120619853025346, 4.56741509409750446 51.83198087066474358, 4.56899126429895741 51.83234238312056164, 4.56899126429895741 51.83234238312056164)))</t>
  </si>
  <si>
    <t>MultiPolygon (((4.57731245581160628 51.81824358145838971, 4.5793207656543311 51.81789170552481494, 4.58051720263230422 51.81832550348906352, 4.58293702388155566 51.8177411419486873, 4.56674335658610353 51.81282915101053277, 4.56446204280638046 51.81433016118655388, 4.56072560677548111 51.81873554932168702, 4.55930029057597608 51.82313870740598816, 4.56534040881068925 51.82535607252930987, 4.56755838613357668 51.82803803856585034, 4.57257030689103861 51.8288850293148684, 4.57301416035117025 51.82868835564883625, 4.57028704428106813 51.82715416569447342, 4.5686154731197739 51.82278640688964799, 4.57422917098589377 51.82046556594445263, 4.57731245581160628 51.81824358145838971, 4.57731245581160628 51.81824358145838971)))</t>
  </si>
  <si>
    <t>MultiPolygon (((4.57301416035117025 51.82868835564883625, 4.57813431650813829 51.82754045425726019, 4.58158583701839728 51.83180416479635966, 4.58672299213844425 51.83276475116370108, 4.59131281757813614 51.83185771670073194, 4.59253084741559015 51.83045545917218533, 4.58807649378964744 51.82795439621656186, 4.58848182067843613 51.82672659670662085, 4.58576908176573905 51.822600549674668, 4.58051720263230422 51.81832550348906352, 4.5793207656543311 51.81789170552481494, 4.57731245581160628 51.81824358145838971, 4.57422917098589377 51.82046556594445263, 4.5686154731197739 51.82278640688964799, 4.57028704428106813 51.82715416569447342, 4.57301416035117025 51.82868835564883625, 4.57301416035117025 51.82868835564883625)))</t>
  </si>
  <si>
    <t>MultiPolygon (((4.57064136209354288 51.83863063547930494, 4.58545565374530018 51.83565929751663504, 4.58824328881410981 51.8341718452000606, 4.58672299213844425 51.83276475116370108, 4.58158583701839728 51.83180416479635966, 4.57813431650813829 51.82754045425726019, 4.57301416035117025 51.82868835564883625, 4.57257030689103861 51.8288850293148684, 4.57373898449474492 51.83067231697771859, 4.56899126429895741 51.83234238312056164, 4.57042315779349018 51.83435037581109128, 4.57146624875837304 51.83569415222095245, 4.5711974996018343 51.83687010136173967, 4.56938066586896685 51.83750193203689349, 4.57064136209354288 51.83863063547930494, 4.57064136209354288 51.83863063547930494)))</t>
  </si>
  <si>
    <t>MultiPolygon (((4.57715158847546189 51.83968333864802958, 4.58545565374530018 51.83565929751663504, 4.57064136209354288 51.83863063547930494, 4.56646701191848869 51.83959977759884197, 4.5638333077597899 51.84094373211368634, 4.56903565122907729 51.84484930459187524, 4.57568486399616781 51.84146392311998852, 4.57715158847546189 51.83968333864802958, 4.57715158847546189 51.83968333864802958)))</t>
  </si>
  <si>
    <t>MultiPolygon (((4.56903565122907729 51.84484930459187524, 4.57105844597082722 51.84711677498690108, 4.58536205839250322 51.84251468152911713, 4.59468413861917835 51.84028311209459616, 4.59071329798071659 51.83649283088317361, 4.58824800405705346 51.83417627277935225, 4.58824328881410981 51.8341718452000606, 4.58545565374530018 51.83565929751663504, 4.57715158847546189 51.83968333864802958, 4.57568486399616781 51.84146392311998852, 4.56903565122907729 51.84484930459187524, 4.56903565122907729 51.84484930459187524)))</t>
  </si>
  <si>
    <t>MultiPolygon (((4.56009057924133554 51.8360521681158275, 4.55966141249237644 51.83275581288733491, 4.55724938615977493 51.83389747021036698, 4.5589118996359197 51.83624243238426743, 4.56009057924133554 51.8360521681158275, 4.56009057924133554 51.8360521681158275)))</t>
  </si>
  <si>
    <t>MultiPolygon (((4.56009057924133554 51.8360521681158275, 4.56256964289119882 51.83580440055001048, 4.56314585982636878 51.83352037979091875, 4.56741509409750446 51.83198087066474358, 4.56425422716962714 51.83120619853025346, 4.56086042614702869 51.83198896528922717, 4.55966141249237644 51.83275581288733491, 4.56009057924133554 51.8360521681158275, 4.56009057924133554 51.8360521681158275)))</t>
  </si>
  <si>
    <t>MultiPolygon (((4.56256964289119882 51.83580440055001048, 4.56355012957868311 51.83687484072608953, 4.57042315779349018 51.83435037581109128, 4.56899126429895741 51.83234238312056164, 4.56741509409750446 51.83198087066474358, 4.56314585982636878 51.83352037979091875, 4.56256964289119882 51.83580440055001048, 4.56256964289119882 51.83580440055001048)))</t>
  </si>
  <si>
    <t>MultiPolygon (((4.56646701191848869 51.83959977759884197, 4.57064136209354288 51.83863063547930494, 4.56938066586896685 51.83750193203689349, 4.5711974996018343 51.83687010136173967, 4.57146624875837304 51.83569415222095245, 4.57042315779349018 51.83435037581109128, 4.56355012957868311 51.83687484072608953, 4.56646701191848869 51.83959977759884197, 4.56646701191848869 51.83959977759884197)))</t>
  </si>
  <si>
    <t>MultiPolygon (((4.56646701191848869 51.83959977759884197, 4.56355012957868311 51.83687484072608953, 4.56256964289119882 51.83580440055001048, 4.56009057924133554 51.8360521681158275, 4.5589118996359197 51.83624243238426743, 4.55863574120711323 51.83683550288977671, 4.56001342427731782 51.83879126478212385, 4.5638333077597899 51.84094373211368634, 4.56646701191848869 51.83959977759884197, 4.56646701191848869 51.83959977759884197)))</t>
  </si>
  <si>
    <t>MultiPolygon (((4.61425799912634016 51.83356328761676934, 4.62236697956273623 51.83065085620280854, 4.62601700047594555 51.82427351999331222, 4.62643745526424954 51.82347022017341942, 4.62437501026724451 51.82259870013326264, 4.60875749216500896 51.82884164024619622, 4.61425799912634016 51.83356328761676934, 4.61425799912634016 51.83356328761676934)))</t>
  </si>
  <si>
    <t>MultiPolygon (((4.61425799912634016 51.83356328761676934, 4.60875749216500896 51.82884164024619622, 4.59071329798071659 51.83649283088317361, 4.59468413861917835 51.84028311209459616, 4.60015490350694023 51.83873007840784197, 4.61425799912634016 51.83356328761676934, 4.61425799912634016 51.83356328761676934)))</t>
  </si>
  <si>
    <t>MultiPolygon (((4.58824800405705346 51.83417627277935225, 4.59071329798071659 51.83649283088317361, 4.60875749216500896 51.82884164024619622, 4.62437501026724451 51.82259870013326264, 4.62599414583598989 51.82181906855361575, 4.62393736361040109 51.82180192745757097, 4.60691564122774189 51.82660395690439969, 4.60309944853335473 51.82727850486242005, 4.58824800405705346 51.83417627277935225, 4.58824800405705346 51.83417627277935225)))</t>
  </si>
  <si>
    <t>MultiPolygon (((4.59708052342865425 51.81784538735613665, 4.59299371604738571 51.81349674302019537, 4.59194858113777027 51.813689873131338, 4.5877638304129853 51.81435126024195625, 4.590926166351184 51.80903592761711707, 4.59338295939742736 51.8080210590148269, 4.59716236189636707 51.80788068072146046, 4.59687596777063234 51.80643149747411513, 4.58308347673416261 51.80747987736994276, 4.57829510750445401 51.80835516809109009, 4.56963158696257388 51.81130849242987324, 4.56674335658610353 51.81282915101053277, 4.58293702388155566 51.8177411419486873, 4.58051720263230422 51.81832550348906352, 4.58576908176573905 51.822600549674668, 4.58848182067843613 51.82672659670662085, 4.58807649378964744 51.82795439621656186, 4.59253084741559015 51.83045545917218533, 4.59131281757813614 51.83185771670073194, 4.58672299213844425 51.83276475116370108, 4.58824328881410981 51.8341718452000606, 4.58824800405705346 51.83417627277935225, 4.60309944853335473 51.82727850486242005, 4.60691564122774189 51.82660395690439969, 4.60649423973303929 51.8260857785744733, 4.60350999130989713 51.82338900122701375, 4.60215962955936231 51.82222328168725056, 4.59708052342865425 51.81784538735613665, 4.59708052342865425 51.81784538735613665)))</t>
  </si>
  <si>
    <t>MultiPolygon (((4.590926166351184 51.80903592761711707, 4.5877638304129853 51.81435126024195625, 4.59194858113777027 51.813689873131338, 4.59065260593751567 51.81145577374420697, 4.590926166351184 51.80903592761711707, 4.590926166351184 51.80903592761711707)))</t>
  </si>
  <si>
    <t>MultiPolygon (((4.59194858113777027 51.813689873131338, 4.59299371604738571 51.81349674302019537, 4.5975774625114072 51.81290651778244438, 4.59716236189636707 51.80788068072146046, 4.59338295939742736 51.8080210590148269, 4.590926166351184 51.80903592761711707, 4.59065260593751567 51.81145577374420697, 4.59194858113777027 51.813689873131338, 4.59194858113777027 51.813689873131338)))</t>
  </si>
  <si>
    <t>MultiPolygon (((4.5975774625114072 51.81290651778244438, 4.59977066168627324 51.81269780845067885, 4.60837642864602248 51.81242018765944124, 4.60432796061183769 51.80974987840017576, 4.59716236189636707 51.80788068072146046, 4.5975774625114072 51.81290651778244438, 4.5975774625114072 51.81290651778244438)))</t>
  </si>
  <si>
    <t>MultiPolygon (((4.64195779605303471 51.80570992017461407, 4.63217886178070426 51.80213104927525336, 4.62603711828724329 51.80102218459229135, 4.6212215755916457 51.80080368180366435, 4.59777558899905348 51.80629581168602016, 4.59687596777063234 51.80643149747411513, 4.59716236189636707 51.80788068072146046, 4.60432796061183769 51.80974987840017576, 4.60837642864602248 51.81242018765944124, 4.61083709464874847 51.81242033657031243, 4.61535044865493038 51.81240529892101421, 4.62013632676446662 51.81105899320741059, 4.62241919685450764 51.81078842170355614, 4.62595992566778769 51.80913404102015818, 4.62620797899935887 51.80654606306617893, 4.6271578275898273 51.80548293929879122, 4.62954513738158635 51.80514026005266714, 4.63273439181026347 51.80586166922870461, 4.63704487357281891 51.80725405453520693, 4.64059080312412764 51.80825760208132635, 4.64331843823971102 51.80915752067167546, 4.64537292768020382 51.8109468006691074, 4.64580574535455337 51.81334395488019595, 4.65054524493164489 51.81131583629254322, 4.64807108797901769 51.80927771856697461, 4.64195779605303471 51.80570992017461407, 4.64195779605303471 51.80570992017461407)))</t>
  </si>
  <si>
    <t>MultiPolygon (((4.60694400722400488 51.81777721894381727, 4.61046650443798445 51.81797197875096117, 4.61764802413551934 51.81631674125505782, 4.6175156013704779 51.81588083058040439, 4.61039087496077027 51.81664759031030343, 4.60769638883761612 51.8166909398382316, 4.59946145204007628 51.8158571031570574, 4.5996261379291461 51.8173538429646996, 4.60298160448113691 51.81732679523265261, 4.60694400722400488 51.81777721894381727, 4.60694400722400488 51.81777721894381727)))</t>
  </si>
  <si>
    <t>MultiPolygon (((4.59708052342865425 51.81784538735613665, 4.5996261379291461 51.8173538429646996, 4.59946145204007628 51.8158571031570574, 4.60005250260913279 51.81368737721275153, 4.59977066168627324 51.81269780845067885, 4.5975774625114072 51.81290651778244438, 4.59299371604738571 51.81349674302019537, 4.59708052342865425 51.81784538735613665, 4.59708052342865425 51.81784538735613665)))</t>
  </si>
  <si>
    <t>MultiPolygon (((4.59946145204007628 51.8158571031570574, 4.60769638883761612 51.8166909398382316, 4.60761598297554897 51.81533232327949889, 4.60496869897520078 51.81471079868813234, 4.60509988528066927 51.813726404770307, 4.60005250260913279 51.81368737721275153, 4.59946145204007628 51.8158571031570574, 4.59946145204007628 51.8158571031570574)))</t>
  </si>
  <si>
    <t>MultiPolygon (((4.60769638883761612 51.8166909398382316, 4.61039087496077027 51.81664759031030343, 4.61022113973457426 51.81434060614007109, 4.60509988528066927 51.813726404770307, 4.60496869897520078 51.81471079868813234, 4.60761598297554897 51.81533232327949889, 4.60769638883761612 51.8166909398382316, 4.60769638883761612 51.8166909398382316)))</t>
  </si>
  <si>
    <t>MultiPolygon (((4.60509988528066927 51.813726404770307, 4.61022113973457426 51.81434060614007109, 4.61083709464874847 51.81242033657031243, 4.60837642864602248 51.81242018765944124, 4.59977066168627324 51.81269780845067885, 4.60005250260913279 51.81368737721275153, 4.60509988528066927 51.813726404770307, 4.60509988528066927 51.813726404770307)))</t>
  </si>
  <si>
    <t>MultiPolygon (((4.61022113973457426 51.81434060614007109, 4.61576922423703451 51.81369913159794294, 4.61535044865493038 51.81240529892101421, 4.61083709464874847 51.81242033657031243, 4.61022113973457426 51.81434060614007109, 4.61022113973457426 51.81434060614007109)))</t>
  </si>
  <si>
    <t>MultiPolygon (((4.61039087496077027 51.81664759031030343, 4.6175156013704779 51.81588083058040439, 4.61732777238565539 51.8148048893615254, 4.61576922423703451 51.81369913159794294, 4.61022113973457426 51.81434060614007109, 4.61039087496077027 51.81664759031030343, 4.61039087496077027 51.81664759031030343)))</t>
  </si>
  <si>
    <t>MultiPolygon (((4.61764802413551934 51.81631674125505782, 4.61961768756520641 51.81605702006824998, 4.62250856399985999 51.81548167039638741, 4.62241931428299857 51.8143164929791098, 4.61732777238565539 51.8148048893615254, 4.6175156013704779 51.81588083058040439, 4.61764802413551934 51.81631674125505782, 4.61764802413551934 51.81631674125505782)))</t>
  </si>
  <si>
    <t>MultiPolygon (((4.61732777238565539 51.8148048893615254, 4.62241931428299857 51.8143164929791098, 4.62266892873311708 51.81344942392126995, 4.62013632676446662 51.81105899320741059, 4.61535044865493038 51.81240529892101421, 4.61576922423703451 51.81369913159794294, 4.61732777238565539 51.8148048893615254, 4.61732777238565539 51.8148048893615254)))</t>
  </si>
  <si>
    <t>MultiPolygon (((4.62013632676446662 51.81105899320741059, 4.62266892873311708 51.81344942392126995, 4.62241919685450764 51.81078842170355614, 4.62013632676446662 51.81105899320741059, 4.62013632676446662 51.81105899320741059)))</t>
  </si>
  <si>
    <t>MultiPolygon (((4.62577724203585294 51.81686961581917927, 4.62724491065334753 51.81599807913793398, 4.62480363976980602 51.81440398978922701, 4.6238226683890522 51.81375171066355279, 4.62266892873311708 51.81344942392126995, 4.62241931428299857 51.8143164929791098, 4.62250856399985999 51.81548167039638741, 4.62577724203585294 51.81686961581917927, 4.62577724203585294 51.81686961581917927)))</t>
  </si>
  <si>
    <t>MultiPolygon (((4.62266892873311708 51.81344942392126995, 4.6238226683890522 51.81375171066355279, 4.62711791946310935 51.81231927660795122, 4.62961750707300634 51.81080524404940491, 4.62595992566778769 51.80913404102015818, 4.62241919685450764 51.81078842170355614, 4.62266892873311708 51.81344942392126995, 4.62266892873311708 51.81344942392126995)))</t>
  </si>
  <si>
    <t>MultiPolygon (((4.6238226683890522 51.81375171066355279, 4.62480363976980602 51.81440398978922701, 4.62760392786093622 51.81271294532501059, 4.62711791946310935 51.81231927660795122, 4.6238226683890522 51.81375171066355279, 4.6238226683890522 51.81375171066355279)))</t>
  </si>
  <si>
    <t>MultiPolygon (((4.62724491065334753 51.81599807913793398, 4.62857453115745532 51.81536226329480144, 4.63008478033153104 51.81434683721015944, 4.62760392786093622 51.81271294532501059, 4.62480363976980602 51.81440398978922701, 4.62724491065334753 51.81599807913793398, 4.62724491065334753 51.81599807913793398)))</t>
  </si>
  <si>
    <t>MultiPolygon (((4.62760392786093622 51.81271294532501059, 4.63008478033153104 51.81434683721015944, 4.6323969565678107 51.81271420865158461, 4.62961750707300634 51.81080524404940491, 4.62711791946310935 51.81231927660795122, 4.62760392786093622 51.81271294532501059, 4.62760392786093622 51.81271294532501059)))</t>
  </si>
  <si>
    <t>MultiPolygon (((4.6323969565678107 51.81271420865158461, 4.63399345277450614 51.8121991952935872, 4.63587815973026451 51.81057482836425976, 4.63162933965611323 51.80934634326131771, 4.62961750707300634 51.81080524404940491, 4.6323969565678107 51.81271420865158461, 4.6323969565678107 51.81271420865158461)))</t>
  </si>
  <si>
    <t>MultiPolygon (((4.63587815973026451 51.81057482836425976, 4.6366862029590008 51.80983764883855258, 4.63598469145101966 51.80964584434183706, 4.63249965822182652 51.80877163004367247, 4.63162933965611323 51.80934634326131771, 4.63587815973026451 51.81057482836425976, 4.63587815973026451 51.81057482836425976)))</t>
  </si>
  <si>
    <t>MultiPolygon (((4.62961750707300634 51.81080524404940491, 4.63162933965611323 51.80934634326131771, 4.63249965822182652 51.80877163004367247, 4.63273439181026347 51.80586166922870461, 4.62954513738158635 51.80514026005266714, 4.6271578275898273 51.80548293929879122, 4.62620797899935887 51.80654606306617893, 4.62595992566778769 51.80913404102015818, 4.62961750707300634 51.81080524404940491, 4.62961750707300634 51.81080524404940491)))</t>
  </si>
  <si>
    <t>MultiPolygon (((4.63249965822182652 51.80877163004367247, 4.63598469145101966 51.80964584434183706, 4.63704487357281891 51.80725405453520693, 4.63273439181026347 51.80586166922870461, 4.63249965822182652 51.80877163004367247, 4.63249965822182652 51.80877163004367247)))</t>
  </si>
  <si>
    <t>MultiPolygon (((4.6366862029590008 51.80983764883855258, 4.63869199322858172 51.81048890104118243, 4.64059080312412764 51.80825760208132635, 4.63704487357281891 51.80725405453520693, 4.63598469145101966 51.80964584434183706, 4.6366862029590008 51.80983764883855258, 4.6366862029590008 51.80983764883855258)))</t>
  </si>
  <si>
    <t>MultiPolygon (((4.64048884689587471 51.81229684690971027, 4.64537292768020382 51.8109468006691074, 4.64331843823971102 51.80915752067167546, 4.64059080312412764 51.80825760208132635, 4.63869199322858172 51.81048890104118243, 4.64048884689587471 51.81229684690971027, 4.64048884689587471 51.81229684690971027)))</t>
  </si>
  <si>
    <t>MultiPolygon (((4.63625802515104368 51.81349300706375516, 4.64048884689587471 51.81229684690971027, 4.63869199322858172 51.81048890104118243, 4.6366862029590008 51.80983764883855258, 4.63587815973026451 51.81057482836425976, 4.63399345277450614 51.8121991952935872, 4.63625802515104368 51.81349300706375516, 4.63625802515104368 51.81349300706375516)))</t>
  </si>
  <si>
    <t>MultiPolygon (((4.62857453115745532 51.81536226329480144, 4.63053525049090986 51.81670176350993984, 4.63362111175446323 51.81464599800961679, 4.63625802515104368 51.81349300706375516, 4.63399345277450614 51.8121991952935872, 4.6323969565678107 51.81271420865158461, 4.63008478033153104 51.81434683721015944, 4.62857453115745532 51.81536226329480144, 4.62857453115745532 51.81536226329480144)))</t>
  </si>
  <si>
    <t>MultiPolygon (((4.62738566432588261 51.81894529731394528, 4.62884792574407911 51.81895115422949516, 4.63053525049090986 51.81670176350993984, 4.62857453115745532 51.81536226329480144, 4.62724491065334753 51.81599807913793398, 4.62577724203585294 51.81686961581917927, 4.62738566432588261 51.81894529731394528, 4.62738566432588261 51.81894529731394528)))</t>
  </si>
  <si>
    <t>MultiPolygon (((4.62393736361040109 51.82180192745757097, 4.62599414583598989 51.82181906855361575, 4.62773284010936248 51.82103981190854824, 4.62884792574407911 51.81895115422949516, 4.62738566432588261 51.81894529731394528, 4.62581308080493248 51.82089516759871373, 4.62194456072212745 51.81994732624067979, 4.62077842355420376 51.8207605208014499, 4.61924407213608745 51.82192333796380979, 4.6195677542719169 51.82228003306733655, 4.62220128504007377 51.82157803253106465, 4.62393736361040109 51.82180192745757097, 4.62393736361040109 51.82180192745757097)))</t>
  </si>
  <si>
    <t>MultiPolygon (((4.60649423973303929 51.8260857785744733, 4.60691564122774189 51.82660395690439969, 4.62393736361040109 51.82180192745757097, 4.62220128504007377 51.82157803253106465, 4.6195677542719169 51.82228003306733655, 4.61924407213608745 51.82192333796380979, 4.61794919291015304 51.82262065077204483, 4.60649423973303929 51.8260857785744733, 4.60649423973303929 51.8260857785744733)))</t>
  </si>
  <si>
    <t>MultiPolygon (((4.60350999130989713 51.82338900122701375, 4.60649423973303929 51.8260857785744733, 4.61794919291015304 51.82262065077204483, 4.61024745736721897 51.82271849191234736, 4.60350999130989713 51.82338900122701375, 4.60350999130989713 51.82338900122701375)))</t>
  </si>
  <si>
    <t>MultiPolygon (((4.60215962955936231 51.82222328168725056, 4.60555292110384062 51.82059096382296559, 4.60298160448113691 51.81732679523265261, 4.5996261379291461 51.8173538429646996, 4.59708052342865425 51.81784538735613665, 4.60215962955936231 51.82222328168725056, 4.60215962955936231 51.82222328168725056)))</t>
  </si>
  <si>
    <t>MultiPolygon (((4.60555292110384062 51.82059096382296559, 4.60734249151289088 51.81998245912112111, 4.60694400722400488 51.81777721894381727, 4.60298160448113691 51.81732679523265261, 4.60555292110384062 51.82059096382296559, 4.60555292110384062 51.82059096382296559)))</t>
  </si>
  <si>
    <t>MultiPolygon (((4.60350999130989713 51.82338900122701375, 4.61024745736721897 51.82271849191234736, 4.61016164327219968 51.81987898348509702, 4.60734249151289088 51.81998245912112111, 4.60555292110384062 51.82059096382296559, 4.60215962955936231 51.82222328168725056, 4.60350999130989713 51.82338900122701375, 4.60350999130989713 51.82338900122701375)))</t>
  </si>
  <si>
    <t>MultiPolygon (((4.61016164327219968 51.81987898348509702, 4.61084684748534102 51.8198869697946165, 4.61048064876571573 51.81829837914814618, 4.61046650443798445 51.81797197875096117, 4.60694400722400488 51.81777721894381727, 4.60734249151289088 51.81998245912112111, 4.61016164327219968 51.81987898348509702, 4.61016164327219968 51.81987898348509702)))</t>
  </si>
  <si>
    <t>MultiPolygon (((4.61024745736721897 51.82271849191234736, 4.61794919291015304 51.82262065077204483, 4.61924407213608745 51.82192333796380979, 4.61084684748534102 51.8198869697946165, 4.61016164327219968 51.81987898348509702, 4.61024745736721897 51.82271849191234736, 4.61024745736721897 51.82271849191234736)))</t>
  </si>
  <si>
    <t>MultiPolygon (((4.61924407213608745 51.82192333796380979, 4.62077842355420376 51.8207605208014499, 4.61257792132648436 51.8183307215982083, 4.61048064876571573 51.81829837914814618, 4.61084684748534102 51.8198869697946165, 4.61924407213608745 51.82192333796380979, 4.61924407213608745 51.82192333796380979)))</t>
  </si>
  <si>
    <t>MultiPolygon (((4.62077842355420376 51.8207605208014499, 4.62194456072212745 51.81994732624067979, 4.61961768756520641 51.81605702006824998, 4.61764802413551934 51.81631674125505782, 4.61046650443798445 51.81797197875096117, 4.61048064876571573 51.81829837914814618, 4.61257792132648436 51.8183307215982083, 4.62077842355420376 51.8207605208014499, 4.62077842355420376 51.8207605208014499)))</t>
  </si>
  <si>
    <t>MultiPolygon (((4.62194456072212745 51.81994732624067979, 4.62581308080493248 51.82089516759871373, 4.62738566432588261 51.81894529731394528, 4.62577724203585294 51.81686961581917927, 4.62250856399985999 51.81548167039638741, 4.61961768756520641 51.81605702006824998, 4.62194456072212745 51.81994732624067979, 4.62194456072212745 51.81994732624067979)))</t>
  </si>
  <si>
    <t>MultiPolygon (((4.64260373136162308 51.82342707141748406, 4.64741264573872837 51.82175451960542745, 4.64452480859082151 51.81930050951031319, 4.64000815458928262 51.82118238773966823, 4.64260373136162308 51.82342707141748406, 4.64260373136162308 51.82342707141748406)))</t>
  </si>
  <si>
    <t>MultiPolygon (((4.63944057277047506 51.82452475917347101, 4.64260373136162308 51.82342707141748406, 4.64000815458928262 51.82118238773966823, 4.63986736882220807 51.8212350729583946, 4.63760361359739992 51.82252620833817502, 4.63944057277047506 51.82452475917347101, 4.63944057277047506 51.82452475917347101)))</t>
  </si>
  <si>
    <t>MultiPolygon (((4.63779615992774019 51.82519029004622979, 4.63834731527729272 51.82502866037794576, 4.63944057277047506 51.82452475917347101, 4.63760361359739992 51.82252620833817502, 4.63610444958332923 51.82318257838233677, 4.63779615992774019 51.82519029004622979, 4.63779615992774019 51.82519029004622979)))</t>
  </si>
  <si>
    <t>MultiPolygon (((4.63271523834688637 51.8269415464441181, 4.63726711120252411 51.82539425579355452, 4.63779615992774019 51.82519029004622979, 4.63610444958332923 51.82318257838233677, 4.63573561062554695 51.82333378927866363, 4.63373149298177811 51.82415518147894318, 4.63223090939861404 51.82449564851184221, 4.63099586496103566 51.82508664971991408, 4.63271523834688637 51.8269415464441181, 4.63271523834688637 51.8269415464441181)))</t>
  </si>
  <si>
    <t>MultiPolygon (((4.62236697956273623 51.83065085620280854, 4.63271523834688637 51.8269415464441181, 4.63099586496103566 51.82508664971991408, 4.62601700047594555 51.82427351999331222, 4.62236697956273623 51.83065085620280854, 4.62236697956273623 51.83065085620280854)))</t>
  </si>
  <si>
    <t>MultiPolygon (((4.63099586496103566 51.82508664971991408, 4.63223090939861404 51.82449564851184221, 4.62938600808735856 51.82262540006789209, 4.62716866322004527 51.8220627874226949, 4.62643745526424954 51.82347022017341942, 4.62601700047594555 51.82427351999331222, 4.63099586496103566 51.82508664971991408, 4.63099586496103566 51.82508664971991408)))</t>
  </si>
  <si>
    <t>MultiPolygon (((4.63223090939861404 51.82449564851184221, 4.63373149298177811 51.82415518147894318, 4.63055963912638369 51.82140430667354991, 4.63053786182337035 51.81983298626487056, 4.62773284010936248 51.82103981190854824, 4.62599414583598989 51.82181906855361575, 4.62437501026724451 51.82259870013326264, 4.62643745526424954 51.82347022017341942, 4.62716866322004527 51.8220627874226949, 4.62938600808735856 51.82262540006789209, 4.63223090939861404 51.82449564851184221, 4.63223090939861404 51.82449564851184221)))</t>
  </si>
  <si>
    <t>MultiPolygon (((4.63373149298177811 51.82415518147894318, 4.63573561062554695 51.82333378927866363, 4.63159852674943107 51.81939103191020735, 4.63053786182337035 51.81983298626487056, 4.63055963912638369 51.82140430667354991, 4.63373149298177811 51.82415518147894318, 4.63373149298177811 51.82415518147894318)))</t>
  </si>
  <si>
    <t>MultiPolygon (((4.63573561062554695 51.82333378927866363, 4.63610444958332923 51.82318257838233677, 4.63760361359739992 51.82252620833817502, 4.6335561745579259 51.81857227240546848, 4.63159852674943107 51.81939103191020735, 4.63573561062554695 51.82333378927866363, 4.63573561062554695 51.82333378927866363)))</t>
  </si>
  <si>
    <t>MultiPolygon (((4.63760361359739992 51.82252620833817502, 4.63986736882220807 51.8212350729583946, 4.63610677063486243 51.81750648310647023, 4.63416161742619437 51.81831912687093222, 4.6335561745579259 51.81857227240546848, 4.63760361359739992 51.82252620833817502, 4.63760361359739992 51.82252620833817502)))</t>
  </si>
  <si>
    <t>MultiPolygon (((4.63986736882220807 51.8212350729583946, 4.64000815458928262 51.82118238773966823, 4.64452480859082151 51.81930050951031319, 4.64095769431596938 51.81691899731006146, 4.6396739244561358 51.81603276630179522, 4.63610677063486243 51.81750648310647023, 4.63986736882220807 51.8212350729583946, 4.63986736882220807 51.8212350729583946)))</t>
  </si>
  <si>
    <t>MultiPolygon (((4.63416161742619437 51.81831912687093222, 4.63610677063486243 51.81750648310647023, 4.6396739244561358 51.81603276630179522, 4.63625802515104368 51.81349300706375516, 4.63362111175446323 51.81464599800961679, 4.6347284298165965 51.8154194568291615, 4.63307506591154272 51.81747652435237228, 4.63416161742619437 51.81831912687093222, 4.63416161742619437 51.81831912687093222)))</t>
  </si>
  <si>
    <t>MultiPolygon (((4.62773284010936248 51.82103981190854824, 4.63053786182337035 51.81983298626487056, 4.63159852674943107 51.81939103191020735, 4.6335561745579259 51.81857227240546848, 4.63416161742619437 51.81831912687093222, 4.63307506591154272 51.81747652435237228, 4.6347284298165965 51.8154194568291615, 4.63362111175446323 51.81464599800961679, 4.63053525049090986 51.81670176350993984, 4.62884792574407911 51.81895115422949516, 4.62773284010936248 51.82103981190854824, 4.62773284010936248 51.82103981190854824)))</t>
  </si>
  <si>
    <t>MultiPolygon (((4.6507409037984182 51.82057096843082178, 4.65125680268400998 51.82038685340693718, 4.65634117793702362 51.81825346783454478, 4.65423243271102116 51.81725923799292133, 4.65221260065178832 51.81595610904396665, 4.64605843213041947 51.81373565137985082, 4.6475020534888154 51.81588574846470863, 4.64823050676408212 51.81693959641278013, 4.6507409037984182 51.82057096843082178, 4.6507409037984182 51.82057096843082178)))</t>
  </si>
  <si>
    <t>MultiPolygon (((4.64741264573872837 51.82175451960542745, 4.6507409037984182 51.82057096843082178, 4.64823050676408212 51.81693959641278013, 4.64452480859082151 51.81930050951031319, 4.64741264573872837 51.82175451960542745, 4.64741264573872837 51.82175451960542745)))</t>
  </si>
  <si>
    <t>MultiPolygon (((4.64095769431596938 51.81691899731006146, 4.64452480859082151 51.81930050951031319, 4.64823050676408212 51.81693959641278013, 4.6475020534888154 51.81588574846470863, 4.64095769431596938 51.81691899731006146, 4.64095769431596938 51.81691899731006146)))</t>
  </si>
  <si>
    <t>MultiPolygon (((4.6396739244561358 51.81603276630179522, 4.64095769431596938 51.81691899731006146, 4.6475020534888154 51.81588574846470863, 4.64605843213041947 51.81373565137985082, 4.64598410888185853 51.81349566920201255, 4.64375356539949813 51.81437075732625175, 4.6396739244561358 51.81603276630179522, 4.6396739244561358 51.81603276630179522)))</t>
  </si>
  <si>
    <t>MultiPolygon (((4.6396739244561358 51.81603276630179522, 4.64375356539949813 51.81437075732625175, 4.64048884689587471 51.81229684690971027, 4.63625802515104368 51.81349300706375516, 4.6396739244561358 51.81603276630179522, 4.6396739244561358 51.81603276630179522)))</t>
  </si>
  <si>
    <t>MultiPolygon (((4.64375356539949813 51.81437075732625175, 4.64598410888185853 51.81349566920201255, 4.64580574535455337 51.81334395488019595, 4.64537292768020382 51.8109468006691074, 4.64048884689587471 51.81229684690971027, 4.64375356539949813 51.81437075732625175, 4.64375356539949813 51.81437075732625175)))</t>
  </si>
  <si>
    <t>MultiPolygon (((4.65221260065178832 51.81595610904396665, 4.65474745914076049 51.81444461758139397, 4.65079209557674389 51.81151291757722532, 4.65054524493164489 51.81131583629254322, 4.64580574535455337 51.81334395488019595, 4.64598410888185853 51.81349566920201255, 4.64605843213041947 51.81373565137985082, 4.65221260065178832 51.81595610904396665, 4.65221260065178832 51.81595610904396665)))</t>
  </si>
  <si>
    <t>MultiPolygon (((4.65221260065178832 51.81595610904396665, 4.65423243271102116 51.81725923799292133, 4.65645853765149642 51.81550861907685146, 4.65631665778359505 51.81542972365945587, 4.65474745914076049 51.81444461758139397, 4.65221260065178832 51.81595610904396665, 4.65221260065178832 51.81595610904396665)))</t>
  </si>
  <si>
    <t>MultiPolygon (((4.65423243271102116 51.81725923799292133, 4.65634117793702362 51.81825346783454478, 4.65858437896174937 51.81669068984111703, 4.65645853765149642 51.81550861907685146, 4.65423243271102116 51.81725923799292133, 4.65423243271102116 51.81725923799292133)))</t>
  </si>
  <si>
    <t>MultiPolygon (((4.63834731527729272 51.82502866037794576, 4.64157686971213934 51.82503217024134301, 4.64358235344788994 51.82433874202290269, 4.64854798536745051 51.82267045413643558, 4.64741264573872837 51.82175451960542745, 4.64260373136162308 51.82342707141748406, 4.63944057277047506 51.82452475917347101, 4.63834731527729272 51.82502866037794576, 4.63834731527729272 51.82502866037794576)))</t>
  </si>
  <si>
    <t>MultiPolygon (((4.6428782629169314 51.82650186094267042, 4.64157686971213934 51.82503217024134301, 4.63834731527729272 51.82502866037794576, 4.63779615992774019 51.82519029004622979, 4.63726711120252411 51.82539425579355452, 4.63985341358475534 51.82634832503851641, 4.6428782629169314 51.82650186094267042, 4.6428782629169314 51.82650186094267042)))</t>
  </si>
  <si>
    <t>MultiPolygon (((4.64638812574589011 51.82775787446371396, 4.64358235344788994 51.82433874202290269, 4.64157686971213934 51.82503217024134301, 4.6428782629169314 51.82650186094267042, 4.64400388486059867 51.82752869031909171, 4.64638812574589011 51.82775787446371396, 4.64638812574589011 51.82775787446371396)))</t>
  </si>
  <si>
    <t>MultiPolygon (((4.65344009276652759 51.82945042177992434, 4.65365810145007952 51.82818759056855384, 4.65065888889375412 51.82426564678826253, 4.64854798536745051 51.82267045413643558, 4.64358235344788994 51.82433874202290269, 4.64638812574589011 51.82775787446371396, 4.65344009276652759 51.82945042177992434, 4.65344009276652759 51.82945042177992434)))</t>
  </si>
  <si>
    <t>MultiPolygon (((4.64854798536745051 51.82267045413643558, 4.65065888889375412 51.82426564678826253, 4.65611743302038938 51.82245625020301105, 4.6546555079231684 51.82088741033245327, 4.65125680268400998 51.82038685340693718, 4.6507409037984182 51.82057096843082178, 4.64741264573872837 51.82175451960542745, 4.64854798536745051 51.82267045413643558, 4.64854798536745051 51.82267045413643558)))</t>
  </si>
  <si>
    <t>MultiPolygon (((4.65611743302038938 51.82245625020301105, 4.65830001338494171 51.82131523866343059, 4.6546555079231684 51.82088741033245327, 4.65611743302038938 51.82245625020301105, 4.65611743302038938 51.82245625020301105)))</t>
  </si>
  <si>
    <t>MultiPolygon (((4.65973823660025044 51.82567512875630911, 4.66276840833545947 51.8262190139081298, 4.66236420546767505 51.82382697175702191, 4.66141388927152001 51.82201665030513027, 4.6602446902636423 51.82098864253379134, 4.65987154903105516 51.82069805494087689, 4.65830001338494171 51.82131523866343059, 4.65611743302038938 51.82245625020301105, 4.65973823660025044 51.82567512875630911, 4.65973823660025044 51.82567512875630911)))</t>
  </si>
  <si>
    <t>MultiPolygon (((4.65365810145007952 51.82818759056855384, 4.65973823660025044 51.82567512875630911, 4.65611743302038938 51.82245625020301105, 4.65065888889375412 51.82426564678826253, 4.65365810145007952 51.82818759056855384, 4.65365810145007952 51.82818759056855384)))</t>
  </si>
  <si>
    <t>MultiPolygon (((4.66276840833545947 51.8262190139081298, 4.65973823660025044 51.82567512875630911, 4.65365810145007952 51.82818759056855384, 4.65344009276652759 51.82945042177992434, 4.65989163137147866 51.83105800604226232, 4.66276840833545947 51.8262190139081298, 4.66276840833545947 51.8262190139081298)))</t>
  </si>
  <si>
    <t>MultiPolygon (((4.66188576145207279 51.83160788547053954, 4.66629750186094228 51.82680368580863473, 4.66276840833545947 51.8262190139081298, 4.65989163137147866 51.83105800604226232, 4.65993647930012411 51.83106898221655712, 4.66188576145207279 51.83160788547053954, 4.66188576145207279 51.83160788547053954)))</t>
  </si>
  <si>
    <t>MultiPolygon (((4.66276840833545947 51.8262190139081298, 4.66629750186094228 51.82680368580863473, 4.66969232265072698 51.82417070038159324, 4.66236420546767505 51.82382697175702191, 4.66276840833545947 51.8262190139081298, 4.66276840833545947 51.8262190139081298)))</t>
  </si>
  <si>
    <t>MultiPolygon (((4.66969232265072698 51.82417070038159324, 4.67043883667621973 51.82358911887698838, 4.67170868963267161 51.82085397597754195, 4.67137610573027118 51.82084552201155958, 4.66839204640529992 51.82054656358189249, 4.66444243272874015 51.8194822904697574, 4.66141388927152001 51.82201665030513027, 4.66236420546767505 51.82382697175702191, 4.66969232265072698 51.82417070038159324, 4.66969232265072698 51.82417070038159324)))</t>
  </si>
  <si>
    <t>MultiPolygon (((4.6602446902636423 51.82098864253379134, 4.66141388927152001 51.82201665030513027, 4.66444243272874015 51.8194822904697574, 4.66324879564198991 51.81902685456238089, 4.6602446902636423 51.82098864253379134, 4.6602446902636423 51.82098864253379134)))</t>
  </si>
  <si>
    <t>MultiPolygon (((4.65987154903105516 51.82069805494087689, 4.6602446902636423 51.82098864253379134, 4.66324879564198991 51.81902685456238089, 4.65858437896174937 51.81669068984111703, 4.65634117793702362 51.81825346783454478, 4.65987154903105516 51.82069805494087689, 4.65987154903105516 51.82069805494087689)))</t>
  </si>
  <si>
    <t>MultiPolygon (((4.65830001338494171 51.82131523866343059, 4.65987154903105516 51.82069805494087689, 4.65634117793702362 51.81825346783454478, 4.65125680268400998 51.82038685340693718, 4.6546555079231684 51.82088741033245327, 4.65830001338494171 51.82131523866343059, 4.65830001338494171 51.82131523866343059)))</t>
  </si>
  <si>
    <t>MultiPolygon (((4.5281162902867198 52.13992827591371082, 4.53110523493717654 52.14107197812590755, 4.53528831722278714 52.13959131014686932, 4.5327207007078627 52.13757897864810076, 4.5281162902867198 52.13992827591371082, 4.5281162902867198 52.13992827591371082)))</t>
  </si>
  <si>
    <t>MultiPolygon (((4.53693118864802969 52.13969102536572819, 4.53528831722278714 52.13959131014686932, 4.53110523493717654 52.14107197812590755, 4.52606629062111843 52.14352484616034644, 4.52363232900263501 52.14591855509333129, 4.52466704705446165 52.14633722735877797, 4.52799129711453663 52.14310465790968152, 4.53087066826980411 52.14184070756870426, 4.53726860371992391 52.14095750568206711, 4.53693118864802969 52.13969102536572819, 4.53693118864802969 52.13969102536572819)))</t>
  </si>
  <si>
    <t>MultiPolygon (((4.54762053777952691 52.13231004507373001, 4.54519027699720013 52.12920413510512674, 4.52815158983655497 52.13489102752220816, 4.5327207007078627 52.13757897864810076, 4.53528831722278714 52.13959131014686932, 4.53693118864802969 52.13969102536572819, 4.54299044771174287 52.13958409900180158, 4.54914014337300188 52.13759296725299919, 4.55030314252235524 52.13675820592303012, 4.54630716060007156 52.13402119878733743, 4.54605820827979556 52.13335665625444193, 4.54762053777952691 52.13231004507373001, 4.54762053777952691 52.13231004507373001)))</t>
  </si>
  <si>
    <t>MultiPolygon (((4.51870283109660331 52.14332341502143464, 4.52080021441064073 52.14206476891749276, 4.5262460064408776 52.14089868143049955, 4.5281162902867198 52.13992827591371082, 4.5327207007078627 52.13757897864810076, 4.52815158983655497 52.13489102752220816, 4.51309948546974837 52.13991671061662458, 4.51321262673406665 52.13997419127773014, 4.51870283109660331 52.14332341502143464, 4.51870283109660331 52.14332341502143464)))</t>
  </si>
  <si>
    <t>MultiPolygon (((4.52363232900263501 52.14591855509333129, 4.52606629062111843 52.14352484616034644, 4.52080021441064073 52.14206476891749276, 4.51870283109660331 52.14332341502143464, 4.52363232900263501 52.14591855509333129, 4.52363232900263501 52.14591855509333129)))</t>
  </si>
  <si>
    <t>MultiPolygon (((4.51870283109660331 52.14332341502143464, 4.51321262673406665 52.13997419127773014, 4.51067658000884109 52.14086587688896657, 4.51598667628069528 52.14469391822863997, 4.52403768108060511 52.14739786756339157, 4.52466704705446165 52.14633722735877797, 4.52363232900263501 52.14591855509333129, 4.51870283109660331 52.14332341502143464, 4.51870283109660331 52.14332341502143464)))</t>
  </si>
  <si>
    <t>MultiPolygon (((4.550733048313643 52.1383802858600589, 4.54914014337300188 52.13759296725299919, 4.54299044771174287 52.13958409900180158, 4.53693118864802969 52.13969102536572819, 4.53726860371992391 52.14095750568206711, 4.54454806402966049 52.14073117617375175, 4.550733048313643 52.1383802858600589, 4.550733048313643 52.1383802858600589)))</t>
  </si>
  <si>
    <t>MultiPolygon (((4.52080021441064073 52.14206476891749276, 4.52606629062111843 52.14352484616034644, 4.53110523493717654 52.14107197812590755, 4.5281162902867198 52.13992827591371082, 4.5262460064408776 52.14089868143049955, 4.52080021441064073 52.14206476891749276, 4.52080021441064073 52.14206476891749276)))</t>
  </si>
  <si>
    <t>MultiPolygon (((4.52815158983655497 52.13489102752220816, 4.54519027699720013 52.12920413510512674, 4.54516017894623037 52.12916759632623354, 4.54064091497962341 52.12156227789895979, 4.54294883033581254 52.12123481175775908, 4.54190529997556958 52.11866020656134424, 4.5353227678681769 52.12043247791575595, 4.5365022509073567 52.10195752290196225, 4.53371273301288991 52.10254824072060842, 4.52701404478426372 52.09965854348650538, 4.52607118242266449 52.09533426376311382, 4.52499585954921901 52.09467636343255492, 4.51813072694989426 52.09717985439430521, 4.51517256260598465 52.09621940336600687, 4.51012684803132657 52.09002807518956502, 4.50444960992361931 52.09329033175115597, 4.4999670352352652 52.09165520286495621, 4.49890802594009109 52.08942776935852947, 4.49936778491824541 52.08845985624383701, 4.49780589485804683 52.08783756269280474, 4.49221892588449823 52.09000976337927824, 4.49041365803168446 52.09785838597208851, 4.48464689052513066 52.10358811211239072, 4.49439778657338174 52.11037813606460389, 4.49499922278497088 52.11321533589551791, 4.49596820550377974 52.11302845380764381, 4.50183026820625631 52.11212655444401065, 4.5005004901099257 52.10969215596654891, 4.50199715401357636 52.10907596566738675, 4.50207141863289717 52.10468345758341258, 4.50020186697772928 52.10179345865211076, 4.49461907434021057 52.10252221189977462, 4.49429689883357231 52.09906160611267012, 4.50067851665183749 52.1006006630991152, 4.50086110481466761 52.09957666675530419, 4.50421520207179427 52.09778415486483283, 4.51769480872001505 52.10092375241180918, 4.51894999741630965 52.0998203145356058, 4.52522554284545464 52.10329097654066288, 4.52729233747882454 52.10591755200099584, 4.52784764890874847 52.11625600401220026, 4.52868458196652224 52.11727593233486999, 4.52992271291924098 52.11699298550789194, 4.53243135161813981 52.12279782443875575, 4.53146521366036836 52.12545666245036813, 4.53381561964564561 52.12885124969277939, 4.53156763763131476 52.12982799932935762, 4.52971790035535093 52.13033391399672922, 4.52762066792399054 52.12867130507891034, 4.51834954866689742 52.12676661345410167, 4.52086518802438508 52.11954118258836388, 4.52034246171515974 52.11509369229744948, 4.51348528830414786 52.10326532211977479, 4.50326885251042075 52.10114656766359076, 4.50546238804573562 52.10613659798406871, 4.5068645562945493 52.11294631800765131, 4.50329823653450756 52.11322422341382321, 4.50304928820753503 52.11681465107641031, 4.50818164645728103 52.11676557426793011, 4.50774476829695381 52.11873194411145249, 4.50166246258557123 52.11822971706280327, 4.49943121424707559 52.12262967108611633, 4.49882206857468425 52.12401906614021385, 4.5043935164208202 52.12532349526604492, 4.50247442337762482 52.12794608935917751, 4.50338216242853218 52.12973921393504639, 4.50245460508055384 52.13071523073274705, 4.49831271757191065 52.12945612913856763, 4.49656174569561617 52.13145000084818292, 4.49796959572481025 52.1321637045506634, 4.51309948546974837 52.13991671061662458, 4.52815158983655497 52.13489102752220816, 4.52815158983655497 52.13489102752220816)))</t>
  </si>
  <si>
    <t>MultiPolygon (((4.5365022509073567 52.10195752290196225, 4.53713466474262628 52.08394597908154822, 4.53457126937774468 52.08349622961895165, 4.53055517914180239 52.08051073240371664, 4.51426735814680846 52.08858715062891775, 4.51313438527082589 52.08844516642076172, 4.51012684803132657 52.09002807518956502, 4.51517256260598465 52.09621940336600687, 4.51813072694989426 52.09717985439430521, 4.52499585954921901 52.09467636343255492, 4.52607118242266449 52.09533426376311382, 4.52701404478426372 52.09965854348650538, 4.53371273301288991 52.10254824072060842, 4.5365022509073567 52.10195752290196225, 4.5365022509073567 52.10195752290196225)))</t>
  </si>
  <si>
    <t>MultiPolygon (((4.50326885251042075 52.10114656766359076, 4.51348528830414786 52.10326532211977479, 4.52034246171515974 52.11509369229744948, 4.52086518802438508 52.11954118258836388, 4.51834954866689742 52.12676661345410167, 4.52762066792399054 52.12867130507891034, 4.52971790035535093 52.13033391399672922, 4.53156763763131476 52.12982799932935762, 4.53381561964564561 52.12885124969277939, 4.53146521366036836 52.12545666245036813, 4.53243135161813981 52.12279782443875575, 4.52992271291924098 52.11699298550789194, 4.52868458196652224 52.11727593233486999, 4.52784764890874847 52.11625600401220026, 4.52729233747882454 52.10591755200099584, 4.52522554284545464 52.10329097654066288, 4.51894999741630965 52.0998203145356058, 4.51769480872001505 52.10092375241180918, 4.50421520207179427 52.09778415486483283, 4.50086110481466761 52.09957666675530419, 4.50067851665183749 52.1006006630991152, 4.50326885251042075 52.10114656766359076, 4.50326885251042075 52.10114656766359076)))</t>
  </si>
  <si>
    <t>MultiPolygon (((4.50148695788160502 52.11656261958384562, 4.50304928820753503 52.11681465107641031, 4.50329823653450756 52.11322422341382321, 4.5068645562945493 52.11294631800765131, 4.50546238804573562 52.10613659798406871, 4.50326885251042075 52.10114656766359076, 4.50067851665183749 52.1006006630991152, 4.49429689883357231 52.09906160611267012, 4.49461907434021057 52.10252221189977462, 4.50020186697772928 52.10179345865211076, 4.50207141863289717 52.10468345758341258, 4.50199715401357636 52.10907596566738675, 4.5005004901099257 52.10969215596654891, 4.50183026820625631 52.11212655444401065, 4.50312288939801153 52.11207134994943146, 4.50148695788160502 52.11656261958384562, 4.50148695788160502 52.11656261958384562)))</t>
  </si>
  <si>
    <t>MultiPolygon (((4.49195288552700234 52.12901094805405222, 4.49447127348417297 52.12626389585664555, 4.49212250906840449 52.12272868395217529, 4.49095548642160569 52.12021982604452575, 4.49130924518581498 52.1177255762669347, 4.49499922278497088 52.11321533589551791, 4.49439778657338174 52.11037813606460389, 4.48464689052513066 52.10358811211239072, 4.47082578644588402 52.11770810347140781, 4.47297541564954138 52.11895161082024686, 4.48751996108209905 52.1274097205076643, 4.49195288552700234 52.12901094805405222, 4.49195288552700234 52.12901094805405222)))</t>
  </si>
  <si>
    <t>MultiPolygon (((4.49195288552700234 52.12901094805405222, 4.49656174569561617 52.13145000084818292, 4.49831271757191065 52.12945612913856763, 4.50245460508055384 52.13071523073274705, 4.50338216242853218 52.12973921393504639, 4.50247442337762482 52.12794608935917751, 4.5043935164208202 52.12532349526604492, 4.49882206857468425 52.12401906614021385, 4.49943121424707559 52.12262967108611633, 4.49743508045405527 52.12236985474927309, 4.49788552872347758 52.12628969603797913, 4.4946943571482203 52.12709370515309359, 4.49447127348417297 52.12626389585664555, 4.49195288552700234 52.12901094805405222, 4.49195288552700234 52.12901094805405222)))</t>
  </si>
  <si>
    <t>MultiPolygon (((4.4949500370535409 52.12102286584845956, 4.4967815947557801 52.12166156580382648, 4.49568090431055278 52.12035582334515027, 4.49509205533177525 52.11985803921756855, 4.4949500370535409 52.12102286584845956, 4.4949500370535409 52.12102286584845956)))</t>
  </si>
  <si>
    <t>MultiPolygon (((4.49743508045405527 52.12236985474927309, 4.49943121424707559 52.12262967108611633, 4.50166246258557123 52.11822971706280327, 4.50774476829695381 52.11873194411145249, 4.50818164645728103 52.11676557426793011, 4.50304928820753503 52.11681465107641031, 4.50148695788160502 52.11656261958384562, 4.49678276473392113 52.11661053323106074, 4.49568090431055278 52.12035582334515027, 4.4967815947557801 52.12166156580382648, 4.49743508045405527 52.12236985474927309, 4.49743508045405527 52.12236985474927309)))</t>
  </si>
  <si>
    <t>MultiPolygon (((4.49678276473392113 52.11661053323106074, 4.50148695788160502 52.11656261958384562, 4.50312288939801153 52.11207134994943146, 4.50183026820625631 52.11212655444401065, 4.49596820550377974 52.11302845380764381, 4.49678276473392113 52.11661053323106074, 4.49678276473392113 52.11661053323106074)))</t>
  </si>
  <si>
    <t>MultiPolygon (((4.49509205533177525 52.11985803921756855, 4.49568090431055278 52.12035582334515027, 4.49678276473392113 52.11661053323106074, 4.49596820550377974 52.11302845380764381, 4.49499922278497088 52.11321533589551791, 4.49130924518581498 52.1177255762669347, 4.49509205533177525 52.11985803921756855, 4.49509205533177525 52.11985803921756855)))</t>
  </si>
  <si>
    <t>MultiPolygon (((4.49212250906840449 52.12272868395217529, 4.4949500370535409 52.12102286584845956, 4.49509205533177525 52.11985803921756855, 4.49130924518581498 52.1177255762669347, 4.49095548642160569 52.12021982604452575, 4.49212250906840449 52.12272868395217529, 4.49212250906840449 52.12272868395217529)))</t>
  </si>
  <si>
    <t>MultiPolygon (((4.49212250906840449 52.12272868395217529, 4.49447127348417297 52.12626389585664555, 4.4946943571482203 52.12709370515309359, 4.49788552872347758 52.12628969603797913, 4.49743508045405527 52.12236985474927309, 4.4967815947557801 52.12166156580382648, 4.4949500370535409 52.12102286584845956, 4.49212250906840449 52.12272868395217529, 4.49212250906840449 52.12272868395217529)))</t>
  </si>
  <si>
    <t>MultiPolygon (((4.52259437875162806 52.0433993304675937, 4.51316625067180599 52.04814068361883272, 4.52056887345980574 52.05387961825221765, 4.52348976783605217 52.05245402806858124, 4.52804134719288331 52.05047505630649596, 4.53433281894541196 52.0494077517777356, 4.52259437875162806 52.0433993304675937)))</t>
  </si>
  <si>
    <t>MultiPolygon (((4.51012684803132657 52.09002807518956502, 4.51313438527082589 52.08844516642076172, 4.51426735814680846 52.08858715062891775, 4.53055517914180239 52.08051073240371664, 4.53010352114179682 52.08008210451593101, 4.53601940423293293 52.07690793642596105, 4.5341806204971693 52.07556370385282918, 4.52922474597178049 52.0723712516944488, 4.53041840708615595 52.07545021398983209, 4.5296311568559382 52.07964125260949118, 4.52514849557675358 52.08031296224364581, 4.51779366436527052 52.0793926268484455, 4.5100945596522104 52.07923779395871833, 4.50971327626514729 52.08041414615971121, 4.50199916726142568 52.08072577794013824, 4.50084364688668259 52.07967800275621073, 4.49662388619660813 52.07856799616940435, 4.49959764983448895 52.08379269320756322, 4.49939411149268054 52.08605253165686122, 4.49780589485804683 52.08783756269280474, 4.49936778491824541 52.08845985624383701, 4.49890802594009109 52.08942776935852947, 4.4999670352352652 52.09165520286495621, 4.50444960992361931 52.09329033175115597, 4.51012684803132657 52.09002807518956502, 4.51012684803132657 52.09002807518956502)))</t>
  </si>
  <si>
    <t>MultiPolygon (((4.49221892588449823 52.09000976337927824, 4.49780589485804683 52.08783756269280474, 4.49939411149268054 52.08605253165686122, 4.49959764983448895 52.08379269320756322, 4.49662388619660813 52.07856799616940435, 4.49198542285094593 52.07493509376973151, 4.47961622918040536 52.071694046239692, 4.46797754223452515 52.07052509896668369, 4.45891066458636143 52.07376243852205278, 4.45516608776585699 52.0781817661601778, 4.45675207158665021 52.07881483174283233, 4.47565986018940443 52.08129630162135015, 4.47427472696313622 52.08526066565295309, 4.49301807375909856 52.08775191367809754, 4.49221892588449823 52.09000976337927824, 4.49221892588449823 52.09000976337927824)))</t>
  </si>
  <si>
    <t>MultiPolygon (((4.46542350893660966 52.06479367901182798, 4.4649054731725677 52.06388234561995176, 4.46097864141051037 52.06426339308451645, 4.45626822442014259 52.06373240462825436, 4.44145600161380738 52.05892976228368951, 4.43564541481760166 52.05772076705442686, 4.42946639094115291 52.05716401875112354, 4.42243105133264791 52.05732947742134797, 4.42042397170640022 52.06210114334588468, 4.42083251506869956 52.06258004736731237, 4.42168523369923783 52.06288589303580494, 4.42140419947720176 52.06330345654922809, 4.45516608776585699 52.0781817661601778, 4.45891066458636143 52.07376243852205278, 4.46797754223452515 52.07052509896668369, 4.46616033983300564 52.0674185112606267, 4.46747920353394345 52.06712273539356772, 4.46634715734179188 52.0650668651126125, 4.46542350893660966 52.06479367901182798, 4.46542350893660966 52.06479367901182798)))</t>
  </si>
  <si>
    <t>MultiPolygon (((4.4575438741354958 52.0606414364946275, 4.45423655090394188 52.05384401603534883, 4.45725497979670227 52.05183752438714606, 4.46079240572437907 52.0508712361867083, 4.46075365287726378 52.0492319150001137, 4.46009601113458665 52.04927937817156902, 4.45024541373451754 52.04980409299503208, 4.45056413765560777 52.04921020739102744, 4.43804424158055433 52.05028369968274404, 4.42583125577469705 52.05146944564931744, 4.42207240357569908 52.05167308822989014, 4.41539462268671024 52.05744133217618241, 4.42243105133264791 52.05732947742134797, 4.42946639094115291 52.05716401875112354, 4.43564541481760166 52.05772076705442686, 4.44145600161380738 52.05892976228368951, 4.45626822442014259 52.06373240462825436, 4.46097864141051037 52.06426339308451645, 4.4649054731725677 52.06388234561995176, 4.4639231790558247 52.06180352212260232, 4.4575438741354958 52.0606414364946275, 4.4575438741354958 52.0606414364946275)))</t>
  </si>
  <si>
    <t>MultiPolygon (((4.45831347947182 52.03995196671267109, 4.45893210421707487 52.03885383759266148, 4.45764380611089717 52.03861865961427924, 4.45699473066565766 52.03967222149583449, 4.45643801140049955 52.03954178425211552, 4.45056413765560777 52.04921020739102744, 4.45024541373451754 52.04980409299503208, 4.46009601113458665 52.04927937817156902, 4.45904556701176791 52.04386486017890689, 4.4642456794155132 52.04130573243184443, 4.45831347947182 52.03995196671267109, 4.45831347947182 52.03995196671267109)))</t>
  </si>
  <si>
    <t>MultiPolygon (((4.51471246525141723 52.05673968815938935, 4.52056887345980574 52.05387961825221765, 4.51316625067180599 52.04814068361883272, 4.50779808125661408 52.0508438418086854, 4.50860804356724465 52.05154305552785132, 4.51471246525141723 52.05673968815938935, 4.51471246525141723 52.05673968815938935)))</t>
  </si>
  <si>
    <t>MultiPolygon (((4.52533615701844738 52.06592561591334345, 4.52645424630498461 52.06472400921674648, 4.53095316120538794 52.0626442292342162, 4.52913022796398401 52.06113200783528328, 4.53207693842993109 52.05973455336955169, 4.52348976783605217 52.05245402806858124, 4.52056887345980574 52.05387961825221765, 4.51471246525141723 52.05673968815938935, 4.52533615701844738 52.06592561591334345, 4.52533615701844738 52.06592561591334345)))</t>
  </si>
  <si>
    <t>MultiPolygon (((4.50706033314708954 52.0328253446869482, 4.50470926825009421 52.03193076366107306, 4.49537889403422319 52.03190664488719364, 4.49541268325519816 52.03324957840520426, 4.49326821996094772 52.0343218071784861, 4.50256765021632077 52.04172198587747999, 4.499704239241197 52.04423587095951831, 4.50163455858561967 52.04585759373385656, 4.51090572762945285 52.04395244697211353, 4.51899580737055562 52.04138403698877369, 4.51207264232364569 52.03682517918404926, 4.50706033314708954 52.0328253446869482, 4.50706033314708954 52.0328253446869482)))</t>
  </si>
  <si>
    <t>MultiPolygon (((4.50779808125661408 52.0508438418086854, 4.51316625067180599 52.04814068361883272, 4.52259437875162806 52.0433993304675937, 4.51899580737055562 52.04138403698877369, 4.51090572762945285 52.04395244697211353, 4.50163455858561967 52.04585759373385656, 4.49139105741998712 52.04705673265162602, 4.49382820644337233 52.04918791252237042, 4.49564676239050698 52.04973532503854017, 4.49872568297156228 52.04825419645329987, 4.50429031530593349 52.04799225713416178, 4.50779808125661408 52.0508438418086854, 4.50779808125661408 52.0508438418086854)))</t>
  </si>
  <si>
    <t>MultiPolygon (((4.54934283428680075 52.05474446545488831, 4.53812938085386364 52.06003700439786996, 4.53565444430755438 52.05804657772659993, 4.53207693842993109 52.05973455336955169, 4.52913022796398401 52.06113200783528328, 4.53095316120538794 52.0626442292342162, 4.52645424630498461 52.06472400921674648, 4.52533615701844738 52.06592561591334345, 4.53369495687313151 52.07305113110721351, 4.55320981945127645 52.06383148330263566, 4.55277171307148087 52.06330775954888423, 4.55718024733590088 52.06123936641558458, 4.54934283428680075 52.05474446545488831)))</t>
  </si>
  <si>
    <t>MultiPolygon (((4.53812938085386364 52.06003700439786996, 4.54934283428680075 52.05474446545488831, 4.54754669953692314 52.05036967107219681, 4.54507945121235668 52.04886102585939511, 4.53433281894541196 52.0494077517777356, 4.52804134719288331 52.05047505630649596, 4.52348976783605217 52.05245402806858124, 4.53207693842993109 52.05973455336955169, 4.53565444430755438 52.05804657772659993, 4.53812938085386364 52.06003700439786996, 4.53812938085386364 52.06003700439786996)))</t>
  </si>
  <si>
    <t>MultiPolygon (((4.50256765021632077 52.04172198587747999, 4.49326821996094772 52.0343218071784861, 4.49541268325519816 52.03324957840520426, 4.49537889403422319 52.03190664488719364, 4.47738443919782014 52.03179157401689281, 4.47768096952369987 52.03139482516338177, 4.47702788587121869 52.0312805761253756, 4.47670611094139215 52.03164214453769176, 4.47074367842584142 52.04047771013848944, 4.47458482244398414 52.04136432460762052, 4.47580121432499922 52.03936014860327219, 4.48597487346922641 52.0429726568540687, 4.49139105741998712 52.04705673265162602, 4.50163455858561967 52.04585759373385656, 4.499704239241197 52.04423587095951831, 4.50256765021632077 52.04172198587747999)))</t>
  </si>
  <si>
    <t>MultiPolygon (((4.48597487346922641 52.0429726568540687, 4.47580121432499922 52.03936014860327219, 4.47458482244398414 52.04136432460762052, 4.47074367842584142 52.04047771013848944, 4.45893210421707487 52.03885383759266148, 4.45831347947182 52.03995196671267109, 4.4642456794155132 52.04130573243184443, 4.45904556701176791 52.04386486017890689, 4.46009601113458665 52.04927937817156902, 4.46075365287726378 52.0492319150001137, 4.47208674487094182 52.04835365227393851, 4.47558989235207427 52.04809136845874207, 4.48295753441191458 52.04762663322929228, 4.49139105741998712 52.04705673265162602, 4.48597487346922641 52.0429726568540687, 4.48597487346922641 52.0429726568540687)))</t>
  </si>
  <si>
    <t>MultiPolygon (((4.53041840708615595 52.07545021398983209, 4.52922474597178049 52.0723712516944488, 4.5341806204971693 52.07556370385282918, 4.53390423616746752 52.07521514919763206, 4.535168098402103 52.07446319497139342, 4.53369495687313151 52.07305113110721351, 4.52533615701844738 52.06592561591334345, 4.52411875636809846 52.06657243256927359, 4.52282528198525124 52.06897653243466806, 4.51954334703537342 52.07087219904185105, 4.52009498987331693 52.0715165828016211, 4.51880651805318312 52.07276513228932657, 4.52078924464694332 52.07419853481694361, 4.52057071031561364 52.07733160173446407, 4.52266571493194114 52.07886406803688573, 4.52526548787996497 52.07894311166084833, 4.52514849557675358 52.08031296224364581, 4.5296311568559382 52.07964125260949118, 4.53041840708615595 52.07545021398983209, 4.53041840708615595 52.07545021398983209)))</t>
  </si>
  <si>
    <t>MultiPolygon (((4.5100945596522104 52.07923779395871833, 4.51779366436527052 52.0793926268484455, 4.52514849557675358 52.08031296224364581, 4.52526548787996497 52.07894311166084833, 4.52266571493194114 52.07886406803688573, 4.52057071031561364 52.07733160173446407, 4.52078924464694332 52.07419853481694361, 4.51880651805318312 52.07276513228932657, 4.52009498987331693 52.0715165828016211, 4.51022592881930784 52.07708420990705633, 4.51029856057988354 52.07822585833073958, 4.50817419966031441 52.07818345622239065, 4.5100945596522104 52.07923779395871833, 4.5100945596522104 52.07923779395871833)))</t>
  </si>
  <si>
    <t>MultiPolygon (((4.50817419966031441 52.07818345622239065, 4.51029856057988354 52.07822585833073958, 4.51022592881930784 52.07708420990705633, 4.52009498987331693 52.0715165828016211, 4.51954334703537342 52.07087219904185105, 4.52282528198525124 52.06897653243466806, 4.52411875636809846 52.06657243256927359, 4.52533615701844738 52.06592561591334345, 4.51471246525141723 52.05673968815938935, 4.50860041668670064 52.05976379231469764, 4.51125260004306039 52.06054789175214381, 4.51636021722559722 52.06373021256261069, 4.51774035658555562 52.06530029056329312, 4.51765424875496535 52.06665601180382907, 4.51504500392927977 52.06838806245900741, 4.50303708630597299 52.06995705940364871, 4.50817419966031441 52.07818345622239065, 4.50817419966031441 52.07818345622239065)))</t>
  </si>
  <si>
    <t>MultiPolygon (((4.49935946088811711 52.06482454135642257, 4.50303708630597299 52.06995705940364871, 4.51504500392927977 52.06838806245900741, 4.51765424875496535 52.06665601180382907, 4.51774035658555562 52.06530029056329312, 4.51636021722559722 52.06373021256261069, 4.51125260004306039 52.06054789175214381, 4.50860041668670064 52.05976379231469764, 4.50060281131267992 52.06432732885071601, 4.49935946088811711 52.06482454135642257, 4.49935946088811711 52.06482454135642257)))</t>
  </si>
  <si>
    <t>MultiPolygon (((4.49662388619660813 52.07856799616940435, 4.50084364688668259 52.07967800275621073, 4.50199916726142568 52.08072577794013824, 4.50971327626514729 52.08041414615971121, 4.5100945596522104 52.07923779395871833, 4.50817419966031441 52.07818345622239065, 4.50303708630597299 52.06995705940364871, 4.49935946088811711 52.06482454135642257, 4.49656161180298053 52.06484447667163806, 4.49039244679455507 52.0632913248005238, 4.48998394903306153 52.06569670308229547, 4.47961622918040536 52.071694046239692, 4.49198542285094593 52.07493509376973151, 4.49662388619660813 52.07856799616940435, 4.49662388619660813 52.07856799616940435)))</t>
  </si>
  <si>
    <t>MultiPolygon (((4.46797754223452515 52.07052509896668369, 4.47961622918040536 52.071694046239692, 4.48998394903306153 52.06569670308229547, 4.49039244679455507 52.0632913248005238, 4.4819780530846467 52.06175555215133954, 4.47753162120508374 52.06194690316346652, 4.47128911272942542 52.06318987244618057, 4.46542350893660966 52.06479367901182798, 4.46634715734179188 52.0650668651126125, 4.46747920353394345 52.06712273539356772, 4.46616033983300564 52.0674185112606267, 4.46797754223452515 52.07052509896668369, 4.46797754223452515 52.07052509896668369)))</t>
  </si>
  <si>
    <t>MultiPolygon (((4.47128911272942542 52.06318987244618057, 4.47753162120508374 52.06194690316346652, 4.4819780530846467 52.06175555215133954, 4.48160460577033071 52.06095698829384588, 4.47558989235207427 52.04809136845874207, 4.47208674487094182 52.04835365227393851, 4.46919622099180192 52.04976525973728485, 4.46824302745370971 52.05125291505530782, 4.47060418535520476 52.05891689450459126, 4.4733275658851408 52.05981123038342417, 4.47472498663288398 52.05949046630141197, 4.47645724710346382 52.06080233137168989, 4.47066754741579864 52.06173813406191897, 4.47128911272942542 52.06318987244618057, 4.47128911272942542 52.06318987244618057)))</t>
  </si>
  <si>
    <t>MultiPolygon (((4.4649054731725677 52.06388234561995176, 4.46542350893660966 52.06479367901182798, 4.47128911272942542 52.06318987244618057, 4.47066754741579864 52.06173813406191897, 4.47645724710346382 52.06080233137168989, 4.47472498663288398 52.05949046630141197, 4.4733275658851408 52.05981123038342417, 4.47060418535520476 52.05891689450459126, 4.46824302745370971 52.05125291505530782, 4.46919622099180192 52.04976525973728485, 4.47208674487094182 52.04835365227393851, 4.46075365287726378 52.0492319150001137, 4.46079240572437907 52.0508712361867083, 4.45725497979670227 52.05183752438714606, 4.45423655090394188 52.05384401603534883, 4.4575438741354958 52.0606414364946275, 4.4639231790558247 52.06180352212260232, 4.4649054731725677 52.06388234561995176, 4.4649054731725677 52.06388234561995176)))</t>
  </si>
  <si>
    <t>MultiPolygon (((4.48160460577033071 52.06095698829384588, 4.48873921093372541 52.05945166617684805, 4.49132343015970825 52.05792196570651242, 4.49278633187685639 52.05620544818180662, 4.4924555118648497 52.0547175430562632, 4.48295753441191458 52.04762663322929228, 4.47558989235207427 52.04809136845874207, 4.48160460577033071 52.06095698829384588, 4.48160460577033071 52.06095698829384588)))</t>
  </si>
  <si>
    <t>MultiPolygon (((4.50060281131267992 52.06432732885071601, 4.50860041668670064 52.05976379231469764, 4.51471246525141723 52.05673968815938935, 4.50860804356724465 52.05154305552785132, 4.50662107371468323 52.05144472259846822, 4.50313495096720384 52.05322991563973289, 4.49664676552156717 52.05748635340382435, 4.49692144336616106 52.0583927038357146, 4.50060281131267992 52.06432732885071601, 4.50060281131267992 52.06432732885071601)))</t>
  </si>
  <si>
    <t>MultiPolygon (((4.49935946088811711 52.06482454135642257, 4.50060281131267992 52.06432732885071601, 4.49692144336616106 52.0583927038357146, 4.49132343015970825 52.05792196570651242, 4.48873921093372541 52.05945166617684805, 4.48160460577033071 52.06095698829384588, 4.4819780530846467 52.06175555215133954, 4.49039244679455507 52.0632913248005238, 4.49656161180298053 52.06484447667163806, 4.49935946088811711 52.06482454135642257, 4.49935946088811711 52.06482454135642257)))</t>
  </si>
  <si>
    <t>MultiPolygon (((4.49132343015970825 52.05792196570651242, 4.49692144336616106 52.0583927038357146, 4.49664676552156717 52.05748635340382435, 4.50313495096720384 52.05322991563973289, 4.50662107371468323 52.05144472259846822, 4.50860804356724465 52.05154305552785132, 4.50779808125661408 52.0508438418086854, 4.50429031530593349 52.04799225713416178, 4.49872568297156228 52.04825419645329987, 4.49564676239050698 52.04973532503854017, 4.49382820644337233 52.04918791252237042, 4.49139105741998712 52.04705673265162602, 4.48295753441191458 52.04762663322929228, 4.4924555118648497 52.0547175430562632, 4.49278633187685639 52.05620544818180662, 4.49132343015970825 52.05792196570651242, 4.49132343015970825 52.05792196570651242)))</t>
  </si>
  <si>
    <t>MultiPolygon (((4.83305311287394268 52.14470605755570176, 4.83411945471322735 52.14296408437976282, 4.83670464211855844 52.14287992242768155, 4.8375205779699284 52.14064375090867287, 4.84079334059231581 52.14147676712399715, 4.84258382581614555 52.13953312241515903, 4.84601965587008365 52.13953911092063009, 4.84741257187106722 52.13894494238800092, 4.85153529386071813 52.1396156440099503, 4.85253085973584675 52.13832934041334255, 4.85523866686963235 52.13720961848716229, 4.86491504959698151 52.13739112288686073, 4.87054366713851472 52.13834015736940586, 4.86996206804043652 52.13507642499301653, 4.86604559855620877 52.13256803872583589, 4.86000222585757768 52.13100295302580633, 4.8575872417910908 52.12194305783634007, 4.85823689790840874 52.12011383002747067, 4.86356228148830727 52.11380759358608117, 4.86309917609359044 52.11030178242391031, 4.8667713437382174 52.10449659620807239, 4.8696134867095946 52.10308807981791546, 4.86592880626596891 52.09758960118151805, 4.86229001467205535 52.09597895230906772, 4.86195989176485099 52.0951282867229466, 4.84526406223716499 52.10227705010517951, 4.84192245965189461 52.10297889818119899, 4.83634602864391194 52.1029813334051326, 4.83008955404819318 52.10493009912600115, 4.82438949402094064 52.10540307553848294, 4.82531474110142877 52.10715108938180151, 4.79208017962994326 52.12228737938064427, 4.79349084142894988 52.1239727367822141, 4.79835765554230775 52.12530060343397054, 4.80198065669472207 52.12485754386924697, 4.80349770364256834 52.12641564806592243, 4.80636564077513739 52.12739626947747951, 4.8080651248244477 52.12894798526242823, 4.80779021403982298 52.12985772047876765, 4.80884687249451037 52.13181379649515179, 4.80759904012395367 52.13521107387898468, 4.80884306191935007 52.13567377855483898, 4.80932004248972955 52.13780145522766674, 4.81311109456654762 52.14017324365469364, 4.81666572437785234 52.13938693129151858, 4.82053362392669627 52.14222876819820129, 4.82647185152969183 52.14217633121172213, 4.83189193821097973 52.14423187117582614, 4.83305311287394268 52.14470605755570176, 4.83305311287394268 52.14470605755570176),(4.83972043058246904 52.11179688595850479, 4.84530075520925951 52.1084116114424063, 4.84549150977834664 52.11045183284785054, 4.83923146646425462 52.11564568423688826, 4.83917936101244628 52.11694285036224272, 4.83543422557126945 52.1186585629544723, 4.83173917016653132 52.11821823105154294, 4.82933981477905583 52.11624954754892514, 4.83972043058246904 52.11179688595850479, 4.83972043058246904 52.11179688595850479)))</t>
  </si>
  <si>
    <t>MultiPolygon (((4.83917936101244628 52.11694285036224272, 4.83923146646425462 52.11564568423688826, 4.84549150977834664 52.11045183284785054, 4.84530075520925951 52.1084116114424063, 4.83972043058246904 52.11179688595850479, 4.82933981477905583 52.11624954754892514, 4.83173917016653132 52.11821823105154294, 4.83543422557126945 52.1186585629544723, 4.83917936101244628 52.11694285036224272)))</t>
  </si>
  <si>
    <t>MultiPolygon (((4.90368655414133325 52.16205077709006588, 4.9078067225343176 52.16146081176449201, 4.90963796137280273 52.16187089241250874, 4.91118728125276149 52.16009498278449996, 4.91177757510059632 52.14425447519906953, 4.91503941236584563 52.14458130328063845, 4.92360171175762851 52.14731887959951706, 4.9343758591092719 52.13885822596297004, 4.9439160602855976 52.12753678433499971, 4.92739249799657575 52.12146242015402464, 4.93982202090840872 52.10664294996909263, 4.9388293977528237 52.10498986931059306, 4.92697336660391727 52.10712234346554794, 4.90756427480683488 52.10294385299154385, 4.90691652759286701 52.10356784239597516, 4.89429519215164888 52.09932175408191313, 4.89412947420192346 52.09574143829203052, 4.89244789078692133 52.09525226792521124, 4.87853336289720918 52.09377001435623811, 4.86174497826325869 52.09244929180641037, 4.86195989176485099 52.0951282867229466, 4.86229001467205535 52.09597895230906772, 4.86592880626596891 52.09758960118151805, 4.8696134867095946 52.10308807981791546, 4.8667713437382174 52.10449659620807239, 4.86309917609359044 52.11030178242391031, 4.86356228148830727 52.11380759358608117, 4.85823689790840874 52.12011383002747067, 4.8575872417910908 52.12194305783634007, 4.86000222585757768 52.13100295302580633, 4.86604559855620877 52.13256803872583589, 4.86996206804043652 52.13507642499301653, 4.87054366713851472 52.13834015736940586, 4.87260661774406145 52.138862741748774, 4.87451848081927519 52.13883141526054033, 4.87362346433758464 52.1560825093533964, 4.88757443421473425 52.15995816524851847, 4.89217825613120283 52.16179792033835128, 4.90368655414133325 52.16205077709006588, 4.90368655414133325 52.16205077709006588),(4.88915105190947497 52.12389951457792847, 4.89405301129345371 52.12289067532310582, 4.8955026879027379 52.12478880168421114, 4.89531128154267847 52.12730500747723994, 4.89388485478076607 52.12734486237181386, 4.88911432870888962 52.12546287008834867, 4.88915105190947497 52.12389951457792847, 4.88915105190947497 52.12389951457792847),(4.89255037578662222 52.11609339183517164, 4.89259243260883814 52.1143964352957596, 4.88746290579678178 52.11438237640537352, 4.88836118020080601 52.1094739670436482, 4.89039907443769639 52.1072722542108977, 4.89475582572532897 52.10718114686836344, 4.90105436288035801 52.11317229829629838, 4.89970289047957674 52.11564210823604526, 4.89390982271456121 52.11664605367496961, 4.89255037578662222 52.11609339183517164, 4.89255037578662222 52.11609339183517164)))</t>
  </si>
  <si>
    <t>MultiPolygon (((4.89531128154267847 52.12730500747723994, 4.8955026879027379 52.12478880168421114, 4.89405301129345371 52.12289067532310582, 4.88915105190947497 52.12389951457792847, 4.88911432870888962 52.12546287008834867, 4.89388485478076607 52.12734486237181386, 4.89531128154267847 52.12730500747723994, 4.89531128154267847 52.12730500747723994)))</t>
  </si>
  <si>
    <t>MultiPolygon (((4.89390982271456121 52.11664605367496961, 4.89970289047957674 52.11564210823604526, 4.90105436288035801 52.11317229829629838, 4.89475582572532897 52.10718114686836344, 4.89039907443769639 52.1072722542108977, 4.88836118020080601 52.1094739670436482, 4.88746290579678178 52.11438237640537352, 4.89259243260883814 52.1143964352957596, 4.89255037578662222 52.11609339183517164, 4.89390982271456121 52.11664605367496961, 4.89390982271456121 52.11664605367496961)))</t>
  </si>
  <si>
    <t>MultiPolygon (((4.97819801188903099 52.11284627958242055, 4.97846666601918475 52.11315703949221501, 4.98022154117606242 52.11219949569461818, 4.97958036549123584 52.11156407913295396, 4.97962491667881135 52.10872243160253703, 4.97872871963260444 52.10810041025520434, 4.97626944604197163 52.10797177562357518, 4.97582042821222803 52.10571647978255072, 4.96727492283930605 52.10626796838218411, 4.95959716434174425 52.10589187949577195, 4.95346369799824782 52.10494104090086864, 4.94516936410112962 52.10242836519568499, 4.93980434510801025 52.10065935525955894, 4.938400689287616 52.10321445817388053, 4.9388293977528237 52.10498986931059306, 4.93982202090840872 52.10664294996909263, 4.92739249799657575 52.12146242015402464, 4.9439160602855976 52.12753678433499971, 4.96099682052178803 52.13336184292077746, 4.97009598170040601 52.12244167086069524, 4.97819801188903099 52.11284627958242055)))</t>
  </si>
  <si>
    <t>MultiPolygon (((4.97036681955062765 52.08007586365577879, 4.97820979777637351 52.07869968976269348, 4.98404616570259584 52.07887948084344742, 4.98769002740792189 52.0800864921912563, 5.00161803749852663 52.07814401090170264, 4.999498257094241 52.06613144714707175, 4.99584525842217797 52.06733426422765376, 4.98259104567623723 52.06495046044022246, 4.97050084619964405 52.06756012231480213, 4.95710558795175693 52.06594767792256562, 4.95633325142155101 52.07029935934959042, 4.94571417992026419 52.07555538729502587, 4.93936679616780605 52.07792391675501875, 4.93620237006433538 52.07986577744829759, 4.97036681955062765 52.08007586365577879, 4.97036681955062765 52.08007586365577879)))</t>
  </si>
  <si>
    <t>MultiPolygon (((4.9734404637398768 52.10123002617157084, 4.97565972750424734 52.09978958411625172, 4.98932714967930835 52.10075530690540546, 4.99352427265498644 52.09222588696448497, 4.99421796133200679 52.09038489018414708, 5.00500707895730379 52.08845210600385656, 5.00323018291039379 52.07795675707372851, 5.00161803749852663 52.07814401090170264, 4.98769002740792189 52.0800864921912563, 4.98404616570259584 52.07887948084344742, 4.97820979777637351 52.07869968976269348, 4.97036681955062765 52.08007586365577879, 4.93620237006433538 52.07986577744829759, 4.93084664092199976 52.07928549594470979, 4.92660843304866169 52.07781814931836095, 4.92371274448559237 52.08046613521067769, 4.93212393054013454 52.08412636182703892, 4.92889793314153124 52.08714376960348602, 4.94327299469887116 52.09714159732740768, 4.94493160637054086 52.09471295430322613, 4.94762484928462154 52.09336298620706174, 4.94880849078577878 52.10039019876303001, 4.94786354350864688 52.10088520313003357, 4.94683939232853742 52.10059902405509291, 4.94516936410112962 52.10242836519568499, 4.95346369799824782 52.10494104090086864, 4.95959716434174425 52.10589187949577195, 4.96727492283930605 52.10626796838218411, 4.97582042821222803 52.10571647978255072, 4.97304962128442263 52.10278376753615248, 4.9734404637398768 52.10123002617157084, 4.9734404637398768 52.10123002617157084),(4.95958858252877288 52.09652881853122608, 4.9582309071232249 52.09533337321379776, 4.95317850371504953 52.09525286371738417, 4.95322256214526746 52.09582821487877879, 4.94975546316241211 52.09622917493644678, 4.94922840277410092 52.09307921492035831, 4.95474773743745622 52.09001185992701721, 4.95064131138240704 52.08634506003469511, 4.95289276090900277 52.08465929273123152, 4.96088404970034613 52.08298406486851917, 4.96298587699192417 52.08324805281925052, 4.9625832709142248 52.08436152622032722, 4.9681864475608668 52.08481235201371362, 4.97126727027781978 52.08901989292338186, 4.96339440779417185 52.09211312696120189, 4.96270922468922837 52.09292404861768233, 4.9635925175870419 52.09483279829642299, 4.96692514605675495 52.09641982226015244, 4.96008362392881441 52.0994580323838079, 4.95958858252877288 52.09652881853122608, 4.95958858252877288 52.09652881853122608)))</t>
  </si>
  <si>
    <t>MultiPolygon (((4.93980434510801025 52.10065935525955894, 4.94516936410112962 52.10242836519568499, 4.94683939232853742 52.10059902405509291, 4.94786354350864688 52.10088520313003357, 4.94880849078577878 52.10039019876303001, 4.94762484928462154 52.09336298620706174, 4.94493160637054086 52.09471295430322613, 4.94327299469887116 52.09714159732740768, 4.93980434510801025 52.10065935525955894, 4.93980434510801025 52.10065935525955894)))</t>
  </si>
  <si>
    <t>MultiPolygon (((4.95474773743745622 52.09001185992701721, 4.9618176125410276 52.09051677980075823, 4.96339440779417185 52.09211312696120189, 4.97126727027781978 52.08901989292338186, 4.9681864475608668 52.08481235201371362, 4.9625832709142248 52.08436152622032722, 4.96298587699192417 52.08324805281925052, 4.96088404970034613 52.08298406486851917, 4.95289276090900277 52.08465929273123152, 4.95064131138240704 52.08634506003469511, 4.95474773743745622 52.09001185992701721, 4.95474773743745622 52.09001185992701721)))</t>
  </si>
  <si>
    <t>MultiPolygon (((4.95474773743745622 52.09001185992701721, 4.94922840277410092 52.09307921492035831, 4.94975546316241211 52.09622917493644678, 4.95322256214526746 52.09582821487877879, 4.95317850371504953 52.09525286371738417, 4.9582309071232249 52.09533337321379776, 4.95958858252877288 52.09652881853122608, 4.96008362392881441 52.0994580323838079, 4.96692514605675495 52.09641982226015244, 4.9635925175870419 52.09483279829642299, 4.96270922468922837 52.09292404861768233, 4.96339440779417185 52.09211312696120189, 4.9618176125410276 52.09051677980075823, 4.95474773743745622 52.09001185992701721, 4.95474773743745622 52.09001185992701721)))</t>
  </si>
  <si>
    <t>MultiPolygon (((4.94327299469887116 52.09714159732740768, 4.92889793314153124 52.08714376960348602, 4.93212393054013454 52.08412636182703892, 4.92371274448559237 52.08046613521067769, 4.92660843304866169 52.07781814931836095, 4.92466104562516005 52.07759057229166899, 4.91798163963311374 52.07476474779974751, 4.91489123572978404 52.07409258329866475, 4.90820258085899841 52.07189565112114593, 4.9054730251655716 52.07014820249192155, 4.9016133520865548 52.07039643229846604, 4.90143095060253131 52.0728931247798883, 4.90293347237326049 52.07269745652861559, 4.9141183281086489 52.07659408209593721, 4.91444232152322247 52.07734786329179144, 4.91053389062422507 52.0809854717204459, 4.9106378476688306 52.08329324533298177, 4.91741218526733537 52.0825495550364721, 4.92241401635891407 52.08470398839713766, 4.91964435950725587 52.08752467048409329, 4.91849126008087811 52.08713278312802686, 4.91367265844516865 52.09200953808182533, 4.91373496909615959 52.09203097344647659, 4.93980434510801025 52.10065935525955894, 4.94327299469887116 52.09714159732740768, 4.94327299469887116 52.09714159732740768)))</t>
  </si>
  <si>
    <t>MultiPolygon (((4.938400689287616 52.10321445817388053, 4.93980434510801025 52.10065935525955894, 4.91373496909615959 52.09203097344647659, 4.91013977332943696 52.09708357768784737, 4.91442081303718759 52.09728366154990908, 4.91852703151889603 52.10200398268570154, 4.92781408444056446 52.10508676437586217, 4.93547983872567109 52.10468082581643756, 4.938400689287616 52.10321445817388053, 4.938400689287616 52.10321445817388053)))</t>
  </si>
  <si>
    <t>MultiPolygon (((4.9388293977528237 52.10498986931059306, 4.938400689287616 52.10321445817388053, 4.93547983872567109 52.10468082581643756, 4.92781408444056446 52.10508676437586217, 4.91852703151889603 52.10200398268570154, 4.91442081303718759 52.09728366154990908, 4.91013977332943696 52.09708357768784737, 4.90739887576722911 52.09694980296662692, 4.90196229923052318 52.09393748819859127, 4.89775425897230487 52.09416593503378579, 4.89412947420192346 52.09574143829203052, 4.89429519215164888 52.09932175408191313, 4.90691652759286701 52.10356784239597516, 4.90756427480683488 52.10294385299154385, 4.92697336660391727 52.10712234346554794, 4.9388293977528237 52.10498986931059306, 4.9388293977528237 52.10498986931059306)))</t>
  </si>
  <si>
    <t>MultiPolygon (((4.85191492682553172 52.07989536634541139, 4.85351887112493063 52.07595544078616712, 4.85618557966436093 52.07524924894661211, 4.85795828459614398 52.07378839671649473, 4.85847119793376603 52.07187246040886919, 4.85523150957378835 52.06881354621658886, 4.84037643987453681 52.06888006827186643, 4.82980790319116515 52.06682340284293531, 4.83403538854582049 52.07273585029403762, 4.83278923737824151 52.07295104333829272, 4.83304525956826669 52.07482692983459316, 4.82627568767134374 52.07464357557839918, 4.82649261121799888 52.07952717593586556, 4.82933220729587909 52.07794437989854686, 4.83225072679814538 52.07791504375646952, 4.83676202364126429 52.08133461076301529, 4.83852888029537898 52.08592961511120478, 4.84963490510934303 52.08637374771913642, 4.85002699879682897 52.08317971411083391, 4.85256330647342438 52.08242886984520936, 4.85191492682553172 52.07989536634541139)))</t>
  </si>
  <si>
    <t>MultiPolygon (((4.82438949402094064 52.10540307553848294, 4.83008955404819318 52.10493009912600115, 4.83634602864391194 52.1029813334051326, 4.84192245965189461 52.10297889818119899, 4.84526406223716499 52.10227705010517951, 4.86195989176485099 52.0951282867229466, 4.86174497826325869 52.09244929180641037, 4.86155218430831759 52.0865395059636711, 4.85662706354255391 52.08736304891310454, 4.84963490510934303 52.08637374771913642, 4.83852888029537898 52.08592961511120478, 4.83676202364126429 52.08133461076301529, 4.83225072679814538 52.07791504375646952, 4.82933220729587909 52.07794437989854686, 4.82649261121799888 52.07952717593586556, 4.825629565962676 52.07979233229905702, 4.82563534598578059 52.08008147421783463, 4.82339470379058533 52.09280121655861961, 4.82305588614056902 52.10519280467351422, 4.82438949402094064 52.10540307553848294)))</t>
  </si>
  <si>
    <t>MultiPolygon (((4.90556578063908244 52.0892793207701601, 4.91367265844516865 52.09200953808182533, 4.91849126008087811 52.08713278312802686, 4.91964435950725587 52.08752467048409329, 4.92241401635891407 52.08470398839713766, 4.91741218526733537 52.0825495550364721, 4.9106378476688306 52.08329324533298177, 4.90556578063908244 52.0892793207701601, 4.90556578063908244 52.0892793207701601)))</t>
  </si>
  <si>
    <t>MultiPolygon (((4.89860272305398592 52.07641265970492128, 4.90856206213339608 52.07941485223932432, 4.91053389062422507 52.0809854717204459, 4.91444232152322247 52.07734786329179144, 4.9141183281086489 52.07659408209593721, 4.90293347237326049 52.07269745652861559, 4.90143095060253131 52.0728931247798883, 4.89991911317909512 52.07391279230432701, 4.89880307413318405 52.0761872934924881, 4.89860272305398592 52.07641265970492128, 4.89860272305398592 52.07641265970492128)))</t>
  </si>
  <si>
    <t>MultiPolygon (((4.89168912693392777 52.08468946419962009, 4.90556578063908244 52.0892793207701601, 4.9106378476688306 52.08329324533298177, 4.91053389062422507 52.0809854717204459, 4.90856206213339608 52.07941485223932432, 4.89860272305398592 52.07641265970492128, 4.89620090408882547 52.07926960739208511, 4.89168912693392777 52.08468946419962009, 4.89168912693392777 52.08468946419962009)))</t>
  </si>
  <si>
    <t>MultiPolygon (((4.89620090408882547 52.07926960739208511, 4.89860272305398592 52.07641265970492128, 4.89880307413318405 52.0761872934924881, 4.89768031252126956 52.07521263723636906, 4.89442427309984129 52.07419032359997146, 4.88417654055886707 52.07424124028240442, 4.8863687605237649 52.07615088567827399, 4.89620090408882547 52.07926960739208511, 4.89620090408882547 52.07926960739208511)))</t>
  </si>
  <si>
    <t>MultiPolygon (((4.89168912693392777 52.08468946419962009, 4.89620090408882547 52.07926960739208511, 4.8863687605237649 52.07615088567827399, 4.88417654055886707 52.07424124028240442, 4.87945843049421857 52.07591407041888232, 4.88512018034984585 52.08119389776639707, 4.89168912693392777 52.08468946419962009, 4.89168912693392777 52.08468946419962009)))</t>
  </si>
  <si>
    <t>MultiPolygon (((4.88417654055886707 52.07424124028240442, 4.89442427309984129 52.07419032359997146, 4.89768031252126956 52.07521263723636906, 4.89880307413318405 52.0761872934924881, 4.89991911317909512 52.07391279230432701, 4.90143095060253131 52.0728931247798883, 4.9016133520865548 52.07039643229846604, 4.90025001122007176 52.07020226112623362, 4.88898453027730451 52.06890754473859317, 4.87533466782261549 52.06888528222076218, 4.87451638958681688 52.06819074714584161, 4.87320041181484154 52.06874539314767247, 4.85523150957378835 52.06881354621658886, 4.85847119793376603 52.07187246040886919, 4.86064165702762629 52.07246344409642091, 4.86637696687789045 52.07312985800542293, 4.87140612457359357 52.07444371778236558, 4.87552141826243624 52.07719762299220889, 4.87945843049421857 52.07591407041888232, 4.88417654055886707 52.07424124028240442, 4.88417654055886707 52.07424124028240442)))</t>
  </si>
  <si>
    <t>MultiPolygon (((4.86575792169249244 52.08235835478519959, 4.86842641378431473 52.08215619459507906, 4.87221000351993894 52.07874348570225465, 4.87582013341322451 52.07740734418384676, 4.87552141826243624 52.07719762299220889, 4.87140612457359357 52.07444371778236558, 4.86637696687789045 52.07312985800542293, 4.86064165702762629 52.07246344409642091, 4.85874813531932226 52.07462797006650845, 4.8620590866993183 52.07586099771088328, 4.86575792169249244 52.08235835478519959, 4.86575792169249244 52.08235835478519959)))</t>
  </si>
  <si>
    <t>MultiPolygon (((4.85256330647342438 52.08242886984520936, 4.85781030018822335 52.0831032807420371, 4.86575792169249244 52.08235835478519959, 4.8620590866993183 52.07586099771088328, 4.85874813531932226 52.07462797006650845, 4.86064165702762629 52.07246344409642091, 4.85847119793376603 52.07187246040886919, 4.85795828459614398 52.07378839671649473, 4.85618557966436093 52.07524924894661211, 4.85351887112493063 52.07595544078616712, 4.85191492682553172 52.07989536634541139, 4.85256330647342438 52.08242886984520936, 4.85256330647342438 52.08242886984520936)))</t>
  </si>
  <si>
    <t>MultiPolygon (((4.84963490510934303 52.08637374771913642, 4.85662706354255391 52.08736304891310454, 4.86155218430831759 52.0865395059636711, 4.8687403011028465 52.08444552045085629, 4.86842641378431473 52.08215619459507906, 4.86575792169249244 52.08235835478519959, 4.85781030018822335 52.0831032807420371, 4.85256330647342438 52.08242886984520936, 4.85002699879682897 52.08317971411083391, 4.84963490510934303 52.08637374771913642, 4.84963490510934303 52.08637374771913642)))</t>
  </si>
  <si>
    <t>MultiPolygon (((4.86174497826325869 52.09244929180641037, 4.87853336289720918 52.09377001435623811, 4.88115192585390378 52.09047943325236218, 4.88125090711731158 52.08911677510153027, 4.88060155752154401 52.08771735790781321, 4.8724873258365502 52.08625587877354235, 4.8687403011028465 52.08444552045085629, 4.86155218430831759 52.0865395059636711, 4.86174497826325869 52.09244929180641037, 4.86174497826325869 52.09244929180641037)))</t>
  </si>
  <si>
    <t>MultiPolygon (((4.87853336289720918 52.09377001435623811, 4.89244789078692133 52.09525226792521124, 4.89519988481056512 52.09012252786468622, 4.89463222241031559 52.08878352741152185, 4.89108060152479496 52.08685875340890448, 4.88578687992735539 52.08968576654250171, 4.88125090711731158 52.08911677510153027, 4.88115192585390378 52.09047943325236218, 4.87853336289720918 52.09377001435623811, 4.87853336289720918 52.09377001435623811)))</t>
  </si>
  <si>
    <t>MultiPolygon (((4.89244789078692133 52.09525226792521124, 4.89412947420192346 52.09574143829203052, 4.89775425897230487 52.09416593503378579, 4.90196229923052318 52.09393748819859127, 4.90739887576722911 52.09694980296662692, 4.91013977332943696 52.09708357768784737, 4.91373496909615959 52.09203097344647659, 4.91367265844516865 52.09200953808182533, 4.90556578063908244 52.0892793207701601, 4.89168912693392777 52.08468946419962009, 4.89073768784060459 52.08583935370985785, 4.89108060152479496 52.08685875340890448, 4.89463222241031559 52.08878352741152185, 4.89519988481056512 52.09012252786468622, 4.89244789078692133 52.09525226792521124, 4.89244789078692133 52.09525226792521124)))</t>
  </si>
  <si>
    <t>MultiPolygon (((4.89073768784060459 52.08583935370985785, 4.89168912693392777 52.08468946419962009, 4.88512018034984585 52.08119389776639707, 4.87945843049421857 52.07591407041888232, 4.87552141826243624 52.07719762299220889, 4.87582013341322451 52.07740734418384676, 4.87642028639745995 52.07719149859677543, 4.87865625422080296 52.07872748971295351, 4.87831837401747048 52.0805586698556624, 4.88172593188063697 52.08234909319913442, 4.88694527325090267 52.08274506373783197, 4.89010219640479704 52.08438355654659091, 4.89073768784060459 52.08583935370985785, 4.89073768784060459 52.08583935370985785)))</t>
  </si>
  <si>
    <t>MultiPolygon (((4.8687403011028465 52.08444552045085629, 4.8724873258365502 52.08625587877354235, 4.88060155752154401 52.08771735790781321, 4.87997317346758308 52.08453822186086768, 4.88172593188063697 52.08234909319913442, 4.87831837401747048 52.0805586698556624, 4.87865625422080296 52.07872748971295351, 4.87642028639745995 52.07719149859677543, 4.87582013341322451 52.07740734418384676, 4.87221000351993894 52.07874348570225465, 4.86842641378431473 52.08215619459507906, 4.8687403011028465 52.08444552045085629, 4.8687403011028465 52.08444552045085629)))</t>
  </si>
  <si>
    <t>MultiPolygon (((4.88060155752154401 52.08771735790781321, 4.88125090711731158 52.08911677510153027, 4.88578687992735539 52.08968576654250171, 4.89108060152479496 52.08685875340890448, 4.89073768784060459 52.08583935370985785, 4.89010219640479704 52.08438355654659091, 4.88694527325090267 52.08274506373783197, 4.88172593188063697 52.08234909319913442, 4.87997317346758308 52.08453822186086768, 4.88060155752154401 52.08771735790781321, 4.88060155752154401 52.08771735790781321)))</t>
  </si>
  <si>
    <t>MultiPolygon (((4.4037072230615264 52.15300579032469841, 4.40737051002171931 52.15568356902745961, 4.41201839376889016 52.1539652463765151, 4.41222678766840293 52.15254671277412513, 4.41382905986526453 52.151511600781987, 4.4115399143394729 52.14969049558561665, 4.4037072230615264 52.15300579032469841, 4.4037072230615264 52.15300579032469841)))</t>
  </si>
  <si>
    <t>MultiPolygon (((4.40322055772726184 52.16895728378937491, 4.39338111471421211 52.16331183493554846, 4.390480215085514 52.16530725138671443, 4.38423827935388744 52.16339861616496876, 4.38247170878164916 52.16220460440028717, 4.37916943483729337 52.15914840246144735, 4.38529320713253945 52.15351701177315391, 4.39098854917614023 52.14892716672543571, 4.39087979227597813 52.14879030478956423, 4.38903849783256028 52.14627704095150307, 4.38907823671480202 52.13953243163325624, 4.38869158930449021 52.13919928197740461, 4.38817952647270015 52.13893420952461355, 4.38062238527702341 52.14300860711826147, 4.38105302714803013 52.14436120892539606, 4.34989697358333682 52.16579665522745302, 4.3575730962295518 52.17172686957724181, 4.37443348334039683 52.18687382638778161, 4.39227815536513688 52.17507687034053987, 4.39509100883249992 52.17460564596996164, 4.40007978370400288 52.17138138740396869, 4.40322055772726184 52.16895728378937491, 4.40322055772726184 52.16895728378937491)))</t>
  </si>
  <si>
    <t>MultiPolygon (((4.41159508447301896 52.16347917777466847, 4.41319365357230176 52.16379085652234693, 4.41476415375257947 52.16245466806196163, 4.41778631248667342 52.16147752868932486, 4.41977153187483829 52.16234433094825818, 4.42597399632512811 52.15922980796642605, 4.431548694344424 52.15836714350669467, 4.44047817994033167 52.15565298391639004, 4.43923247577336877 52.15470747058059686, 4.43886515695747175 52.15326448550227667, 4.44137158639759466 52.14949849606480825, 4.4439393114437582 52.14604126426353758, 4.44298853264887406 52.1453457875074804, 4.42731557558674194 52.13319037203181239, 4.41830479338286519 52.12443579243252145, 4.4132246168539222 52.12218863286254589, 4.39840018445662295 52.13268966935427073, 4.40712702310498727 52.13795704547309384, 4.41031136124771894 52.13952499538861929, 4.42376682239706831 52.14549083961470188, 4.41969512595895697 52.1496496272524368, 4.41595019661556343 52.15209384450973573, 4.41503358653999367 52.15256225387355471, 4.41382905986526453 52.151511600781987, 4.41222678766840293 52.15254671277412513, 4.41201839376889016 52.1539652463765151, 4.40737051002171931 52.15568356902745961, 4.4037072230615264 52.15300579032469841, 4.40221199330358015 52.15332537668158608, 4.40068601453803154 52.15427551945593621, 4.39879407007986067 52.15272546815550214, 4.39524461312827786 52.15169554417509801, 4.39448965525362034 52.1524613628561724, 4.39098854917614023 52.14892716672543571, 4.38529320713253945 52.15351701177315391, 4.38831081371688025 52.1541026992359491, 4.39437485575119968 52.16048095844567456, 4.40509400381221017 52.1676207255656692, 4.40931917902166592 52.16934205635257626, 4.41159508447301896 52.16347917777466847, 4.41159508447301896 52.16347917777466847),(4.42904003100442356 52.15428042840576239, 4.42090320619553889 52.15134954099058717, 4.42491028018769761 52.14675772035726453, 4.42595965603348063 52.14666094217941605, 4.43679436501708402 52.15146600035046731, 4.43441655411167446 52.15337771558738922, 4.43183218678932622 52.15302593082632399, 4.42904003100442356 52.15428042840576239, 4.42904003100442356 52.15428042840576239)))</t>
  </si>
  <si>
    <t>MultiPolygon (((4.43183218678932622 52.15302593082632399, 4.43441655411167446 52.15337771558738922, 4.43679436501708402 52.15146600035046731, 4.42595965603348063 52.14666094217941605, 4.42491028018769761 52.14675772035726453, 4.42090320619553889 52.15134954099058717, 4.42904003100442356 52.15428042840576239, 4.43183218678932622 52.15302593082632399, 4.43183218678932622 52.15302593082632399)))</t>
  </si>
  <si>
    <t>MultiPolygon (((4.40509400381221017 52.1676207255656692, 4.39437485575119968 52.16048095844567456, 4.38831081371688025 52.1541026992359491, 4.38529320713253945 52.15351701177315391, 4.37916943483729337 52.15914840246144735, 4.38247170878164916 52.16220460440028717, 4.38423827935388744 52.16339861616496876, 4.390480215085514 52.16530725138671443, 4.39338111471421211 52.16331183493554846, 4.40322055772726184 52.16895728378937491, 4.40411222786433765 52.16840511115142931, 4.40509400381221017 52.1676207255656692, 4.40509400381221017 52.1676207255656692)))</t>
  </si>
  <si>
    <t>MultiPolygon (((4.4115399143394729 52.14969049558561665, 4.41382905986526453 52.151511600781987, 4.41503358653999367 52.15256225387355471, 4.41595019661556343 52.15209384450973573, 4.41969512595895697 52.1496496272524368, 4.42376682239706831 52.14549083961470188, 4.41031136124771894 52.13952499538861929, 4.40836681246639994 52.14075466047641072, 4.40596041625340007 52.14069655280647453, 4.40331630287329201 52.14244630826129878, 4.40361974838899606 52.14371392946321038, 4.4115399143394729 52.14969049558561665, 4.4115399143394729 52.14969049558561665)))</t>
  </si>
  <si>
    <t>MultiPolygon (((4.39806799991376707 52.14468525044446068, 4.39925019017062802 52.14562679623483632, 4.40361974838899606 52.14371392946321038, 4.40331630287329201 52.14244630826129878, 4.40596041625340007 52.14069655280647453, 4.40836681246639994 52.14075466047641072, 4.41031136124771894 52.13952499538861929, 4.40712702310498727 52.13795704547309384, 4.3960506559422754 52.14248908199301979, 4.39806799991376707 52.14468525044446068, 4.39806799991376707 52.14468525044446068)))</t>
  </si>
  <si>
    <t>MultiPolygon (((4.40221199330358015 52.15332537668158608, 4.4037072230615264 52.15300579032469841, 4.4115399143394729 52.14969049558561665, 4.40361974838899606 52.14371392946321038, 4.39925019017062802 52.14562679623483632, 4.39806799991376707 52.14468525044446068, 4.39515184302402595 52.14686539923054198, 4.40221199330358015 52.15332537668158608, 4.40221199330358015 52.15332537668158608)))</t>
  </si>
  <si>
    <t>MultiPolygon (((4.39098854917614023 52.14892716672543571, 4.39448965525362034 52.1524613628561724, 4.39524461312827786 52.15169554417509801, 4.39879407007986067 52.15272546815550214, 4.40068601453803154 52.15427551945593621, 4.40221199330358015 52.15332537668158608, 4.39515184302402595 52.14686539923054198, 4.39087979227597813 52.14879030478956423, 4.39098854917614023 52.14892716672543571, 4.39098854917614023 52.14892716672543571)))</t>
  </si>
  <si>
    <t>MultiPolygon (((4.39087979227597813 52.14879030478956423, 4.39515184302402595 52.14686539923054198, 4.39806799991376707 52.14468525044446068, 4.3960506559422754 52.14248908199301979, 4.39469420228710561 52.14031886233084379, 4.39204357420500902 52.13915906344779216, 4.38907823671480202 52.13953243163325624, 4.38903849783256028 52.14627704095150307, 4.39087979227597813 52.14879030478956423, 4.39087979227597813 52.14879030478956423)))</t>
  </si>
  <si>
    <t>MultiPolygon (((4.38869158930449021 52.13919928197740461, 4.38907823671480202 52.13953243163325624, 4.39204357420500902 52.13915906344779216, 4.39469420228710561 52.14031886233084379, 4.3960506559422754 52.14248908199301979, 4.40712702310498727 52.13795704547309384, 4.39840018445662295 52.13268966935427073, 4.38869158930449021 52.13919928197740461, 4.38869158930449021 52.13919928197740461)))</t>
  </si>
  <si>
    <t>MultiPolygon (((4.33161141098769775 52.14998040711048333, 4.34989697358333682 52.16579665522745302, 4.38105302714803013 52.14436120892539606, 4.38062238527702341 52.14300860711826147, 4.38817952647270015 52.13893420952461355, 4.38449076014346506 52.13671510503950657, 4.37839543957923016 52.13948300328634389, 4.36546094092110071 52.13143911381913398, 4.36163747867307627 52.13335207762426649, 4.36010556265892735 52.13351851814277182, 4.35372977841634867 52.13066520537926607, 4.35741273630247949 52.12887493560666741, 4.35732780140788822 52.12814844721525276, 4.34075303124746004 52.11686773778860271, 4.34563423798293691 52.11280652805378111, 4.34529456385092683 52.11256195602894081, 4.34039472485490041 52.11285113034281835, 4.32894217942355208 52.10920949946257252, 4.32883585777357727 52.10928734944658203, 4.30290461017381798 52.12832410060146771, 4.33161141098769775 52.14998040711048333, 4.33161141098769775 52.14998040711048333)))</t>
  </si>
  <si>
    <t>MultiPolygon (((4.38931018718319699 52.1039216464389483, 4.37270929656379259 52.09477259442455477, 4.37007298819863621 52.0960642078993601, 4.36440574679718285 52.10080554092550642, 4.39391653509083113 52.11698408797265358, 4.38474139079405312 52.12274367047892554, 4.38857760733191071 52.12529133657005787, 4.39840018445662295 52.13268966935427073, 4.4132246168539222 52.12218863286254589, 4.41354861911178631 52.12160542217149128, 4.40115906518420363 52.11186999458555391, 4.38931018718319699 52.1039216464389483, 4.38931018718319699 52.1039216464389483)))</t>
  </si>
  <si>
    <t>MultiPolygon (((4.34563423798293691 52.11280652805378111, 4.3530065337138808 52.11691743613894801, 4.35790842919778321 52.11314269827623491, 4.35216928769228151 52.10933717033824308, 4.34529456385092683 52.11256195602894081, 4.34563423798293691 52.11280652805378111, 4.34563423798293691 52.11280652805378111)))</t>
  </si>
  <si>
    <t>MultiPolygon (((4.3673792681558643 52.11120902971391899, 4.37233381329880011 52.11450116606230409, 4.37778328806303918 52.10991966497810779, 4.37347702876503952 52.10784145722598737, 4.37192879032316828 52.1078433004367696, 4.36988626150547521 52.10878134170938125, 4.3673792681558643 52.11120902971391899, 4.3673792681558643 52.11120902971391899)))</t>
  </si>
  <si>
    <t>MultiPolygon (((4.38105030555711927 52.12947894193396792, 4.36362367598794165 52.11995554408731124, 4.36091106489618863 52.11845783190896242, 4.35809176190500391 52.11975289772603759, 4.3530065337138808 52.11691743613894801, 4.34563423798293691 52.11280652805378111, 4.34075303124746004 52.11686773778860271, 4.35732780140788822 52.12814844721525276, 4.35741273630247949 52.12887493560666741, 4.35372977841634867 52.13066520537926607, 4.36010556265892735 52.13351851814277182, 4.36163747867307627 52.13335207762426649, 4.36546094092110071 52.13143911381913398, 4.37839543957923016 52.13948300328634389, 4.38449076014346506 52.13671510503950657, 4.38067023040287662 52.13516995408997445, 4.37559201923521002 52.13171871138327873, 4.38105030555711927 52.12947894193396792, 4.38105030555711927 52.12947894193396792)))</t>
  </si>
  <si>
    <t>MultiPolygon (((4.39391653509083113 52.11698408797265358, 4.36440574679718285 52.10080554092550642, 4.36330901017846351 52.10180345127758983, 4.35883135407687305 52.10552703791829288, 4.3673792681558643 52.11120902971391899, 4.36988626150547521 52.10878134170938125, 4.37192879032316828 52.1078433004367696, 4.37347702876503952 52.10784145722598737, 4.37778328806303918 52.10991966497810779, 4.37233381329880011 52.11450116606230409, 4.38474139079405312 52.12274367047892554, 4.39391653509083113 52.11698408797265358, 4.39391653509083113 52.11698408797265358)))</t>
  </si>
  <si>
    <t>MultiPolygon (((4.3437434578464913 52.09810854142862269, 4.34231812573321196 52.09748184206075905, 4.34136203954826261 52.09834248947246493, 4.3385733732366516 52.09743480904731427, 4.33725292981258814 52.09876951100471842, 4.32738901210723537 52.09565738016888758, 4.32328959417703818 52.09920995893218532, 4.33226427486400656 52.10304008471126735, 4.33043451901526666 52.10426121834465363, 4.33306041343132975 52.1057307819053932, 4.32894217942355208 52.10920949946257252, 4.34039472485490041 52.11285113034281835, 4.34529456385092683 52.11256195602894081, 4.35216928769228151 52.10933717033824308, 4.35848656199769646 52.10575894908733829, 4.3437434578464913 52.09810854142862269)))</t>
  </si>
  <si>
    <t>MultiPolygon (((4.3530065337138808 52.11691743613894801, 4.35809176190500391 52.11975289772603759, 4.36091106489618863 52.11845783190896242, 4.36362367598794165 52.11995554408731124, 4.37233381329880011 52.11450116606230409, 4.3673792681558643 52.11120902971391899, 4.35883135407687305 52.10552703791829288, 4.35848656199769646 52.10575894908733829, 4.35216928769228151 52.10933717033824308, 4.35790842919778321 52.11314269827623491, 4.3530065337138808 52.11691743613894801, 4.3530065337138808 52.11691743613894801)))</t>
  </si>
  <si>
    <t>MultiPolygon (((4.38105030555711927 52.12947894193396792, 4.38857760733191071 52.12529133657005787, 4.38474139079405312 52.12274367047892554, 4.37233381329880011 52.11450116606230409, 4.36362367598794165 52.11995554408731124, 4.38105030555711927 52.12947894193396792, 4.38105030555711927 52.12947894193396792)))</t>
  </si>
  <si>
    <t>MultiPolygon (((4.38817952647270015 52.13893420952461355, 4.38869158930449021 52.13919928197740461, 4.39840018445662295 52.13268966935427073, 4.38857760733191071 52.12529133657005787, 4.38105030555711927 52.12947894193396792, 4.37559201923521002 52.13171871138327873, 4.38067023040287662 52.13516995408997445, 4.38449076014346506 52.13671510503950657, 4.38817952647270015 52.13893420952461355, 4.38817952647270015 52.13893420952461355)))</t>
  </si>
  <si>
    <t>MultiPolygon (((4.65950241252868746 52.04391181338546346, 4.65983698048400719 52.04546928172731413, 4.67405453646881686 52.04474133287375537, 4.67394286480411569 52.04351945972341298, 4.66102767242337013 52.04298035666438693, 4.66027362990695959 52.04242562988965659, 4.66163773756933963 52.04082995566010794, 4.65845134591525234 52.03910987858400716, 4.65906085789032254 52.04195931949096376, 4.65950241252868746 52.04391181338546346, 4.65950241252868746 52.04391181338546346)))</t>
  </si>
  <si>
    <t>MultiPolygon (((4.66402409032771903 52.0577050422953036, 4.66696465702686059 52.05762737629251546, 4.66969991046361521 52.05550463632017255, 4.66900140668106012 52.05234154784611889, 4.67980404357239621 52.05207246972276636, 4.67954318024715032 52.0512462876657338, 4.67731148488580839 52.04397106693791386, 4.68705942199321068 52.04383607827315217, 4.68739970064870004 52.04308516196827128, 4.7051059533902917 52.0402827084050088, 4.70603928939861049 52.04011969881705113, 4.70173773267646844 52.03785600646667575, 4.69970171157242333 52.0369142813960508, 4.69497045352130105 52.03441915698193299, 4.6918965656415601 52.03298476310937559, 4.68584771240575559 52.03026386954489624, 4.68054137028016726 52.02798127582806842, 4.67908162878379397 52.02819101434761251, 4.66727899561940163 52.02507833684991567, 4.66777029954260048 52.02451870508917864, 4.6618873249118371 52.02873985817401348, 4.659772724690872 52.03113038946614211, 4.6586124255132626 52.03401226200369223, 4.65811200674489179 52.03627879925379318, 4.65845134591525234 52.03910987858400716, 4.66163773756933963 52.04082995566010794, 4.66027362990695959 52.04242562988965659, 4.66102767242337013 52.04298035666438693, 4.67394286480411569 52.04351945972341298, 4.67405453646881686 52.04474133287375537, 4.65983698048400719 52.04546928172731413, 4.66342857217564433 52.05702386950088112, 4.65915060247994006 52.06400595305877488, 4.65914776535354402 52.06401773816246248, 4.65996773022989519 52.06410430816854529, 4.66402409032771903 52.0577050422953036)))</t>
  </si>
  <si>
    <t>MultiPolygon (((4.67967167360222103 52.02115726364328196, 4.6818231046706531 52.0193075035113921, 4.67557485954569696 52.01767490590768261, 4.66660655264983593 52.01297063583893276, 4.6647921169926585 52.01452389909289309, 4.66471670474131628 52.01648476544979616, 4.6673032854073524 52.01924517653134927, 4.66776773777521914 52.02148940066517468, 4.67186991232432369 52.02089245288138386, 4.67364789296687988 52.02259932492767547, 4.67967167360222103 52.02115726364328196, 4.67967167360222103 52.02115726364328196)))</t>
  </si>
  <si>
    <t>MultiPolygon (((4.65684340472309177 52.02205090349049499, 4.6551848018005062 52.02101592095852567, 4.65305230264758674 52.02134420334724751, 4.64881272178393434 52.02057557744717542, 4.64887010916264121 52.02195690381148552, 4.64952282560854346 52.03623163520351369, 4.65159910366176099 52.03581193760361145, 4.6548012264944969 52.03188961176848437, 4.6643855045839091 52.02504722453183206, 4.66221943957162299 52.02453805329611924, 4.66280027581622747 52.02398426406748655, 4.65684340472309177 52.02205090349049499, 4.65684340472309177 52.02205090349049499)))</t>
  </si>
  <si>
    <t>MultiPolygon (((4.67038062771071782 52.0228351987147164, 4.67364789296687988 52.02259932492767547, 4.67186991232432369 52.02089245288138386, 4.66776773777521914 52.02148940066517468, 4.66737252096509092 52.02264606591312912, 4.66377118523604128 52.02200759317445034, 4.66280027581622747 52.02398426406748655, 4.66221943957162299 52.02453805329611924, 4.6643855045839091 52.02504722453183206, 4.6548012264944969 52.03188961176848437, 4.6586124255132626 52.03401226200369223, 4.659772724690872 52.03113038946614211, 4.6618873249118371 52.02873985817401348, 4.66777029954260048 52.02451870508917864, 4.67038062771071782 52.0228351987147164, 4.67038062771071782 52.0228351987147164)))</t>
  </si>
  <si>
    <t>MultiPolygon (((4.65246964693653453 52.03658033907862546, 4.65811200674489179 52.03627879925379318, 4.6586124255132626 52.03401226200369223, 4.6548012264944969 52.03188961176848437, 4.65159910366176099 52.03581193760361145, 4.65246964693653453 52.03658033907862546, 4.65246964693653453 52.03658033907862546)))</t>
  </si>
  <si>
    <t>MultiPolygon (((4.65906085789032254 52.04195931949096376, 4.65845134591525234 52.03910987858400716, 4.65811200674489179 52.03627879925379318, 4.65246964693653453 52.03658033907862546, 4.65378091866076016 52.0430452961021075, 4.65906085789032254 52.04195931949096376, 4.65906085789032254 52.04195931949096376)))</t>
  </si>
  <si>
    <t>MultiPolygon (((4.6499472383159457 52.04535859768087391, 4.65449456397637817 52.04521093052834146, 4.65950241252868746 52.04391181338546346, 4.65906085789032254 52.04195931949096376, 4.65378091866076016 52.0430452961021075, 4.65246964693653453 52.03658033907862546, 4.65159910366176099 52.03581193760361145, 4.64952282560854346 52.03623163520351369, 4.64967161679403418 52.03962659190904816, 4.64967542288140834 52.03971427798557414, 4.6499472383159457 52.04535859768087391, 4.6499472383159457 52.04535859768087391)))</t>
  </si>
  <si>
    <t>MultiPolygon (((4.65915060247994006 52.06400595305877488, 4.66342857217564433 52.05702386950088112, 4.65983698048400719 52.04546928172731413, 4.65950241252868746 52.04391181338546346, 4.65449456397637817 52.04521093052834146, 4.65543531027627644 52.04694995474662278, 4.65709705683349728 52.04677863511496838, 4.65796349379802788 52.04968203697412577, 4.6576352159399308 52.05293917358208233, 4.65651225801091062 52.05745822442523973, 4.65213747545342038 52.05791022258535605, 4.65215254989777804 52.05994027869896712, 4.64764977637355958 52.05995950935245276, 4.64690404232908438 52.06428003922636805, 4.65915060247994006 52.06400595305877488)))</t>
  </si>
  <si>
    <t>MultiPolygon (((4.64799062447874611 52.05805480248643846, 4.64764977637355958 52.05995950935245276, 4.65215254989777804 52.05994027869896712, 4.65213747545342038 52.05791022258535605, 4.65651225801091062 52.05745822442523973, 4.6576352159399308 52.05293917358208233, 4.64866459235083962 52.05413712470789278, 4.64799062447874611 52.05805480248643846, 4.64799062447874611 52.05805480248643846)))</t>
  </si>
  <si>
    <t>MultiPolygon (((4.64869085459848996 52.05398807654853499, 4.64866459235083962 52.05413712470789278, 4.6576352159399308 52.05293917358208233, 4.65796349379802788 52.04968203697412577, 4.64947660277745012 52.04941700773516544, 4.64869085459848996 52.05398807654853499, 4.64869085459848996 52.05398807654853499)))</t>
  </si>
  <si>
    <t>MultiPolygon (((4.64947660277745012 52.04941700773516544, 4.65796349379802788 52.04968203697412577, 4.65709705683349728 52.04677863511496838, 4.65543531027627644 52.04694995474662278, 4.65449456397637817 52.04521093052834146, 4.6499472383159457 52.04535859768087391, 4.64947660277745012 52.04941700773516544, 4.64947660277745012 52.04941700773516544)))</t>
  </si>
  <si>
    <t>MultiPolygon (((4.64842525338009072 52.01898651524595607, 4.63680252262065817 52.01167991167044846, 4.62473569871808987 52.01472205288802542, 4.59695232899781914 52.0315463751230709, 4.59108942778073637 52.03508737610080459, 4.6073345571832327 52.04531199615046688, 4.60627271475734368 52.04594909944475489, 4.61022433762878947 52.04626730695437686, 4.61082253421036903 52.04823347810592082, 4.63514955946463658 52.04578539829541484, 4.63727755939146213 52.04432609737249038, 4.63232643454628601 52.04107369221883772, 4.63336421558047729 52.04030921493053796, 4.62890996311782033 52.03754313270655985, 4.62504626605644376 52.03506839884153123, 4.6336356190136323 52.03002244681631794, 4.64686378960194357 52.02213048601943512, 4.64887010916264121 52.02195690381148552, 4.64881272178393434 52.02057557744717542, 4.64842525338009072 52.01898651524595607, 4.64842525338009072 52.01898651524595607)))</t>
  </si>
  <si>
    <t>MultiPolygon (((4.64967161679403418 52.03962659190904816, 4.64952282560854346 52.03623163520351369, 4.64887010916264121 52.02195690381148552, 4.64686378960194357 52.02213048601943512, 4.6336356190136323 52.03002244681631794, 4.63741049328355803 52.03238787866328607, 4.64967161679403418 52.03962659190904816, 4.64967161679403418 52.03962659190904816)))</t>
  </si>
  <si>
    <t>MultiPolygon (((4.62890996311782033 52.03754313270655985, 4.63741049328355803 52.03238787866328607, 4.6336356190136323 52.03002244681631794, 4.62504626605644376 52.03506839884153123, 4.62890996311782033 52.03754313270655985, 4.62890996311782033 52.03754313270655985)))</t>
  </si>
  <si>
    <t>MultiPolygon (((4.64967161679403418 52.03962659190904816, 4.63741049328355803 52.03238787866328607, 4.62890996311782033 52.03754313270655985, 4.63336421558047729 52.04030921493053796, 4.63232643454628601 52.04107369221883772, 4.63727755939146213 52.04432609737249038, 4.63514955946463658 52.04578539829541484, 4.64090347674801063 52.04509204628823227, 4.64303980442147068 52.04335141125536524, 4.64079085364889199 52.04131278387916382, 4.64478388888634353 52.03861915178433861, 4.64710071707571615 52.03859172019719637, 4.64967542288140834 52.03971427798557414, 4.64967161679403418 52.03962659190904816, 4.64967161679403418 52.03962659190904816)))</t>
  </si>
  <si>
    <t>MultiPolygon (((4.64006897296404031 52.04696923120646801, 4.64556140320721145 52.04614013870808265, 4.6499472383159457 52.04535859768087391, 4.64967542288140834 52.03971427798557414, 4.64710071707571615 52.03859172019719637, 4.64478388888634353 52.03861915178433861, 4.64079085364889199 52.04131278387916382, 4.64303980442147068 52.04335141125536524, 4.64090347674801063 52.04509204628823227, 4.63514955946463658 52.04578539829541484, 4.63526307036989227 52.04628362589878066, 4.6395993644371698 52.04575949067920959, 4.64006897296404031 52.04696923120646801, 4.64006897296404031 52.04696923120646801)))</t>
  </si>
  <si>
    <t>MultiPolygon (((4.64764977637355958 52.05995950935245276, 4.64799062447874611 52.05805480248643846, 4.6405757309252591 52.0580670004167132, 4.64202447125526785 52.05401505186696909, 4.64203236010512033 52.05040644142290063, 4.64006897296404031 52.04696923120646801, 4.6395993644371698 52.04575949067920959, 4.63526307036989227 52.04628362589878066, 4.63514955946463658 52.04578539829541484, 4.61082253421036903 52.04823347810592082, 4.61094740841567052 52.04871085300544564, 4.60804684287466237 52.04911653060825927, 4.60552910216695111 52.05043832653335301, 4.60840592625608192 52.06294428293756482, 4.6080742264454555 52.06544109554705102, 4.60742711087767809 52.06552651866797987, 4.6070237219830803 52.07704584397485092, 4.62532037528552653 52.07644324935406388, 4.62530718004953822 52.0744472264764795, 4.6368811644901724 52.0735316408804394, 4.63762469774285169 52.06801016026810913, 4.63822512141267662 52.06482359519137759, 4.64686066204780346 52.06428271122607754, 4.64690404232908438 52.06428003922636805, 4.64764977637355958 52.05995950935245276, 4.64764977637355958 52.05995950935245276)))</t>
  </si>
  <si>
    <t>MultiPolygon (((4.64716771981059207 52.05399360350634197, 4.64869085459848996 52.05398807654853499, 4.64947660277745012 52.04941700773516544, 4.6499472383159457 52.04535859768087391, 4.64556140320721145 52.04614013870808265, 4.6469113254379808 52.04975804546216978, 4.64716771981059207 52.05399360350634197, 4.64716771981059207 52.05399360350634197)))</t>
  </si>
  <si>
    <t>MultiPolygon (((4.64799062447874611 52.05805480248643846, 4.64866459235083962 52.05413712470789278, 4.64869085459848996 52.05398807654853499, 4.64716771981059207 52.05399360350634197, 4.64202447125526785 52.05401505186696909, 4.6405757309252591 52.0580670004167132, 4.64799062447874611 52.05805480248643846, 4.64799062447874611 52.05805480248643846)))</t>
  </si>
  <si>
    <t>MultiPolygon (((4.64202447125526785 52.05401505186696909, 4.64716771981059207 52.05399360350634197, 4.6469113254379808 52.04975804546216978, 4.64203236010512033 52.05040644142290063, 4.64202447125526785 52.05401505186696909, 4.64202447125526785 52.05401505186696909)))</t>
  </si>
  <si>
    <t>MultiPolygon (((4.64203236010512033 52.05040644142290063, 4.6469113254379808 52.04975804546216978, 4.64556140320721145 52.04614013870808265, 4.64006897296404031 52.04696923120646801, 4.64203236010512033 52.05040644142290063, 4.64203236010512033 52.05040644142290063)))</t>
  </si>
  <si>
    <t>MultiPolygon (((4.44378948316753331 52.14101325258951647, 4.4446780840844804 52.14061988419149429, 4.44656199227907667 52.14119324286775736, 4.44925482705306941 52.14100831778829104, 4.44161218353419862 52.13334181152274027, 4.44035772388182615 52.13250971185058091, 4.43774009142155634 52.13353784505327582, 4.43101129081606881 52.13019687686723103, 4.43070805930046241 52.12886752847663985, 4.43482511612559716 52.12661520412239469, 4.42760735778100489 52.12128013887904388, 4.42580991229473231 52.11818327406170681, 4.42901212400286681 52.11627596530106388, 4.43040237884646881 52.11663865166319454, 4.43277912380080785 52.11895644873339961, 4.43580969592068008 52.11668774600191512, 4.43330486211212182 52.11358809273671255, 4.43692456997992046 52.11159406331881172, 4.43884191069382528 52.11260189258435105, 4.44130812487441062 52.11085007180462014, 4.43899398645546484 52.10992924993401942, 4.43574451849727946 52.10740153257449236, 4.43357878026490049 52.10415799112085722, 4.42790258406592496 52.10147024464355781, 4.42084345223245823 52.10461015446346522, 4.42121528307982548 52.10498326642113653, 4.41415791239185751 52.10750833178453689, 4.41307434976624613 52.10663310995757058, 4.41137811520708301 52.10728658061039198, 4.41204809357523864 52.10797121971077672, 4.40115906518420363 52.11186999458555391, 4.41354861911178631 52.12160542217149128, 4.4132246168539222 52.12218863286254589, 4.41830479338286519 52.12443579243252145, 4.42731557558674194 52.13319037203181239, 4.44298853264887406 52.1453457875074804, 4.44378948316753331 52.14101325258951647, 4.44378948316753331 52.14101325258951647)))</t>
  </si>
  <si>
    <t>MultiPolygon (((4.43649736002207007 52.12580961487609699, 4.4382428480619085 52.12717440458106921, 4.44457377271500231 52.12467313943691494, 4.4433267867380124 52.12322519066577087, 4.44130729385310552 52.12144653730765498, 4.44104159429365097 52.12131511388975724, 4.43487329055298485 52.12415413960095378, 4.43649736002207007 52.12580961487609699, 4.43649736002207007 52.12580961487609699)))</t>
  </si>
  <si>
    <t>MultiPolygon (((4.44035772388182615 52.13250971185058091, 4.44161218353419862 52.13334181152274027, 4.44314806076113378 52.13328024167095265, 4.44669358773817702 52.13121172513249491, 4.44532065559678191 52.13077381343522632, 4.45008455555544202 52.1277601750528703, 4.44872176580745027 52.12681686373341705, 4.44457377271500231 52.12467313943691494, 4.4382428480619085 52.12717440458106921, 4.43649736002207007 52.12580961487609699, 4.43512045157964074 52.12672684975186854, 4.44035772388182615 52.13250971185058091, 4.44035772388182615 52.13250971185058091)))</t>
  </si>
  <si>
    <t>MultiPolygon (((4.44457377271500231 52.12467313943691494, 4.44872176580745027 52.12681686373341705, 4.4483415241921227 52.12452465842950744, 4.44687120996124463 52.12269557817627685, 4.44498758887004719 52.12241094312610556, 4.4433267867380124 52.12322519066577087, 4.44457377271500231 52.12467313943691494, 4.44457377271500231 52.12467313943691494)))</t>
  </si>
  <si>
    <t>MultiPolygon (((4.46449228857868974 52.1273111703007217, 4.46321187494444427 52.12632585054176815, 4.45731950270230737 52.12876862129635924, 4.45649795423418738 52.12773303076918552, 4.45314625237921025 52.12944301101681788, 4.46203161315774555 52.13351444110152499, 4.46813702312908845 52.13560849562524169, 4.46923866573184103 52.13427561702186352, 4.46906635200642732 52.13319837303484405, 4.46449228857868974 52.1273111703007217)))</t>
  </si>
  <si>
    <t>MultiPolygon (((4.43512045157964074 52.12672684975186854, 4.43482511612559716 52.12661520412239469, 4.43070805930046241 52.12886752847663985, 4.43101129081606881 52.13019687686723103, 4.43774009142155634 52.13353784505327582, 4.44035772388182615 52.13250971185058091, 4.43512045157964074 52.12672684975186854, 4.43512045157964074 52.12672684975186854)))</t>
  </si>
  <si>
    <t>MultiPolygon (((4.44104159429365097 52.12131511388975724, 4.44130729385310552 52.12144653730765498, 4.444459091103929 52.1198079813934072, 4.44582386137493657 52.12040594665081983, 4.45107498873365959 52.11751212203711958, 4.44685340768774129 52.1136179015914891, 4.44130812487441062 52.11085007180462014, 4.43884191069382528 52.11260189258435105, 4.43692456997992046 52.11159406331881172, 4.43330486211212182 52.11358809273671255, 4.43580969592068008 52.11668774600191512, 4.44104159429365097 52.12131511388975724, 4.44104159429365097 52.12131511388975724)))</t>
  </si>
  <si>
    <t>MultiPolygon (((4.45008455555544202 52.1277601750528703, 4.45314625237921025 52.12944301101681788, 4.45649795423418738 52.12773303076918552, 4.45731950270230737 52.12876862129635924, 4.46321187494444427 52.12632585054176815, 4.45598212720942843 52.12117728629176838, 4.4483415241921227 52.12452465842950744, 4.44872176580745027 52.12681686373341705, 4.45008455555544202 52.1277601750528703, 4.45008455555544202 52.1277601750528703)))</t>
  </si>
  <si>
    <t>MultiPolygon (((4.4433267867380124 52.12322519066577087, 4.44498758887004719 52.12241094312610556, 4.44687120996124463 52.12269557817627685, 4.4483415241921227 52.12452465842950744, 4.45598212720942843 52.12117728629176838, 4.45107498873365959 52.11751212203711958, 4.44582386137493657 52.12040594665081983, 4.444459091103929 52.1198079813934072, 4.44130729385310552 52.12144653730765498, 4.4433267867380124 52.12322519066577087, 4.4433267867380124 52.12322519066577087)))</t>
  </si>
  <si>
    <t>MultiPolygon (((4.43482511612559716 52.12661520412239469, 4.43512045157964074 52.12672684975186854, 4.43649736002207007 52.12580961487609699, 4.43487329055298485 52.12415413960095378, 4.44104159429365097 52.12131511388975724, 4.43580969592068008 52.11668774600191512, 4.43277912380080785 52.11895644873339961, 4.43040237884646881 52.11663865166319454, 4.42901212400286681 52.11627596530106388, 4.42580991229473231 52.11818327406170681, 4.42760735778100489 52.12128013887904388, 4.43482511612559716 52.12661520412239469, 4.43482511612559716 52.12661520412239469)))</t>
  </si>
  <si>
    <t>MultiPolygon (((4.4500922600305346 52.14143904947781039, 4.45975360481436134 52.13789359405051016, 4.46254880059125281 52.1361529602115823, 4.46203161315774555 52.13351444110152499, 4.45314625237921025 52.12944301101681788, 4.45008455555544202 52.1277601750528703, 4.44532065559678191 52.13077381343522632, 4.44669358773817702 52.13121172513249491, 4.44314806076113378 52.13328024167095265, 4.44161218353419862 52.13334181152274027, 4.44925482705306941 52.14100831778829104, 4.4500922600305346 52.14143904947781039, 4.4500922600305346 52.14143904947781039)))</t>
  </si>
  <si>
    <t>MultiPolygon (((4.46244442053192625 52.14977673546817272, 4.46296882509775639 52.14894502779916508, 4.46540552441350336 52.14944289945281497, 4.4660506648395808 52.1464160992942567, 4.46668203958619436 52.14089062775047978, 4.46724064080410699 52.1367526903740881, 4.46813702312908845 52.13560849562524169, 4.46203161315774555 52.13351444110152499, 4.46254880059125281 52.1361529602115823, 4.45975360481436134 52.13789359405051016, 4.4500922600305346 52.14143904947781039, 4.45701961576037853 52.14778886956538884, 4.45928726560261524 52.14969671909408078, 4.46244442053192625 52.14977673546817272, 4.46244442053192625 52.14977673546817272)))</t>
  </si>
  <si>
    <t>MultiPolygon (((4.33031668148792459 51.91794572887454962, 4.32548037494066495 51.91741823691950231, 4.31858618528572791 51.91815588625587452, 4.31223553515544289 51.91897700451724518, 4.29295375477002672 51.92146780918267268, 4.29507341569975321 51.92287837823974428, 4.31374710957877827 51.93493313731375594, 4.31484311754668415 51.93681013661538515, 4.32290603164140119 51.94269820509951785, 4.32387347993490323 51.94164000849949048, 4.32747090899486953 51.94027428018176806, 4.32972686526830763 51.93831992814155285, 4.3309759808191135 51.93476333621312335, 4.3358997984689891 51.93022454914534336, 4.34072923834073165 51.92039560009664001, 4.33031668148792459 51.91794572887454962, 4.33031668148792459 51.91794572887454962)))</t>
  </si>
  <si>
    <t>MultiPolygon (((4.32972686526830763 51.93831992814155285, 4.33429480382274157 51.93922332845814793, 4.33538694448815942 51.93744784481286558, 4.33429916106248214 51.93694243291167822, 4.33505211480423203 51.93530431219545562, 4.33694586001057392 51.93247646905027182, 4.34045685176866591 51.93289792458424614, 4.34155645436565951 51.93096282911939454, 4.3358997984689891 51.93022454914534336, 4.3309759808191135 51.93476333621312335, 4.32972686526830763 51.93831992814155285, 4.32972686526830763 51.93831992814155285)))</t>
  </si>
  <si>
    <t>MultiPolygon (((4.35067135888409329 51.95150652054201856, 4.35619363357940959 51.94412713832107187, 4.35643758449112894 51.94380516445134788, 4.35509454041504807 51.9441143477765479, 4.34672599210108146 51.94248879715928524, 4.33523086334089935 51.94005734085613568, 4.33429480382274157 51.93922332845814793, 4.32972686526830763 51.93831992814155285, 4.32747090899486953 51.94027428018176806, 4.32387347993490323 51.94164000849949048, 4.3364604874975532 51.94643445423771055, 4.33553001812622707 51.94699396273436776, 4.33655642608560843 51.94739700373754943, 4.35067135888409329 51.95150652054201856, 4.35067135888409329 51.95150652054201856)))</t>
  </si>
  <si>
    <t>MultiPolygon (((4.34672599210108146 51.94248879715928524, 4.35509454041504807 51.9441143477765479, 4.35643758449112894 51.94380516445134788, 4.36094242016561751 51.93803356351502032, 4.36220262909921974 51.93575971089492072, 4.35804412540687469 51.93479905397968821, 4.35629767490011943 51.9376226756922037, 4.35445616074688946 51.93790971245754662, 4.35218204585685164 51.93734315623058961, 4.3489363799937566 51.93987353261287154, 4.34672599210108146 51.94248879715928524, 4.34672599210108146 51.94248879715928524)))</t>
  </si>
  <si>
    <t>MultiPolygon (((4.3489363799937566 51.93987353261287154, 4.35218204585685164 51.93734315623058961, 4.34821090019113132 51.93515320009694136, 4.34675272887885278 51.93474846119040222, 4.3466705826470724 51.93486959179449514, 4.34600929867462948 51.93591185296028812, 4.34804579028726579 51.93962966905965573, 4.3489363799937566 51.93987353261287154, 4.3489363799937566 51.93987353261287154)))</t>
  </si>
  <si>
    <t>MultiPolygon (((4.34821090019113132 51.93515320009694136, 4.35218204585685164 51.93734315623058961, 4.35445616074688946 51.93790971245754662, 4.35629767490011943 51.9376226756922037, 4.35804412540687469 51.93479905397968821, 4.3498075203322113 51.93289589074298362, 4.34821090019113132 51.93515320009694136, 4.34821090019113132 51.93515320009694136)))</t>
  </si>
  <si>
    <t>MultiPolygon (((4.34675272887885278 51.93474846119040222, 4.34821090019113132 51.93515320009694136, 4.3498075203322113 51.93289589074298362, 4.34155645436565951 51.93096282911939454, 4.34045685176866591 51.93289792458424614, 4.34557636075728571 51.9339615852527885, 4.34675272887885278 51.93474846119040222, 4.34675272887885278 51.93474846119040222)))</t>
  </si>
  <si>
    <t>MultiPolygon (((4.3466705826470724 51.93486959179449514, 4.34675272887885278 51.93474846119040222, 4.34557636075728571 51.9339615852527885, 4.34045685176866591 51.93289792458424614, 4.33694586001057392 51.93247646905027182, 4.33505211480423203 51.93530431219545562, 4.33827517062724244 51.93604721347875852, 4.34441605434549771 51.93460442332589366, 4.3466705826470724 51.93486959179449514, 4.3466705826470724 51.93486959179449514)))</t>
  </si>
  <si>
    <t>MultiPolygon (((4.34672599210108146 51.94248879715928524, 4.3489363799937566 51.93987353261287154, 4.34804579028726579 51.93962966905965573, 4.34600929867462948 51.93591185296028812, 4.3466705826470724 51.93486959179449514, 4.34441605434549771 51.93460442332589366, 4.33827517062724244 51.93604721347875852, 4.33505211480423203 51.93530431219545562, 4.33429916106248214 51.93694243291167822, 4.33538694448815942 51.93744784481286558, 4.33429480382274157 51.93922332845814793, 4.33523086334089935 51.94005734085613568, 4.34672599210108146 51.94248879715928524, 4.34672599210108146 51.94248879715928524)))</t>
  </si>
  <si>
    <t>MultiPolygon (((4.35144791847167678 51.93012899985031083, 4.35933326458886228 51.93130897666969048, 4.36119885966893062 51.92826606003053058, 4.36264188473822845 51.92860832608658939, 4.36336826845206716 51.92794533991428096, 4.3539958110018615 51.92586382330792816, 4.35144791847167678 51.93012899985031083, 4.35144791847167678 51.93012899985031083)))</t>
  </si>
  <si>
    <t>MultiPolygon (((4.36302401664790196 51.93361738402153094, 4.36388370279010207 51.92811709638363027, 4.36182571794533125 51.92657109757888634, 4.36200169283602079 51.92538169789264657, 4.35292164281272242 51.92332773914212396, 4.3539958110018615 51.92586382330792816, 4.36336826845206716 51.92794533991428096, 4.36264188473822845 51.92860832608658939, 4.36119885966893062 51.92826606003053058, 4.35933326458886228 51.93130897666969048, 4.36015629878531996 51.93159655330983071, 4.35883709055901125 51.93361910602214948, 4.36270331807060163 51.93454394364131588, 4.36302401664790196 51.93361738402153094, 4.36302401664790196 51.93361738402153094)))</t>
  </si>
  <si>
    <t>MultiPolygon (((4.36220262909921974 51.93575971089492072, 4.3622196104450488 51.93572017766054927, 4.36270331807060163 51.93454394364131588, 4.35883709055901125 51.93361910602214948, 4.36015629878531996 51.93159655330983071, 4.35933326458886228 51.93130897666969048, 4.35144791847167678 51.93012899985031083, 4.35128868504306165 51.93020425744885671, 4.3498075203322113 51.93289589074298362, 4.35804412540687469 51.93479905397968821, 4.36220262909921974 51.93575971089492072, 4.36220262909921974 51.93575971089492072)))</t>
  </si>
  <si>
    <t>MultiPolygon (((4.34155645436565951 51.93096282911939454, 4.3498075203322113 51.93289589074298362, 4.35128868504306165 51.93020425744885671, 4.34364520908584506 51.92769448281717359, 4.34155645436565951 51.93096282911939454, 4.34155645436565951 51.93096282911939454)))</t>
  </si>
  <si>
    <t>MultiPolygon (((4.35128868504306165 51.93020425744885671, 4.35144791847167678 51.93012899985031083, 4.3539958110018615 51.92586382330792816, 4.35292164281272242 51.92332773914212396, 4.34711532530697475 51.92193158880460402, 4.34364520908584506 51.92769448281717359, 4.35128868504306165 51.93020425744885671, 4.35128868504306165 51.93020425744885671)))</t>
  </si>
  <si>
    <t>MultiPolygon (((4.3358997984689891 51.93022454914534336, 4.34155645436565951 51.93096282911939454, 4.34364520908584506 51.92769448281717359, 4.34711532530697475 51.92193158880460402, 4.34072923834073165 51.92039560009664001, 4.3358997984689891 51.93022454914534336, 4.3358997984689891 51.93022454914534336)))</t>
  </si>
  <si>
    <t>MultiPolygon (((4.36551264483210755 51.92154619311694574, 4.36643780745654997 51.91505362592815942, 4.36726820566368978 51.91394835642227434, 4.36537105858495611 51.91264294398893497, 4.36395385146490788 51.91750507132971393, 4.36483845873574516 51.91799172444769539, 4.36211295141614208 51.92206354898709719, 4.36245133626782522 51.92283999080594015, 4.36307965213500903 51.92360374791044109, 4.36551264483210755 51.92154619311694574, 4.36551264483210755 51.92154619311694574)))</t>
  </si>
  <si>
    <t>MultiPolygon (((4.35540400094892721 51.91992268848085246, 4.36245133626782522 51.92283999080594015, 4.36211295141614208 51.92206354898709719, 4.36483845873574516 51.91799172444769539, 4.36395385146490788 51.91750507132971393, 4.36537105858495611 51.91264294398893497, 4.36208798520129815 51.91038407350603734, 4.36044134490199298 51.91098882741783171, 4.36115682512166636 51.91172134931669291, 4.35991483765705024 51.91469920983828956, 4.35540400094892721 51.91992268848085246, 4.35540400094892721 51.91992268848085246)))</t>
  </si>
  <si>
    <t>MultiPolygon (((4.34988965969888142 51.91801479575756417, 4.35540400094892721 51.91992268848085246, 4.35991483765705024 51.91469920983828956, 4.36115682512166636 51.91172134931669291, 4.36044134490199298 51.91098882741783171, 4.35696388210886898 51.91069623159732771, 4.35305096255585866 51.91276809825956917, 4.35179611896116647 51.91439353187217165, 4.34553683085119147 51.91559117356690933, 4.34988965969888142 51.91801479575756417, 4.34988965969888142 51.91801479575756417)))</t>
  </si>
  <si>
    <t>MultiPolygon (((4.34072923834073165 51.92039560009664001, 4.34711532530697475 51.92193158880460402, 4.34988965969888142 51.91801479575756417, 4.34553683085119147 51.91559117356690933, 4.34227080710094882 51.91559973004330431, 4.34072923834073165 51.92039560009664001, 4.34072923834073165 51.92039560009664001)))</t>
  </si>
  <si>
    <t>MultiPolygon (((4.35540400094892721 51.91992268848085246, 4.34988965969888142 51.91801479575756417, 4.34711532530697475 51.92193158880460402, 4.35292164281272242 51.92332773914212396, 4.36200169283602079 51.92538169789264657, 4.36201678032975337 51.92527971777450801, 4.36219201296191272 51.92409531618608298, 4.36307965213500903 51.92360374791044109, 4.36245133626782522 51.92283999080594015, 4.35540400094892721 51.91992268848085246, 4.35540400094892721 51.91992268848085246)))</t>
  </si>
  <si>
    <t>MultiPolygon (((4.3692191417750923 51.9088682371749357, 4.36556744593296475 51.90913868164593481, 4.36208798520129815 51.91038407350603734, 4.36537105858495611 51.91264294398893497, 4.36726820566368978 51.91394835642227434, 4.3692191417750923 51.9088682371749357)))</t>
  </si>
  <si>
    <t>MultiPolygon (((4.36955539496041734 51.90308284196831323, 4.37062268457107628 51.89935552753533443, 4.36003466556092434 51.89943138351385699, 4.34979757355401109 51.89767026297057129, 4.34704607744881599 51.90374304841523667, 4.3554132427437473 51.90626967165960082, 4.36208798520129815 51.91038407350603734, 4.36556744593296475 51.90913868164593481, 4.3692191417750923 51.9088682371749357, 4.36927054856736685 51.90860884823636212, 4.36995062623470165 51.90639176289219847, 4.36955539496041734 51.90308284196831323, 4.36955539496041734 51.90308284196831323)))</t>
  </si>
  <si>
    <t>MultiPolygon (((4.34489470464267669 51.91103896766716019, 4.35195604686885051 51.910685419946482, 4.35305096255585866 51.91276809825956917, 4.35696388210886898 51.91069623159732771, 4.36044134490199298 51.91098882741783171, 4.36208798520129815 51.91038407350603734, 4.3554132427437473 51.90626967165960082, 4.34704607744881599 51.90374304841523667, 4.34478713650083481 51.90783819267817734, 4.34489470464267669 51.91103896766716019, 4.34489470464267669 51.91103896766716019)))</t>
  </si>
  <si>
    <t>MultiPolygon (((4.34227080710094882 51.91559973004330431, 4.34553683085119147 51.91559117356690933, 4.35179611896116647 51.91439353187217165, 4.35305096255585866 51.91276809825956917, 4.35195604686885051 51.910685419946482, 4.34489470464267669 51.91103896766716019, 4.34520348822958358 51.91284586114795019, 4.34322473726226299 51.91367863579597497, 4.34227080710094882 51.91559973004330431, 4.34227080710094882 51.91559973004330431)))</t>
  </si>
  <si>
    <t>MultiPolygon (((4.3381965382635963 51.90206420541021259, 4.34704607744881599 51.90374304841523667, 4.34979757355401109 51.89767026297057129, 4.34107103112268078 51.89534191708791155, 4.3381965382635963 51.90206420541021259, 4.3381965382635963 51.90206420541021259)))</t>
  </si>
  <si>
    <t>MultiPolygon (((4.33047625242471934 51.90792176726807838, 4.33362984771504323 51.9080756237112908, 4.33408231165238789 51.90433620519845448, 4.3381965382635963 51.90206420541021259, 4.3312409399358085 51.90116922853729875, 4.32325359184025082 51.90223057202054946, 4.33047625242471934 51.90792176726807838, 4.33047625242471934 51.90792176726807838)))</t>
  </si>
  <si>
    <t>MultiPolygon (((4.32470829488189601 51.90876806627369433, 4.33047625242471934 51.90792176726807838, 4.32325359184025082 51.90223057202054946, 4.32084129320663113 51.90271286460544786, 4.32470829488189601 51.90876806627369433, 4.32470829488189601 51.90876806627369433)))</t>
  </si>
  <si>
    <t>MultiPolygon (((4.32325359184025082 51.90223057202054946, 4.3312409399358085 51.90116922853729875, 4.3381965382635963 51.90206420541021259, 4.34107103112268078 51.89534191708791155, 4.33095698872440416 51.89410253151969243, 4.31959676702829753 51.89457463073281929, 4.31944801682958079 51.89458920737558856, 4.31957122592693299 51.90073357326192394, 4.31870084351066996 51.90164022390059273, 4.32084129320663113 51.90271286460544786, 4.32325359184025082 51.90223057202054946, 4.32325359184025082 51.90223057202054946)))</t>
  </si>
  <si>
    <t>MultiPolygon (((4.29948680488608215 51.90185376288066266, 4.31213882155339867 51.90078850503152808, 4.31870084351066996 51.90164022390059273, 4.31957122592693299 51.90073357326192394, 4.31944801682958079 51.89458920737558856, 4.29637264464300106 51.8970529400193783, 4.29813488531875176 51.90175781263006627, 4.29948680488608215 51.90185376288066266, 4.29948680488608215 51.90185376288066266)))</t>
  </si>
  <si>
    <t>MultiPolygon (((4.29813488531875176 51.90175781263006627, 4.29637264464300106 51.8970529400193783, 4.2818863477975091 51.90015215146721062, 4.26757121065076994 51.90533504262643305, 4.27705293085642158 51.91124023124669407, 4.27712201638305789 51.91128487327443253, 4.30102746758157739 51.90660019491595278, 4.29948680488608215 51.90185376288066266, 4.29813488531875176 51.90175781263006627, 4.29813488531875176 51.90175781263006627)))</t>
  </si>
  <si>
    <t>MultiPolygon (((4.30102746758157739 51.90660019491595278, 4.30868674776980054 51.90508907133884975, 4.31388950770400736 51.90407483446635695, 4.32084129320663113 51.90271286460544786, 4.31870084351066996 51.90164022390059273, 4.31213882155339867 51.90078850503152808, 4.29948680488608215 51.90185376288066266, 4.30102746758157739 51.90660019491595278, 4.30102746758157739 51.90660019491595278)))</t>
  </si>
  <si>
    <t>MultiPolygon (((4.29261100862288725 51.92123631982094167, 4.29295375477002672 51.92146780918267268, 4.31223553515544289 51.91897700451724518, 4.31096431041480077 51.91886715319364498, 4.30926739409409443 51.91195439406965306, 4.30868674776980054 51.90508907133884975, 4.30102746758157739 51.90660019491595278, 4.27712201638305789 51.91128487327443253, 4.29261100862288725 51.92123631982094167, 4.29261100862288725 51.92123631982094167)))</t>
  </si>
  <si>
    <t>MultiPolygon (((4.31223553515544289 51.91897700451724518, 4.31858618528572791 51.91815588625587452, 4.31749177739687973 51.91719125143901437, 4.31620558589863101 51.91158706410632817, 4.30926739409409443 51.91195439406965306, 4.31096431041480077 51.91886715319364498, 4.31223553515544289 51.91897700451724518, 4.31223553515544289 51.91897700451724518)))</t>
  </si>
  <si>
    <t>MultiPolygon (((4.31858618528572791 51.91815588625587452, 4.32548037494066495 51.91741823691950231, 4.33031668148792459 51.91794572887454962, 4.330830235091085 51.9169717031544522, 4.32488828698817507 51.90911133579317749, 4.31787654106115415 51.91075278092785794, 4.31620558589863101 51.91158706410632817, 4.31749177739687973 51.91719125143901437, 4.31858618528572791 51.91815588625587452, 4.31858618528572791 51.91815588625587452)))</t>
  </si>
  <si>
    <t>MultiPolygon (((4.31787654106115415 51.91075278092785794, 4.32488828698817507 51.90911133579317749, 4.32470829488189601 51.90876806627369433, 4.32084129320663113 51.90271286460544786, 4.31388950770400736 51.90407483446635695, 4.31787654106115415 51.91075278092785794, 4.31787654106115415 51.91075278092785794)))</t>
  </si>
  <si>
    <t>MultiPolygon (((4.30926739409409443 51.91195439406965306, 4.31620558589863101 51.91158706410632817, 4.31787654106115415 51.91075278092785794, 4.31388950770400736 51.90407483446635695, 4.30868674776980054 51.90508907133884975, 4.30926739409409443 51.91195439406965306, 4.30926739409409443 51.91195439406965306)))</t>
  </si>
  <si>
    <t>MultiPolygon (((4.33031668148792459 51.91794572887454962, 4.34072923834073165 51.92039560009664001, 4.34227080710094882 51.91559973004330431, 4.33829742400409124 51.91520978785288776, 4.330830235091085 51.9169717031544522, 4.33031668148792459 51.91794572887454962, 4.33031668148792459 51.91794572887454962)))</t>
  </si>
  <si>
    <t>MultiPolygon (((4.33829742400409124 51.91520978785288776, 4.34227080710094882 51.91559973004330431, 4.34322473726226299 51.91367863579597497, 4.34520348822958358 51.91284586114795019, 4.34489470464267669 51.91103896766716019, 4.34478713650083481 51.90783819267817734, 4.33962228785435844 51.90693051521837731, 4.33398530710068819 51.9082500211362543, 4.33530514528224487 51.91186798911067513, 4.33829742400409124 51.91520978785288776, 4.33829742400409124 51.91520978785288776)))</t>
  </si>
  <si>
    <t>MultiPolygon (((4.33362984771504323 51.9080756237112908, 4.33398530710068819 51.9082500211362543, 4.33962228785435844 51.90693051521837731, 4.34478713650083481 51.90783819267817734, 4.34704607744881599 51.90374304841523667, 4.3381965382635963 51.90206420541021259, 4.33408231165238789 51.90433620519845448, 4.33362984771504323 51.9080756237112908, 4.33362984771504323 51.9080756237112908)))</t>
  </si>
  <si>
    <t>MultiPolygon (((4.330830235091085 51.9169717031544522, 4.33829742400409124 51.91520978785288776, 4.33530514528224487 51.91186798911067513, 4.33398530710068819 51.9082500211362543, 4.33362984771504323 51.9080756237112908, 4.33047625242471934 51.90792176726807838, 4.32470829488189601 51.90876806627369433, 4.32488828698817507 51.90911133579317749, 4.330830235091085 51.9169717031544522, 4.330830235091085 51.9169717031544522)))</t>
  </si>
  <si>
    <t>MultiPolygon (((4.10772382676516123 51.9361416077686826, 4.11267494293140512 51.93479847975503105, 4.11305569233849511 51.93574071027384065, 4.14488967949401044 51.93140946120204404, 4.14267839803635241 51.92677475099940665, 4.15077550692298569 51.92277193107450728, 4.15337816400452464 51.9221686031166243, 4.1490224229289856 51.915714156813344, 4.14619265276982762 51.91380934823732929, 4.14469580271506555 51.91470781996553541, 4.14265191018591672 51.91451404972215045, 4.13726102200801371 51.91234024221897414, 4.1354652685624913 51.90938948430292044, 4.13536910565906979 51.90645978161070673, 4.15037095533759715 51.8940401816631649, 4.15094696399241592 51.89239376261456016, 4.15556878480755287 51.88706237302951507, 4.1602693394418484 51.88324538081202775, 4.15990985261140267 51.88261627384550678, 4.15527885619121395 51.88160343470411817, 4.14478097487478614 51.87952385633469987, 4.14287551064351067 51.87964160645826439, 4.14029078508555148 51.87871795217226634, 4.13782509841518209 51.87924550190593465, 4.13414662697369728 51.88073224357148661, 4.13449591808001049 51.88233324182986195, 4.1470051818209388 51.88519870475612095, 4.14181156357422697 51.89095443343249059, 4.1385899260881418 51.88976961624494777, 4.12678167017571429 51.8916371534808718, 4.10101849028151122 51.89675595750657777, 4.1079536078291472 51.90267917787097929, 4.10847306095065434 51.90637772327366406, 4.106513409366638 51.90954390731990742, 4.10745458070359337 51.91052476966571305, 4.10975275964337072 51.90989749499208727, 4.1111252697320424 51.9104242703250307, 4.11387087844596255 51.91317896627458595, 4.11078243579507241 51.91412831158910279, 4.11092558119958706 51.91734960910292784, 4.12092845593898183 51.91882417171028408, 4.12739520719725661 51.92053869119988008, 4.13437065763427647 51.92359148126331547, 4.13129482871315012 51.92615905465561355, 4.10748434548282582 51.92356699721494095, 4.10200270354494911 51.92353049084641015, 4.10171963998368927 51.92700927907773689, 4.10772382676516123 51.9361416077686826, 4.10772382676516123 51.9361416077686826)))</t>
  </si>
  <si>
    <t>MultiPolygon (((4.10256129895118171 51.92108603211732287, 4.10119355316150802 51.92089417688223563, 4.09859719754868301 51.92172228001804513, 4.09564374951793475 51.92120040800306668, 4.07112035269248285 51.91391283233232912, 4.07609807940474234 51.90998268762031387, 4.07670715131274974 51.90653927608330775, 4.08238078888317624 51.90311176980864616, 4.08615489147597977 51.90122907453270074, 4.05047347305346861 51.90729519547722504, 4.05115756793267678 51.91276596183709557, 4.05408946797033032 51.9149331952162072, 4.05246505703746429 51.91803550687617275, 4.04781133950714889 51.92129709567998219, 4.03919239955948584 51.92407553701954726, 4.01908453230105511 51.91961904636981728, 4.01581863353096136 51.91838953878092866, 4.00679427518696674 51.91691374459079356, 4.00039010752950297 51.91480207252565293, 3.99667625949108984 51.9148135962787336, 3.99444056853540808 51.91606114691192886, 4.0639353416029147 51.9322271170905978, 4.07371631108150467 51.93362850089911831, 4.08283753682448225 51.93367142864403974, 4.09289389243178903 51.93252794107721826, 4.10200250327894533 51.9235303762912821, 4.10256129895118171 51.92108603211732287, 4.10256129895118171 51.92108603211732287)))</t>
  </si>
  <si>
    <t>MultiPolygon (((4.09085726786313497 51.91311835953915477, 4.08871358052565359 51.91162031562836177, 4.08565438822890847 51.91330436805066029, 4.08839387084277472 51.91486076550570772, 4.09085726786313497 51.91311835953915477, 4.09085726786313497 51.91311835953915477)))</t>
  </si>
  <si>
    <t>MultiPolygon (((4.09713722367414768 51.91343340978601617, 4.09632979042591749 51.9065191159761028, 4.08627161303091757 51.90906367259055543, 4.09420144655805629 51.91344721511890015, 4.09641402478166938 51.91384262581400577, 4.09713722367414768 51.91343340978601617, 4.09713722367414768 51.91343340978601617)))</t>
  </si>
  <si>
    <t>MultiPolygon (((4.10745458070359337 51.91052476966571305, 4.106513409366638 51.90954390731990742, 4.10257756171747001 51.90915935439931417, 4.10008218509817901 51.91085432953322965, 4.10320103462479846 51.9135484198320114, 4.10745458070359337 51.91052476966571305, 4.10745458070359337 51.91052476966571305)))</t>
  </si>
  <si>
    <t>MultiPolygon (((4.12678167017571429 51.8916371534808718, 4.1385899260881418 51.88976961624494777, 4.14181156357422697 51.89095443343249059, 4.1470051818209388 51.88519870475612095, 4.13449591808001049 51.88233324182986195, 4.13414662697369728 51.88073224357148661, 4.13782509841518209 51.87924550190593465, 4.13707472158412948 51.87938078957594712, 4.13672505123984724 51.87785734938746884, 4.13259651861365818 51.87723099869672438, 4.13077294194005606 51.87629782665792533, 4.12977123902081278 51.87701338261378226, 4.1279504450423179 51.87618652880863124, 4.1267748504682622 51.8781993062066249, 4.12675784027610426 51.88486548367383477, 4.12560287612793264 51.889260334660257, 4.12678167017571429 51.8916371534808718, 4.12678167017571429 51.8916371534808718)))</t>
  </si>
  <si>
    <t>MultiPolygon (((4.10200250327894533 51.9235303762912821, 4.10200270354494911 51.92353049084641015, 4.10748434548282582 51.92356699721494095, 4.13129482871315012 51.92615905465561355, 4.13437065763427647 51.92359148126331547, 4.12739520719725661 51.92053869119988008, 4.12092845593898183 51.91882417171028408, 4.11092558119958706 51.91734960910292784, 4.10844452141675642 51.92141806967945428, 4.10358415590585324 51.92067038885912211, 4.10256129895118171 51.92108603211732287, 4.10200250327894533 51.9235303762912821, 4.10200250327894533 51.9235303762912821)))</t>
  </si>
  <si>
    <t>MultiPolygon (((4.08615489147597977 51.90122907453270074, 4.08238078888317624 51.90311176980864616, 4.0834144016170022 51.90689705372856366, 4.08705384871949029 51.90652555950644143, 4.09271832811828684 51.90438404562161878, 4.08685910228764993 51.90103292731649276, 4.08615489147597977 51.90122907453270074, 4.08615489147597977 51.90122907453270074)))</t>
  </si>
  <si>
    <t>MultiPolygon (((4.10256129895118171 51.92108603211732287, 4.10358415590585324 51.92067038885912211, 4.10844452141675642 51.92141806967945428, 4.11092558119958706 51.91734960910292784, 4.11078243579507241 51.91412831158910279, 4.11387087844596255 51.91317896627458595, 4.1111252697320424 51.9104242703250307, 4.10975275964337072 51.90989749499208727, 4.10745458070359337 51.91052476966571305, 4.10320103462479846 51.9135484198320114, 4.10008218509817901 51.91085432953322965, 4.10257756171747001 51.90915935439931417, 4.106513409366638 51.90954390731990742, 4.10847306095065434 51.90637772327366406, 4.1079536078291472 51.90267917787097929, 4.10101849028151122 51.89675595750657777, 4.09193975808449473 51.89920383091510558, 4.08685910228764993 51.90103292731649276, 4.09271832811828684 51.90438404562161878, 4.08705384871949029 51.90652555950644143, 4.0834144016170022 51.90689705372856366, 4.08238078888317624 51.90311176980864616, 4.07670715131274974 51.90653927608330775, 4.07609807940474234 51.90998268762031387, 4.07112035269248285 51.91391283233232912, 4.09564374951793475 51.92120040800306668, 4.09859719754868301 51.92172228001804513, 4.10119355316150802 51.92089417688223563, 4.10256129895118171 51.92108603211732287, 4.10256129895118171 51.92108603211732287),(4.09085726786313497 51.91311835953915477, 4.08839387084277472 51.91486076550570772, 4.08565438822890847 51.91330436805066029, 4.08871358052565359 51.91162031562836177, 4.09085726786313497 51.91311835953915477, 4.09085726786313497 51.91311835953915477),(4.09713722367414768 51.91343340978601617, 4.09641402478166938 51.91384262581400577, 4.09420144655805629 51.91344721511890015, 4.08627161303091757 51.90906367259055543, 4.09632979042591749 51.9065191159761028, 4.09713722367414768 51.91343340978601617, 4.09713722367414768 51.91343340978601617)))</t>
  </si>
  <si>
    <t>MultiPolygon (((4.09193975808449473 51.89920383091510558, 4.08800616802674632 51.89653300208179587, 4.08351827958957347 51.89578212262355095, 4.08033264109735772 51.8936817199238476, 4.07790418783822606 51.88399652045141863, 4.07527830742870556 51.88292109007152675, 4.07902559040064894 51.89698253606739797, 4.07746661450672043 51.89808686100911927, 4.06961587440696348 51.89893958287550646, 4.06964558550718891 51.89752859571326127, 4.07103775550614166 51.89652110637908322, 4.06849030764442343 51.89197372672720832, 4.0611023326395923 51.8882335906615566, 4.05245922557094751 51.88581476290012517, 4.05440450544223729 51.87816163697393534, 4.05696261868883123 51.87554496247174995, 4.05776883375004704 51.87558920647111194, 4.05129418649092354 51.87179245581657483, 4.05216203241697581 51.87057331126422355, 4.05734764452089713 51.87248395416971647, 4.05992383815789371 51.87205295711883934, 4.06084796275153082 51.86962110397097092, 4.06610853874202061 51.86571160757201682, 4.07220364183174599 51.86596065260060584, 4.07497606852442296 51.86729231032231269, 4.07621437406164944 51.8693127268923746, 4.07663425746068864 51.87223781956998181, 4.07575933111840083 51.87337700005542729, 4.08826771221581797 51.87723674057453138, 4.08812838043819582 51.879323243951454, 4.08337904269128504 51.87915656606762127, 4.07112377363659572 51.87631943254726252, 4.0640978942837247 51.87599075586074093, 4.06183381730577509 51.87538990975396302, 4.06115139650028123 51.87579206475219706, 4.07770037423676168 51.88318352538553313, 4.08929323468572825 51.88863104540602933, 4.09050781664722329 51.89030213877701669, 4.09056035498436454 51.89303461568263742, 4.09725908286178253 51.89443596326109542, 4.10101849028151122 51.89675595750657777, 4.12678167017571429 51.8916371534808718, 4.12560287612793264 51.889260334660257, 4.12675784027610426 51.88486548367383477, 4.1267748504682622 51.8781993062066249, 4.1279504450423179 51.87618652880863124, 4.12977123902081278 51.87701338261378226, 4.13077294194005606 51.87629782665792533, 4.12742810275084615 51.87012972799890065, 4.12117018404638902 51.86758139579537641, 4.11932443051232777 51.86620644088890231, 4.11901156219199027 51.86499913041471643, 4.12060186264648287 51.86080264018748665, 4.1166407253666577 51.85921407605913913, 4.11724454249681671 51.85795837058994806, 4.09807493425493252 51.85314789258606538, 4.08869808117945066 51.85263176802109086, 4.08422836927949895 51.85037374785523667, 4.08274129685136256 51.8472515258776312, 4.06752417180960801 51.84543115510551559, 4.06772486435909375 51.84947738861719557, 4.06469596699829872 51.8538014791141606, 4.04868106426477681 51.86952987466451503, 4.0337168234364853 51.8822733217673786, 4.03019542707497092 51.88434474552218489, 4.02880678848595331 51.88641934565664116, 4.0289357708684026 51.88940341389093902, 4.03017737094490514 51.89182236704584739, 4.04261291953764079 51.90303550032678714, 4.04809556815454741 51.90646512845635385, 4.05047347305346861 51.90729519547722504, 4.08615489147597977 51.90122907453270074, 4.08685910228764993 51.90103292731649276, 4.09193975808449473 51.89920383091510558, 4.09193975808449473 51.89920383091510558)))</t>
  </si>
  <si>
    <t>MultiPolygon (((4.05992383815789371 51.87205295711883934, 4.0660878737077617 51.87231657514206518, 4.067569029150782 51.86985048492927319, 4.07220364183174599 51.86596065260060584, 4.06610853874202061 51.86571160757201682, 4.06084796275153082 51.86962110397097092, 4.05992383815789371 51.87205295711883934, 4.05992383815789371 51.87205295711883934)))</t>
  </si>
  <si>
    <t>MultiPolygon (((4.0660878737077617 51.87231657514206518, 4.06788508725364295 51.87299300038640126, 4.07092148362955797 51.87272340085140598, 4.07575933111840083 51.87337700005542729, 4.07663425746068864 51.87223781956998181, 4.07621437406164944 51.8693127268923746, 4.07497606852442296 51.86729231032231269, 4.07220364183174599 51.86596065260060584, 4.067569029150782 51.86985048492927319, 4.0660878737077617 51.87231657514206518, 4.0660878737077617 51.87231657514206518)))</t>
  </si>
  <si>
    <t>MultiPolygon (((4.07770037423676168 51.88318352538553313, 4.06115139650028123 51.87579206475219706, 4.05776883375004704 51.87558920647111194, 4.05696261868883123 51.87554496247174995, 4.05440450544223729 51.87816163697393534, 4.05245922557094751 51.88581476290012517, 4.0611023326395923 51.8882335906615566, 4.06849030764442343 51.89197372672720832, 4.07103775550614166 51.89652110637908322, 4.06964558550718891 51.89752859571326127, 4.06961587440696348 51.89893958287550646, 4.07746661450672043 51.89808686100911927, 4.07902559040064894 51.89698253606739797, 4.07527830742870556 51.88292109007152675, 4.07790418783822606 51.88399652045141863, 4.07770037423676168 51.88318352538553313, 4.07770037423676168 51.88318352538553313)))</t>
  </si>
  <si>
    <t>MultiPolygon (((4.08800616802674632 51.89653300208179587, 4.09056035498436454 51.89303461568263742, 4.09050781664722329 51.89030213877701669, 4.08929323468572825 51.88863104540602933, 4.07770037423676168 51.88318352538553313, 4.07790418783822606 51.88399652045141863, 4.08033264109735772 51.8936817199238476, 4.08351827958957347 51.89578212262355095, 4.08800616802674632 51.89653300208179587, 4.08800616802674632 51.89653300208179587)))</t>
  </si>
  <si>
    <t>MultiPolygon (((4.09193975808449473 51.89920383091510558, 4.10101849028151122 51.89675595750657777, 4.09725908286178253 51.89443596326109542, 4.09056035498436454 51.89303461568263742, 4.08800616802674632 51.89653300208179587, 4.09193975808449473 51.89920383091510558, 4.09193975808449473 51.89920383091510558)))</t>
  </si>
  <si>
    <t>MultiPolygon (((4.05776883375004704 51.87558920647111194, 4.06115139650028123 51.87579206475219706, 4.06183381730577509 51.87538990975396302, 4.0640978942837247 51.87599075586074093, 4.07112377363659572 51.87631943254726252, 4.08337904269128504 51.87915656606762127, 4.08812838043819582 51.879323243951454, 4.08826771221581797 51.87723674057453138, 4.07575933111840083 51.87337700005542729, 4.07092148362955797 51.87272340085140598, 4.06788508725364295 51.87299300038640126, 4.0660878737077617 51.87231657514206518, 4.05992383815789371 51.87205295711883934, 4.05734764452089713 51.87248395416971647, 4.05216203241697581 51.87057331126422355, 4.05129418649092354 51.87179245581657483, 4.05776883375004704 51.87558920647111194, 4.05776883375004704 51.87558920647111194)))</t>
  </si>
  <si>
    <t>MultiPolygon (((4.41761876730148551 51.87242105766175371, 4.42836870406328487 51.87037810747096955, 4.43022763350226434 51.86940924973185929, 4.42016528269083864 51.86685853474408958, 4.4117985057842839 51.86687203716674333, 4.41199482558660616 51.86982886439552942, 4.41111972394168905 51.86993801950017513, 4.41150099123077677 51.87163267174574344, 4.41500133781110282 51.87173626747253508, 4.41582370351046105 51.87243628399135531, 4.41761876730148551 51.87242105766175371)))</t>
  </si>
  <si>
    <t>MultiPolygon (((4.48726812991722213 51.84860800914712087, 4.48702128317965521 51.84875052207756596, 4.47931133150367167 51.85177515342663668, 4.47415269138011595 51.85191882849665745, 4.47122571152497361 51.85428869575164157, 4.4753213727729273 51.85646160042276875, 4.48966561581731494 51.85082177658600244, 4.48726812991722213 51.84860800914712087)))</t>
  </si>
  <si>
    <t>MultiPolygon (((4.48966561581731494 51.85082177658600244, 4.4753213727729273 51.85646160042276875, 4.47823624078582139 51.85800783433396788, 4.47987169810866348 51.85892915304351192, 4.4812724287432868 51.85856170974732748, 4.48028751012534787 51.85514858900142343, 4.48299009461747477 51.85409698129268463, 4.48416542630691684 51.8536342010421194, 4.48572985491593368 51.85303875145301333, 4.4898753487723484 51.85142043406069234, 4.48966561581731494 51.85082177658600244)))</t>
  </si>
  <si>
    <t>MultiPolygon (((4.46518410027101265 51.85665930134285873, 4.47341526778323306 51.85918379420212432, 4.47700489180598105 51.85892780858800677, 4.47823624078582139 51.85800783433396788, 4.4753213727729273 51.85646160042276875, 4.47122571152497361 51.85428869575164157, 4.46518410027101265 51.85665930134285873, 4.46518410027101265 51.85665930134285873)))</t>
  </si>
  <si>
    <t>MultiPolygon (((4.48058100795990288 51.85950925891880559, 4.47987169810866348 51.85892915304351192, 4.47823624078582139 51.85800783433396788, 4.47700489180598105 51.85892780858800677, 4.47341526778323306 51.85918379420212432, 4.46518410027101265 51.85665930134285873, 4.46309856304958785 51.85760581716786533, 4.46231116296677666 51.85920261425432187, 4.47173383515690404 51.85969946310385836, 4.48054859022646923 51.86101826763412959, 4.48058100795990288 51.85950925891880559, 4.48058100795990288 51.85950925891880559)))</t>
  </si>
  <si>
    <t>MultiPolygon (((4.45851489887286334 51.85801894336118067, 4.47220207138504122 51.85095731120804885, 4.48378046869328539 51.84791731715795038, 4.48925749876898816 51.84477879189061866, 4.48872975915690731 51.84705202314609807, 4.48705823890499289 51.84774529989577019, 4.48585754585701135 51.8472208405069992, 4.48702128317965521 51.84875052207756596, 4.48726812991722213 51.84860800914712087, 4.48969996484072897 51.84677584591476318, 4.48956993945960026 51.84549500429150726, 4.48960376261346905 51.84406080392599137, 4.49222711462380087 51.84144421528615254, 4.48972434094333117 51.8406903448587002, 4.48909430371327645 51.83539556985162022, 4.47896834320091131 51.83421405585993824, 4.46711943827154645 51.83194383422385698, 4.45856214484464974 51.83164541331210984, 4.45008298374616462 51.83217348219532994, 4.4438925093304622 51.83343058147494986, 4.4324823361869381 51.83704614680436151, 4.42375281159211031 51.84007305192170634, 4.42194991368661672 51.84618807920176664, 4.42299107357931565 51.84626980961451181, 4.42223323500542342 51.84810649401777738, 4.42720850276288491 51.85087015662159615, 4.42957290788742775 51.8511395119605325, 4.4391827043701042 51.85086642484042585, 4.43935151342557965 51.85235628895935633, 4.43729602884742924 51.85563229506980321, 4.43832848491856247 51.85608592023662311, 4.44339234416300943 51.85603112445554075, 4.44691413175688854 51.85673645484849459, 4.44708301964060659 51.85815819918083491, 4.4432600483433351 51.86475623450296268, 4.44457439461237058 51.86522515051018445, 4.44768370072112429 51.86447990207831538, 4.45851489887286334 51.85801894336118067, 4.45851489887286334 51.85801894336118067)))</t>
  </si>
  <si>
    <t>MultiPolygon (((4.44647541397319568 51.86605091624335273, 4.46522855925122464 51.86201848798547331, 4.47186278678083582 51.86166723787152222, 4.48040261540679818 51.86232756155806101, 4.48054859022646923 51.86101826763412959, 4.47173383515690404 51.85969946310385836, 4.46231116296677666 51.85920261425432187, 4.46309856304958785 51.85760581716786533, 4.46518410027101265 51.85665930134285873, 4.47122571152497361 51.85428869575164157, 4.47415269138011595 51.85191882849665745, 4.47931133150367167 51.85177515342663668, 4.48702128317965521 51.84875052207756596, 4.48585754585701135 51.8472208405069992, 4.48705823890499289 51.84774529989577019, 4.48872975915690731 51.84705202314609807, 4.48925749876898816 51.84477879189061866, 4.48378046869328539 51.84791731715795038, 4.47220207138504122 51.85095731120804885, 4.45851489887286334 51.85801894336118067, 4.44768370072112429 51.86447990207831538, 4.44457439461237058 51.86522515051018445, 4.4432600483433351 51.86475623450296268, 4.44214950689956467 51.86624532023636647, 4.44647541397319568 51.86605091624335273, 4.44647541397319568 51.86605091624335273)))</t>
  </si>
  <si>
    <t>MultiPolygon (((4.4402407998701996 51.86641827129125915, 4.44102022494982318 51.86590974273976684, 4.44214950689956467 51.86624532023636647, 4.4432600483433351 51.86475623450296268, 4.44708301964060659 51.85815819918083491, 4.44691413175688854 51.85673645484849459, 4.44339234416300943 51.85603112445554075, 4.43832848491856247 51.85608592023662311, 4.43988013026697637 51.857786529263727, 4.44061354592488744 51.86061209047874598, 4.43649824061946418 51.86470792596077217, 4.44024071291450717 51.8664183326131365, 4.4402407998701996 51.86641827129125915, 4.4402407998701996 51.86641827129125915)))</t>
  </si>
  <si>
    <t>MultiPolygon (((4.41947951104242609 51.85178592212582771, 4.42737669165372694 51.85360912422854796, 4.42957290788742775 51.8511395119605325, 4.42720850276288491 51.85087015662159615, 4.42223323500542342 51.84810649401777738, 4.42299107357931565 51.84626980961451181, 4.42194991368661672 51.84618807920176664, 4.42090747700626618 51.84842303981668721, 4.42071224407830954 51.84932554374001512, 4.41786879092151619 51.84996808985418681, 4.41947951104242609 51.85178592212582771, 4.41947951104242609 51.85178592212582771)))</t>
  </si>
  <si>
    <t>MultiPolygon (((4.433916891203741 51.8557161614972415, 4.43729602884742924 51.85563229506980321, 4.43935151342557965 51.85235628895935633, 4.4391827043701042 51.85086642484042585, 4.42957290788742775 51.8511395119605325, 4.42737669165372694 51.85360912422854796, 4.42954468802976553 51.85543289768472164, 4.433916891203741 51.8557161614972415, 4.433916891203741 51.8557161614972415)))</t>
  </si>
  <si>
    <t>MultiPolygon (((4.42454140007999364 51.85632479891130941, 4.42954468802976553 51.85543289768472164, 4.42737669165372694 51.85360912422854796, 4.41947951104242609 51.85178592212582771, 4.41659952724824123 51.85455318922254264, 4.41775954141268734 51.85548641314350959, 4.42454140007999364 51.85632479891130941, 4.42454140007999364 51.85632479891130941)))</t>
  </si>
  <si>
    <t>MultiPolygon (((4.42930735167050038 51.86059350178624783, 4.43649824061946418 51.86470792596077217, 4.44061354592488744 51.86061209047874598, 4.43988013026697637 51.857786529263727, 4.43832848491856247 51.85608592023662311, 4.43729602884742924 51.85563229506980321, 4.433916891203741 51.8557161614972415, 4.43376583214432962 51.85921354922387394, 4.42900708563332213 51.85921298131002999, 4.42930735167050038 51.86059350178624783, 4.42930735167050038 51.86059350178624783)))</t>
  </si>
  <si>
    <t>MultiPolygon (((4.42393168633542277 51.85960703653334036, 4.42930735167050038 51.86059350178624783, 4.42900708563332213 51.85921298131002999, 4.43376583214432962 51.85921354922387394, 4.433916891203741 51.8557161614972415, 4.42954468802976553 51.85543289768472164, 4.42454140007999364 51.85632479891130941, 4.42393168633542277 51.85960703653334036, 4.42393168633542277 51.85960703653334036)))</t>
  </si>
  <si>
    <t>MultiPolygon (((4.40898839610160653 51.85806781074469285, 4.41403472334885372 51.85802148034940728, 4.42393168633542277 51.85960703653334036, 4.42454140007999364 51.85632479891130941, 4.41775954141268734 51.85548641314350959, 4.41659952724824123 51.85455318922254264, 4.41378749912108148 51.85579789083219282, 4.40827215466266598 51.8566772985955069, 4.40898839610160653 51.85806781074469285, 4.40898839610160653 51.85806781074469285)))</t>
  </si>
  <si>
    <t>MultiPolygon (((4.40570950107234793 51.85862914925064615, 4.40898839610160653 51.85806781074469285, 4.40827215466266598 51.8566772985955069, 4.41378749912108148 51.85579789083219282, 4.41659952724824123 51.85455318922254264, 4.41947951104242609 51.85178592212582771, 4.41786879092151619 51.84996808985418681, 4.42071224407830954 51.84932554374001512, 4.42090747700626618 51.84842303981668721, 4.41422236309663596 51.84599548108503342, 4.39973132109338305 51.84792360170575165, 4.4044195890266522 51.8527253407094264, 4.40170468515786162 51.85360957582303598, 4.40550877236589766 51.8572797317846792, 4.40570950107234793 51.85862914925064615, 4.40570950107234793 51.85862914925064615)))</t>
  </si>
  <si>
    <t>MultiPolygon (((4.39973132109338305 51.84792360170575165, 4.41422236309663596 51.84599548108503342, 4.42090747700626618 51.84842303981668721, 4.42194991368661672 51.84618807920176664, 4.42375281159211031 51.84007305192170634, 4.41417244556495802 51.84278900588849837, 4.40974408741805401 51.84321901195356475, 4.39238182785341102 51.84205096523044176, 4.38366452476848245 51.84211825515478012, 4.38322867073483469 51.85240215104236938, 4.38506735268031544 51.85343151157778152, 4.38924361557094134 51.85517660779828475, 4.39297306339959004 51.85474197586852085, 4.39973132109338305 51.84792360170575165, 4.39973132109338305 51.84792360170575165)))</t>
  </si>
  <si>
    <t>MultiPolygon (((4.39297306339959004 51.85474197586852085, 4.39595974037248549 51.85653093153647575, 4.40170468515786162 51.85360957582303598, 4.4044195890266522 51.8527253407094264, 4.39973132109338305 51.84792360170575165, 4.39297306339959004 51.85474197586852085, 4.39297306339959004 51.85474197586852085)))</t>
  </si>
  <si>
    <t>MultiPolygon (((4.39429516263635556 51.85778371274275145, 4.39595974037248549 51.85653093153647575, 4.39297306339959004 51.85474197586852085, 4.38924361557094134 51.85517660779828475, 4.38506735268031544 51.85343151157778152, 4.38351246659206772 51.85736976483783423, 4.39046401057081948 51.85710744382512871, 4.39429516263635556 51.85778371274275145)))</t>
  </si>
  <si>
    <t>MultiPolygon (((4.39563445096297123 51.85996141270690885, 4.40570950107234793 51.85862914925064615, 4.40550877236589766 51.8572797317846792, 4.40170468515786162 51.85360957582303598, 4.39595974037248549 51.85653093153647575, 4.39429516263635556 51.85778371274275145, 4.39563445096297123 51.85996141270690885, 4.39563445096297123 51.85996141270690885)))</t>
  </si>
  <si>
    <t>MultiPolygon (((4.38434787575085139 51.86123693584204375, 4.38434789057643393 51.8612369872054586, 4.39563445096297123 51.85996141270690885, 4.39429516263635556 51.85778371274275145, 4.39046401057081948 51.85710744382512871, 4.38351246659206772 51.85736976483783423, 4.38434787575085139 51.86123693584204375, 4.38434787575085139 51.86123693584204375)))</t>
  </si>
  <si>
    <t>MultiPolygon (((4.4117985057842839 51.86687203716674333, 4.42016528269083864 51.86685853474408958, 4.43022763350226434 51.86940924973185929, 4.43173633963682168 51.86980855719166783, 4.43653016560308977 51.86857355090778299, 4.44024071291450717 51.8664183326131365, 4.43649824061946418 51.86470792596077217, 4.4343054012002785 51.8664323022495779, 4.423757603740607 51.86497814984380739, 4.419745206213328 51.86490347621769104, 4.41946913827742094 51.86562477933674842, 4.41126321027423796 51.86479272470194246, 4.40962574405050667 51.86512946665284574, 4.41111972394168905 51.86993801950017513, 4.41199482558660616 51.86982886439552942, 4.4117985057842839 51.86687203716674333, 4.4117985057842839 51.86687203716674333)))</t>
  </si>
  <si>
    <t>MultiPolygon (((4.41126321027423796 51.86479272470194246, 4.41946913827742094 51.86562477933674842, 4.419745206213328 51.86490347621769104, 4.423757603740607 51.86497814984380739, 4.4343054012002785 51.8664323022495779, 4.43649824061946418 51.86470792596077217, 4.42930735167050038 51.86059350178624783, 4.42393168633542277 51.85960703653334036, 4.41403472334885372 51.85802148034940728, 4.40898839610160653 51.85806781074469285, 4.40986381693443885 51.85921603971694083, 4.41284480497552423 51.86418168365700865, 4.41126321027423796 51.86479272470194246, 4.41126321027423796 51.86479272470194246)))</t>
  </si>
  <si>
    <t>MultiPolygon (((4.41150099123077677 51.87163267174574344, 4.41111972394168905 51.86993801950017513, 4.40962574405050667 51.86512946665284574, 4.41126321027423796 51.86479272470194246, 4.41284480497552423 51.86418168365700865, 4.40933666722071393 51.86023767562696207, 4.4049058675744357 51.86139508200133719, 4.40387631017933234 51.86564854417982673, 4.40125429843966121 51.86720760661108187, 4.39357750852577666 51.86751567244778016, 4.38835555840995628 51.86862494138706836, 4.39043161116374936 51.87057967876731368, 4.39484616095233793 51.87233270846174804, 4.4071870178177095 51.87278719306047492, 4.41150099123077677 51.87163267174574344)))</t>
  </si>
  <si>
    <t>MultiPolygon (((4.40933666722071393 51.86023767562696207, 4.41284480497552423 51.86418168365700865, 4.40986381693443885 51.85921603971694083, 4.40903310225406564 51.85936130366570751, 4.40933666722071393 51.86023767562696207, 4.40933666722071393 51.86023767562696207)))</t>
  </si>
  <si>
    <t>MultiPolygon (((4.38434789057643393 51.8612369872054586, 4.38443662048197158 51.8615616190295512, 4.3932424624608144 51.86213759862852157, 4.40903310225406564 51.85936130366570751, 4.40986381693443885 51.85921603971694083, 4.40898839610160653 51.85806781074469285, 4.40570950107234793 51.85862914925064615, 4.39563445096297123 51.85996141270690885, 4.38434789057643393 51.8612369872054586, 4.38434789057643393 51.8612369872054586)))</t>
  </si>
  <si>
    <t>MultiPolygon (((4.40387631017933234 51.86564854417982673, 4.4049058675744357 51.86139508200133719, 4.40933666722071393 51.86023767562696207, 4.40903310225406564 51.85936130366570751, 4.3932424624608144 51.86213759862852157, 4.38443662048197158 51.8615616190295512, 4.38489643833186893 51.86270870846453107, 4.38636865758935723 51.86638099924839196, 4.38802163478120821 51.86824700489076179, 4.38835555840995628 51.86862494138706836, 4.39357750852577666 51.86751567244778016, 4.40125429843966121 51.86720760661108187, 4.40387631017933234 51.86564854417982673)))</t>
  </si>
  <si>
    <t>MultiPolygon (((4.8050783649860378 51.82301417841465252, 4.80407563521157055 51.82324807134779121, 4.79465299507694187 51.82541507641666101, 4.7935845708241267 51.82564977170962095, 4.79466506011584404 51.82750107119351668, 4.79426284847882389 51.82881478245784024, 4.80450076052170605 51.82976017943773428, 4.80457506669550494 51.82893474010533197, 4.80499487470238051 51.82320164681883057, 4.8050783649860378 51.82301417841465252)))</t>
  </si>
  <si>
    <t>MultiPolygon (((4.78578224200152125 51.82875616235214977, 4.79426284847882389 51.82881478245784024, 4.79466506011584404 51.82750107119351668, 4.7935845708241267 51.82564977170962095, 4.78621536020711957 51.82655095522149225, 4.78533477372386784 51.82663549142904458, 4.78578224200152125 51.82875616235214977, 4.78578224200152125 51.82875616235214977)))</t>
  </si>
  <si>
    <t>MultiPolygon (((4.77539890325546068 51.83027259281345067, 4.78578224200152125 51.82875616235214977, 4.78533477372386784 51.82663549142904458, 4.77508958685377305 51.82770746737558909, 4.77441340652866852 51.82779064506079436, 4.77539890325546068 51.83027259281345067, 4.77539890325546068 51.83027259281345067)))</t>
  </si>
  <si>
    <t>MultiPolygon (((4.74532802870725412 51.83128821634520733, 4.74825308730511519 51.83269004384356293, 4.75403684537945459 51.834169383217926, 4.77539890325546068 51.83027259281345067, 4.77441340652866852 51.82779064506079436, 4.77366189466935786 51.82788332246908425, 4.76408392714474882 51.8289334676163449, 4.75607691881085337 51.82965858555368754, 4.74532802870725412 51.83128821634520733, 4.74532802870725412 51.83128821634520733)))</t>
  </si>
  <si>
    <t>MultiPolygon (((4.73723802789973192 51.83402849370325072, 4.75403684537945459 51.834169383217926, 4.74825308730511519 51.83269004384356293, 4.74532802870725412 51.83128821634520733, 4.73684550125481518 51.83341761188253116, 4.73686701215643424 51.83345104459633745, 4.73723802789973192 51.83402849370325072, 4.73723802789973192 51.83402849370325072)))</t>
  </si>
  <si>
    <t>MultiPolygon (((4.78814732682503941 51.84493742135677508, 4.79542273991077916 51.84497970756333984, 4.80273681648747708 51.84632326652889134, 4.80337854939914433 51.84635340664414827, 4.80390531575161628 51.83856611228533495, 4.80469207623073125 51.83773623470866454, 4.80398505879933513 51.83738701623720857, 4.80448266119688672 51.82998345246118532, 4.80450076052170605 51.82976017943773428, 4.79426284847882389 51.82881478245784024, 4.78578224200152125 51.82875616235214977, 4.77539890325546068 51.83027259281345067, 4.75403684537945459 51.834169383217926, 4.73723802789973192 51.83402849370325072, 4.7414102920788519 51.84077640606610515, 4.74276393684516684 51.84100268902571429, 4.75379281062735792 51.84450835194600415, 4.75617576061649849 51.84496009487828871, 4.75867559045792277 51.84440656698676975, 4.76134781462689638 51.84373517508092988, 4.76522569813048769 51.84425652547054142, 4.76697754204250757 51.84388732883351736, 4.77314236797981728 51.8447104733652111, 4.77454579847025684 51.84554308906593434, 4.78037973399157057 51.84663992981409564, 4.78814732682503941 51.84493742135677508)))</t>
  </si>
  <si>
    <t>MultiPolygon (((4.81138410370260594 51.82114788143426409, 4.81141583261023431 51.81865819702500886, 4.79747659394404469 51.81716511053215868, 4.79606499607727077 51.82028230379322054, 4.80006952177789437 51.82039515324350276, 4.80416286950423288 51.81966677441668878, 4.80407563521157055 51.82324807134779121, 4.8050783649860378 51.82301417841465252, 4.80507544964821776 51.82194942751307565, 4.80650376158014758 51.82191995230523673, 4.80817029482977887 51.82180481103353742, 4.81138410370260594 51.82114788143426409)))</t>
  </si>
  <si>
    <t>MultiPolygon (((4.79315026780274955 51.81947447399443263, 4.79606499607727077 51.82028230379322054, 4.79747659394404469 51.81716511053215868, 4.78974179980313242 51.81573818802169029, 4.78837047569206664 51.81757769865465235, 4.79315026780274955 51.81947447399443263, 4.79315026780274955 51.81947447399443263)))</t>
  </si>
  <si>
    <t>MultiPolygon (((4.79465299507694187 51.82541507641666101, 4.80407563521157055 51.82324807134779121, 4.80416286950423288 51.81966677441668878, 4.80006952177789437 51.82039515324350276, 4.79606499607727077 51.82028230379322054, 4.79315026780274955 51.81947447399443263, 4.79332365265781846 51.82234421661536317, 4.79465299507694187 51.82541507641666101, 4.79465299507694187 51.82541507641666101)))</t>
  </si>
  <si>
    <t>MultiPolygon (((4.77669554470728386 51.81785300237599046, 4.77727235512682835 51.81868613584910577, 4.78191442367683273 51.81686777040666669, 4.78447355533516383 51.81653775296213382, 4.78837047569206664 51.81757769865465235, 4.78974179980313242 51.81573818802169029, 4.78535488669412601 51.81519839098598368, 4.77854767642781386 51.81529342328965271, 4.77863554975292715 51.81714657679108171, 4.77669554470728386 51.81785300237599046, 4.77669554470728386 51.81785300237599046)))</t>
  </si>
  <si>
    <t>MultiPolygon (((4.77996347961864743 51.8209359349240799, 4.78417495714070817 51.81884220097168026, 4.78837047569206664 51.81757769865465235, 4.78447355533516383 51.81653775296213382, 4.78191442367683273 51.81686777040666669, 4.77727235512682835 51.81868613584910577, 4.77996347961864743 51.8209359349240799, 4.77996347961864743 51.8209359349240799)))</t>
  </si>
  <si>
    <t>MultiPolygon (((4.78533385455982696 51.8232571461204401, 4.79332365265781846 51.82234421661536317, 4.79315026780274955 51.81947447399443263, 4.78837047569206664 51.81757769865465235, 4.78417495714070817 51.81884220097168026, 4.78533385455982696 51.8232571461204401, 4.78533385455982696 51.8232571461204401)))</t>
  </si>
  <si>
    <t>MultiPolygon (((4.78621536020711957 51.82655095522149225, 4.7935845708241267 51.82564977170962095, 4.79465299507694187 51.82541507641666101, 4.79332365265781846 51.82234421661536317, 4.78533385455982696 51.8232571461204401, 4.78621536020711957 51.82655095522149225, 4.78621536020711957 51.82655095522149225)))</t>
  </si>
  <si>
    <t>MultiPolygon (((4.76960151865166981 51.81990569215356857, 4.77113902773677268 51.82143139558444744, 4.77669554470728386 51.81785300237599046, 4.77863554975292715 51.81714657679108171, 4.77854767642781386 51.81529342328965271, 4.77209159894142854 51.81531908858026725, 4.76618033806403218 51.81606547344766511, 4.76960151865166981 51.81990569215356857, 4.76960151865166981 51.81990569215356857)))</t>
  </si>
  <si>
    <t>MultiPolygon (((4.77193558880428093 51.82205502129274066, 4.77285487070376035 51.82187039755402935, 4.77565765866320913 51.8199130628407616, 4.77635230389033349 51.81859043327980885, 4.77727235512682835 51.81868613584910577, 4.77669554470728386 51.81785300237599046, 4.77113902773677268 51.82143139558444744, 4.77193558880428093 51.82205502129274066, 4.77193558880428093 51.82205502129274066)))</t>
  </si>
  <si>
    <t>MultiPolygon (((4.77285487070376035 51.82187039755402935, 4.77309998309512284 51.82292154055623001, 4.77996347961864743 51.8209359349240799, 4.77727235512682835 51.81868613584910577, 4.77635230389033349 51.81859043327980885, 4.77565765866320913 51.8199130628407616, 4.77285487070376035 51.82187039755402935, 4.77285487070376035 51.82187039755402935)))</t>
  </si>
  <si>
    <t>MultiPolygon (((4.77385007868882383 51.82486662773536779, 4.78533385455982696 51.8232571461204401, 4.78417495714070817 51.81884220097168026, 4.77996347961864743 51.8209359349240799, 4.77309998309512284 51.82292154055623001, 4.77385007868882383 51.82486662773536779, 4.77385007868882383 51.82486662773536779)))</t>
  </si>
  <si>
    <t>MultiPolygon (((4.77508958685377305 51.82770746737558909, 4.78533477372386784 51.82663549142904458, 4.78621536020711957 51.82655095522149225, 4.78533385455982696 51.8232571461204401, 4.77385007868882383 51.82486662773536779, 4.77508958685377305 51.82770746737558909, 4.77508958685377305 51.82770746737558909)))</t>
  </si>
  <si>
    <t>MultiPolygon (((4.77366189466935786 51.82788332246908425, 4.77441340652866852 51.82779064506079436, 4.77508958685377305 51.82770746737558909, 4.77385007868882383 51.82486662773536779, 4.77309998309512284 51.82292154055623001, 4.77285487070376035 51.82187039755402935, 4.77193558880428093 51.82205502129274066, 4.77153715908414178 51.82274488146442337, 4.7724498949860239 51.82510786867512564, 4.77366189466935786 51.82788332246908425, 4.77366189466935786 51.82788332246908425)))</t>
  </si>
  <si>
    <t>MultiPolygon (((4.76259635968061801 51.82277032418535612, 4.76960151865166981 51.81990569215356857, 4.76618033806403218 51.81606547344766511, 4.75775720658852919 51.81919126918703, 4.75894888439202379 51.82030279490160751, 4.76208508368420969 51.82125521953413738, 4.76259635968061801 51.82277032418535612, 4.76259635968061801 51.82277032418535612)))</t>
  </si>
  <si>
    <t>MultiPolygon (((4.76276128473688676 51.82309595410573877, 4.76425406393255635 51.82446211861235952, 4.76691218012563844 51.82345697879604529, 4.76708855361189698 51.82274153916647919, 4.77113902773677268 51.82143139558444744, 4.76960151865166981 51.81990569215356857, 4.76259635968061801 51.82277032418535612, 4.76276128473688676 51.82309595410573877, 4.76276128473688676 51.82309595410573877)))</t>
  </si>
  <si>
    <t>MultiPolygon (((4.76425406393255635 51.82446211861235952, 4.76436576344141116 51.82491406432061609, 4.76618173236729969 51.82506840235130596, 4.77138378481711101 51.82335467862056788, 4.77153715908414178 51.82274488146442337, 4.77193558880428093 51.82205502129274066, 4.77113902773677268 51.82143139558444744, 4.76708855361189698 51.82274153916647919, 4.76691218012563844 51.82345697879604529, 4.76425406393255635 51.82446211861235952, 4.76425406393255635 51.82446211861235952)))</t>
  </si>
  <si>
    <t>MultiPolygon (((4.76435361794321466 51.82518654822992943, 4.76447908701898282 51.82617493377964024, 4.7724498949860239 51.82510786867512564, 4.77153715908414178 51.82274488146442337, 4.77138378481711101 51.82335467862056788, 4.76618173236729969 51.82506840235130596, 4.76436576344141116 51.82491406432061609, 4.76435361794321466 51.82518654822992943, 4.76435361794321466 51.82518654822992943)))</t>
  </si>
  <si>
    <t>MultiPolygon (((4.76408392714474882 51.8289334676163449, 4.77366189466935786 51.82788332246908425, 4.7724498949860239 51.82510786867512564, 4.76447908701898282 51.82617493377964024, 4.76408392714474882 51.8289334676163449, 4.76408392714474882 51.8289334676163449)))</t>
  </si>
  <si>
    <t>MultiPolygon (((4.75350943161969042 51.82371747797595418, 4.76276128473688676 51.82309595410573877, 4.76259635968061801 51.82277032418535612, 4.76208508368420969 51.82125521953413738, 4.75894888439202379 51.82030279490160751, 4.75775720658852919 51.81919126918703, 4.75144057260141217 51.82161071882599401, 4.75350943161969042 51.82371747797595418, 4.75350943161969042 51.82371747797595418)))</t>
  </si>
  <si>
    <t>MultiPolygon (((4.76435361794321466 51.82518654822992943, 4.76436576344141116 51.82491406432061609, 4.76425406393255635 51.82446211861235952, 4.76276128473688676 51.82309595410573877, 4.75350943161969042 51.82371747797595418, 4.75375302383127885 51.82487213488661126, 4.76435361794321466 51.82518654822992943, 4.76435361794321466 51.82518654822992943)))</t>
  </si>
  <si>
    <t>MultiPolygon (((4.7553122017857774 51.82617095391488959, 4.75718021287359694 51.82660408526611207, 4.76447908701898282 51.82617493377964024, 4.76435361794321466 51.82518654822992943, 4.75375302383127885 51.82487213488661126, 4.75427754109844347 51.82536420906173191, 4.7553122017857774 51.82617095391488959, 4.7553122017857774 51.82617095391488959)))</t>
  </si>
  <si>
    <t>MultiPolygon (((4.75607691881085337 51.82965858555368754, 4.76408392714474882 51.8289334676163449, 4.76447908701898282 51.82617493377964024, 4.75718021287359694 51.82660408526611207, 4.7553122017857774 51.82617095391488959, 4.75448315891034312 51.82732580623011387, 4.75607691881085337 51.82965858555368754, 4.75607691881085337 51.82965858555368754)))</t>
  </si>
  <si>
    <t>MultiPolygon (((4.75348780524416714 51.82573802904502003, 4.75427754109844347 51.82536420906173191, 4.75375302383127885 51.82487213488661126, 4.75350943161969042 51.82371747797595418, 4.75144057260141217 51.82161071882599401, 4.74176466575397804 51.82222108702024599, 4.74169178130529101 51.82221837253760555, 4.7416207486168096 51.82364595059276979, 4.74157468306286578 51.82443981895529106, 4.75103280152280139 51.82402671239712078, 4.75260766056283845 51.82447022074497056, 4.75348780524416714 51.82573802904502003, 4.75348780524416714 51.82573802904502003)))</t>
  </si>
  <si>
    <t>MultiPolygon (((4.74273628624915666 51.82903337999771765, 4.74485778236770006 51.8278245740100374, 4.74772152815687409 51.82770518237897761, 4.75348780524416714 51.82573802904502003, 4.75260766056283845 51.82447022074497056, 4.75103280152280139 51.82402671239712078, 4.74157468306286578 51.82443981895529106, 4.74273628624915666 51.82903337999771765, 4.74273628624915666 51.82903337999771765)))</t>
  </si>
  <si>
    <t>MultiPolygon (((4.74532802870725412 51.83128821634520733, 4.75607691881085337 51.82965858555368754, 4.75448315891034312 51.82732580623011387, 4.7553122017857774 51.82617095391488959, 4.75427754109844347 51.82536420906173191, 4.75348780524416714 51.82573802904502003, 4.74772152815687409 51.82770518237897761, 4.74485778236770006 51.8278245740100374, 4.74273628624915666 51.82903337999771765, 4.74532802870725412 51.83128821634520733, 4.74532802870725412 51.83128821634520733)))</t>
  </si>
  <si>
    <t>MultiPolygon (((4.73320372543841916 51.82747643120691805, 4.73379524158181031 51.82849060032297928, 4.73370767459357822 51.82725061084161666, 4.738575532543428 51.82339755525311631, 4.7416207486168096 51.82364595059276979, 4.74169178130529101 51.82221837253760555, 4.72963867127623594 51.8221687391824517, 4.73320372543841916 51.82747643120691805, 4.73320372543841916 51.82747643120691805)))</t>
  </si>
  <si>
    <t>MultiPolygon (((4.73684550125481518 51.83341761188253116, 4.74532802870725412 51.83128821634520733, 4.74273628624915666 51.82903337999771765, 4.74157468306286578 51.82443981895529106, 4.7416207486168096 51.82364595059276979, 4.738575532543428 51.82339755525311631, 4.73370767459357822 51.82725061084161666, 4.73379524158181031 51.82849060032297928, 4.73684550125481518 51.83341761188253116, 4.73684550125481518 51.83341761188253116)))</t>
  </si>
  <si>
    <t>MultiPolygon (((4.37930946535638999 51.96340662685282297, 4.38914131835146648 51.94558212575618228, 4.39222059197873982 51.94001130118842013, 4.38923713538288585 51.94011120888976762, 4.38674118448852202 51.94248669186649892, 4.3852101294377519 51.94160835748783001, 4.38408575485967145 51.94302585907105652, 4.38631065056451064 51.94482704506551585, 4.38656057593786475 51.94806836621824431, 4.38232404158517319 51.95072354477699861, 4.37893559293671419 51.94910674165330988, 4.37276831237168828 51.94802575128672117, 4.36450013773765555 51.94613304805410792, 4.35619363357940959 51.94412713832107187, 4.35067135888409329 51.95150652054201856, 4.36707117880663631 51.95521990826939884, 4.3635379378268393 51.9608742408712061, 4.37930946535638999 51.96340662685282297, 4.37930946535638999 51.96340662685282297)))</t>
  </si>
  <si>
    <t>MultiPolygon (((4.37893559293671419 51.94910674165330988, 4.38232404158517319 51.95072354477699861, 4.38656057593786475 51.94806836621824431, 4.38631065056451064 51.94482704506551585, 4.38408575485967145 51.94302585907105652, 4.37962527825794989 51.94365038949233337, 4.3800753450460066 51.94632018085812319, 4.37893559293671419 51.94910674165330988, 4.37893559293671419 51.94910674165330988)))</t>
  </si>
  <si>
    <t>MultiPolygon (((4.37276831237168828 51.94802575128672117, 4.37893559293671419 51.94910674165330988, 4.3800753450460066 51.94632018085812319, 4.37962527825794989 51.94365038949233337, 4.37754899866249492 51.9403464573586291, 4.37923459822489569 51.93788453783902526, 4.37388762367969264 51.93797156507579871, 4.37354144626955232 51.93947750961072529, 4.37388164135062407 51.9444617418006942, 4.37276831237168828 51.94802575128672117, 4.37276831237168828 51.94802575128672117)))</t>
  </si>
  <si>
    <t>MultiPolygon (((4.37962527825794989 51.94365038949233337, 4.38408575485967145 51.94302585907105652, 4.3852101294377519 51.94160835748783001, 4.38057570204808577 51.9387059159284874, 4.37923459822489569 51.93788453783902526, 4.37754899866249492 51.9403464573586291, 4.37962527825794989 51.94365038949233337, 4.37962527825794989 51.94365038949233337)))</t>
  </si>
  <si>
    <t>MultiPolygon (((4.3852101294377519 51.94160835748783001, 4.38674118448852202 51.94248669186649892, 4.38923713538288585 51.94011120888976762, 4.39222059197873982 51.94001130118842013, 4.39459252670236378 51.93532823610586746, 4.38759535388403954 51.93623159623203378, 4.38313486359122706 51.93708010920332185, 4.38057570204808577 51.9387059159284874, 4.3852101294377519 51.94160835748783001, 4.3852101294377519 51.94160835748783001)))</t>
  </si>
  <si>
    <t>MultiPolygon (((4.36659666460251472 51.94200628700691169, 4.37168531146212569 51.94441605317070554, 4.37388164135062407 51.9444617418006942, 4.37354144626955232 51.93947750961072529, 4.36701206753696702 51.94056634115031557, 4.36659666460251472 51.94200628700691169, 4.36659666460251472 51.94200628700691169)))</t>
  </si>
  <si>
    <t>MultiPolygon (((4.36450013773765555 51.94613304805410792, 4.37276831237168828 51.94802575128672117, 4.37388164135062407 51.9444617418006942, 4.37168531146212569 51.94441605317070554, 4.36659666460251472 51.94200628700691169, 4.36450013773765555 51.94613304805410792, 4.36450013773765555 51.94613304805410792)))</t>
  </si>
  <si>
    <t>MultiPolygon (((4.35619363357940959 51.94412713832107187, 4.36450013773765555 51.94613304805410792, 4.36659666460251472 51.94200628700691169, 4.36701206753696702 51.94056634115031557, 4.36442188012294086 51.94002445035292226, 4.36094242016561751 51.93803356351502032, 4.35643758449112894 51.94380516445134788, 4.35619363357940959 51.94412713832107187, 4.35619363357940959 51.94412713832107187)))</t>
  </si>
  <si>
    <t>MultiPolygon (((4.36701206753696702 51.94056634115031557, 4.37354144626955232 51.93947750961072529, 4.37388762367969264 51.93797156507579871, 4.36668341480217581 51.93761346320955852, 4.3622196104450488 51.93572017766054927, 4.36220262909921974 51.93575971089492072, 4.36094242016561751 51.93803356351502032, 4.36442188012294086 51.94002445035292226, 4.36701206753696702 51.94056634115031557, 4.36701206753696702 51.94056634115031557)))</t>
  </si>
  <si>
    <t>MultiPolygon (((4.39344792244160409 51.94425952075786057, 4.40372642118485125 51.93737603777451284, 4.3995857369070146 51.93528236588739588, 4.39502362814981673 51.93991813436561955, 4.39222059197873982 51.94001130118842013, 4.38914131835146648 51.94558212575618228, 4.39435193742192354 51.94710966839825517, 4.39518781494050792 51.94692704158959629, 4.39492064198249288 51.9464575315057786, 4.39344792244160409 51.94425952075786057)))</t>
  </si>
  <si>
    <t>MultiPolygon (((4.4147623172014665 51.93737417189997529, 4.41315645784486676 51.93669994268425683, 4.41018718703444179 51.93646850870104004, 4.40900914858240522 51.9356817214676667, 4.40817258834417203 51.93141420155019716, 4.41001973130214875 51.92915405400554363, 4.40836281585997281 51.92446836297014556, 4.39932170220111018 51.92733740750138338, 4.39459252670236378 51.93532823610586746, 4.39222059197873982 51.94001130118842013, 4.39502362814981673 51.93991813436561955, 4.3995857369070146 51.93528236588739588, 4.40372642118485125 51.93737603777451284, 4.41080290132311692 51.93826773287027265, 4.41320730240636738 51.93905774576296608, 4.415492169550566 51.94075854325196673, 4.41771292699424745 51.93847659266356231, 4.4147623172014665 51.93737417189997529)))</t>
  </si>
  <si>
    <t>MultiPolygon (((4.41049628151961315 51.92929156196157692, 4.41507798738333701 51.92317970163779961, 4.40836281585997281 51.92446836297014556, 4.41001973130214875 51.92915405400554363, 4.41049628151961315 51.92929156196157692, 4.41049628151961315 51.92929156196157692)))</t>
  </si>
  <si>
    <t>MultiPolygon (((4.37504056257356311 51.93242190068863806, 4.38024889727982281 51.93290708102642839, 4.38085742219211483 51.93109373734083789, 4.38015555236526311 51.92587139202343849, 4.37643849505120652 51.92572909467831721, 4.37568225495812779 51.92910408090134666, 4.37504056257356311 51.93242190068863806, 4.37504056257356311 51.93242190068863806)))</t>
  </si>
  <si>
    <t>MultiPolygon (((4.38313486359122706 51.93708010920332185, 4.38759535388403954 51.93623159623203378, 4.38535262999243702 51.93317175539120711, 4.38222539143418999 51.93355574069598646, 4.38024889727982281 51.93290708102642839, 4.37504056257356311 51.93242190068863806, 4.37459827822943392 51.93385967711054008, 4.37906631175445327 51.93429506359320413, 4.37846164791955772 51.93657034912409642, 4.38313486359122706 51.93708010920332185, 4.38313486359122706 51.93708010920332185)))</t>
  </si>
  <si>
    <t>MultiPolygon (((4.37923459822489569 51.93788453783902526, 4.38057570204808577 51.9387059159284874, 4.38313486359122706 51.93708010920332185, 4.37846164791955772 51.93657034912409642, 4.37906631175445327 51.93429506359320413, 4.37459827822943392 51.93385967711054008, 4.37179974921881431 51.9338130668178124, 4.37444952443118495 51.93547919568793958, 4.37388762367969264 51.93797156507579871, 4.37923459822489569 51.93788453783902526, 4.37923459822489569 51.93788453783902526)))</t>
  </si>
  <si>
    <t>MultiPolygon (((4.3622196104450488 51.93572017766054927, 4.36668341480217581 51.93761346320955852, 4.37388762367969264 51.93797156507579871, 4.37444952443118495 51.93547919568793958, 4.37179974921881431 51.9338130668178124, 4.36813256781557335 51.93335670397630821, 4.36302401664790196 51.93361738402153094, 4.36270331807060163 51.93454394364131588, 4.3622196104450488 51.93572017766054927, 4.3622196104450488 51.93572017766054927)))</t>
  </si>
  <si>
    <t>MultiPolygon (((4.37179974921881431 51.9338130668178124, 4.37459827822943392 51.93385967711054008, 4.37504056257356311 51.93242190068863806, 4.37568225495812779 51.92910408090134666, 4.36388370279010207 51.92811709638363027, 4.36302401664790196 51.93361738402153094, 4.36813256781557335 51.93335670397630821, 4.37179974921881431 51.9338130668178124, 4.37179974921881431 51.9338130668178124)))</t>
  </si>
  <si>
    <t>MultiPolygon (((4.37643849505120652 51.92572909467831721, 4.36201678032975337 51.92527971777450801, 4.36200169283602079 51.92538169789264657, 4.36182571794533125 51.92657109757888634, 4.36388370279010207 51.92811709638363027, 4.37568225495812779 51.92910408090134666, 4.37643849505120652 51.92572909467831721, 4.37643849505120652 51.92572909467831721)))</t>
  </si>
  <si>
    <t>MultiPolygon (((4.39459252670236378 51.93532823610586746, 4.39932170220111018 51.92733740750138338, 4.40836281585997281 51.92446836297014556, 4.40732657476729539 51.9226055052001314, 4.40113734627135766 51.92568438327725744, 4.39503373012333576 51.92641140006666944, 4.39100096582135979 51.92580650163981915, 4.38315811870181093 51.92259030741806214, 4.37593646843138107 51.91928342066091062, 4.37250828464621666 51.91190435577561146, 4.37113528103257476 51.9089486376045457, 4.36927054856736685 51.90860884823636212, 4.3692191417750923 51.9088682371749357, 4.36726820566368978 51.91394835642227434, 4.36643780745654997 51.91505362592815942, 4.36551264483210755 51.92154619311694574, 4.36307965213500903 51.92360374791044109, 4.36219201296191272 51.92409531618608298, 4.36201678032975337 51.92527971777450801, 4.37643849505120652 51.92572909467831721, 4.38015555236526311 51.92587139202343849, 4.38085742219211483 51.93109373734083789, 4.38024889727982281 51.93290708102642839, 4.38222539143418999 51.93355574069598646, 4.38535262999243702 51.93317175539120711, 4.38759535388403954 51.93623159623203378, 4.39459252670236378 51.93532823610586746, 4.39459252670236378 51.93532823610586746)))</t>
  </si>
  <si>
    <t>MultiPolygon (((4.38496460185313541 51.92146301819634857, 4.38749562576363861 51.91921039510452829, 4.3926096907260197 51.91739505959377965, 4.39272723208707738 51.91733846901719573, 4.38898062259777699 51.91596456226639589, 4.38562552731838284 51.91513480260326929, 4.37948295867751636 51.9137075137078341, 4.37865629047331772 51.91349549629740068, 4.37926925860605643 51.91789068638823323, 4.38496460185313541 51.92146301819634857, 4.38496460185313541 51.92146301819634857)))</t>
  </si>
  <si>
    <t>MultiPolygon (((4.38496460185313541 51.92146301819634857, 4.39092475555177408 51.92386988629971256, 4.39492981867378063 51.92433775642981431, 4.39621810698997706 51.92038005728357319, 4.39261955121100023 51.91908420208888941, 4.3926096907260197 51.91739505959377965, 4.38749562576363861 51.91921039510452829, 4.38496460185313541 51.92146301819634857, 4.38496460185313541 51.92146301819634857)))</t>
  </si>
  <si>
    <t>MultiPolygon (((4.39492981867378063 51.92433775642981431, 4.39951806139520585 51.92400617214651959, 4.40340059585754062 51.92279630708340221, 4.40204162265679333 51.91937499270522949, 4.40203598835033372 51.91933068900264203, 4.40088505470802005 51.91926269354797796, 4.40128723042215686 51.92042939697025616, 4.40021191753497032 51.92096625549532263, 4.39621810698997706 51.92038005728357319, 4.39492981867378063 51.92433775642981431, 4.39492981867378063 51.92433775642981431)))</t>
  </si>
  <si>
    <t>MultiPolygon (((4.40340059585754062 51.92279630708340221, 4.40683138782937789 51.92176710165337283, 4.40663563926899116 51.92154074750153825, 4.40420698099914532 51.91947915793490154, 4.40204162265679333 51.91937499270522949, 4.40340059585754062 51.92279630708340221, 4.40340059585754062 51.92279630708340221)))</t>
  </si>
  <si>
    <t>MultiPolygon (((4.39492981867378063 51.92433775642981431, 4.39503373012333576 51.92641140006666944, 4.40113734627135766 51.92568438327725744, 4.40732657476729539 51.9226055052001314, 4.40683138782937789 51.92176710165337283, 4.40340059585754062 51.92279630708340221, 4.39951806139520585 51.92400617214651959, 4.39492981867378063 51.92433775642981431, 4.39492981867378063 51.92433775642981431)))</t>
  </si>
  <si>
    <t>MultiPolygon (((4.39492981867378063 51.92433775642981431, 4.39092475555177408 51.92386988629971256, 4.38496460185313541 51.92146301819634857, 4.38315811870181093 51.92259030741806214, 4.39100096582135979 51.92580650163981915, 4.39503373012333576 51.92641140006666944, 4.39492981867378063 51.92433775642981431, 4.39492981867378063 51.92433775642981431)))</t>
  </si>
  <si>
    <t>MultiPolygon (((4.38315811870181093 51.92259030741806214, 4.38496460185313541 51.92146301819634857, 4.37926925860605643 51.91789068638823323, 4.37865629047331772 51.91349549629740068, 4.37250828464621666 51.91190435577561146, 4.37593646843138107 51.91928342066091062, 4.38315811870181093 51.92259030741806214, 4.38315811870181093 51.92259030741806214)))</t>
  </si>
  <si>
    <t>MultiPolygon (((4.40954300889723427 51.91041315764629616, 4.40999930833146347 51.90985247246317869, 4.41134626370917893 51.91027274648502754, 4.41567695451475206 51.90502478216852467, 4.41234957627372282 51.90242989416053376, 4.40964986798076897 51.90192527305417514, 4.4087991124668493 51.90597384217672783, 4.4087959833520598 51.9060035044392194, 4.40781956261151286 51.90926121362856804, 4.40472870541616945 51.91287673373690836, 4.40168778978638375 51.91387599897299054, 4.40309051978622179 51.91431725117216445, 4.40907897494298062 51.91419101444315487, 4.41161681792119875 51.91390373076779241, 4.41182724534145709 51.91306558356851042, 4.40907532129150326 51.91204973568249414, 4.40954300889723427 51.91041315764629616, 4.40954300889723427 51.91041315764629616)))</t>
  </si>
  <si>
    <t>MultiPolygon (((4.3867882021479625 51.90828741884939035, 4.3943960789306864 51.9063350662448002, 4.396550569776279 51.90660128618200986, 4.39936480984396905 51.90737554539524012, 4.39903690664709135 51.90371348577139798, 4.39969961075525351 51.89955075991523614, 4.40964986798076897 51.90192527305417514, 4.41234957627372282 51.90242989416053376, 4.41371031553441995 51.90075462326247902, 4.40971277514288751 51.89985787840270604, 4.39812569886208582 51.89725108183278479, 4.39197848451850081 51.89668734775710135, 4.38482295980158643 51.89717879565655068, 4.37213742678512496 51.89918832501874135, 4.37062268457107628 51.89935552753533443, 4.36955539496041734 51.90308284196831323, 4.36995062623470165 51.90639176289219847, 4.36927054856736685 51.90860884823636212, 4.37113528103257476 51.9089486376045457, 4.37843027438336296 51.91083088784893107, 4.38021931347952531 51.90986841026540333, 4.3867882021479625 51.90828741884939035, 4.3867882021479625 51.90828741884939035)))</t>
  </si>
  <si>
    <t>MultiPolygon (((4.40682653928535117 51.90415261270331371, 4.4087991124668493 51.90597384217672783, 4.40964986798076897 51.90192527305417514, 4.39969961075525351 51.89955075991523614, 4.39903690664709135 51.90371348577139798, 4.40747240864347578 51.90273046068224261, 4.40682653928535117 51.90415261270331371, 4.40682653928535117 51.90415261270331371)))</t>
  </si>
  <si>
    <t>MultiPolygon (((4.39936480984396905 51.90737554539524012, 4.4006312132058909 51.90812579666012283, 4.40154864609781704 51.90515200929151973, 4.40682653928535117 51.90415261270331371, 4.40747240864347578 51.90273046068224261, 4.39903690664709135 51.90371348577139798, 4.39936480984396905 51.90737554539524012, 4.39936480984396905 51.90737554539524012)))</t>
  </si>
  <si>
    <t>MultiPolygon (((4.4006312132058909 51.90812579666012283, 4.40077106527798367 51.90804560010368363, 4.40530551984327001 51.90569413958723999, 4.4087959833520598 51.9060035044392194, 4.4087991124668493 51.90597384217672783, 4.40682653928535117 51.90415261270331371, 4.40154864609781704 51.90515200929151973, 4.4006312132058909 51.90812579666012283, 4.4006312132058909 51.90812579666012283)))</t>
  </si>
  <si>
    <t>MultiPolygon (((4.40349518402719919 51.90982088659497151, 4.40781956261151286 51.90926121362856804, 4.4087959833520598 51.9060035044392194, 4.40530551984327001 51.90569413958723999, 4.40077106527798367 51.90804560010368363, 4.40349518402719919 51.90982088659497151, 4.40349518402719919 51.90982088659497151)))</t>
  </si>
  <si>
    <t>MultiPolygon (((4.37865629047331772 51.91349549629740068, 4.37948295867751636 51.9137075137078341, 4.37843027438336296 51.91083088784893107, 4.37113528103257476 51.9089486376045457, 4.37250828464621666 51.91190435577561146, 4.37865629047331772 51.91349549629740068, 4.37865629047331772 51.91349549629740068)))</t>
  </si>
  <si>
    <t>MultiPolygon (((4.38352490804207573 51.91129895119455284, 4.3892811274254413 51.91124263326439348, 4.3867882021479625 51.90828741884939035, 4.38021931347952531 51.90986841026540333, 4.37843027438336296 51.91083088784893107, 4.38352490804207573 51.91129895119455284, 4.38352490804207573 51.91129895119455284)))</t>
  </si>
  <si>
    <t>MultiPolygon (((4.39761760894786491 51.9132898275956336, 4.39923872307789221 51.91239475194983299, 4.40061088795260691 51.91164391357092711, 4.39624312951590035 51.90847539587925752, 4.396550569776279 51.90660128618200986, 4.3943960789306864 51.9063350662448002, 4.3867882021479625 51.90828741884939035, 4.3892811274254413 51.91124263326439348, 4.39062169100513167 51.91121636816638585, 4.39132833164843195 51.91124567276653323, 4.39491537897640949 51.91169034467079513, 4.39761760894786491 51.9132898275956336, 4.39761760894786491 51.9132898275956336)))</t>
  </si>
  <si>
    <t>MultiPolygon (((4.40061088795260691 51.91164391357092711, 4.40349518402719919 51.90982088659497151, 4.40077106527798367 51.90804560010368363, 4.4006312132058909 51.90812579666012283, 4.39936480984396905 51.90737554539524012, 4.396550569776279 51.90660128618200986, 4.39624312951590035 51.90847539587925752, 4.40061088795260691 51.91164391357092711, 4.40061088795260691 51.91164391357092711)))</t>
  </si>
  <si>
    <t>MultiPolygon (((4.39563340094758903 51.91441103454770456, 4.39761760894786491 51.9132898275956336, 4.39491537897640949 51.91169034467079513, 4.39132833164843195 51.91124567276653323, 4.39563340094758903 51.91441103454770456, 4.39563340094758903 51.91441103454770456)))</t>
  </si>
  <si>
    <t>MultiPolygon (((4.39454260937923991 51.91606044060396385, 4.39563340094758903 51.91441103454770456, 4.39132833164843195 51.91124567276653323, 4.39062169100513167 51.91121636816638585, 4.38879984017625535 51.91359764527298637, 4.39454260937923991 51.91606044060396385, 4.39454260937923991 51.91606044060396385)))</t>
  </si>
  <si>
    <t>MultiPolygon (((4.39272723208707738 51.91733846901719573, 4.39454260937923991 51.91606044060396385, 4.38879984017625535 51.91359764527298637, 4.38898062259777699 51.91596456226639589, 4.39272723208707738 51.91733846901719573, 4.39272723208707738 51.91733846901719573)))</t>
  </si>
  <si>
    <t>MultiPolygon (((4.38562552731838284 51.91513480260326929, 4.38898062259777699 51.91596456226639589, 4.38879984017625535 51.91359764527298637, 4.39062169100513167 51.91121636816638585, 4.3892811274254413 51.91124263326439348, 4.38352490804207573 51.91129895119455284, 4.38562552731838284 51.91513480260326929, 4.38562552731838284 51.91513480260326929)))</t>
  </si>
  <si>
    <t>MultiPolygon (((4.37948295867751636 51.9137075137078341, 4.38562552731838284 51.91513480260326929, 4.38352490804207573 51.91129895119455284, 4.37843027438336296 51.91083088784893107, 4.37948295867751636 51.9137075137078341, 4.37948295867751636 51.9137075137078341)))</t>
  </si>
  <si>
    <t>MultiPolygon (((4.40149529962357011 51.91391286767090207, 4.40168778978638375 51.91387599897299054, 4.40472870541616945 51.91287673373690836, 4.40781956261151286 51.90926121362856804, 4.40349518402719919 51.90982088659497151, 4.40061088795260691 51.91164391357092711, 4.39923872307789221 51.91239475194983299, 4.40149529962357011 51.91391286767090207, 4.40149529962357011 51.91391286767090207)))</t>
  </si>
  <si>
    <t>MultiPolygon (((4.39272723208707738 51.91733846901719573, 4.39675239257498252 51.91735361767513979, 4.39730770601541643 51.91485296063585508, 4.40149529962357011 51.91391286767090207, 4.39923872307789221 51.91239475194983299, 4.39761760894786491 51.9132898275956336, 4.39563340094758903 51.91441103454770456, 4.39454260937923991 51.91606044060396385, 4.39272723208707738 51.91733846901719573, 4.39272723208707738 51.91733846901719573)))</t>
  </si>
  <si>
    <t>MultiPolygon (((4.39621810698997706 51.92038005728357319, 4.40021191753497032 51.92096625549532263, 4.40128723042215686 51.92042939697025616, 4.40088505470802005 51.91926269354797796, 4.39744481024930423 51.91857949847996423, 4.39675239257498252 51.91735361767513979, 4.39272723208707738 51.91733846901719573, 4.3926096907260197 51.91739505959377965, 4.39261955121100023 51.91908420208888941, 4.39621810698997706 51.92038005728357319, 4.39621810698997706 51.92038005728357319)))</t>
  </si>
  <si>
    <t>MultiPolygon (((4.41591921897743145 51.91617452459066584, 4.41525184592169406 51.9144839329478458, 4.41360116279141668 51.91458513830380639, 4.41350628602025896 51.91395267216644527, 4.41182724534145709 51.91306558356851042, 4.41161681792119875 51.91390373076779241, 4.40907897494298062 51.91419101444315487, 4.40309051978622179 51.91431725117216445, 4.40168778978638375 51.91387599897299054, 4.40149529962357011 51.91391286767090207, 4.40252738285455969 51.91579599318226457, 4.40642988083402276 51.9153213648667915, 4.40910559905212551 51.91667955736447482, 4.40942042409646184 51.91692852718899331, 4.41591921897743145 51.91617452459066584, 4.41591921897743145 51.91617452459066584)))</t>
  </si>
  <si>
    <t>MultiPolygon (((4.41193394269814654 51.91890981487259182, 4.4163829400414869 51.9176909992634279, 4.41591921897743145 51.91617452459066584, 4.40942042409646184 51.91692852718899331, 4.41193394269814654 51.91890981487259182, 4.41193394269814654 51.91890981487259182)))</t>
  </si>
  <si>
    <t>MultiPolygon (((4.41507798738333701 51.92317970163779961, 4.41683090647341814 51.92309520741246587, 4.41706433102044382 51.92042370205669499, 4.4163829400414869 51.9176909992634279, 4.41193394269814654 51.91890981487259182, 4.41200978673028477 51.92109837675901929, 4.40732657476729539 51.9226055052001314, 4.40836281585997281 51.92446836297014556, 4.41507798738333701 51.92317970163779961, 4.41507798738333701 51.92317970163779961)))</t>
  </si>
  <si>
    <t>MultiPolygon (((4.40683138782937789 51.92176710165337283, 4.40732657476729539 51.9226055052001314, 4.41200978673028477 51.92109837675901929, 4.41193394269814654 51.91890981487259182, 4.40663563926899116 51.92154074750153825, 4.40683138782937789 51.92176710165337283, 4.40683138782937789 51.92176710165337283)))</t>
  </si>
  <si>
    <t>MultiPolygon (((4.40420698099914532 51.91947915793490154, 4.40663563926899116 51.92154074750153825, 4.41193394269814654 51.91890981487259182, 4.40942042409646184 51.91692852718899331, 4.40910559905212551 51.91667955736447482, 4.4043748978565711 51.91835482723995909, 4.40420698099914532 51.91947915793490154, 4.40420698099914532 51.91947915793490154)))</t>
  </si>
  <si>
    <t>MultiPolygon (((4.40267457493717806 51.91801828802251606, 4.4043748978565711 51.91835482723995909, 4.40910559905212551 51.91667955736447482, 4.40642988083402276 51.9153213648667915, 4.40252738285455969 51.91579599318226457, 4.40267457493717806 51.91801828802251606, 4.40267457493717806 51.91801828802251606)))</t>
  </si>
  <si>
    <t>MultiPolygon (((4.40204162265679333 51.91937499270522949, 4.40420698099914532 51.91947915793490154, 4.4043748978565711 51.91835482723995909, 4.40267457493717806 51.91801828802251606, 4.40203598835033372 51.91933068900264203, 4.40204162265679333 51.91937499270522949, 4.40204162265679333 51.91937499270522949)))</t>
  </si>
  <si>
    <t>MultiPolygon (((4.40088505470802005 51.91926269354797796, 4.40203598835033372 51.91933068900264203, 4.40267457493717806 51.91801828802251606, 4.40252738285455969 51.91579599318226457, 4.40149529962357011 51.91391286767090207, 4.39730770601541643 51.91485296063585508, 4.39675239257498252 51.91735361767513979, 4.39744481024930423 51.91857949847996423, 4.40088505470802005 51.91926269354797796, 4.40088505470802005 51.91926269354797796)))</t>
  </si>
  <si>
    <t>MultiPolygon (((4.35141845374374459 52.02400313213470184, 4.3480119422782515 52.0224566425161612, 4.34630144091712811 52.03020036239894353, 4.35294708108936845 52.02906319934193391, 4.35769316366740433 52.02682080825830013, 4.35141845374374459 52.02400313213470184, 4.35141845374374459 52.02400313213470184)))</t>
  </si>
  <si>
    <t>MultiPolygon (((4.35779028203079655 52.02686319714047869, 4.35769316366740433 52.02682080825830013, 4.35294708108936845 52.02906319934193391, 4.34630144091712811 52.03020036239894353, 4.34542400499288739 52.03517326733425818, 4.34433241578219675 52.04114164831884892, 4.34688400867344793 52.0424666421363824, 4.350364151704321 52.03931300230811985, 4.3537778551619466 52.03067598254817483, 4.35483389798670384 52.03043832628812737, 4.35776512071738509 52.02788143737151216, 4.35779028203079655 52.02686319714047869, 4.35779028203079655 52.02686319714047869)))</t>
  </si>
  <si>
    <t>MultiPolygon (((4.33501869045555654 52.02740045829644799, 4.33788383467780214 52.02869755665300744, 4.34767029213741374 52.02235143833252096, 4.34369544610873959 52.0206167734168119, 4.33442632776185643 52.01648119631859402, 4.33428726721649227 52.01641805036743449, 4.32880557813917299 52.02146307566060557, 4.33088400962538511 52.02177072422902881, 4.3381191981861118 52.0249702567410921, 4.33501869045555654 52.02740045829644799, 4.33501869045555654 52.02740045829644799)))</t>
  </si>
  <si>
    <t>MultiPolygon (((4.34542400499288739 52.03517326733425818, 4.34630144091712811 52.03020036239894353, 4.3480119422782515 52.0224566425161612, 4.34800186152690049 52.0224536079128228, 4.34767029213741374 52.02235143833252096, 4.33788383467780214 52.02869755665300744, 4.33658797200389845 52.03013996494932059, 4.34542400499288739 52.03517326733425818, 4.34542400499288739 52.03517326733425818)))</t>
  </si>
  <si>
    <t>MultiPolygon (((4.34433241578219675 52.04114164831884892, 4.34542400499288739 52.03517326733425818, 4.33658797200389845 52.03013996494932059, 4.33788383467780214 52.02869755665300744, 4.33501869045555654 52.02740045829644799, 4.32940640319345871 52.03179568123167797, 4.34433241578219675 52.04114164831884892, 4.34433241578219675 52.04114164831884892)))</t>
  </si>
  <si>
    <t>MultiPolygon (((4.32337318092830891 52.02673567801129906, 4.32880557813917299 52.02146307566060557, 4.33428726721649227 52.01641805036743449, 4.33024599386049758 52.0146660575137858, 4.32595624087535846 52.012793313497518, 4.31950704152774811 52.01986047653582546, 4.31758451079685912 52.01908681460574968, 4.31691371211429686 52.01878506773961419, 4.32337318092830891 52.02673567801129906, 4.32337318092830891 52.02673567801129906)))</t>
  </si>
  <si>
    <t>MultiPolygon (((4.32064988320511567 52.02932394356695767, 4.32337318092830891 52.02673567801129906, 4.31691371211429686 52.01878506773961419, 4.30981926156260808 52.01563403900753713, 4.3076385848212535 52.01815135964611159, 4.30431290535852984 52.02200192676358625, 4.31031631925000447 52.02399832520605827, 4.31546258589360843 52.02578705603255571, 4.32064988320511567 52.02932394356695767, 4.32064988320511567 52.02932394356695767)))</t>
  </si>
  <si>
    <t>MultiPolygon (((4.29790500685049714 52.02944736207226839, 4.30470581481167525 52.03113102040531146, 4.31031631925000447 52.02399832520605827, 4.30431290535852984 52.02200192676358625, 4.30418875190536188 52.02214763220607097, 4.30093144251391379 52.02593201925949273, 4.29790500685049714 52.02944736207226839, 4.29790500685049714 52.02944736207226839)))</t>
  </si>
  <si>
    <t>MultiPolygon (((4.30470581481167525 52.03113102040531146, 4.3152489085409611 52.03398143000660525, 4.32064988320511567 52.02932394356695767, 4.31546258589360843 52.02578705603255571, 4.31031631925000447 52.02399832520605827, 4.30470581481167525 52.03113102040531146, 4.30470581481167525 52.03113102040531146)))</t>
  </si>
  <si>
    <t>MultiPolygon (((4.30548016919263166 52.03715136282134068, 4.310975585213221 52.03833734505909803, 4.3152489085409611 52.03398143000660525, 4.30470581481167525 52.03113102040531146, 4.30156951844644464 52.0371716598665941, 4.30548016919263166 52.03715136282134068, 4.30548016919263166 52.03715136282134068)))</t>
  </si>
  <si>
    <t>MultiPolygon (((4.30156951844644464 52.0371716598665941, 4.29955778325800519 52.03971427308572828, 4.30352437983951663 52.04073906282790318, 4.30548016919263166 52.03715136282134068, 4.30156951844644464 52.0371716598665941, 4.30156951844644464 52.0371716598665941)))</t>
  </si>
  <si>
    <t>MultiPolygon (((4.30470581481167525 52.03113102040531146, 4.29790500685049714 52.02944736207226839, 4.29789073928263399 52.02946873310391851, 4.29861668342247416 52.02982135223669502, 4.29170727484943004 52.04037830540336529, 4.29095168926296289 52.0415729754422216, 4.29386564115232083 52.04254041208110948, 4.29345289382109385 52.0430626217710639, 4.29788069319205412 52.04155151454818906, 4.29955778325800519 52.03971427308572828, 4.30156951844644464 52.0371716598665941, 4.30470581481167525 52.03113102040531146, 4.30470581481167525 52.03113102040531146)))</t>
  </si>
  <si>
    <t>MultiPolygon (((4.30440963232742391 52.04665981252527729, 4.30741262961115723 52.04252188716009186, 4.310975585213221 52.03833734505909803, 4.30548016919263166 52.03715136282134068, 4.30352437983951663 52.04073906282790318, 4.29955778325800519 52.03971427308572828, 4.29788069319205412 52.04155151454818906, 4.29345289382109385 52.0430626217710639, 4.29676720818394475 52.04372761678393999, 4.29756299107895412 52.04406761313933316, 4.29724693827451532 52.04457001131270744, 4.29873708400571974 52.04500924243652094, 4.29836672277689846 52.04555710121674394, 4.30322615082653748 52.04695628042699695, 4.30440963232742391 52.04665981252527729)))</t>
  </si>
  <si>
    <t>MultiPolygon (((4.32940640319345871 52.03179568123167797, 4.33501869045555654 52.02740045829644799, 4.3381191981861118 52.0249702567410921, 4.33088400962538511 52.02177072422902881, 4.32880557813917299 52.02146307566060557, 4.32337318092830891 52.02673567801129906, 4.32940640319345871 52.03179568123167797, 4.32940640319345871 52.03179568123167797)))</t>
  </si>
  <si>
    <t>MultiPolygon (((4.32137358180387743 52.03691743835442907, 4.32310456533194287 52.03672026770559711, 4.32940640319345871 52.03179568123167797, 4.32337318092830891 52.02673567801129906, 4.32064988320511567 52.02932394356695767, 4.3152489085409611 52.03398143000660525, 4.32137358180387743 52.03691743835442907, 4.32137358180387743 52.03691743835442907)))</t>
  </si>
  <si>
    <t>MultiPolygon (((4.310975585213221 52.03833734505909803, 4.31753268126105016 52.04067473150197287, 4.32137358180387743 52.03691743835442907, 4.3152489085409611 52.03398143000660525, 4.310975585213221 52.03833734505909803, 4.310975585213221 52.03833734505909803)))</t>
  </si>
  <si>
    <t>MultiPolygon (((4.30741262961115723 52.04252188716009186, 4.31297257471228601 52.04482768848311736, 4.31786100062241829 52.04082294501149164, 4.31753268126105016 52.04067473150197287, 4.310975585213221 52.03833734505909803, 4.30741262961115723 52.04252188716009186, 4.30741262961115723 52.04252188716009186)))</t>
  </si>
  <si>
    <t>MultiPolygon (((4.31004174026161913 52.04866920093628835, 4.31297257471228601 52.04482768848311736, 4.30741262961115723 52.04252188716009186, 4.30440963232742391 52.04665981252527729, 4.30981234954560488 52.04857445807436989, 4.31004174026161913 52.04866920093628835, 4.31004174026161913 52.04866920093628835)))</t>
  </si>
  <si>
    <t>MultiPolygon (((4.31786100062241829 52.04082294501149164, 4.32087578637508507 52.04240207732297563, 4.32543670503471578 52.03990259624035986, 4.32310456533194287 52.03672026770559711, 4.32137358180387743 52.03691743835442907, 4.31753268126105016 52.04067473150197287, 4.31786100062241829 52.04082294501149164, 4.31786100062241829 52.04082294501149164)))</t>
  </si>
  <si>
    <t>MultiPolygon (((4.33385928560669331 52.04601443648664372, 4.33609215783237989 52.04457183659187791, 4.3396842111039442 52.04698300087365936, 4.3438087850556677 52.04454236576434312, 4.34433241578219675 52.04114164831884892, 4.32940640319345871 52.03179568123167797, 4.32310456533194287 52.03672026770559711, 4.32543670503471578 52.03990259624035986, 4.33385928560669331 52.04601443648664372, 4.33385928560669331 52.04601443648664372)))</t>
  </si>
  <si>
    <t>MultiPolygon (((4.31658116592502683 52.04648073072636549, 4.32761169398250356 52.05220436577221932, 4.33139628169904611 52.04776859218222995, 4.33385928560669331 52.04601443648664372, 4.32543670503471578 52.03990259624035986, 4.32087578637508507 52.04240207732297563, 4.31658116592502683 52.04648073072636549, 4.31658116592502683 52.04648073072636549)))</t>
  </si>
  <si>
    <t>MultiPolygon (((4.31297257471228601 52.04482768848311736, 4.31658116592502683 52.04648073072636549, 4.32087578637508507 52.04240207732297563, 4.31786100062241829 52.04082294501149164, 4.31297257471228601 52.04482768848311736, 4.31297257471228601 52.04482768848311736)))</t>
  </si>
  <si>
    <t>MultiPolygon (((4.32548739250335856 52.05544121652495448, 4.32761169398250356 52.05220436577221932, 4.31658116592502683 52.04648073072636549, 4.31297257471228601 52.04482768848311736, 4.31004174026161913 52.04866920093628835, 4.31308058203104139 52.05013258576431667, 4.31644565937379099 52.05087056521922761, 4.32190798087048744 52.05305174324008988, 4.32135345942708771 52.05461641376070503, 4.32412234923207794 52.05564745987929598, 4.32548739250335856 52.05544121652495448)))</t>
  </si>
  <si>
    <t>MultiPolygon (((4.34688400867344793 52.0424666421363824, 4.34433241578219675 52.04114164831884892, 4.3438087850556677 52.04454236576434312, 4.343082754278214 52.05188066638054778, 4.34663694181852822 52.04954780856727581, 4.34913218701524773 52.04688594139111046, 4.34638417383941977 52.04482983686803266, 4.34688400867344793 52.0424666421363824, 4.34688400867344793 52.0424666421363824)))</t>
  </si>
  <si>
    <t>MultiPolygon (((4.34913218701524773 52.04688594139111046, 4.34663694181852822 52.04954780856727581, 4.343082754278214 52.05188066638054778, 4.34469130346509402 52.05393948111770186, 4.35263870772727746 52.04909517555076093, 4.35231249326390834 52.04818248222876065, 4.34913218701524773 52.04688594139111046)))</t>
  </si>
  <si>
    <t>MultiPolygon (((4.33721775567392331 52.04857476678468942, 4.3396842111039442 52.04698300087365936, 4.33609215783237989 52.04457183659187791, 4.33385928560669331 52.04601443648664372, 4.33721775567392331 52.04857476678468942, 4.33721775567392331 52.04857476678468942)))</t>
  </si>
  <si>
    <t>MultiPolygon (((4.32761169398250356 52.05220436577221932, 4.33247023799785325 52.05474162172452424, 4.33608183795268509 52.0515768396524976, 4.33834613125370883 52.04939295357028328, 4.33721775567392331 52.04857476678468942, 4.33385928560669331 52.04601443648664372, 4.33139628169904611 52.04776859218222995, 4.32761169398250356 52.05220436577221932, 4.32761169398250356 52.05220436577221932)))</t>
  </si>
  <si>
    <t>MultiPolygon (((4.33033266629952518 52.05733536190872712, 4.33247023799785325 52.05474162172452424, 4.32761169398250356 52.05220436577221932, 4.32548739250335856 52.05544121652495448, 4.32762825736958945 52.05645274575076087, 4.32764309031277428 52.05694290921633893, 4.32865096205122057 52.0565486017490997, 4.33033266629952518 52.05733536190872712, 4.33033266629952518 52.05733536190872712)))</t>
  </si>
  <si>
    <t>MultiPolygon (((4.3390727434251577 52.05545424846616243, 4.343082754278214 52.05188066638054778, 4.3438087850556677 52.04454236576434312, 4.3396842111039442 52.04698300087365936, 4.33721775567392331 52.04857476678468942, 4.33834613125370883 52.04939295357028328, 4.33608183795268509 52.0515768396524976, 4.3390727434251577 52.05545424846616243, 4.3390727434251577 52.05545424846616243)))</t>
  </si>
  <si>
    <t>MultiPolygon (((4.33489199857128238 52.059523399263405, 4.33515068521198987 52.05963106773663895, 4.33786671394169421 52.05684940890005663, 4.3390727434251577 52.05545424846616243, 4.33608183795268509 52.0515768396524976, 4.33247023799785325 52.05474162172452424, 4.33033266629952518 52.05733536190872712, 4.33489199857128238 52.059523399263405, 4.33489199857128238 52.059523399263405)))</t>
  </si>
  <si>
    <t>MultiPolygon (((4.34469130346509402 52.05393948111770186, 4.343082754278214 52.05188066638054778, 4.3390727434251577 52.05545424846616243, 4.33786671394169421 52.05684940890005663, 4.34388509616063345 52.05924365619065952, 4.34688931834146963 52.05665876638238387, 4.34469130346509402 52.05393948111770186, 4.34469130346509402 52.05393948111770186)))</t>
  </si>
  <si>
    <t>MultiPolygon (((4.34388509616063345 52.05924365619065952, 4.33786671394169421 52.05684940890005663, 4.33515068521198987 52.05963106773663895, 4.34004717856596489 52.06180589917826751, 4.34388509616063345 52.05924365619065952, 4.34388509616063345 52.05924365619065952)))</t>
  </si>
  <si>
    <t>MultiPolygon (((4.56773737374019362 51.87817699104318336, 4.57096657849149057 51.87460097229696743, 4.55392630968932988 51.86785747391322587, 4.55384179175018744 51.86797232537167446, 4.55276950032414707 51.8694294204694657, 4.5493831369692419 51.87402723074368538, 4.5548726293243158 51.87555990368141323, 4.5615256152259489 51.87821861570012771, 4.56773737374019362 51.87817699104318336, 4.56773737374019362 51.87817699104318336)))</t>
  </si>
  <si>
    <t>MultiPolygon (((4.56029913649404861 51.85933099553486159, 4.55637099083947117 51.86457186715740875, 4.55746581638836012 51.86536374016796458, 4.55832365870410783 51.86513112022274186, 4.56820335928703347 51.85759567653101243, 4.56273257455323922 51.85606966528717265, 4.56029913649404861 51.85933099553486159, 4.56029913649404861 51.85933099553486159)))</t>
  </si>
  <si>
    <t>MultiPolygon (((4.62639105403403139 51.88065776310207156, 4.63526095854366904 51.86971115520300657, 4.63544912860648761 51.86911757041846727, 4.63395966835832684 51.86900372533964543, 4.63015969505699587 51.86475643594450702, 4.6288876094644813 51.8649787810736953, 4.6271332777531935 51.86756261343703756, 4.62278187660988493 51.86923696195706412, 4.61913514006438941 51.87211312657637308, 4.60687852865415159 51.86757699953496115, 4.60642125978476003 51.86798022874668135, 4.60749346783727809 51.86846583560948432, 4.60367842564602814 51.87192229240430663, 4.60274410337500761 51.87484164555021238, 4.60800655572305118 51.8788435465087332, 4.61736541709374659 51.88256092037365619, 4.61797886701965421 51.88622700930550025, 4.62030043340479502 51.88763384702452441, 4.62422963732174352 51.88380588055250087, 4.62639105403403139 51.88065776310207156, 4.62639105403403139 51.88065776310207156)))</t>
  </si>
  <si>
    <t>MultiPolygon (((4.63544912860648761 51.86911757041846727, 4.6400274262779444 51.86252387298434741, 4.64376300995055669 51.85930360458965538, 4.64729402899796984 51.85721620700603296, 4.64249260218577842 51.85390741347262633, 4.636515977288588 51.84966242411152848, 4.63344073517159583 51.85027551607127094, 4.62875784143418212 51.85434613184290953, 4.62604270170715992 51.85451287984672319, 4.62526604368376848 51.85648969769218297, 4.62772163107323209 51.86013893103385186, 4.6288876094644813 51.8649787810736953, 4.63015969505699587 51.86475643594450702, 4.63395966835832684 51.86900372533964543, 4.63544912860648761 51.86911757041846727, 4.63544912860648761 51.86911757041846727)))</t>
  </si>
  <si>
    <t>MultiPolygon (((4.5831192597521202 51.86671120109998867, 4.59264249789328716 51.86092339764397963, 4.5980436122795858 51.85642621935009089, 4.60561517700352674 51.85658236146444722, 4.62526604368376848 51.85648969769218297, 4.62604270170715992 51.85451287984672319, 4.6234224164749449 51.85373071423627778, 4.61871526528270504 51.85123791404178206, 4.61250077592336094 51.85058750049522303, 4.60828829548606933 51.84941401444794451, 4.60699556700239565 51.84852482929973405, 4.60491284470471918 51.84838451661174474, 4.60015490350694023 51.83873007840784197, 4.59468413861917835 51.84028311209459616, 4.58536205839250322 51.84251468152911713, 4.57105844597082722 51.84711677498690108, 4.57138598049316336 51.84942735611088693, 4.56997069561262581 51.85262053796942183, 4.56596125629265259 51.85208631020243786, 4.56411299506029877 51.85348767317724139, 4.56352421357618798 51.8550181269533752, 4.56273257455323922 51.85606966528717265, 4.56820335928703347 51.85759567653101243, 4.55832365870410783 51.86513112022274186, 4.55746581638836012 51.86536374016796458, 4.55637099083947117 51.86457186715740875, 4.55488324362193797 51.86656038875699437, 4.55392630968932988 51.86785747391322587, 4.57096657849149057 51.87460097229696743, 4.5831192597521202 51.86671120109998867, 4.5831192597521202 51.86671120109998867)))</t>
  </si>
  <si>
    <t>MultiPolygon (((4.58302042196628179 51.9012127046497298, 4.59079726179369185 51.89584850540585848, 4.59502882603278096 51.89417273004929143, 4.58958644935376814 51.89149798002625857, 4.59348396015775506 51.89017459172696789, 4.58968979084549922 51.88275720253022172, 4.58087345422691605 51.88609570047007935, 4.57808413036577644 51.87811028526294166, 4.57096657849149057 51.87460097229696743, 4.56773737374019362 51.87817699104318336, 4.56911128090804208 51.87814817684812141, 4.57540753583840409 51.89808271240730164, 4.57559941629326161 51.89805760222573383, 4.57609552997988711 51.8993738492010408, 4.5759056109716969 51.90125266063985521, 4.57632845404585442 51.90303172041799229, 4.58302042196628179 51.9012127046497298)))</t>
  </si>
  <si>
    <t>MultiPolygon (((4.60800655572305118 51.8788435465087332, 4.60274410337500761 51.87484164555021238, 4.59717766193217958 51.87765170140608717, 4.58968979084549922 51.88275720253022172, 4.59348396015775506 51.89017459172696789, 4.58958644935376814 51.89149798002625857, 4.59502882603278096 51.89417273004929143, 4.61957217034883083 51.88952269980735821, 4.61924884480553111 51.88844224730160448, 4.62030043340479502 51.88763384702452441, 4.61797886701965421 51.88622700930550025, 4.61736541709374659 51.88256092037365619, 4.60800655572305118 51.8788435465087332, 4.60800655572305118 51.8788435465087332)))</t>
  </si>
  <si>
    <t>MultiPolygon (((4.60687852865415159 51.86757699953496115, 4.61913514006438941 51.87211312657637308, 4.62278187660988493 51.86923696195706412, 4.6271332777531935 51.86756261343703756, 4.6288876094644813 51.8649787810736953, 4.62148380381789092 51.86621105916560737, 4.60899375217409091 51.86698282094030077, 4.60687852865415159 51.86757699953496115, 4.60687852865415159 51.86757699953496115)))</t>
  </si>
  <si>
    <t>MultiPolygon (((4.60899375217409091 51.86698282094030077, 4.62148380381789092 51.86621105916560737, 4.6288876094644813 51.8649787810736953, 4.62772163107323209 51.86013893103385186, 4.62526604368376848 51.85648969769218297, 4.60561517700352674 51.85658236146444722, 4.60598927295240479 51.85963049772674793, 4.60533299112182792 51.86009002963528758, 4.60899375217409091 51.86698282094030077, 4.60899375217409091 51.86698282094030077)))</t>
  </si>
  <si>
    <t>MultiPolygon (((4.60642125978476003 51.86798022874668135, 4.60687852865415159 51.86757699953496115, 4.60899375217409091 51.86698282094030077, 4.60533299112182792 51.86009002963528758, 4.60598927295240479 51.85963049772674793, 4.60561517700352674 51.85658236146444722, 4.5980436122795858 51.85642621935009089, 4.59264249789328716 51.86092339764397963, 4.5831192597521202 51.86671120109998867, 4.58502829211217655 51.86812393770566132, 4.59054179101455517 51.86747834126402523, 4.59305087189669514 51.86806491244032458, 4.60397700793209363 51.86601459686111326, 4.60642125978476003 51.86798022874668135, 4.60642125978476003 51.86798022874668135)))</t>
  </si>
  <si>
    <t>MultiPolygon (((4.58968979084549922 51.88275720253022172, 4.59717766193217958 51.87765170140608717, 4.59208376761317894 51.87603437883400659, 4.591679153850035 51.87534882531712555, 4.59305087189669514 51.86806491244032458, 4.59054179101455517 51.86747834126402523, 4.58502829211217655 51.86812393770566132, 4.5831192597521202 51.86671120109998867, 4.57096657849149057 51.87460097229696743, 4.57808413036577644 51.87811028526294166, 4.58087345422691605 51.88609570047007935, 4.58968979084549922 51.88275720253022172, 4.58968979084549922 51.88275720253022172)))</t>
  </si>
  <si>
    <t>MultiPolygon (((4.59717766193217958 51.87765170140608717, 4.60274410337500761 51.87484164555021238, 4.60367842564602814 51.87192229240430663, 4.60749346783727809 51.86846583560948432, 4.60642125978476003 51.86798022874668135, 4.60397700793209363 51.86601459686111326, 4.59305087189669514 51.86806491244032458, 4.591679153850035 51.87534882531712555, 4.59208376761317894 51.87603437883400659, 4.59717766193217958 51.87765170140608717, 4.59717766193217958 51.87765170140608717)))</t>
  </si>
  <si>
    <t>MultiPolygon (((4.73723802789973192 51.83402849370325072, 4.73686701215643424 51.83345104459633745, 4.7124310933133664 51.83912928600418013, 4.7139496033642736 51.84120831611448921, 4.73713987649059032 51.8464528262627482, 4.73865383623869896 51.84357351648220913, 4.74034470594745461 51.84325524076627545, 4.74339462475529494 51.84271974192451182, 4.74276393684516684 51.84100268902571429, 4.7414102920788519 51.84077640606610515, 4.73723802789973192 51.83402849370325072, 4.73723802789973192 51.83402849370325072)))</t>
  </si>
  <si>
    <t>MultiPolygon (((4.7124310933133664 51.83912928600418013, 4.73686701215643424 51.83345104459633745, 4.73684550125481518 51.83341761188253116, 4.73379524158181031 51.82849060032297928, 4.73320372543841916 51.82747643120691805, 4.72989567988476622 51.82826495748532381, 4.71905516804959912 51.82851625657188777, 4.71466690523646292 51.83100642825215232, 4.70855349913049537 51.83051684682303062, 4.70650461385030283 51.83093567280274527, 4.7124310933133664 51.83912928600418013, 4.7124310933133664 51.83912928600418013)))</t>
  </si>
  <si>
    <t>MultiPolygon (((4.70650461385030283 51.83093567280274527, 4.70855349913049537 51.83051684682303062, 4.71466690523646292 51.83100642825215232, 4.71905516804959912 51.82851625657188777, 4.72989567988476622 51.82826495748532381, 4.73320372543841916 51.82747643120691805, 4.72963867127623594 51.8221687391824517, 4.70997638471657964 51.82334827743504491, 4.70578658234957814 51.82327511383887497, 4.70518715055225112 51.82867671336481408, 4.70650461385030283 51.83093567280274527, 4.70650461385030283 51.83093567280274527)))</t>
  </si>
  <si>
    <t>MultiPolygon (((4.70669690535238328 51.84107110255739315, 4.7139496033642736 51.84120831611448921, 4.7124310933133664 51.83912928600418013, 4.70650461385030283 51.83093567280274527, 4.69964648303005816 51.83319768396912508, 4.69225563135624402 51.83566818513128993, 4.69919031540793153 51.84310441074295284, 4.70669690535238328 51.84107110255739315, 4.70669690535238328 51.84107110255739315)))</t>
  </si>
  <si>
    <t>MultiPolygon (((4.69964648303005816 51.83319768396912508, 4.70650461385030283 51.83093567280274527, 4.70518715055225112 51.82867671336481408, 4.70578658234957814 51.82327511383887497, 4.69781104892745738 51.82258572858082601, 4.69763329677869468 51.8237796577331622, 4.6929649455467306 51.82547202721720936, 4.69964648303005816 51.83319768396912508, 4.69964648303005816 51.83319768396912508)))</t>
  </si>
  <si>
    <t>MultiPolygon (((4.69225563135624402 51.83566818513128993, 4.69964648303005816 51.83319768396912508, 4.6929649455467306 51.82547202721720936, 4.69763329677869468 51.8237796577331622, 4.69781104892745738 51.82258572858082601, 4.68834384777479851 51.82141293199434529, 4.68461873262554995 51.82077381340138089, 4.6828333916506768 51.82526346520082683, 4.69225563135624402 51.83566818513128993, 4.69225563135624402 51.83566818513128993)))</t>
  </si>
  <si>
    <t>MultiPolygon (((4.69919031540793153 51.84310441074295284, 4.69225563135624402 51.83566818513128993, 4.6837131995079373 51.83901471728085397, 4.68217694918250604 51.84096208500074709, 4.68186921635367348 51.84394905694394851, 4.68047469371793401 51.84460769507244748, 4.68191135302335404 51.84844066733641199, 4.68134889403943255 51.84867813774095424, 4.68182675102145485 51.84909326372632421, 4.6831906708754607 51.84849145425308592, 4.69000560345022866 51.84563304407330264, 4.69919031540793153 51.84310441074295284, 4.69919031540793153 51.84310441074295284)))</t>
  </si>
  <si>
    <t>MultiPolygon (((4.68461873262554995 51.82077381340138089, 4.67636979763299721 51.82041616532475814, 4.67170868963267161 51.82085397597754195, 4.67043883667621973 51.82358911887698838, 4.66920851524057046 51.82959866281144912, 4.67241314486672454 51.83588280762405986, 4.67260618784614046 51.83865032875190337, 4.68047469371793401 51.84460769507244748, 4.68186921635367348 51.84394905694394851, 4.68217694918250604 51.84096208500074709, 4.6837131995079373 51.83901471728085397, 4.69225563135624402 51.83566818513128993, 4.6828333916506768 51.82526346520082683, 4.68461873262554995 51.82077381340138089, 4.68461873262554995 51.82077381340138089)))</t>
  </si>
  <si>
    <t>MultiPolygon (((4.8813440308616034 52.05752258141224331, 4.89541133901833625 52.04823392507692148, 4.89573894333185944 52.05047920269181816, 4.90650466472990132 52.05347564157526108, 4.91711779758848611 52.04379085673771499, 4.91481174467628446 52.04237780654274559, 4.91139802711645768 52.04018162518998736, 4.92668102100713146 52.02998687491916741, 4.92643541591785805 52.02847585477127268, 4.92402605371556135 52.02652528522954611, 4.92005916903414953 52.02555785089495544, 4.91242589109770922 52.02529102167873276, 4.90497460553064446 52.02647752839633455, 4.90178750223711557 52.02636726290953817, 4.89498232643417008 52.02441178822111567, 4.88604146155813712 52.02341873974261688, 4.88044551852692265 52.01876279161452743, 4.87919507225675009 52.02021551717190562, 4.87418429424179234 52.02564123412210506, 4.87711843549956647 52.02775499696107886, 4.8781322634531934 52.02816630977091705, 4.86759205114577043 52.03973098796375041, 4.87004516183701153 52.04168055972255758, 4.87057516118407374 52.04478706710365543, 4.87385700898147167 52.05017656316350383, 4.8813440308616034 52.05752258141224331, 4.8813440308616034 52.05752258141224331)))</t>
  </si>
  <si>
    <t>MultiPolygon (((4.86822503875628687 52.06344633272144051, 4.87145791066902856 52.05922460328520884, 4.87550648877690396 52.06157978717764223, 4.8813440308616034 52.05752258141224331, 4.87385700898147167 52.05017656316350383, 4.87057516118407374 52.04478706710365543, 4.87004516183701153 52.04168055972255758, 4.86759205114577043 52.03973098796375041, 4.8670090489933644 52.03934196804742385, 4.85953057453864901 52.03523928063660975, 4.8544782938130755 52.03399766155797579, 4.84844235966186865 52.04248785150624457, 4.85395580910665458 52.04383345611510236, 4.85632126834114608 52.0457480325646813, 4.85537473184989299 52.04698425051523003, 4.85152838314650392 52.04606616255185969, 4.84780550317920866 52.04333532080830338, 4.83909345950869696 52.05416740028996259, 4.84804850001504484 52.05816468475322978, 4.85630507640220799 52.05915178728734105, 4.86822503875628687 52.06344633272144051, 4.86822503875628687 52.06344633272144051)))</t>
  </si>
  <si>
    <t>MultiPolygon (((4.84780550317920866 52.04333532080830338, 4.85152838314650392 52.04606616255185969, 4.85537473184989299 52.04698425051523003, 4.85632126834114608 52.0457480325646813, 4.85395580910665458 52.04383345611510236, 4.84844235966186865 52.04248785150624457, 4.84797095686358492 52.04311082352943174, 4.84780550317920866 52.04333532080830338, 4.84780550317920866 52.04333532080830338)))</t>
  </si>
  <si>
    <t>MultiPolygon (((4.8495774083658576 52.03307926860036758, 4.82539020861624746 52.02851424773162137, 4.81711388599993473 52.02890608023472652, 4.80965985136418706 52.02750592559740994, 4.80867054196574362 52.02965390398752277, 4.80670437012654084 52.03316730157614955, 4.81182222805136295 52.03382451107384554, 4.81719293019652373 52.03693109671078076, 4.82936081562103947 52.04927951337111836, 4.82949028366674948 52.04981340023965686, 4.83909345950869696 52.05416740028996259, 4.84780550317920866 52.04333532080830338, 4.84797095686358492 52.04311082352943174, 4.84844235966186865 52.04248785150624457, 4.8544782938130755 52.03399766155797579, 4.8495774083658576 52.03307926860036758)))</t>
  </si>
  <si>
    <t>MultiPolygon (((4.90852319852203056 52.02277682866038333, 4.91774768859749489 52.01321669425266947, 4.91663864679947071 52.01341313658517151, 4.92004482554641154 52.01001400154110854, 4.91685550155723483 52.01014475576015172, 4.91388824815705849 52.01107758466474706, 4.90973467375378281 52.01104141621441102, 4.89641193436214461 52.00651643675979585, 4.89158433256031966 52.00485272903494405, 4.87975689979704796 52.01540106708721822, 4.8777469321295408 52.0172499419150256, 4.88044551852692265 52.01876279161452743, 4.88604146155813712 52.02341873974261688, 4.89498232643417008 52.02441178822111567, 4.90178750223711557 52.02636726290953817, 4.90497460553064446 52.02647752839633455, 4.90852319852203056 52.02277682866038333, 4.90852319852203056 52.02277682866038333)))</t>
  </si>
  <si>
    <t>MultiPolygon (((4.85638568861738218 52.00683805821832095, 4.87069215488912377 52.01153440061528244, 4.87975689979704796 52.01540106708721822, 4.89158433256031966 52.00485272903494405, 4.87783176458742673 52.00056884988602235, 4.85326030818799214 51.99172679282552423, 4.83521784818434686 51.98614302050801683, 4.82696864894884126 51.99259468600491374, 4.817805905521932 51.99976688905378097, 4.85360203587102568 52.0047984108790331, 4.85712655638268842 52.00595950798791023, 4.85638568861738218 52.00683805821832095, 4.85638568861738218 52.00683805821832095)))</t>
  </si>
  <si>
    <t>MultiPolygon (((4.85844173207406271 52.02099303720128631, 4.86001595486123072 52.02165747222808534, 4.86114692491145117 52.02046092266592581, 4.86605904882240115 52.02149676044493276, 4.86793219151171108 52.02106108685472208, 4.8726543399762221 52.0173741795511404, 4.87301024306257791 52.01776443263047156, 4.8777469321295408 52.0172499419150256, 4.87975689979704796 52.01540106708721822, 4.87069215488912377 52.01153440061528244, 4.85638568861738218 52.00683805821832095, 4.84860273077464488 52.01611691565332762, 4.84689577765410995 52.01818170817921327, 4.8498773385938696 52.01931435143605142, 4.85844173207406271 52.02099303720128631, 4.85844173207406271 52.02099303720128631)))</t>
  </si>
  <si>
    <t>MultiPolygon (((4.8544782938130755 52.03399766155797579, 4.85953057453864901 52.03523928063660975, 4.86352219692878585 52.03113644618699141, 4.86443638749601348 52.02908777213000491, 4.85872213224068084 52.02743550190209021, 4.86226887634589922 52.02266874239575856, 4.86001595486123072 52.02165747222808534, 4.85844173207406271 52.02099303720128631, 4.8495774083658576 52.03307926860036758, 4.8544782938130755 52.03399766155797579, 4.8544782938130755 52.03399766155797579)))</t>
  </si>
  <si>
    <t>MultiPolygon (((4.85953057453864901 52.03523928063660975, 4.8670090489933644 52.03934196804742385, 4.87087485723169777 52.03468884111479298, 4.86371802472623216 52.03247342742436388, 4.86430399285905235 52.03162597600965, 4.86352219692878585 52.03113644618699141, 4.85953057453864901 52.03523928063660975, 4.85953057453864901 52.03523928063660975)))</t>
  </si>
  <si>
    <t>MultiPolygon (((4.8670090489933644 52.03934196804742385, 4.86759205114577043 52.03973098796375041, 4.8781322634531934 52.02816630977091705, 4.87711843549956647 52.02775499696107886, 4.87240892183194241 52.03285837152711224, 4.86733991213917516 52.03128658601125522, 4.86430399285905235 52.03162597600965, 4.86371802472623216 52.03247342742436388, 4.87087485723169777 52.03468884111479298, 4.8670090489933644 52.03934196804742385, 4.8670090489933644 52.03934196804742385)))</t>
  </si>
  <si>
    <t>MultiPolygon (((4.87919507225675009 52.02021551717190562, 4.88044551852692265 52.01876279161452743, 4.8777469321295408 52.0172499419150256, 4.87301024306257791 52.01776443263047156, 4.87119082714903229 52.0191857535144635, 4.87263032564892917 52.0196755364860266, 4.87397023481424263 52.01878948305928674, 4.87919507225675009 52.02021551717190562, 4.87919507225675009 52.02021551717190562)))</t>
  </si>
  <si>
    <t>MultiPolygon (((4.86226887634589922 52.02266874239575856, 4.86618588771785276 52.02358010832628565, 4.86605904882240115 52.02149676044493276, 4.86114692491145117 52.02046092266592581, 4.86001595486123072 52.02165747222808534, 4.86226887634589922 52.02266874239575856, 4.86226887634589922 52.02266874239575856)))</t>
  </si>
  <si>
    <t>MultiPolygon (((4.86443638749601348 52.02908777213000491, 4.86658360268462076 52.02586720406659282, 4.86618588771785276 52.02358010832628565, 4.86226887634589922 52.02266874239575856, 4.85872213224068084 52.02743550190209021, 4.86443638749601348 52.02908777213000491, 4.86443638749601348 52.02908777213000491)))</t>
  </si>
  <si>
    <t>MultiPolygon (((4.86352219692878585 52.03113644618699141, 4.86430399285905235 52.03162597600965, 4.86733991213917516 52.03128658601125522, 4.87186939074079106 52.02690803407342202, 4.86658360268462076 52.02586720406659282, 4.86443638749601348 52.02908777213000491, 4.86352219692878585 52.03113644618699141, 4.86352219692878585 52.03113644618699141)))</t>
  </si>
  <si>
    <t>MultiPolygon (((4.86733991213917516 52.03128658601125522, 4.87240892183194241 52.03285837152711224, 4.87711843549956647 52.02775499696107886, 4.87418429424179234 52.02564123412210506, 4.87186939074079106 52.02690803407342202, 4.86733991213917516 52.03128658601125522, 4.86733991213917516 52.03128658601125522)))</t>
  </si>
  <si>
    <t>MultiPolygon (((4.86658360268462076 52.02586720406659282, 4.87186939074079106 52.02690803407342202, 4.87418429424179234 52.02564123412210506, 4.87919507225675009 52.02021551717190562, 4.87397023481424263 52.01878948305928674, 4.87263032564892917 52.0196755364860266, 4.87119082714903229 52.0191857535144635, 4.87301024306257791 52.01776443263047156, 4.8726543399762221 52.0173741795511404, 4.86793219151171108 52.02106108685472208, 4.86605904882240115 52.02149676044493276, 4.86618588771785276 52.02358010832628565, 4.86658360268462076 52.02586720406659282, 4.86658360268462076 52.02586720406659282)))</t>
  </si>
  <si>
    <t>MultiPolygon (((4.8495774083658576 52.03307926860036758, 4.85844173207406271 52.02099303720128631, 4.8498773385938696 52.01931435143605142, 4.84689577765410995 52.01818170817921327, 4.84017805405890567 52.01670694272223727, 4.83333477627045216 52.01642293447142862, 4.8249942568494264 52.01723660891757106, 4.82148468694590893 52.0159182914812277, 4.81585892439770547 52.01402999208222155, 4.81263134741025933 52.01394183215714406, 4.81066336339518141 52.01616148478284885, 4.80983375834797489 52.0159910085446171, 4.8089495446803312 52.01763880479922619, 4.80729866090412017 52.01693789997473516, 4.80719455441559784 52.01453821391996968, 4.8053948225308325 52.01413292847999514, 4.80341017381056545 52.01414454903821394, 4.79870020804844266 52.02227172806324518, 4.80993341960472076 52.02676451715632311, 4.80965985136418706 52.02750592559740994, 4.81711388599993473 52.02890608023472652, 4.82539020861624746 52.02851424773162137, 4.8495774083658576 52.03307926860036758, 4.8495774083658576 52.03307926860036758)))</t>
  </si>
  <si>
    <t>MultiPolygon (((4.8053948225308325 52.01413292847999514, 4.80719455441559784 52.01453821391996968, 4.80729866090412017 52.01693789997473516, 4.8089495446803312 52.01763880479922619, 4.80983375834797489 52.0159910085446171, 4.81066336339518141 52.01616148478284885, 4.81263134741025933 52.01394183215714406, 4.8082851464021541 52.01414324163552294, 4.8053948225308325 52.01413292847999514, 4.8053948225308325 52.01413292847999514)))</t>
  </si>
  <si>
    <t>MultiPolygon (((4.49717368791582306 52.18094329374473972, 4.49536860272044514 52.17780203789320836, 4.49343954221562392 52.17585602103312681, 4.49192250195706766 52.17540744992866308, 4.48752110874951704 52.17816313357275959, 4.48742207410489513 52.18021044483745641, 4.48954438220761354 52.18172791944960665, 4.49143075738094844 52.18095133117901696, 4.49276926938943255 52.18128313930330364, 4.49289494888139629 52.18154084517894375, 4.49432931357671173 52.18166983912514922, 4.49412902814172099 52.18204552933032403, 4.4948991572028385 52.18255006437089349, 4.49525603591371148 52.1839388565603528, 4.49756222674306549 52.18398265175266459, 4.49717368791582306 52.18094329374473972)))</t>
  </si>
  <si>
    <t>MultiPolygon (((4.47393680563976659 52.19671372586566349, 4.47534713406063567 52.19814001281912397, 4.47686283977143518 52.19704642407272388, 4.47827670729417093 52.1976204944639619, 4.47919629387337448 52.19912918745173158, 4.48363015582023738 52.19974716728876274, 4.48513063706743154 52.19476224467102554, 4.48357745626981963 52.19396950352420816, 4.47903011725556954 52.19562413683956947, 4.47681439756113164 52.19532253208844708, 4.47393680563976659 52.19671372586566349, 4.47393680563976659 52.19671372586566349)))</t>
  </si>
  <si>
    <t>MultiPolygon (((4.47903011725556954 52.19562413683956947, 4.48357745626981963 52.19396950352420816, 4.48513063706743154 52.19476224467102554, 4.48995775123465979 52.19266450045263639, 4.48774484478105951 52.19018861887019511, 4.49076377649258962 52.18682702124210948, 4.47753451121162094 52.19011511472336196, 4.47371912355331247 52.19105302319101014, 4.47676683579796375 52.19412643390813145, 4.47681439756113164 52.19532253208844708, 4.47903011725556954 52.19562413683956947, 4.47903011725556954 52.19562413683956947)))</t>
  </si>
  <si>
    <t>MultiPolygon (((4.47393680563976659 52.19671372586566349, 4.47681439756113164 52.19532253208844708, 4.47676683579796375 52.19412643390813145, 4.47371912355331247 52.19105302319101014, 4.47147690663747532 52.19160360278228694, 4.46792613814868034 52.19242990028278939, 4.46720648703394385 52.19444105973990844, 4.47209981782926302 52.19732812299243818, 4.47393680563976659 52.19671372586566349, 4.47393680563976659 52.19671372586566349)))</t>
  </si>
  <si>
    <t>MultiPolygon (((4.45382305151178848 52.17821784672243268, 4.45206886769346788 52.17780696162338216, 4.44758251131143734 52.1824463285149065, 4.44861337784213262 52.18263817588685782, 4.4549474552063133 52.18366013876620002, 4.45842205489272825 52.18346112178743823, 4.45793974781516944 52.17917668739566039, 4.45344568868401058 52.17876069811632078, 4.45382305151178848 52.17821784672243268, 4.45382305151178848 52.17821784672243268)))</t>
  </si>
  <si>
    <t>MultiPolygon (((4.46792613814868034 52.19242990028278939, 4.47147690663747532 52.19160360278228694, 4.47085518062282627 52.18969296172710415, 4.46949317602067264 52.18962451780709699, 4.46881661554602161 52.18594946958431535, 4.47040181048221896 52.18339729526046966, 4.46887135576545269 52.18329130046414832, 4.46075428910407723 52.17914174329728638, 4.45806951657467021 52.17869097350386909, 4.45793974781516944 52.17917668739566039, 4.45842205489272825 52.18346112178743823, 4.46146566484403451 52.18871051213477585, 4.46413437336778607 52.18843783892952359, 4.46506759346256654 52.19086272711960817, 4.46792613814868034 52.19242990028278939, 4.46792613814868034 52.19242990028278939)))</t>
  </si>
  <si>
    <t>MultiPolygon (((4.47147690663747532 52.19160360278228694, 4.47371912355331247 52.19105302319101014, 4.47753451121162094 52.19011511472336196, 4.47369179778725279 52.18315708699422117, 4.47040181048221896 52.18339729526046966, 4.46881661554602161 52.18594946958431535, 4.46949317602067264 52.18962451780709699, 4.47085518062282627 52.18969296172710415, 4.47147690663747532 52.19160360278228694, 4.47147690663747532 52.19160360278228694)))</t>
  </si>
  <si>
    <t>MultiPolygon (((4.48742207410489513 52.18021044483745641, 4.48752110874951704 52.17816313357275959, 4.48740185403668868 52.17692369823415532, 4.48460749535296266 52.17801523871199976, 4.48079573087839567 52.1796280841335971, 4.4797079521852563 52.17900390396076205, 4.47873434067371967 52.1795326495303371, 4.48165588801396542 52.18107838309175861, 4.47800162902290566 52.18278420264343964, 4.47369179778725279 52.18315708699422117, 4.47753451121162094 52.19011511472336196, 4.49076377649258962 52.18682702124210948, 4.49096828173249829 52.18656481359078469, 4.49120881151093876 52.18475420465431824, 4.48954438220761354 52.18172791944960665, 4.48742207410489513 52.18021044483745641)))</t>
  </si>
  <si>
    <t>MultiPolygon (((4.48165588801396542 52.18107838309175861, 4.47873434067371967 52.1795326495303371, 4.47157349321486652 52.17445599381400001, 4.47149686275390223 52.17442386432960433, 4.46711288386382943 52.17738262448929021, 4.46075428910407723 52.17914174329728638, 4.46887135576545269 52.18329130046414832, 4.47040181048221896 52.18339729526046966, 4.47369179778725279 52.18315708699422117, 4.47800162902290566 52.18278420264343964, 4.48165588801396542 52.18107838309175861, 4.48165588801396542 52.18107838309175861)))</t>
  </si>
  <si>
    <t>MultiPolygon (((4.48013106702073483 52.20197968587728354, 4.48435377483893749 52.20301042422105553, 4.48671653353179245 52.20417878695584335, 4.48803247812490458 52.20292296226720197, 4.48985213110619608 52.20397759253104653, 4.49061235154871063 52.20343044191822202, 4.49144718411692434 52.20368720256989548, 4.4922407637438555 52.2012976067612442, 4.49310901391601814 52.1957544378481515, 4.49334065228712465 52.19485912591329679, 4.48995775123465979 52.19266450045263639, 4.48513063706743154 52.19476224467102554, 4.48363015582023738 52.19974716728876274, 4.47919629387337448 52.19912918745173158, 4.47827670729417093 52.1976204944639619, 4.47686283977143518 52.19704642407272388, 4.47534713406063567 52.19814001281912397, 4.47393680563976659 52.19671372586566349, 4.47209981782926302 52.19732812299243818, 4.46720648703394385 52.19444105973990844, 4.46792613814868034 52.19242990028278939, 4.46506759346256654 52.19086272711960817, 4.46413437336778607 52.18843783892952359, 4.46146566484403451 52.18871051213477585, 4.46353278873065573 52.19266994903084367, 4.46265763478719713 52.19307106238896665, 4.46320390722164451 52.19334554820402872, 4.46637030151946401 52.196886235561891, 4.46617618004279038 52.19741392932085233, 4.4617605831921221 52.19710648312548074, 4.46347148114712322 52.20020156285939095, 4.4663074353964527 52.20054890832366112, 4.46765998158875188 52.20193297103373453, 4.47024026932021101 52.2022671918566985, 4.47137897661016481 52.20157024689464009, 4.47282574385543175 52.20265634201045657, 4.47624820862220041 52.20322578482114295, 4.47866530091762094 52.2046686037337011, 4.48013106702073483 52.20197968587728354)))</t>
  </si>
  <si>
    <t>MultiPolygon (((4.44758251131143734 52.1824463285149065, 4.45206886769346788 52.17780696162338216, 4.45382305151178848 52.17821784672243268, 4.45344568868401058 52.17876069811632078, 4.45793974781516944 52.17917668739566039, 4.45806951657467021 52.17869097350386909, 4.45541472037808894 52.1710215370889614, 4.45417053981698174 52.1711404589594494, 4.45305208778508987 52.1684921054908628, 4.45040814679483532 52.16631943838304153, 4.44836827996627093 52.16205195674179151, 4.44541266993926065 52.16722127636337092, 4.44550168735015294 52.16876556728709602, 4.44568787103041085 52.17000587752821872, 4.44862807057237131 52.17349986660390471, 4.44809309765757188 52.17718049475369924, 4.44583141545868621 52.17879941962642931, 4.44065456699282279 52.17964518178818167, 4.43501753133474352 52.18088967580187187, 4.43767938301188369 52.18171260300517389, 4.44006490659977082 52.18106950869622551, 4.44758251131143734 52.1824463285149065, 4.44758251131143734 52.1824463285149065)))</t>
  </si>
  <si>
    <t>MultiPolygon (((4.46711288386382943 52.17738262448929021, 4.47149686275390223 52.17442386432960433, 4.47094175456070619 52.17473858262190589, 4.4695733772760704 52.17434522428611388, 4.4685091666394916 52.17348204851848692, 4.46723425572756039 52.17217046970649363, 4.46757314272155615 52.17045124715387061, 4.46686829105097249 52.16992873327576064, 4.45541472037808894 52.1710215370889614, 4.45806951657467021 52.17869097350386909, 4.46075428910407723 52.17914174329728638, 4.46711288386382943 52.17738262448929021, 4.46711288386382943 52.17738262448929021)))</t>
  </si>
  <si>
    <t>MultiPolygon (((4.70499753099892981 52.14476048693892096, 4.70403405426013155 52.14464456093735834, 4.7041649994018373 52.14809747995865052, 4.70545450622149453 52.15059234416568046, 4.72073732570615689 52.15891620081106339, 4.72270314990155349 52.15831159745700774, 4.72433892247989284 52.15611120661440481, 4.72393180759846221 52.15607833819617412, 4.70499753099892981 52.14476048693892096, 4.70499753099892981 52.14476048693892096)),((4.75171600282283357 52.18683369582516463, 4.75955567425913273 52.17430377318243728, 4.76928242345953102 52.17666258115391997, 4.77336524155533759 52.1704009202873209, 4.74183881037185806 52.16267322154543251, 4.72899805595900968 52.15953002186101628, 4.72840991512634456 52.1595966073925652, 4.72899987366930219 52.16230534089578441, 4.74152575500394846 52.18085221659580242, 4.7399231136627531 52.18307979933962315, 4.7408330769518674 52.1844074540509979, 4.75171600282283357 52.18683369582516463, 4.75171600282283357 52.18683369582516463)))</t>
  </si>
  <si>
    <t>MultiPolygon (((4.71741022051486425 52.1949030905816258, 4.71522851802236431 52.19370678824731158, 4.70502617147669433 52.19117007512871709, 4.70134453968874944 52.19332808891126518, 4.70491490141980684 52.19558204965725423, 4.70979699455990986 52.19704826490036709, 4.71741022051486425 52.1949030905816258, 4.71741022051486425 52.1949030905816258)))</t>
  </si>
  <si>
    <t>MultiPolygon (((4.71448183698129242 52.16581207409877408, 4.71511862024554596 52.16315371942993551, 4.71269804217947286 52.16181499341997352, 4.70936368982109155 52.16281688891907464, 4.71158050948619511 52.16573703136869256, 4.71448183698129242 52.16581207409877408, 4.71448183698129242 52.16581207409877408)),((4.71205325077950032 52.1689779778576721, 4.70835901396782663 52.16372341365659082, 4.70729867580793382 52.15998383943457384, 4.70137308477920168 52.16327882932953486, 4.70233317713753429 52.16485453145271833, 4.70003553423147391 52.16742625871255257, 4.7040432359835167 52.17371780381411384, 4.71205325077950032 52.1689779778576721, 4.71205325077950032 52.1689779778576721)))</t>
  </si>
  <si>
    <t>MultiPolygon (((4.72607417830982435 52.15641323486470071, 4.72433892247989284 52.15611120661440481, 4.72270314990155349 52.15831159745700774, 4.72073732570615689 52.15891620081106339, 4.72733720369479471 52.17798489423311992, 4.73202101559907362 52.17822557920358406, 4.73257489574374368 52.17983584529751084, 4.73862772336236393 52.18621606874046392, 4.7408330769518674 52.1844074540509979, 4.7399231136627531 52.18307979933962315, 4.74152575500394846 52.18085221659580242, 4.72899987366930219 52.16230534089578441, 4.72840991512634456 52.1595966073925652, 4.72899805595900968 52.15953002186101628, 4.72681140838233738 52.15899521036438813, 4.72607417830982435 52.15641323486470071, 4.72607417830982435 52.15641323486470071)))</t>
  </si>
  <si>
    <t>MultiPolygon (((4.72453008188390911 52.21080082440695946, 4.72533443720537427 52.21150994855601368, 4.72876599773108452 52.20981881328605567, 4.73283364001259166 52.20697206280470226, 4.73438914154968238 52.20655566389649493, 4.73878273745245338 52.19559734630411896, 4.73890832659309869 52.19387793346737681, 4.73468642365240466 52.18828329769850427, 4.73862772336236393 52.18621606874046392, 4.73257489574374368 52.17983584529751084, 4.73202101559907362 52.17822557920358406, 4.72733720369479471 52.17798489423311992, 4.71671716762731119 52.17757253857736544, 4.70794862882736087 52.18280659770846341, 4.70346343515167842 52.1846609129682335, 4.71007363939552093 52.18865211852799035, 4.72026511196459708 52.19304972227555339, 4.72376472316515184 52.19522912010939564, 4.72592253490556935 52.19864969039687708, 4.72080682446988131 52.20142546825546503, 4.72336009372505572 52.21094248578872765, 4.72356004342185809 52.21152403339995374, 4.72453008188390911 52.21080082440695946)))</t>
  </si>
  <si>
    <t>MultiPolygon (((4.72592253490556935 52.19864969039687708, 4.72376472316515184 52.19522912010939564, 4.72026511196459708 52.19304972227555339, 4.71007363939552093 52.18865211852799035, 4.70346343515167842 52.1846609129682335, 4.699586706068132 52.17974096595097677, 4.68726970859205228 52.18660649789148209, 4.68892814579377504 52.19187801055044673, 4.69083064818148721 52.19167395504565832, 4.69531593605852127 52.18915448609524077, 4.70757819499652097 52.20490160301763183, 4.72080682446988131 52.20142546825546503, 4.72592253490556935 52.19864969039687708, 4.72592253490556935 52.19864969039687708),(4.70134453968874944 52.19332808891126518, 4.70502617147669433 52.19117007512871709, 4.71522851802236431 52.19370678824731158, 4.71741022051486425 52.1949030905816258, 4.70979699455990986 52.19704826490036709, 4.70491490141980684 52.19558204965725423, 4.70134453968874944 52.19332808891126518, 4.70134453968874944 52.19332808891126518)))</t>
  </si>
  <si>
    <t>MultiPolygon (((4.68726970859205228 52.18660649789148209, 4.699586706068132 52.17974096595097677, 4.70346343515167842 52.1846609129682335, 4.70794862882736087 52.18280659770846341, 4.71671716762731119 52.17757253857736544, 4.72733720369479471 52.17798489423311992, 4.72073732570615689 52.15891620081106339, 4.70545450622149453 52.15059234416568046, 4.70567269334013094 52.15215660231142891, 4.69973794232796482 52.15706557620568162, 4.69822987285889315 52.15835954016694131, 4.68120937173490326 52.16750422751823635, 4.68726970859205228 52.18660649789148209, 4.68726970859205228 52.18660649789148209),(4.70137308477920168 52.16327882932953486, 4.70729867580793382 52.15998383943457384, 4.70835901396782663 52.16372341365659082, 4.71205325077950032 52.1689779778576721, 4.7040432359835167 52.17371780381411384, 4.70003553423147391 52.16742625871255257, 4.70233317713753429 52.16485453145271833, 4.70137308477920168 52.16327882932953486, 4.70137308477920168 52.16327882932953486),(4.70936368982109155 52.16281688891907464, 4.71269804217947286 52.16181499341997352, 4.71511862024554596 52.16315371942993551, 4.71448183698129242 52.16581207409877408, 4.71158050948619511 52.16573703136869256, 4.70936368982109155 52.16281688891907464, 4.70936368982109155 52.16281688891907464)))</t>
  </si>
  <si>
    <t>MultiPolygon (((4.81359431015097883 52.20184711858082949, 4.8131394591527501 52.20111116852361732, 4.81463017829251871 52.19916832281029428, 4.82225347909333379 52.19609351565871691, 4.82343004705349454 52.19328390993381106, 4.83525836048037672 52.1861957967182164, 4.83746873870442862 52.18376041782077124, 4.83398682665793533 52.18257757231929617, 4.839314727422801 52.17812074819553203, 4.84354494913748024 52.1760292349730932, 4.84705950370049088 52.17735931295393215, 4.84406151105622662 52.18006568709992621, 4.85546508215362849 52.17895771587296139, 4.86711673924736221 52.17345765437326577, 4.86836032434044874 52.16913106016225754, 4.86625343450171854 52.1682964389627557, 4.86046250988624795 52.17407913654875529, 4.85916540784232609 52.17423400240408426, 4.85013798446822175 52.17303043809778984, 4.84647361107134866 52.1733496362862823, 4.84574714761298964 52.17069398215679144, 4.83952793990513541 52.17051333098314103, 4.83617615686477365 52.16907502167620692, 4.82861103075317022 52.16922447223954151, 4.82354333591623341 52.16963054958257118, 4.81158087477411822 52.17057538001619577, 4.79181943077516959 52.1747103226983171, 4.79245002303821366 52.17551571307241431, 4.78838351907750681 52.18135090190715175, 4.78676733064741811 52.18095620339788354, 4.77538395637388913 52.19858913214434892, 4.78434040705912889 52.20084177543968451, 4.78603726770674687 52.19790767505752882, 4.80261111226490911 52.20174667664451107, 4.80362106569328073 52.20107139336133173, 4.81359431015097883 52.20184711858082949, 4.81359431015097883 52.20184711858082949)))</t>
  </si>
  <si>
    <t>MultiPolygon (((4.75985532507654963 52.19320831662618332, 4.7694296303065995 52.19559823739688653, 4.77172326061975127 52.19176977249199467, 4.77069617912507216 52.19148213054720742, 4.78239705368624435 52.17258945538976889, 4.77336524155533759 52.1704009202873209, 4.76928242345953102 52.17666258115391997, 4.76147251994924225 52.18954107989205937, 4.76042607324466083 52.19126605371977234, 4.75985532507654963 52.19320831662618332, 4.75985532507654963 52.19320831662618332)))</t>
  </si>
  <si>
    <t>MultiPolygon (((4.84574714761298964 52.17069398215679144, 4.84647361107134866 52.1733496362862823, 4.85013798446822175 52.17303043809778984, 4.85916540784232609 52.17423400240408426, 4.86046250988624795 52.17407913654875529, 4.86625343450171854 52.1682964389627557, 4.85261807365107956 52.16640444514521846, 4.85188819707222496 52.16631463091039222, 4.85160291620400486 52.16771563788892507, 4.84529172256053631 52.16899664212721177, 4.84574714761298964 52.17069398215679144, 4.84574714761298964 52.17069398215679144)))</t>
  </si>
  <si>
    <t>MultiPolygon (((4.83746873870442862 52.18376041782077124, 4.83838324336853187 52.1832582999837058, 4.84299527375957695 52.18081489007266072, 4.84406151105622662 52.18006568709992621, 4.84705950370049088 52.17735931295393215, 4.84354494913748024 52.1760292349730932, 4.839314727422801 52.17812074819553203, 4.83398682665793533 52.18257757231929617, 4.83746873870442862 52.18376041782077124, 4.83746873870442862 52.18376041782077124)))</t>
  </si>
  <si>
    <t>MultiPolygon (((4.83617615686477365 52.16907502167620692, 4.83952793990513541 52.17051333098314103, 4.84574714761298964 52.17069398215679144, 4.84529172256053631 52.16899664212721177, 4.85160291620400486 52.16771563788892507, 4.85188819707222496 52.16631463091039222, 4.8417941962652451 52.16858157658700179, 4.83617615686477365 52.16907502167620692, 4.83617615686477365 52.16907502167620692)))</t>
  </si>
  <si>
    <t>MultiPolygon (((4.7694296303065995 52.19559823739688653, 4.77240609361539736 52.19634180950981062, 4.77240015597013656 52.19783295799253864, 4.77538395637388913 52.19858913214434892, 4.78676733064741811 52.18095620339788354, 4.78838351907750681 52.18135090190715175, 4.79245002303821366 52.17551571307241431, 4.79181943077516959 52.1747103226983171, 4.78239705368624435 52.17258945538976889, 4.77069617912507216 52.19148213054720742, 4.77172326061975127 52.19176977249199467, 4.7694296303065995 52.19559823739688653, 4.7694296303065995 52.19559823739688653)))</t>
  </si>
  <si>
    <t>MultiPolygon (((4.77878689826622871 52.21043220808738283, 4.7573045420202531 52.20512277994563277, 4.74019693606686321 52.20089125843417577, 4.74227477245942541 52.19629537800734198, 4.73878273745245338 52.19559734630411896, 4.73438914154968238 52.20655566389649493, 4.74362988260378948 52.21479282626706464, 4.74797156537958198 52.21486789898919056, 4.75066883620448355 52.21572055167460036, 4.75329850574864299 52.21746780239111985, 4.75984785507797525 52.21758649717012446, 4.76207448726245186 52.21813027116462536, 4.77122858093731939 52.22275277496179768, 4.77878689826622871 52.21043220808738283, 4.77878689826622871 52.21043220808738283)))</t>
  </si>
  <si>
    <t>MultiPolygon (((4.75071157779861419 52.19576929560896161, 4.7540536588152742 52.1900017333606101, 4.75907284357531513 52.18880834179385175, 4.76147251994924225 52.18954107989205937, 4.76928242345953102 52.17666258115391997, 4.75955567425913273 52.17430377318243728, 4.75171600282283357 52.18683369582516463, 4.7408330769518674 52.1844074540509979, 4.73862772336236393 52.18621606874046392, 4.73468642365240466 52.18828329769850427, 4.73890832659309869 52.19387793346737681, 4.75071157779861419 52.19576929560896161, 4.75071157779861419 52.19576929560896161)),((4.7694296303065995 52.19559823739688653, 4.75985532507654963 52.19320831662618332, 4.75957111095688301 52.19542771007376558, 4.75810403502194035 52.1963673033096569, 4.76086592021974386 52.20060526795302991, 4.7573045420202531 52.20512277994563277, 4.77878689826622871 52.21043220808738283, 4.78434040705912889 52.20084177543968451, 4.77538395637388913 52.19858913214434892, 4.77240015597013656 52.19783295799253864, 4.77240609361539736 52.19634180950981062, 4.7694296303065995 52.19559823739688653, 4.7694296303065995 52.19559823739688653)))</t>
  </si>
  <si>
    <t>MultiPolygon (((4.80261111226490911 52.20174667664451107, 4.78603726770674687 52.19790767505752882, 4.78434040705912889 52.20084177543968451, 4.77878689826622871 52.21043220808738283, 4.77122858093731939 52.22275277496179768, 4.7746502792923895 52.22458274703372894, 4.7764001581207669 52.22737266284006807, 4.78098562917489911 52.22874123571206439, 4.78493639810069737 52.22862617485601078, 4.78687508048500998 52.22788274775380302, 4.78941001019442592 52.227875101677391, 4.79457569770200998 52.22673066516719587, 4.79442987401214538 52.22342340026882823, 4.79598353090085805 52.2231762326596396, 4.79700286123684361 52.22034806059190259, 4.80214966410177624 52.21763360257279629, 4.80144446136081715 52.20801961693638304, 4.80261111226490911 52.20174667664451107, 4.80261111226490911 52.20174667664451107)))</t>
  </si>
  <si>
    <t>MultiPolygon (((4.75071157779861419 52.19576929560896161, 4.75556136532243823 52.1965090526627975, 4.75781708137989412 52.19495664744497532, 4.76042607324466083 52.19126605371977234, 4.76147251994924225 52.18954107989205937, 4.75907284357531513 52.18880834179385175, 4.7540536588152742 52.1900017333606101, 4.75071157779861419 52.19576929560896161, 4.75071157779861419 52.19576929560896161)))</t>
  </si>
  <si>
    <t>MultiPolygon (((4.73878273745245338 52.19559734630411896, 4.74227477245942541 52.19629537800734198, 4.74019693606686321 52.20089125843417577, 4.7573045420202531 52.20512277994563277, 4.76086592021974386 52.20060526795302991, 4.75810403502194035 52.1963673033096569, 4.75957111095688301 52.19542771007376558, 4.75985532507654963 52.19320831662618332, 4.76042607324466083 52.19126605371977234, 4.75781708137989412 52.19495664744497532, 4.75556136532243823 52.1965090526627975, 4.75071157779861419 52.19576929560896161, 4.73890832659309869 52.19387793346737681, 4.73878273745245338 52.19559734630411896, 4.73878273745245338 52.19559734630411896)))</t>
  </si>
  <si>
    <t>MultiPolygon (((4.83189193821097973 52.14423187117582614, 4.82647185152969183 52.14217633121172213, 4.82053362392669627 52.14222876819820129, 4.81666572437785234 52.13938693129151858, 4.81311109456654762 52.14017324365469364, 4.80932004248972955 52.13780145522766674, 4.80884306191935007 52.13567377855483898, 4.80759904012395367 52.13521107387898468, 4.80884687249451037 52.13181379649515179, 4.80779021403982298 52.12985772047876765, 4.8080651248244477 52.12894798526242823, 4.80636564077513739 52.12739626947747951, 4.80349770364256834 52.12641564806592243, 4.80198065669472207 52.12485754386924697, 4.79835765554230775 52.12530060343397054, 4.79349084142894988 52.1239727367822141, 4.79208017962994326 52.12228737938064427, 4.79189308075862375 52.12046046646995734, 4.78750806012135399 52.11999328794009045, 4.78537245898125896 52.12066199659991383, 4.78406936553955298 52.12075605180391591, 4.78330602169610941 52.12037340955324538, 4.78301929702288398 52.11976282872233668, 4.78443858149547285 52.11803600786971913, 4.78396921879146486 52.11743723166929243, 4.78315125781082262 52.11731999982016106, 4.7804502108373601 52.11796114326302387, 4.77954247787299202 52.11765334550609197, 4.7782591551115825 52.11584117547196371, 4.77650773866403178 52.11600402622276107, 4.77594874327242547 52.11577988506904546, 4.774928512232262 52.11484271230079202, 4.7708610867814274 52.11513753837303398, 4.76921948635525883 52.11331151998232514, 4.76667564262386989 52.11314509056956013, 4.76370207080869079 52.11355171018553989, 4.76253257169966826 52.11371160993449081, 4.76104963297694539 52.11284613114201392, 4.76023945852921315 52.1118449337928098, 4.75932866072959548 52.11034461773923709, 4.75719633152983068 52.10967498381214824, 4.75507862282358396 52.10899275552598198, 4.73885669986172253 52.10650743734160528, 4.74074055686297591 52.10809049088679501, 4.75192125446593128 52.11902279171105334, 4.753240332072866 52.1194419646668905, 4.75664131047228 52.1237904518389854, 4.7586225825888997 52.12839032974794407, 4.76144699590174891 52.12878028942535025, 4.7670161747104336 52.13100413203985539, 4.77358814350004401 52.13084886656631767, 4.76976144154805493 52.13413205396199146, 4.77679151509869193 52.14363403634152405, 4.78052599771943409 52.14704352302691603, 4.7911775701814987 52.15312268422515984, 4.79588451147994554 52.15508134509747151, 4.808717574261129 52.15874346072142487, 4.8228435689340321 52.16204180938952817, 4.83907998951753537 52.16473472023296409, 4.85359976928334902 52.16557143255617746, 4.85638834032515465 52.15698353282486011, 4.85421795123217859 52.15370910563567719, 4.8394819451267761 52.15080502852473643, 4.83224619803861621 52.15069481712859556, 4.83027371909371173 52.14917102368219304, 4.83189193821097973 52.14423187117582614)))</t>
  </si>
  <si>
    <t>MultiPolygon (((4.81158087477411822 52.17057538001619577, 4.82354333591623341 52.16963054958257118, 4.82521708019062157 52.16610143357987539, 4.80672494501246472 52.16213625000570175, 4.78852149182509645 52.15636294387689986, 4.78685286688479561 52.15896298955340171, 4.77972476146228509 52.17006701925355117, 4.77720290108888879 52.16997957705331146, 4.77202512043140104 52.1679831763964188, 4.78051372056294266 52.15423033065122382, 4.7731645303340553 52.15241743308032341, 4.7714306871109784 52.15537420646666078, 4.76527123089253557 52.1540273810268431, 4.7675353595525074 52.15050891454475845, 4.76106787504779394 52.14898610150549274, 4.76293519797173293 52.14603242821223006, 4.76396382514259997 52.14631088264396652, 4.7658277687204107 52.14255298509763037, 4.75929189193663937 52.13374873649663499, 4.75903326748562261 52.13510122401820013, 4.74183881037185806 52.16267322154543251, 4.77336524155533759 52.1704009202873209, 4.78239705368624435 52.17258945538976889, 4.79181943077516959 52.1747103226983171, 4.81158087477411822 52.17057538001619577, 4.81158087477411822 52.17057538001619577)))</t>
  </si>
  <si>
    <t>MultiPolygon (((4.86625343450171854 52.1682964389627557, 4.86836032434044874 52.16913106016225754, 4.86711673924736221 52.17345765437326577, 4.89217825613120283 52.16179792033835128, 4.88757443421473425 52.15995816524851847, 4.87362346433758464 52.1560825093533964, 4.87451848081927519 52.13883141526054033, 4.87260661774406145 52.138862741748774, 4.86305994743432546 52.15382342829339279, 4.85700294340856953 52.15495217902286385, 4.85638834032515465 52.15698353282486011, 4.85359976928334902 52.16557143255617746, 4.85261807365107956 52.16640444514521846, 4.86625343450171854 52.1682964389627557, 4.86625343450171854 52.1682964389627557)))</t>
  </si>
  <si>
    <t>MultiPolygon (((4.82354333591623341 52.16963054958257118, 4.82861103075317022 52.16922447223954151, 4.82981320423028837 52.1653704673480334, 4.82585809079256656 52.1647534607272263, 4.82521708019062157 52.16610143357987539, 4.82354333591623341 52.16963054958257118, 4.82354333591623341 52.16963054958257118)))</t>
  </si>
  <si>
    <t>MultiPolygon (((4.86305994743432546 52.15382342829339279, 4.87260661774406145 52.138862741748774, 4.87054366713851472 52.13834015736940586, 4.86491504959698151 52.13739112288686073, 4.85523866686963235 52.13720961848716229, 4.85253085973584675 52.13832934041334255, 4.85153529386071813 52.1396156440099503, 4.84741257187106722 52.13894494238800092, 4.84601965587008365 52.13953911092063009, 4.84258382581614555 52.13953312241515903, 4.84079334059231581 52.14147676712399715, 4.8375205779699284 52.14064375090867287, 4.83670464211855844 52.14287992242768155, 4.83411945471322735 52.14296408437976282, 4.83305311287394268 52.14470605755570176, 4.83189193821097973 52.14423187117582614, 4.83027371909371173 52.14917102368219304, 4.83224619803861621 52.15069481712859556, 4.8394819451267761 52.15080502852473643, 4.85421795123217859 52.15370910563567719, 4.85638834032515465 52.15698353282486011, 4.85700294340856953 52.15495217902286385, 4.86305994743432546 52.15382342829339279, 4.86305994743432546 52.15382342829339279)))</t>
  </si>
  <si>
    <t>MultiPolygon (((4.78685286688479561 52.15896298955340171, 4.78852149182509645 52.15636294387689986, 4.78635389433105818 52.15574606752633002, 4.78706891757532649 52.15489779697303163, 4.78461071719049968 52.15356204867177325, 4.7794458641471369 52.15158672642165527, 4.76743476028806867 52.1401337898623396, 4.7658277687204107 52.14255298509763037, 4.76396382514259997 52.14631088264396652, 4.76293519797173293 52.14603242821223006, 4.76106787504779394 52.14898610150549274, 4.7675353595525074 52.15050891454475845, 4.76527123089253557 52.1540273810268431, 4.7714306871109784 52.15537420646666078, 4.7731645303340553 52.15241743308032341, 4.78051372056294266 52.15423033065122382, 4.78257276265139541 52.15537992296985692, 4.78214658857615404 52.15789486954566456, 4.78685286688479561 52.15896298955340171, 4.78685286688479561 52.15896298955340171)))</t>
  </si>
  <si>
    <t>MultiPolygon (((4.78051372056294266 52.15423033065122382, 4.77202512043140104 52.1679831763964188, 4.77720290108888879 52.16997957705331146, 4.77972476146228509 52.17006701925355117, 4.78685286688479561 52.15896298955340171, 4.78214658857615404 52.15789486954566456, 4.78257276265139541 52.15537992296985692, 4.78051372056294266 52.15423033065122382, 4.78051372056294266 52.15423033065122382)))</t>
  </si>
  <si>
    <t>MultiPolygon (((4.82861103075317022 52.16922447223954151, 4.83617615686477365 52.16907502167620692, 4.8417941962652451 52.16858157658700179, 4.85188819707222496 52.16631463091039222, 4.85261807365107956 52.16640444514521846, 4.85359976928334902 52.16557143255617746, 4.83907998951753537 52.16473472023296409, 4.8228435689340321 52.16204180938952817, 4.808717574261129 52.15874346072142487, 4.80672494501246472 52.16213625000570175, 4.82521708019062157 52.16610143357987539, 4.82585809079256656 52.1647534607272263, 4.82981320423028837 52.1653704673480334, 4.82861103075317022 52.16922447223954151, 4.82861103075317022 52.16922447223954151)))</t>
  </si>
  <si>
    <t>MultiPolygon (((4.80672494501246472 52.16213625000570175, 4.808717574261129 52.15874346072142487, 4.79588451147994554 52.15508134509747151, 4.7911775701814987 52.15312268422515984, 4.78052599771943409 52.14704352302691603, 4.77679151509869193 52.14363403634152405, 4.76976144154805493 52.13413205396199146, 4.77358814350004401 52.13084886656631767, 4.7670161747104336 52.13100413203985539, 4.76144699590174891 52.12878028942535025, 4.7586225825888997 52.12839032974794407, 4.75870963973173744 52.12853928690604022, 4.76007314387294134 52.1309814637157416, 4.75929189193663937 52.13374873649663499, 4.7658277687204107 52.14255298509763037, 4.76743476028806867 52.1401337898623396, 4.7794458641471369 52.15158672642165527, 4.78461071719049968 52.15356204867177325, 4.78706891757532649 52.15489779697303163, 4.78635389433105818 52.15574606752633002, 4.78852149182509645 52.15636294387689986, 4.80672494501246472 52.16213625000570175, 4.80672494501246472 52.16213625000570175)))</t>
  </si>
  <si>
    <t>MultiPolygon (((4.25309468442999172 51.93273298994309073, 4.2450171906830283 51.9306851497216897, 4.23913218065274044 51.93184826286670841, 4.23519071378707412 51.93557290216334366, 4.2336699313311561 51.9392206026822052, 4.23191968210311042 51.94295461378293766, 4.23694103508452358 51.94392966915506804, 4.23907594892541173 51.94363305355720684, 4.24031715871065895 51.94287211357109868, 4.24177531427130017 51.9417960203108322, 4.25309468442999172 51.93273298994309073, 4.25309468442999172 51.93273298994309073)))</t>
  </si>
  <si>
    <t>MultiPolygon (((4.25861016194772368 51.91479370252429248, 4.25969703716849324 51.91462569329677024, 4.27705293085642158 51.91124023124669407, 4.26757121065076994 51.90533504262643305, 4.26618340775192362 51.90590404351535625, 4.25542878008230652 51.91017061516075159, 4.25861016194772368 51.91479370252429248, 4.25861016194772368 51.91479370252429248)))</t>
  </si>
  <si>
    <t>MultiPolygon (((4.27269598331335398 51.92354100136129347, 4.29261100862288725 51.92123631982094167, 4.27712201638305789 51.91128487327443253, 4.27705293085642158 51.91124023124669407, 4.25969703716849324 51.91462569329677024, 4.27457273646327263 51.92031559935945495, 4.27269598331335398 51.92354100136129347, 4.27269598331335398 51.92354100136129347)))</t>
  </si>
  <si>
    <t>MultiPolygon (((4.22402907519714077 51.94148763085060239, 4.22637742795591187 51.93684358148028934, 4.22461592524388596 51.93354187250749732, 4.21993247998379051 51.93046814565735048, 4.21271769205435831 51.9337274635407482, 4.2195287763294882 51.94139967883216968, 4.22145348184012814 51.94266861483094999, 4.22402907519714077 51.94148763085060239, 4.22402907519714077 51.94148763085060239)))</t>
  </si>
  <si>
    <t>MultiPolygon (((4.23191968210311042 51.94295461378293766, 4.2336699313311561 51.9392206026822052, 4.23111282209015105 51.93861787064327018, 4.22766017447901188 51.93648326073602561, 4.22637742795591187 51.93684358148028934, 4.22402907519714077 51.94148763085060239, 4.22145348184012814 51.94266861483094999, 4.22829131474645514 51.94799094774675297, 4.23191968210311042 51.94295461378293766)))</t>
  </si>
  <si>
    <t>MultiPolygon (((4.22637742795591187 51.93684358148028934, 4.22766017447901188 51.93648326073602561, 4.23111282209015105 51.93861787064327018, 4.2336699313311561 51.9392206026822052, 4.23519071378707412 51.93557290216334366, 4.23355186537960915 51.93538608464126582, 4.22290524707273196 51.92876409760592082, 4.21993247998379051 51.93046814565735048, 4.22461592524388596 51.93354187250749732, 4.22637742795591187 51.93684358148028934, 4.22637742795591187 51.93684358148028934)))</t>
  </si>
  <si>
    <t>MultiPolygon (((4.23456527844654307 51.92652756022189919, 4.2293897533229412 51.92330550631909603, 4.22290524707273196 51.92876409760592082, 4.23355186537960915 51.93538608464126582, 4.23519071378707412 51.93557290216334366, 4.23913218065274044 51.93184826286670841, 4.24090936426079068 51.93047800359811106, 4.23456527844654307 51.92652756022189919, 4.23456527844654307 51.92652756022189919)))</t>
  </si>
  <si>
    <t>MultiPolygon (((4.2492207686509218 51.91834520674410669, 4.24419814795504813 51.91374281776786859, 4.23646481048554335 51.91730329747043271, 4.24303230081832883 51.92135294866401551, 4.2492207686509218 51.91834520674410669, 4.2492207686509218 51.91834520674410669)))</t>
  </si>
  <si>
    <t>MultiPolygon (((4.2293897533229412 51.92330550631909603, 4.23456527844654307 51.92652756022189919, 4.24038400032529594 51.92303845606522117, 4.24303230081832883 51.92135294866401551, 4.23646481048554335 51.91730329747043271, 4.23216665700470163 51.92070944763603535, 4.2293897533229412 51.92330550631909603, 4.2293897533229412 51.92330550631909603)))</t>
  </si>
  <si>
    <t>MultiPolygon (((4.23913218065274044 51.93184826286670841, 4.2450171906830283 51.9306851497216897, 4.24718222512490584 51.92978100436169342, 4.24008917169868571 51.92626519808971608, 4.24280855934781265 51.92455436382750378, 4.24038400032529594 51.92303845606522117, 4.23456527844654307 51.92652756022189919, 4.24090936426079068 51.93047800359811106, 4.23913218065274044 51.93184826286670841, 4.23913218065274044 51.93184826286670841)))</t>
  </si>
  <si>
    <t>MultiPolygon (((4.24718222512490584 51.92978100436169342, 4.25065878412190568 51.92679263644806298, 4.24891195777479957 51.92578213231390549, 4.2485287021598781 51.92597141872892763, 4.24619040149277716 51.92691775005108923, 4.24280855934781265 51.92455436382750378, 4.24008917169868571 51.92626519808971608, 4.24718222512490584 51.92978100436169342, 4.24718222512490584 51.92978100436169342)))</t>
  </si>
  <si>
    <t>MultiPolygon (((4.24280855934781265 51.92455436382750378, 4.24619040149277716 51.92691775005108923, 4.2485287021598781 51.92597141872892763, 4.2485685559199311 51.92502489351920048, 4.25292153412025087 51.92156341209953752, 4.2492207686509218 51.91834520674410669, 4.24303230081832883 51.92135294866401551, 4.24038400032529594 51.92303845606522117, 4.24280855934781265 51.92455436382750378, 4.24280855934781265 51.92455436382750378)))</t>
  </si>
  <si>
    <t>MultiPolygon (((4.25343703520886063 51.92150255756651234, 4.257255640764253 51.92261391104942447, 4.25990929944145957 51.91943333055028376, 4.2572242848935371 51.91857111875780362, 4.25343703520886063 51.92150255756651234, 4.25343703520886063 51.92150255756651234)))</t>
  </si>
  <si>
    <t>MultiPolygon (((4.26612837922239141 51.92530212156785296, 4.27068284100954187 51.92353316314437706, 4.26940220543145088 51.92261489433992949, 4.25990929944145957 51.91943333055028376, 4.257255640764253 51.92261391104942447, 4.26612837922239141 51.92530212156785296, 4.26612837922239141 51.92530212156785296)))</t>
  </si>
  <si>
    <t>MultiPolygon (((4.27068284100954187 51.92353316314437706, 4.27269598331335398 51.92354100136129347, 4.27457273646327263 51.92031559935945495, 4.25969703716849324 51.91462569329677024, 4.25861016194772368 51.91479370252429248, 4.2572242848935371 51.91857111875780362, 4.25990929944145957 51.91943333055028376, 4.26940220543145088 51.92261489433992949, 4.27068284100954187 51.92353316314437706, 4.27068284100954187 51.92353316314437706)))</t>
  </si>
  <si>
    <t>MultiPolygon (((4.259402033711571 51.92800395855793028, 4.2565038555203536 51.92836361299849557, 4.25065878412190568 51.92679263644806298, 4.24718222512490584 51.92978100436169342, 4.2450171906830283 51.9306851497216897, 4.25309468442999172 51.93273298994309073, 4.259402033711571 51.92800395855793028)))</t>
  </si>
  <si>
    <t>MultiPolygon (((4.259402033711571 51.92800395855793028, 4.26052207298995711 51.92730681817118921, 4.25163339910059435 51.92471649623188057, 4.24891195777479957 51.92578213231390549, 4.25065878412190568 51.92679263644806298, 4.2565038555203536 51.92836361299849557, 4.259402033711571 51.92800395855793028, 4.259402033711571 51.92800395855793028)))</t>
  </si>
  <si>
    <t>MultiPolygon (((4.26052207298995711 51.92730681817118921, 4.2614200588540383 51.92678075412872829, 4.26427237263883452 51.92546822978280119, 4.26612837922239141 51.92530212156785296, 4.257255640764253 51.92261391104942447, 4.25343703520886063 51.92150255756651234, 4.25292153412025087 51.92156341209953752, 4.2485685559199311 51.92502489351920048, 4.2485287021598781 51.92597141872892763, 4.24891195777479957 51.92578213231390549, 4.25163339910059435 51.92471649623188057, 4.26052207298995711 51.92730681817118921, 4.26052207298995711 51.92730681817118921)))</t>
  </si>
  <si>
    <t>MultiPolygon (((4.25861016194772368 51.91479370252429248, 4.25542878008230652 51.91017061516075159, 4.24419814795504813 51.91374281776786859, 4.2492207686509218 51.91834520674410669, 4.25292153412025087 51.92156341209953752, 4.25343703520886063 51.92150255756651234, 4.2572242848935371 51.91857111875780362, 4.25861016194772368 51.91479370252429248, 4.25861016194772368 51.91479370252429248)))</t>
  </si>
  <si>
    <t>MultiPolygon (((4.55344612311466701 52.28203876546279361, 4.5675672304107815 52.27351727498275835, 4.56388861890111297 52.27107791876630216, 4.55991146217580923 52.26950276413832341, 4.55918703797223124 52.26936972243456125, 4.55425852596917302 52.26809518074750116, 4.55134924311508637 52.26442874924408244, 4.54628606179982597 52.25712570996400075, 4.54795814364197426 52.25394715822752545, 4.5455917965400312 52.25059052008439409, 4.54964042937405377 52.24912615983320308, 4.54900467868540215 52.24576392157695182, 4.54927114460613868 52.2437798483275202, 4.54817686391217713 52.24157480667191322, 4.54958193591552984 52.24114767247598934, 4.55276402200201868 52.24161058178869155, 4.55719137360952242 52.24071866998179559, 4.56418373781864428 52.23862875755551727, 4.56227264767788476 52.23384344250560929, 4.56078368348079266 52.23305996786051963, 4.55561947420688629 52.23201906963154784, 4.55362498287123163 52.23093297459363527, 4.55047036189574605 52.22674471595409074, 4.55393398318837495 52.22220541854056819, 4.55322577648183557 52.22233252879952659, 4.54356954131203317 52.22680295553615792, 4.53935854859430599 52.22979902630094529, 4.53507294154976304 52.23125412684647273, 4.53554278438078207 52.23172576674754453, 4.53790566983000687 52.23069473426041753, 4.53867381556664995 52.23123426494389321, 4.53214593990466685 52.23357190833164054, 4.53046870490128839 52.23269949172357229, 4.52992668718868252 52.23294950315932539, 4.5277768839422361 52.23389186632289238, 4.52491510396503305 52.23557199076054758, 4.52506490213863 52.23592257400100891, 4.52947193247601021 52.23813728735350992, 4.52909256588780185 52.23832598433917696, 4.52741655865713 52.23915959722495472, 4.52891576583448252 52.24006577199960333, 4.52862598910915626 52.24027526729601334, 4.53005080698147022 52.24116237974449461, 4.52782791421150321 52.24206154608728525, 4.52773839975786263 52.24240922655527442, 4.52408821369364045 52.24437716570991341, 4.52589018842822011 52.24577569897805063, 4.52517842247653856 52.24623529805090527, 4.5265942225992557 52.24725279494158769, 4.5214758565401274 52.24953937005486893, 4.51787789511481996 52.25273079093800987, 4.51349504078469899 52.2549914643436253, 4.52091721850594475 52.26069826177612754, 4.53287209702423866 52.2730955457627573, 4.53510890609042594 52.27565521012732574, 4.53643132725480047 52.27530909740920606, 4.53752034820393568 52.27576316975146398, 4.53895602307670032 52.27781836419346462, 4.53795852842988889 52.27889636135139995, 4.53650802285469457 52.27919167463940653, 4.53870994764069913 52.28177744934513527, 4.54255029995023563 52.28664415873910087, 4.54869249353082328 52.28467996865663281, 4.54847282555474308 52.28432835835285886, 4.55344612311466701 52.28203876546279361),(4.53565943228549884 52.24210367068332062, 4.54145434626189903 52.23971786163802733, 4.54402433736587685 52.24244267139550857, 4.54045283523052667 52.24477512154436454, 4.53968998268969948 52.24348396398421812, 4.53578332053719624 52.24530817253033632, 4.53435646458528918 52.24421814985531398, 4.53565943228549884 52.24210367068332062),(4.53573235299741651 52.23388754245073073, 4.53775618514992907 52.23385614762202778, 4.53820269371919682 52.23459863708168172, 4.53410289169763026 52.23634678619308858, 4.53282649890595568 52.23496910082894829, 4.53573235299741651 52.23388754245073073)))</t>
  </si>
  <si>
    <t>MultiPolygon (((4.53467414106870947 52.23137603919622762, 4.53356817817383728 52.23171957552466438, 4.53143525338428788 52.23238312725724342, 4.53142321403670145 52.23237355743814447, 4.53047701978171702 52.23269575899267636, 4.53046870490128839 52.23269949172357229, 4.53214593990466685 52.23357190833164054, 4.53867381556664995 52.23123426494389321, 4.53790566983000687 52.23069473426041753, 4.53554278438078207 52.23172576674754453, 4.53507294154976304 52.23125412684647273, 4.53467414106870947 52.23137603919622762)))</t>
  </si>
  <si>
    <t>MultiPolygon (((4.53820269371919682 52.23459863708168172, 4.53775618514992907 52.23385614762202778, 4.53573235299741651 52.23388754245073073, 4.53282649890595568 52.23496910082894829, 4.53410289169763026 52.23634678619308858, 4.53820269371919682 52.23459863708168172)))</t>
  </si>
  <si>
    <t>MultiPolygon (((4.53968998268969948 52.24348396398421812, 4.54045283523052667 52.24477512154436454, 4.54402433736587685 52.24244267139550857, 4.54145434626189903 52.23971786163802733, 4.53565943228549884 52.24210367068332062, 4.53435646458528918 52.24421814985531398, 4.53578332053719624 52.24530817253033632, 4.53968998268969948 52.24348396398421812)))</t>
  </si>
  <si>
    <t>MultiPolygon (((4.53795852842988889 52.27889636135139995, 4.53895602307670032 52.27781836419346462, 4.53752034820393568 52.27576316975146398, 4.53643132725480047 52.27530909740920606, 4.53510890609042594 52.27565521012732574, 4.53287209702423866 52.2730955457627573, 4.53017843666502351 52.27414661786405503, 4.53502580017215262 52.27883249691518586, 4.53545706450765085 52.27914773252864933, 4.53599014637849507 52.27815561227631491, 4.53644329868734619 52.27835927460944987, 4.53650802285469457 52.27919167463940653, 4.53795852842988889 52.27889636135139995)))</t>
  </si>
  <si>
    <t>MultiPolygon (((4.55974437973882463 52.24361955536132029, 4.5653477265811846 52.24234784500310269, 4.56505495507037207 52.24143068049363592, 4.56418373781864428 52.23862875755551727, 4.55719137360952242 52.24071866998179559, 4.55974437973882463 52.24361955536132029, 4.55974437973882463 52.24361955536132029)))</t>
  </si>
  <si>
    <t>MultiPolygon (((4.55432892443534776 52.24568441172067423, 4.55974437973882463 52.24361955536132029, 4.55719137360952242 52.24071866998179559, 4.55276402200201868 52.24161058178869155, 4.55432892443534776 52.24568441172067423, 4.55432892443534776 52.24568441172067423)))</t>
  </si>
  <si>
    <t>MultiPolygon (((4.55278072835722103 52.24630092406324167, 4.55432892443534776 52.24568441172067423, 4.55276402200201868 52.24161058178869155, 4.54958193591552984 52.24114767247598934, 4.54817686391217713 52.24157480667191322, 4.54927114460613868 52.2437798483275202, 4.54900467868540215 52.24576392157695182, 4.55278072835722103 52.24630092406324167, 4.55278072835722103 52.24630092406324167)))</t>
  </si>
  <si>
    <t>MultiPolygon (((4.55432892443534776 52.24568441172067423, 4.55795333111357159 52.24740063736757634, 4.56620916760687301 52.24501354385527208, 4.5653477265811846 52.24234784500310269, 4.55974437973882463 52.24361955536132029, 4.55432892443534776 52.24568441172067423, 4.55432892443534776 52.24568441172067423)))</t>
  </si>
  <si>
    <t>MultiPolygon (((4.56620916760687301 52.24501354385527208, 4.55795333111357159 52.24740063736757634, 4.56146481750527411 52.25161195749963383, 4.55905407176221367 52.25438572604601717, 4.56064685148168536 52.2542474669465804, 4.56783207938303182 52.25074732851446413, 4.56620916760687301 52.24501354385527208)))</t>
  </si>
  <si>
    <t>MultiPolygon (((4.55519116893150677 52.25182949713819625, 4.55905407176221367 52.25438572604601717, 4.56146481750527411 52.25161195749963383, 4.55795333111357159 52.24740063736757634, 4.55432892443534776 52.24568441172067423, 4.55278072835722103 52.24630092406324167, 4.55405456913582896 52.24756869790638092, 4.5532987345913849 52.25000871146920645, 4.55519116893150677 52.25182949713819625, 4.55519116893150677 52.25182949713819625)))</t>
  </si>
  <si>
    <t>MultiPolygon (((4.54795814364197426 52.25394715822752545, 4.54924296612457013 52.25443563562861016, 4.55519116893150677 52.25182949713819625, 4.5532987345913849 52.25000871146920645, 4.55405456913582896 52.24756869790638092, 4.55278072835722103 52.24630092406324167, 4.54900467868540215 52.24576392157695182, 4.54964042937405377 52.24912615983320308, 4.5455917965400312 52.25059052008439409, 4.54795814364197426 52.25394715822752545, 4.54795814364197426 52.25394715822752545)))</t>
  </si>
  <si>
    <t>MultiPolygon (((4.55841056470504835 52.25578215929112247, 4.56282736097000807 52.25844986520902324, 4.568763657160269 52.25567094616359753, 4.56783207938303182 52.25074732851446413, 4.56064685148168536 52.2542474669465804, 4.55905407176221367 52.25438572604601717, 4.55841056470504835 52.25578215929112247, 4.55841056470504835 52.25578215929112247)))</t>
  </si>
  <si>
    <t>MultiPolygon (((4.55271201312943852 52.25733706989112193, 4.55841056470504835 52.25578215929112247, 4.55905407176221367 52.25438572604601717, 4.55519116893150677 52.25182949713819625, 4.54924296612457013 52.25443563562861016, 4.55271201312943852 52.25733706989112193, 4.55271201312943852 52.25733706989112193)))</t>
  </si>
  <si>
    <t>MultiPolygon (((4.55361106412019634 52.26110202601545041, 4.56282736097000807 52.25844986520902324, 4.55841056470504835 52.25578215929112247, 4.55271201312943852 52.25733706989112193, 4.55107527445031668 52.25922427916820112, 4.55361106412019634 52.26110202601545041, 4.55361106412019634 52.26110202601545041)))</t>
  </si>
  <si>
    <t>MultiPolygon (((4.55361106412019634 52.26110202601545041, 4.55639322546325154 52.2632656440346679, 4.56445772638269354 52.25994766062385821, 4.56282736097000807 52.25844986520902324, 4.55361106412019634 52.26110202601545041, 4.55361106412019634 52.26110202601545041)))</t>
  </si>
  <si>
    <t>MultiPolygon (((4.55134924311508637 52.26442874924408244, 4.55639322546325154 52.2632656440346679, 4.55361106412019634 52.26110202601545041, 4.55107527445031668 52.25922427916820112, 4.55271201312943852 52.25733706989112193, 4.54924296612457013 52.25443563562861016, 4.54795814364197426 52.25394715822752545, 4.54628606179982597 52.25712570996400075, 4.55134924311508637 52.26442874924408244, 4.55134924311508637 52.26442874924408244)))</t>
  </si>
  <si>
    <t>MultiPolygon (((4.56480613876897934 52.26247497535515407, 4.56844863220393549 52.26470549074316807, 4.56953757282326922 52.25986023145161141, 4.568763657160269 52.25567094616359753, 4.56282736097000807 52.25844986520902324, 4.56445772638269354 52.25994766062385821, 4.56480613876897934 52.26247497535515407, 4.56480613876897934 52.26247497535515407)))</t>
  </si>
  <si>
    <t>MultiPolygon (((4.55639322546325154 52.2632656440346679, 4.55921385546087166 52.26628467461178928, 4.56241159161978072 52.26517168169885963, 4.56480613876897934 52.26247497535515407, 4.56445772638269354 52.25994766062385821, 4.55639322546325154 52.2632656440346679, 4.55639322546325154 52.2632656440346679)))</t>
  </si>
  <si>
    <t>MultiPolygon (((4.55918703797223124 52.26936972243456125, 4.55921385546087166 52.26628467461178928, 4.55639322546325154 52.2632656440346679, 4.55134924311508637 52.26442874924408244, 4.55425852596917302 52.26809518074750116, 4.55918703797223124 52.26936972243456125, 4.55918703797223124 52.26936972243456125)))</t>
  </si>
  <si>
    <t>MultiPolygon (((4.55918703797223124 52.26936972243456125, 4.55991146217580923 52.26950276413832341, 4.56219689254885719 52.2680560486665442, 4.56803834133811559 52.26651739479129333, 4.56825115032687634 52.26555793212065737, 4.56844863220393549 52.26470549074316807, 4.56480613876897934 52.26247497535515407, 4.56241159161978072 52.26517168169885963, 4.55921385546087166 52.26628467461178928, 4.55918703797223124 52.26936972243456125, 4.55918703797223124 52.26936972243456125)))</t>
  </si>
  <si>
    <t>MultiPolygon (((4.56803834133811559 52.26651739479129333, 4.56219689254885719 52.2680560486665442, 4.55991146217580923 52.26950276413832341, 4.56388861890111297 52.27107791876630216, 4.5675672304107815 52.27351727498275835, 4.56759689397562063 52.27350071510210938, 4.57274903462473681 52.27124001875646542, 4.56833579394636313 52.26855338573722065, 4.56803834133811559 52.26651739479129333)))</t>
  </si>
  <si>
    <t>MultiPolygon (((4.54007276294543249 52.17546752639239571, 4.54232985492550068 52.17195360440259577, 4.53750543405949625 52.16990547750249618, 4.53649679213137258 52.16858141909725788, 4.53605220557563893 52.1688316851492857, 4.5290093623912 52.17156076843788526, 4.52270288410889254 52.17110745224152168, 4.5252100083236293 52.17249398748258926, 4.54007276294543249 52.17546752639239571, 4.54007276294543249 52.17546752639239571)))</t>
  </si>
  <si>
    <t>MultiPolygon (((4.52013017638239845 52.16991840580780604, 4.52270288410889254 52.17110745224152168, 4.5290093623912 52.17156076843788526, 4.53605220557563893 52.1688316851492857, 4.53019916686692792 52.16693424890836894, 4.52607676927293934 52.1667932062045594, 4.52512007563126417 52.16626505882624087, 4.52162018550335532 52.1687771504165525, 4.52013017638239845 52.16991840580780604, 4.52013017638239845 52.16991840580780604)))</t>
  </si>
  <si>
    <t>MultiPolygon (((4.53605220557563893 52.1688316851492857, 4.53649679213137258 52.16858141909725788, 4.53822526250894498 52.16755290477703255, 4.5325585984610175 52.16458629304338501, 4.52940569659351855 52.16339773724939022, 4.52512007563126417 52.16626505882624087, 4.52607676927293934 52.1667932062045594, 4.53019916686692792 52.16693424890836894, 4.53605220557563893 52.1688316851492857, 4.53605220557563893 52.1688316851492857)))</t>
  </si>
  <si>
    <t>MultiPolygon (((4.55112145247022415 52.16323740942787168, 4.55358878652600563 52.16335579679449808, 4.56059230500577595 52.16678300444920779, 4.56239981772084935 52.16611887740175746, 4.56049015732822127 52.16413010571530151, 4.56264809708693075 52.16132878695123765, 4.56163387426546407 52.16081906774414989, 4.57148090962936138 52.15310902803847171, 4.57048966669318624 52.14342044810871357, 4.56752568994767927 52.1372693489078145, 4.56574290816088002 52.13495824512832399, 4.56337403055919477 52.13415639981009519, 4.561996662606572 52.13266404081107908, 4.56022001269642363 52.13193287983560253, 4.550733048313643 52.1383802858600589, 4.54454806402966049 52.14073117617375175, 4.53726860371992391 52.14095750568206711, 4.53087066826980411 52.14184070756870426, 4.5363258518994698 52.14527871791436553, 4.53375537990696653 52.14696344514415927, 4.53026981922105776 52.15032426441525359, 4.53858495218262803 52.15391848451118051, 4.54967787283793346 52.15872843388599023, 4.54769852702725697 52.16025221593771022, 4.54207650332390678 52.16458490804843251, 4.53822526250894498 52.16755290477703255, 4.53649679213137258 52.16858141909725788, 4.53750543405949625 52.16990547750249618, 4.54232985492550068 52.17195360440259577, 4.55112145247022415 52.16323740942787168)),((4.52817779771983187 52.17985077968808838, 4.53815367442998507 52.18008469391130433, 4.53877914989673492 52.18013007072908493, 4.53906574266096019 52.17710070296644176, 4.54007276294543249 52.17546752639239571, 4.5252100083236293 52.17249398748258926, 4.52270288410889254 52.17110745224152168, 4.52013017638239845 52.16991840580780604, 4.51553963412264636 52.16939502873842116, 4.51512116411774667 52.17108639403554093, 4.51848216958365434 52.17419630706535116, 4.51775865509144658 52.17586188555466009, 4.51798455056149439 52.17853444566583221, 4.5183686831615022 52.18211625872344683, 4.52817779771983187 52.17985077968808838, 4.52817779771983187 52.17985077968808838)))</t>
  </si>
  <si>
    <t>MultiPolygon (((4.5363258518994698 52.14527871791436553, 4.53087066826980411 52.14184070756870426, 4.52799129711453663 52.14310465790968152, 4.53375537990696653 52.14696344514415927, 4.5363258518994698 52.14527871791436553, 4.5363258518994698 52.14527871791436553)))</t>
  </si>
  <si>
    <t>MultiPolygon (((4.53375537990696653 52.14696344514415927, 4.52799129711453663 52.14310465790968152, 4.52466704705446165 52.14633722735877797, 4.52403768108060511 52.14739786756339157, 4.52394724754389532 52.14757386077142343, 4.53026981922105776 52.15032426441525359, 4.53375537990696653 52.14696344514415927, 4.53375537990696653 52.14696344514415927)))</t>
  </si>
  <si>
    <t>MultiPolygon (((4.53643747243338868 52.15653379772390963, 4.54769852702725697 52.16025221593771022, 4.54967787283793346 52.15872843388599023, 4.53858495218262803 52.15391848451118051, 4.53643747243338868 52.15653379772390963, 4.53643747243338868 52.15653379772390963)))</t>
  </si>
  <si>
    <t>MultiPolygon (((4.5366969426305328 52.1618020004669205, 4.54207650332390678 52.16458490804843251, 4.54769852702725697 52.16025221593771022, 4.53643747243338868 52.15653379772390963, 4.53379362246281303 52.16030245275574373, 4.5366969426305328 52.1618020004669205, 4.5366969426305328 52.1618020004669205)))</t>
  </si>
  <si>
    <t>MultiPolygon (((4.5325585984610175 52.16458629304338501, 4.53822526250894498 52.16755290477703255, 4.54207650332390678 52.16458490804843251, 4.5366969426305328 52.1618020004669205, 4.5325585984610175 52.16458629304338501, 4.5325585984610175 52.16458629304338501)))</t>
  </si>
  <si>
    <t>MultiPolygon (((4.52940569659351855 52.16339773724939022, 4.5325585984610175 52.16458629304338501, 4.5366969426305328 52.1618020004669205, 4.53379362246281303 52.16030245275574373, 4.53193462861419416 52.16182965135331528, 4.52942993868703603 52.1633366803324634, 4.52940569659351855 52.16339773724939022, 4.52940569659351855 52.16339773724939022)))</t>
  </si>
  <si>
    <t>MultiPolygon (((4.52162018550335532 52.1687771504165525, 4.52512007563126417 52.16626505882624087, 4.52940569659351855 52.16339773724939022, 4.52942993868703603 52.1633366803324634, 4.52516159269277018 52.16411817730688938, 4.519774453030446 52.16772628497727737, 4.52162018550335532 52.1687771504165525, 4.52162018550335532 52.1687771504165525)))</t>
  </si>
  <si>
    <t>MultiPolygon (((4.51553963412264636 52.16939502873842116, 4.52013017638239845 52.16991840580780604, 4.52162018550335532 52.1687771504165525, 4.519774453030446 52.16772628497727737, 4.52516159269277018 52.16411817730688938, 4.52213494605319521 52.16073437803524371, 4.51506784988605858 52.16358953574130908, 4.51619448271860513 52.1658172620909113, 4.51553963412264636 52.16939502873842116, 4.51553963412264636 52.16939502873842116)))</t>
  </si>
  <si>
    <t>MultiPolygon (((4.52516159269277018 52.16411817730688938, 4.52942993868703603 52.1633366803324634, 4.53193462861419416 52.16182965135331528, 4.52569596246105821 52.15832374488386591, 4.52213494605319521 52.16073437803524371, 4.52516159269277018 52.16411817730688938, 4.52516159269277018 52.16411817730688938)))</t>
  </si>
  <si>
    <t>MultiPolygon (((4.52213494605319521 52.16073437803524371, 4.51874131926692524 52.15829433813157578, 4.51483119837538638 52.16080221774200965, 4.51506784988605858 52.16358953574130908, 4.52213494605319521 52.16073437803524371, 4.52213494605319521 52.16073437803524371)))</t>
  </si>
  <si>
    <t>MultiPolygon (((4.53193462861419416 52.16182965135331528, 4.53379362246281303 52.16030245275574373, 4.53643747243338868 52.15653379772390963, 4.52223239888384132 52.15218078640157984, 4.52169181344512516 52.15386167474638057, 4.52082069911139595 52.15655101446090924, 4.51874131926692524 52.15829433813157578, 4.52213494605319521 52.16073437803524371, 4.52569596246105821 52.15832374488386591, 4.53193462861419416 52.16182965135331528, 4.53193462861419416 52.16182965135331528)))</t>
  </si>
  <si>
    <t>MultiPolygon (((4.53643747243338868 52.15653379772390963, 4.53858495218262803 52.15391848451118051, 4.53026981922105776 52.15032426441525359, 4.52394724754389532 52.14757386077142343, 4.52223952352751102 52.15215523974148226, 4.52223239888384132 52.15218078640157984, 4.53643747243338868 52.15653379772390963, 4.53643747243338868 52.15653379772390963)))</t>
  </si>
  <si>
    <t>MultiPolygon (((4.45126963057288183 52.1464702051688036, 4.45280006538437068 52.1464397592432789, 4.45465982754246959 52.14797535871502276, 4.45701961576037853 52.14778886956538884, 4.4500922600305346 52.14143904947781039, 4.44925482705306941 52.14100831778829104, 4.44656199227907667 52.14119324286775736, 4.4446780840844804 52.14061988419149429, 4.44378948316753331 52.14101325258951647, 4.44298853264887406 52.1453457875074804, 4.4439393114437582 52.14604126426353758, 4.44137158639759466 52.14949849606480825, 4.44718711674026945 52.15358896501304287, 4.4500986576379411 52.15185763485737169, 4.4493697142089399 52.15023384786636029, 4.45021446012551802 52.14727849742023835, 4.45126963057288183 52.1464702051688036, 4.45126963057288183 52.1464702051688036)))</t>
  </si>
  <si>
    <t>MultiPolygon (((4.4500986576379411 52.15185763485737169, 4.45226369845019398 52.15305504489495547, 4.45305124862434276 52.15190731322260831, 4.45675882476253538 52.15038625508482539, 4.45975908502646234 52.15003338229799823, 4.45928726560261524 52.14969671909408078, 4.45701961576037853 52.14778886956538884, 4.45465982754246959 52.14797535871502276, 4.45280006538437068 52.1464397592432789, 4.45126963057288183 52.1464702051688036, 4.45021446012551802 52.14727849742023835, 4.4493697142089399 52.15023384786636029, 4.4500986576379411 52.15185763485737169, 4.4500986576379411 52.15185763485737169)))</t>
  </si>
  <si>
    <t>MultiPolygon (((4.45226369845019398 52.15305504489495547, 4.44869603370769973 52.15720401832138009, 4.45066224413820333 52.15941648368431771, 4.46214620791508665 52.15173503207588368, 4.45975908502646234 52.15003338229799823, 4.45675882476253538 52.15038625508482539, 4.45305124862434276 52.15190731322260831, 4.45226369845019398 52.15305504489495547, 4.45226369845019398 52.15305504489495547)))</t>
  </si>
  <si>
    <t>MultiPolygon (((4.44869603370769973 52.15720401832138009, 4.45226369845019398 52.15305504489495547, 4.4500986576379411 52.15185763485737169, 4.44718711674026945 52.15358896501304287, 4.44137158639759466 52.14949849606480825, 4.43886515695747175 52.15326448550227667, 4.43923247577336877 52.15470747058059686, 4.44047817994033167 52.15565298391639004, 4.44829089403368449 52.16197833772056214, 4.45066224413820333 52.15941648368431771, 4.44869603370769973 52.15720401832138009, 4.44869603370769973 52.15720401832138009)))</t>
  </si>
  <si>
    <t>MultiPolygon (((4.50852537370610396 52.18397324126689796, 4.50823736541577169 52.1815380516445444, 4.50415026538646934 52.18158481141779959, 4.50337600770813928 52.17922916999224725, 4.4973856801354346 52.17701140337960197, 4.49536860272044514 52.17780203789320836, 4.49717368791582306 52.18094329374473972, 4.49756222674306549 52.18398265175266459, 4.49834228548945259 52.183993566813065, 4.50163361581371468 52.18426434193344221, 4.50354643344690064 52.18462130406670951, 4.50852537370610396 52.18397324126689796)))</t>
  </si>
  <si>
    <t>MultiPolygon (((4.4973856801354346 52.17701140337960197, 4.50337600770813928 52.17922916999224725, 4.50494929959334023 52.17874210223140352, 4.5034258485697336 52.17585401932083045, 4.4973856801354346 52.17701140337960197, 4.4973856801354346 52.17701140337960197)))</t>
  </si>
  <si>
    <t>MultiPolygon (((4.50337600770813928 52.17922916999224725, 4.50415026538646934 52.18158481141779959, 4.50758155543169359 52.18038841696880326, 4.50693540139875726 52.17999545909751902, 4.50812086511594234 52.17905425779000694, 4.51085653498094352 52.17839851999262635, 4.51032911420233873 52.17515317087261906, 4.5034258485697336 52.17585401932083045, 4.50494929959334023 52.17874210223140352, 4.50337600770813928 52.17922916999224725, 4.50337600770813928 52.17922916999224725)))</t>
  </si>
  <si>
    <t>MultiPolygon (((4.5183686831615022 52.18211625872344683, 4.51798455056149439 52.17853444566583221, 4.51085653498094352 52.17839851999262635, 4.50812086511594234 52.17905425779000694, 4.50693540139875726 52.17999545909751902, 4.50758155543169359 52.18038841696880326, 4.50415026538646934 52.18158481141779959, 4.50823736541577169 52.1815380516445444, 4.50852537370610396 52.18397324126689796, 4.51720799857860378 52.18271858308979461, 4.5183686831615022 52.18211625872344683, 4.5183686831615022 52.18211625872344683)))</t>
  </si>
  <si>
    <t>MultiPolygon (((4.51775865509144658 52.17586188555466009, 4.51848216958365434 52.17419630706535116, 4.51512116411774667 52.17108639403554093, 4.51121793772872692 52.17136054899484776, 4.51134364118663278 52.17526961753067383, 4.51032911420233873 52.17515317087261906, 4.51085653498094352 52.17839851999262635, 4.51798455056149439 52.17853444566583221, 4.51775865509144658 52.17586188555466009, 4.51775865509144658 52.17586188555466009)))</t>
  </si>
  <si>
    <t>MultiPolygon (((4.49536860272044514 52.17780203789320836, 4.4973856801354346 52.17701140337960197, 4.5034258485697336 52.17585401932083045, 4.51032911420233873 52.17515317087261906, 4.51134364118663278 52.17526961753067383, 4.51121793772872692 52.17136054899484776, 4.50674681104039276 52.17179066740968807, 4.49857642189024798 52.17257023015552875, 4.49106129107753738 52.1734837710124566, 4.49343954221562392 52.17585602103312681, 4.49536860272044514 52.17780203789320836, 4.49536860272044514 52.17780203789320836)))</t>
  </si>
  <si>
    <t>MultiPolygon (((4.47107034342639231 52.16604672316685054, 4.47119437000435216 52.16392647120957804, 4.45940593607424773 52.16496964237794742, 4.45040814679483532 52.16631943838304153, 4.45305208778508987 52.1684921054908628, 4.45417053981698174 52.1711404589594494, 4.45541472037808894 52.1710215370889614, 4.46686829105097249 52.16992873327576064, 4.46816265221518982 52.16946975317184609, 4.47107034342639231 52.16604672316685054, 4.47107034342639231 52.16604672316685054)))</t>
  </si>
  <si>
    <t>MultiPolygon (((4.47094175456070619 52.17473858262190589, 4.47149686275390223 52.17442386432960433, 4.47157349321486652 52.17445599381400001, 4.47926491533392213 52.17104116143208614, 4.47946995691515948 52.17064227715709279, 4.47260288736378442 52.16941748514810939, 4.46816265221518982 52.16946975317184609, 4.46686829105097249 52.16992873327576064, 4.46757314272155615 52.17045124715387061, 4.46723425572756039 52.17217046970649363, 4.4685091666394916 52.17348204851848692, 4.4695733772760704 52.17434522428611388, 4.47094175456070619 52.17473858262190589, 4.47094175456070619 52.17473858262190589)))</t>
  </si>
  <si>
    <t>MultiPolygon (((4.48079573087839567 52.1796280841335971, 4.48460749535296266 52.17801523871199976, 4.48213934905172273 52.17598516462206959, 4.47926491533392213 52.17104116143208614, 4.47157349321486652 52.17445599381400001, 4.47873434067371967 52.1795326495303371, 4.4797079521852563 52.17900390396076205, 4.48079573087839567 52.1796280841335971, 4.48079573087839567 52.1796280841335971)))</t>
  </si>
  <si>
    <t>MultiPolygon (((4.49192250195706766 52.17540744992866308, 4.49343954221562392 52.17585602103312681, 4.49106129107753738 52.1734837710124566, 4.48906923450962214 52.17192475024019416, 4.48326926160664652 52.16724159342855671, 4.47946995691515948 52.17064227715709279, 4.47926491533392213 52.17104116143208614, 4.48213934905172273 52.17598516462206959, 4.48460749535296266 52.17801523871199976, 4.48740185403668868 52.17692369823415532, 4.48752110874951704 52.17816313357275959, 4.49192250195706766 52.17540744992866308)))</t>
  </si>
  <si>
    <t>MultiPolygon (((4.46816265221518982 52.16946975317184609, 4.47260288736378442 52.16941748514810939, 4.47946995691515948 52.17064227715709279, 4.48326926160664652 52.16724159342855671, 4.47875498096548696 52.16400656808885827, 4.47119437000435216 52.16392647120957804, 4.47107034342639231 52.16604672316685054, 4.46816265221518982 52.16946975317184609, 4.46816265221518982 52.16946975317184609)))</t>
  </si>
  <si>
    <t>MultiPolygon (((4.46484191501041927 52.15183297134294804, 4.46214620791508665 52.15173503207588368, 4.45066224413820333 52.15941648368431771, 4.44829089403368449 52.16197833772056214, 4.44836827996627093 52.16205195674179151, 4.45040814679483532 52.16631943838304153, 4.45940593607424773 52.16496964237794742, 4.45855228248904645 52.16354630941533799, 4.46037604724766013 52.16127984495725656, 4.46866793696386733 52.15661881221408436, 4.4705626669127172 52.15562338546251908, 4.46484191501041927 52.15183297134294804, 4.46484191501041927 52.15183297134294804)))</t>
  </si>
  <si>
    <t>MultiPolygon (((4.45940593607424773 52.16496964237794742, 4.47119437000435216 52.16392647120957804, 4.47875498096548696 52.16400656808885827, 4.46866793696386733 52.15661881221408436, 4.46037604724766013 52.16127984495725656, 4.45855228248904645 52.16354630941533799, 4.45940593607424773 52.16496964237794742, 4.45940593607424773 52.16496964237794742)))</t>
  </si>
  <si>
    <t>MultiPolygon (((4.47875498096548696 52.16400656808885827, 4.48121442025103445 52.16320511133158533, 4.4816123472292313 52.16106423115027724, 4.4808236762065814 52.16091743644204826, 4.47687787618229294 52.16007659111238581, 4.47433522312525866 52.15902874422791768, 4.4705626669127172 52.15562338546251908, 4.46866793696386733 52.15661881221408436, 4.47875498096548696 52.16400656808885827, 4.47875498096548696 52.16400656808885827)))</t>
  </si>
  <si>
    <t>MultiPolygon (((4.47689200645653607 52.13623058013286737, 4.46906635200642732 52.13319837303484405, 4.46923866573184103 52.13427561702186352, 4.46813702312908845 52.13560849562524169, 4.46724064080410699 52.1367526903740881, 4.46668203958619436 52.14089062775047978, 4.47702235779161928 52.14188577359943366, 4.47881573846665759 52.13919562700631616, 4.47527740973660215 52.13797290388263406, 4.47689200645653607 52.13623058013286737, 4.47689200645653607 52.13623058013286737)))</t>
  </si>
  <si>
    <t>MultiPolygon (((4.47206880853645927 52.15482135693925869, 4.47495483793159021 52.15519571705778645, 4.47512523256463002 52.15462222038699736, 4.47941468237240237 52.15523019075445887, 4.48103074273269364 52.15166245760362074, 4.48420337535785141 52.14953555107281602, 4.48420484676293007 52.1495227646220485, 4.48435263100941039 52.14802445169647171, 4.47509066607995099 52.14740012988745832, 4.47206880853645927 52.15482135693925869, 4.47206880853645927 52.15482135693925869)))</t>
  </si>
  <si>
    <t>MultiPolygon (((4.48888782513574114 52.13861584045195485, 4.49489929259510745 52.13229483906368245, 4.4967653113850643 52.13302318635044941, 4.49796959572481025 52.1321637045506634, 4.49656174569561617 52.13145000084818292, 4.49195288552700234 52.12901094805405222, 4.48751996108209905 52.1274097205076643, 4.47297541564954138 52.11895161082024686, 4.47228902814065776 52.11963465140460983, 4.47232114381373602 52.12345860717810098, 4.47294143948979528 52.12370318578920347, 4.46814928238680764 52.12855081718279848, 4.4674810142737984 52.12832320536224273, 4.46684506410575199 52.12897989406246069, 4.46598159250732341 52.12789030159682824, 4.46642025325507408 52.12733339517925657, 4.46519192514207841 52.12661335740472879, 4.46449228857868974 52.1273111703007217, 4.46906635200642732 52.13319837303484405, 4.47689200645653607 52.13623058013286737, 4.48554453276926068 52.13992876009278632, 4.48786545290103778 52.14087319606542792, 4.48888782513574114 52.13861584045195485, 4.48888782513574114 52.13861584045195485)))</t>
  </si>
  <si>
    <t>MultiPolygon (((4.47206880853645927 52.15482135693925869, 4.47509066607995099 52.14740012988745832, 4.4660506648395808 52.1464160992942567, 4.46540552441350336 52.14944289945281497, 4.46296882509775639 52.14894502779916508, 4.46244442053192625 52.14977673546817272, 4.45928726560261524 52.14969671909408078, 4.45975908502646234 52.15003338229799823, 4.46214620791508665 52.15173503207588368, 4.46484191501041927 52.15183297134294804, 4.4705626669127172 52.15562338546251908, 4.47206880853645927 52.15482135693925869, 4.47206880853645927 52.15482135693925869)))</t>
  </si>
  <si>
    <t>MultiPolygon (((4.4660506648395808 52.1464160992942567, 4.47509066607995099 52.14740012988745832, 4.47702235779161928 52.14188577359943366, 4.46668203958619436 52.14089062775047978, 4.4660506648395808 52.1464160992942567, 4.4660506648395808 52.1464160992942567)))</t>
  </si>
  <si>
    <t>MultiPolygon (((4.47509066607995099 52.14740012988745832, 4.48435263100941039 52.14802445169647171, 4.48554453276926068 52.13992876009278632, 4.47689200645653607 52.13623058013286737, 4.47527740973660215 52.13797290388263406, 4.47881573846665759 52.13919562700631616, 4.47702235779161928 52.14188577359943366, 4.47509066607995099 52.14740012988745832, 4.47509066607995099 52.14740012988745832)))</t>
  </si>
  <si>
    <t>MultiPolygon (((4.4705626669127172 52.15562338546251908, 4.47433522312525866 52.15902874422791768, 4.47687787618229294 52.16007659111238581, 4.47941468237240237 52.15523019075445887, 4.47512523256463002 52.15462222038699736, 4.47495483793159021 52.15519571705778645, 4.47206880853645927 52.15482135693925869, 4.4705626669127172 52.15562338546251908, 4.4705626669127172 52.15562338546251908)))</t>
  </si>
  <si>
    <t>MultiPolygon (((4.47687787618229294 52.16007659111238581, 4.4808236762065814 52.16091743644204826, 4.48299201244403811 52.15517310380694482, 4.48417656609877824 52.1544043240059807, 4.48822346905306446 52.15384153987427851, 4.48807872191629365 52.15304177420030385, 4.48447380160557696 52.15145003741132257, 4.48420337535785141 52.14953555107281602, 4.48103074273269364 52.15166245760362074, 4.47941468237240237 52.15523019075445887, 4.47687787618229294 52.16007659111238581, 4.47687787618229294 52.16007659111238581)))</t>
  </si>
  <si>
    <t>MultiPolygon (((4.51483119837538638 52.16080221774200965, 4.51874131926692524 52.15829433813157578, 4.52082069911139595 52.15655101446090924, 4.52169181344512516 52.15386167474638057, 4.51917313629948136 52.15503830741250368, 4.51395301118766579 52.155671945780675, 4.51483119837538638 52.16080221774200965, 4.51483119837538638 52.16080221774200965)))</t>
  </si>
  <si>
    <t>MultiPolygon (((4.52223952352751102 52.15215523974148226, 4.52394724754389532 52.14757386077142343, 4.52403768108060511 52.14739786756339157, 4.51598667628069528 52.14469391822863997, 4.51067658000884109 52.14086587688896657, 4.49903650573608171 52.14457707480575976, 4.50252532607585199 52.14575225318827734, 4.50726093042097986 52.14747607226084369, 4.51082907481304485 52.14968429191419119, 4.51276447102885836 52.14920568498965281, 4.51424661197483168 52.15018597023541247, 4.52223952352751102 52.15215523974148226, 4.52223952352751102 52.15215523974148226)))</t>
  </si>
  <si>
    <t>MultiPolygon (((4.48786545290103778 52.14087319606542792, 4.49903650573608171 52.14457707480575976, 4.51067658000884109 52.14086587688896657, 4.51321262673406665 52.13997419127773014, 4.51309948546974837 52.13991671061662458, 4.49796959572481025 52.1321637045506634, 4.4967653113850643 52.13302318635044941, 4.49489929259510745 52.13229483906368245, 4.48888782513574114 52.13861584045195485, 4.48786545290103778 52.14087319606542792, 4.48786545290103778 52.14087319606542792)))</t>
  </si>
  <si>
    <t>MultiPolygon (((4.48435263100941039 52.14802445169647171, 4.48420484676293007 52.1495227646220485, 4.49166695803550553 52.14713244862556962, 4.49903650573608171 52.14457707480575976, 4.48786545290103778 52.14087319606542792, 4.48554453276926068 52.13992876009278632, 4.48435263100941039 52.14802445169647171, 4.48435263100941039 52.14802445169647171)))</t>
  </si>
  <si>
    <t>MultiPolygon (((4.48822346905306446 52.15384153987427851, 4.49381991386485335 52.15350132977439301, 4.49450107721545855 52.15153147454363847, 4.49166695803550553 52.14713244862556962, 4.48420484676293007 52.1495227646220485, 4.48420337535785141 52.14953555107281602, 4.48447380160557696 52.15145003741132257, 4.48807872191629365 52.15304177420030385, 4.48822346905306446 52.15384153987427851, 4.48822346905306446 52.15384153987427851)))</t>
  </si>
  <si>
    <t>MultiPolygon (((4.49450107721545855 52.15153147454363847, 4.50044342866720637 52.14833412851746886, 4.50252532607585199 52.14575225318827734, 4.49903650573608171 52.14457707480575976, 4.49166695803550553 52.14713244862556962, 4.49450107721545855 52.15153147454363847, 4.49450107721545855 52.15153147454363847)))</t>
  </si>
  <si>
    <t>MultiPolygon (((4.50291504284905209 52.15338613480805918, 4.5071288211933167 52.15313595586186324, 4.50626545458824079 52.15167724464906485, 4.50044342866720637 52.14833412851746886, 4.49450107721545855 52.15153147454363847, 4.49381991386485335 52.15350132977439301, 4.50291504284905209 52.15338613480805918, 4.50291504284905209 52.15338613480805918)))</t>
  </si>
  <si>
    <t>MultiPolygon (((4.5071288211933167 52.15313595586186324, 4.5122464218042122 52.15113403488689414, 4.51082907481304485 52.14968429191419119, 4.50726093042097986 52.14747607226084369, 4.50252532607585199 52.14575225318827734, 4.50044342866720637 52.14833412851746886, 4.50626545458824079 52.15167724464906485, 4.5071288211933167 52.15313595586186324, 4.5071288211933167 52.15313595586186324)))</t>
  </si>
  <si>
    <t>MultiPolygon (((4.50409745968959019 52.15605469765738178, 4.51395301118766579 52.155671945780675, 4.5122464218042122 52.15113403488689414, 4.5071288211933167 52.15313595586186324, 4.50291504284905209 52.15338613480805918, 4.50409745968959019 52.15605469765738178, 4.50409745968959019 52.15605469765738178)))</t>
  </si>
  <si>
    <t>MultiPolygon (((4.51395301118766579 52.155671945780675, 4.51917313629948136 52.15503830741250368, 4.52169181344512516 52.15386167474638057, 4.52223239888384132 52.15218078640157984, 4.52223952352751102 52.15215523974148226, 4.51424661197483168 52.15018597023541247, 4.51276447102885836 52.14920568498965281, 4.51082907481304485 52.14968429191419119, 4.5122464218042122 52.15113403488689414, 4.51395301118766579 52.155671945780675, 4.51395301118766579 52.155671945780675)))</t>
  </si>
  <si>
    <t>MultiPolygon (((4.51483119837538638 52.16080221774200965, 4.50490575607678956 52.16137513979005291, 4.50539854284914565 52.16306361100821931, 4.50656594797587307 52.16342807542926607, 4.50733764731174791 52.16926929788369449, 4.50674681104039276 52.17179066740968807, 4.51121793772872692 52.17136054899484776, 4.51512116411774667 52.17108639403554093, 4.51553963412264636 52.16939502873842116, 4.51619448271860513 52.1658172620909113, 4.51506784988605858 52.16358953574130908, 4.51483119837538638 52.16080221774200965)))</t>
  </si>
  <si>
    <t>MultiPolygon (((4.49857642189024798 52.17257023015552875, 4.50674681104039276 52.17179066740968807, 4.50733764731174791 52.16926929788369449, 4.50656594797587307 52.16342807542926607, 4.50539854284914565 52.16306361100821931, 4.50033729082680178 52.16356630758679103, 4.49390653945779661 52.16468596059117147, 4.49706013959441098 52.167544375202624, 4.49688321310511796 52.1702684137364443, 4.49857642189024798 52.17257023015552875, 4.49857642189024798 52.17257023015552875)))</t>
  </si>
  <si>
    <t>MultiPolygon (((4.49106129107753738 52.1734837710124566, 4.49857642189024798 52.17257023015552875, 4.49688321310511796 52.1702684137364443, 4.49706013959441098 52.167544375202624, 4.49390653945779661 52.16468596059117147, 4.48946213029017827 52.16457649580377876, 4.49083862822423985 52.16922677370537542, 4.48906923450962214 52.17192475024019416, 4.49106129107753738 52.1734837710124566, 4.49106129107753738 52.1734837710124566)))</t>
  </si>
  <si>
    <t>MultiPolygon (((4.48326926160664652 52.16724159342855671, 4.48906923450962214 52.17192475024019416, 4.49083862822423985 52.16922677370537542, 4.48946213029017827 52.16457649580377876, 4.485410153170867 52.16433092434651542, 4.48121442025103445 52.16320511133158533, 4.47875498096548696 52.16400656808885827, 4.48326926160664652 52.16724159342855671, 4.48326926160664652 52.16724159342855671)))</t>
  </si>
  <si>
    <t>MultiPolygon (((4.50490575607678956 52.16137513979005291, 4.51483119837538638 52.16080221774200965, 4.51395301118766579 52.155671945780675, 4.50409745968959019 52.15605469765738178, 4.50329900970360875 52.15606035641759064, 4.50490575607678956 52.16137513979005291, 4.50490575607678956 52.16137513979005291)))</t>
  </si>
  <si>
    <t>MultiPolygon (((4.485410153170867 52.16433092434651542, 4.48946213029017827 52.16457649580377876, 4.49015550215257608 52.16255768729325837, 4.48598556250110558 52.16266190927755275, 4.485410153170867 52.16433092434651542, 4.485410153170867 52.16433092434651542)))</t>
  </si>
  <si>
    <t>MultiPolygon (((4.50095091864296304 52.16095267747149222, 4.50490575607678956 52.16137513979005291, 4.50329900970360875 52.15606035641759064, 4.49900170340593775 52.15605940929545881, 4.5002059554264644 52.16083142037273745, 4.50095091864296304 52.16095267747149222, 4.50095091864296304 52.16095267747149222)))</t>
  </si>
  <si>
    <t>MultiPolygon (((4.50033729082680178 52.16356630758679103, 4.50539854284914565 52.16306361100821931, 4.50490575607678956 52.16137513979005291, 4.50095091864296304 52.16095267747149222, 4.50029890524800535 52.16144656072003016, 4.50033729082680178 52.16356630758679103, 4.50033729082680178 52.16356630758679103)))</t>
  </si>
  <si>
    <t>MultiPolygon (((4.48946213029017827 52.16457649580377876, 4.49390653945779661 52.16468596059117147, 4.50033729082680178 52.16356630758679103, 4.50029890524800535 52.16144656072003016, 4.49015550215257608 52.16255768729325837, 4.48946213029017827 52.16457649580377876, 4.48946213029017827 52.16457649580377876)))</t>
  </si>
  <si>
    <t>MultiPolygon (((4.48121442025103445 52.16320511133158533, 4.485410153170867 52.16433092434651542, 4.48598556250110558 52.16266190927755275, 4.48483729323935254 52.16107639656912909, 4.4816123472292313 52.16106423115027724, 4.48121442025103445 52.16320511133158533, 4.48121442025103445 52.16320511133158533)))</t>
  </si>
  <si>
    <t>MultiPolygon (((4.49709837188462558 52.16031539496378855, 4.5002059554264644 52.16083142037273745, 4.49900170340593775 52.15605940929545881, 4.49496974768985957 52.15637040799023794, 4.49709837188462558 52.16031539496378855, 4.49709837188462558 52.16031539496378855)))</t>
  </si>
  <si>
    <t>MultiPolygon (((4.49067989551916202 52.15965734763633321, 4.49709837188462558 52.16031539496378855, 4.49496974768985957 52.15637040799023794, 4.49365844376784818 52.15680739770629515, 4.49067989551916202 52.15965734763633321, 4.49067989551916202 52.15965734763633321)))</t>
  </si>
  <si>
    <t>MultiPolygon (((4.49015550215257608 52.16255768729325837, 4.50029890524800535 52.16144656072003016, 4.50095091864296304 52.16095267747149222, 4.5002059554264644 52.16083142037273745, 4.49709837188462558 52.16031539496378855, 4.49067989551916202 52.15965734763633321, 4.49015550215257608 52.16255768729325837, 4.49015550215257608 52.16255768729325837)))</t>
  </si>
  <si>
    <t>MultiPolygon (((4.48598556250110558 52.16266190927755275, 4.49015550215257608 52.16255768729325837, 4.49067989551916202 52.15965734763633321, 4.48532100140706813 52.16099669612314216, 4.48483729323935254 52.16107639656912909, 4.48598556250110558 52.16266190927755275, 4.48598556250110558 52.16266190927755275)))</t>
  </si>
  <si>
    <t>MultiPolygon (((4.49365844376784818 52.15680739770629515, 4.49496974768985957 52.15637040799023794, 4.49900170340593775 52.15605940929545881, 4.50329900970360875 52.15606035641759064, 4.50409745968959019 52.15605469765738178, 4.50291504284905209 52.15338613480805918, 4.49381991386485335 52.15350132977439301, 4.49311769229985636 52.15633495579037771, 4.49365844376784818 52.15680739770629515, 4.49365844376784818 52.15680739770629515)))</t>
  </si>
  <si>
    <t>MultiPolygon (((4.48755934951995261 52.1558953821184943, 4.49311769229985636 52.15633495579037771, 4.49381991386485335 52.15350132977439301, 4.48822346905306446 52.15384153987427851, 4.48755934951995261 52.1558953821184943, 4.48755934951995261 52.1558953821184943)))</t>
  </si>
  <si>
    <t>MultiPolygon (((4.4816123472292313 52.16106423115027724, 4.48483729323935254 52.16107639656912909, 4.48532100140706813 52.16099669612314216, 4.48545097422631756 52.15787362203909083, 4.48622647192756308 52.15630100537618574, 4.48755934951995261 52.1558953821184943, 4.48822346905306446 52.15384153987427851, 4.48417656609877824 52.1544043240059807, 4.48299201244403811 52.15517310380694482, 4.4808236762065814 52.16091743644204826, 4.4816123472292313 52.16106423115027724, 4.4816123472292313 52.16106423115027724)))</t>
  </si>
  <si>
    <t>MultiPolygon (((4.48532100140706813 52.16099669612314216, 4.49067989551916202 52.15965734763633321, 4.49365844376784818 52.15680739770629515, 4.49311769229985636 52.15633495579037771, 4.48755934951995261 52.1558953821184943, 4.48622647192756308 52.15630100537618574, 4.48545097422631756 52.15787362203909083, 4.48532100140706813 52.16099669612314216, 4.48532100140706813 52.16099669612314216)))</t>
  </si>
  <si>
    <t>MultiPolygon (((4.6098366505846764 51.91327774150644103, 4.61729737706489196 51.90843261684756271, 4.62291629957528016 51.90909147192498097, 4.62321775478303199 51.90853617508157214, 4.60146371633300255 51.90699769755644155, 4.59682628126764214 51.90781145295705556, 4.59990297412715243 51.9086314300463485, 4.6098366505846764 51.91327774150644103, 4.6098366505846764 51.91327774150644103)))</t>
  </si>
  <si>
    <t>MultiPolygon (((4.62366484576923575 51.92628526246404874, 4.6305870809737586 51.92143371509346395, 4.64301885495197109 51.91256940646648133, 4.64278295544967445 51.91245775206947854, 4.63515167434998965 51.91007041854306436, 4.62321775478303199 51.90853617508157214, 4.62291629957528016 51.90909147192498097, 4.61560214540014346 51.91525284300663401, 4.61042176385557845 51.91654630556412542, 4.6051981760552847 51.92008951576254105, 4.60541486929568933 51.92018588769524712, 4.60802127175612597 51.92099964379397647, 4.61793768829733775 51.92110332853690124, 4.62366484576923575 51.92628526246404874, 4.62366484576923575 51.92628526246404874)))</t>
  </si>
  <si>
    <t>MultiPolygon (((4.62366484576923575 51.92628526246404874, 4.61793768829733775 51.92110332853690124, 4.60802127175612597 51.92099964379397647, 4.60541486929568933 51.92018588769524712, 4.60032347777148587 51.923349166589297, 4.59815551686730295 51.92608293315359447, 4.60168326560411689 51.92665102656440013, 4.60705391609878845 51.92568238892258847, 4.610724389426065 51.92534109438322076, 4.6132356978236011 51.9260772374297872, 4.6150678555344431 51.92735363929333658, 4.6177039328210423 51.93105014175780809, 4.62366484576923575 51.92628526246404874, 4.62366484576923575 51.92628526246404874)))</t>
  </si>
  <si>
    <t>MultiPolygon (((4.58909597559588622 51.91172589517449154, 4.59334092052652299 51.91265800212979542, 4.6051981760552847 51.92008951576254105, 4.61042176385557845 51.91654630556412542, 4.61560214540014346 51.91525284300663401, 4.62291629957528016 51.90909147192498097, 4.61729737706489196 51.90843261684756271, 4.6098366505846764 51.91327774150644103, 4.59990297412715243 51.9086314300463485, 4.59682628126764214 51.90781145295705556, 4.59676898875713746 51.90780502007986286, 4.59495623772915263 51.90817542861940836, 4.58909597559588622 51.91172589517449154, 4.58909597559588622 51.91172589517449154)))</t>
  </si>
  <si>
    <t>MultiPolygon (((4.59334092052652299 51.91265800212979542, 4.58909597559588622 51.91172589517449154, 4.57949096262609956 51.91682934667525728, 4.58128038241790758 51.91986817534345278, 4.58283977557916788 51.92077692983332327, 4.58813669902321397 51.92179607398283281, 4.5939593542359427 51.92447615479814971, 4.59815551686730295 51.92608293315359447, 4.60032347777148587 51.923349166589297, 4.60541486929568933 51.92018588769524712, 4.6051981760552847 51.92008951576254105, 4.59334092052652299 51.91265800212979542, 4.59334092052652299 51.91265800212979542)))</t>
  </si>
  <si>
    <t>MultiPolygon (((4.59517330455096396 51.90708212175590575, 4.59673298720625301 51.90575758755520752, 4.59351090054311051 51.90410159014858493, 4.59308354626502346 51.9046798546602659, 4.59252003934882236 51.90440638526132489, 4.59221298183291715 51.90560117389122041, 4.58874770669565812 51.90418742512021311, 4.58909855613633511 51.90236749522660631, 4.58419110319560552 51.90390542294414189, 4.58203479307472339 51.90408649525595308, 4.57632845404585442 51.90303172041799229, 4.56946297532823387 51.90435092628803915, 4.55508755929904652 51.9056464588258919, 4.54923843529418992 51.90488212562515713, 4.54990125919197563 51.90672848710498499, 4.55868511495995588 51.90823888727381785, 4.56606095108415122 51.90924646949538612, 4.57118326533372521 51.91186557682197389, 4.57715150710275775 51.91455164318962545, 4.57945458302717512 51.91675379075061869, 4.57949096262609956 51.91682934667525728, 4.58909597559588622 51.91172589517449154, 4.59495623772915263 51.90817542861940836, 4.59676898875713746 51.90780502007986286, 4.59517330455096396 51.90708212175590575, 4.59517330455096396 51.90708212175590575)))</t>
  </si>
  <si>
    <t>MultiPolygon (((4.43843715208093759 52.17324659574163803, 4.44550168735015294 52.16876556728709602, 4.44541266993926065 52.16722127636337092, 4.43291610627007593 52.16298432989757572, 4.42597399632512811 52.15922980796642605, 4.41977153187483829 52.16234433094825818, 4.41778631248667342 52.16147752868932486, 4.41476415375257947 52.16245466806196163, 4.41319365357230176 52.16379085652234693, 4.41159508447301896 52.16347917777466847, 4.40931917902166592 52.16934205635257626, 4.40509400381221017 52.1676207255656692, 4.40411222786433765 52.16840511115142931, 4.41966792320661206 52.17632331780776411, 4.41564166444323369 52.17819989149315774, 4.41721222591979146 52.17989890026449018, 4.42294214123303142 52.18270403548955017, 4.42788199301742136 52.17898596523541244, 4.43843715208093759 52.17324659574163803, 4.43843715208093759 52.17324659574163803)))</t>
  </si>
  <si>
    <t>MultiPolygon (((4.44047817994033167 52.15565298391639004, 4.431548694344424 52.15836714350669467, 4.42597399632512811 52.15922980796642605, 4.43291610627007593 52.16298432989757572, 4.44541266993926065 52.16722127636337092, 4.44836827996627093 52.16205195674179151, 4.44829089403368449 52.16197833772056214, 4.44047817994033167 52.15565298391639004)))</t>
  </si>
  <si>
    <t>MultiPolygon (((4.44568787103041085 52.17000587752821872, 4.44550168735015294 52.16876556728709602, 4.43843715208093759 52.17324659574163803, 4.44096173185444787 52.17398258354605645, 4.43831047087541197 52.1774022004688689, 4.44065456699282279 52.17964518178818167, 4.44583141545868621 52.17879941962642931, 4.44809309765757188 52.17718049475369924, 4.44862807057237131 52.17349986660390471, 4.44568787103041085 52.17000587752821872, 4.44568787103041085 52.17000587752821872)))</t>
  </si>
  <si>
    <t>MultiPolygon (((4.4225852929989653 52.18299610835783398, 4.42503645876049667 52.18287016663234112, 4.43095825634663232 52.18446239279958121, 4.4341751331297079 52.18155254213377248, 4.42788199301742136 52.17898596523541244, 4.42294214123303142 52.18270403548955017, 4.4225852929989653 52.18299610835783398, 4.4225852929989653 52.18299610835783398)))</t>
  </si>
  <si>
    <t>MultiPolygon (((4.44096173185444787 52.17398258354605645, 4.43843715208093759 52.17324659574163803, 4.42788199301742136 52.17898596523541244, 4.4341751331297079 52.18155254213377248, 4.43501753133474352 52.18088967580187187, 4.44065456699282279 52.17964518178818167, 4.43831047087541197 52.1774022004688689, 4.44096173185444787 52.17398258354605645, 4.44096173185444787 52.17398258354605645)))</t>
  </si>
  <si>
    <t>MultiPolygon (((4.46574844822329098 52.21314290936684444, 4.46251114726867826 52.21176005668979059, 4.4623320955215009 52.21055039549951715, 4.45959549979351344 52.20924047324324846, 4.45862465727867896 52.20824260566170238, 4.45564858107039097 52.20702998460995303, 4.46064328029519785 52.20480299619546827, 4.46267470639171648 52.20341151533185098, 4.46041736360485963 52.20219908363228711, 4.46347148114712322 52.20020156285939095, 4.4617605831921221 52.19710648312548074, 4.46617618004279038 52.19741392932085233, 4.46637030151946401 52.196886235561891, 4.46320390722164451 52.19334554820402872, 4.45954640341584518 52.1941010006142605, 4.4534751894393807 52.19535469396341654, 4.44506470293432532 52.19602542601706574, 4.44012725832230437 52.19638176127637053, 4.43203149498242777 52.19695394863300919, 4.43568063075598662 52.19810418085728543, 4.4398852266085056 52.20010349112753545, 4.44211830518682937 52.20243823467224331, 4.44225017556638146 52.20476879259869207, 4.44018805587159715 52.207355583448809, 4.44165339787971369 52.20850348540380281, 4.44445217410469784 52.20950992140229374, 4.44630864826031225 52.21098178457582861, 4.44847854883435634 52.21250409847495888, 4.45130564018400499 52.21169751618453603, 4.45589651794548658 52.2140379428476038, 4.4640820667038712 52.21596433177357, 4.46617580151119231 52.21418784658434475, 4.46574844822329098 52.21314290936684444)))</t>
  </si>
  <si>
    <t>MultiPolygon (((4.46146566484403451 52.18871051213477585, 4.45842205489272825 52.18346112178743823, 4.4549474552063133 52.18366013876620002, 4.44861337784213262 52.18263817588685782, 4.4476367432822892 52.18554625475520936, 4.44584246199537425 52.18820798529278449, 4.44802018118317299 52.19015114812857803, 4.450004183905933 52.190806588166474, 4.45451773859722433 52.19394154846137468, 4.45954640341584518 52.1941010006142605, 4.46320390722164451 52.19334554820402872, 4.46265763478719713 52.19307106238896665, 4.46353278873065573 52.19266994903084367, 4.46146566484403451 52.18871051213477585, 4.46146566484403451 52.18871051213477585)))</t>
  </si>
  <si>
    <t>MultiPolygon (((4.43896339836250231 52.19296094503308581, 4.43905926181070587 52.19242212045644891, 4.43910024275641657 52.18927341678018195, 4.43480635115471067 52.18929993332960748, 4.42957737112820027 52.19032594169476624, 4.43132961260242464 52.19296000485476839, 4.43332703982884624 52.19245210478388941, 4.43896339836250231 52.19296094503308581, 4.43896339836250231 52.19296094503308581)))</t>
  </si>
  <si>
    <t>MultiPolygon (((4.42951415957287153 52.19719098336900487, 4.43203149498242777 52.19695394863300919, 4.44012725832230437 52.19638176127637053, 4.43896339836250231 52.19296094503308581, 4.43332703982884624 52.19245210478388941, 4.43132961260242464 52.19296000485476839, 4.43017077150517569 52.19617462377010497, 4.42951415957287153 52.19719098336900487, 4.42951415957287153 52.19719098336900487)))</t>
  </si>
  <si>
    <t>MultiPolygon (((4.44012725832230437 52.19638176127637053, 4.44506470293432532 52.19602542601706574, 4.44488799970352932 52.19393551903271344, 4.44435671187612158 52.19239336906436222, 4.43905926181070587 52.19242212045644891, 4.43896339836250231 52.19296094503308581, 4.44012725832230437 52.19638176127637053, 4.44012725832230437 52.19638176127637053)))</t>
  </si>
  <si>
    <t>MultiPolygon (((4.44758251131143734 52.1824463285149065, 4.44006490659977082 52.18106950869622551, 4.43767938301188369 52.18171260300517389, 4.43592007013907974 52.18363490626352785, 4.4476367432822892 52.18554625475520936, 4.44861337784213262 52.18263817588685782, 4.44758251131143734 52.1824463285149065, 4.44758251131143734 52.1824463285149065)))</t>
  </si>
  <si>
    <t>MultiPolygon (((4.44165656566830513 52.18868737363131771, 4.44584246199537425 52.18820798529278449, 4.4476367432822892 52.18554625475520936, 4.43592007013907974 52.18363490626352785, 4.43866039871906981 52.18720305698419537, 4.44165656566830513 52.18868737363131771, 4.44165656566830513 52.18868737363131771)))</t>
  </si>
  <si>
    <t>MultiPolygon (((4.44506470293432532 52.19602542601706574, 4.4534751894393807 52.19535469396341654, 4.45954640341584518 52.1941010006142605, 4.45451773859722433 52.19394154846137468, 4.450004183905933 52.190806588166474, 4.44802018118317299 52.19015114812857803, 4.44488799970352932 52.19393551903271344, 4.44506470293432532 52.19602542601706574, 4.44506470293432532 52.19602542601706574)))</t>
  </si>
  <si>
    <t>MultiPolygon (((4.43501753133474352 52.18088967580187187, 4.4341751331297079 52.18155254213377248, 4.43095825634663232 52.18446239279958121, 4.42862621637494946 52.1867321892661451, 4.42957737112820027 52.19032594169476624, 4.43480635115471067 52.18929993332960748, 4.43910024275641657 52.18927341678018195, 4.44165656566830513 52.18868737363131771, 4.43866039871906981 52.18720305698419537, 4.43592007013907974 52.18363490626352785, 4.43767938301188369 52.18171260300517389, 4.43501753133474352 52.18088967580187187)))</t>
  </si>
  <si>
    <t>MultiPolygon (((4.43905926181070587 52.19242212045644891, 4.44435671187612158 52.19239336906436222, 4.44488799970352932 52.19393551903271344, 4.44802018118317299 52.19015114812857803, 4.44584246199537425 52.18820798529278449, 4.44165656566830513 52.18868737363131771, 4.43910024275641657 52.18927341678018195, 4.43905926181070587 52.19242212045644891, 4.43905926181070587 52.19242212045644891)))</t>
  </si>
  <si>
    <t>MultiPolygon (((4.416666454341029 52.18648692453270144, 4.41817186598098566 52.18699989290416141, 4.4225852929989653 52.18299610835783398, 4.42294214123303142 52.18270403548955017, 4.41721222591979146 52.17989890026449018, 4.41564166444323369 52.17819989149315774, 4.41966792320661206 52.17632331780776411, 4.40411222786433765 52.16840511115142931, 4.40322055772726184 52.16895728378937491, 4.40007978370400288 52.17138138740396869, 4.40043614064544908 52.17275699706500092, 4.40640684929871718 52.179091195159927, 4.416666454341029 52.18648692453270144, 4.416666454341029 52.18648692453270144)))</t>
  </si>
  <si>
    <t>MultiPolygon (((4.41012907430430268 52.19509327995422865, 4.40966279506277292 52.19477582302317131, 4.40875508040356046 52.19363848585262389, 4.41074188282832491 52.19053893269971667, 4.416666454341029 52.18648692453270144, 4.40640684929871718 52.179091195159927, 4.40043614064544908 52.17275699706500092, 4.40007978370400288 52.17138138740396869, 4.39509100883249992 52.17460564596996164, 4.39227815536513688 52.17507687034053987, 4.37443348334039683 52.18687382638778161, 4.38398376423058878 52.19635021815204112, 4.38555256849887254 52.19582377126058503, 4.39061654659490497 52.1946590438943403, 4.39379881375152515 52.19708501342243778, 4.39847583727890346 52.19595591544569402, 4.40445895439779012 52.19571928169295916, 4.41012907430430268 52.19509327995422865, 4.41012907430430268 52.19509327995422865)))</t>
  </si>
  <si>
    <t>MultiPolygon (((4.40546408042493987 52.21971990318275658, 4.41484227193910161 52.21614216694199229, 4.41493334483410926 52.2161074378382537, 4.41389107298814665 52.21514980899778635, 4.41020379724383016 52.21145737837419887, 4.41011845740907305 52.21024891135790824, 4.40617158935693976 52.20774303782548742, 4.40061682335793236 52.21057418466501332, 4.39764849322924345 52.21237560938450173, 4.40546408042493987 52.21971990318275658, 4.40546408042493987 52.21971990318275658)))</t>
  </si>
  <si>
    <t>MultiPolygon (((4.40716966475407013 52.20082381402295368, 4.4082500589167255 52.20209071255479216, 4.41495565698247994 52.19984310867247501, 4.41012907430430268 52.19509327995422865, 4.40445895439779012 52.19571928169295916, 4.40617065382585782 52.199043069051001, 4.40716966475407013 52.20082381402295368, 4.40716966475407013 52.20082381402295368)))</t>
  </si>
  <si>
    <t>MultiPolygon (((4.40793602961037934 52.20594360398668243, 4.40930837838813705 52.20665944393145708, 4.41855171621746923 52.20371928788164695, 4.41495565698247994 52.19984310867247501, 4.4082500589167255 52.20209071255479216, 4.40793602961037934 52.20594360398668243, 4.40793602961037934 52.20594360398668243)))</t>
  </si>
  <si>
    <t>MultiPolygon (((4.39379881375152515 52.19708501342243778, 4.40150957378872487 52.19996290947582196, 4.40617065382585782 52.199043069051001, 4.40445895439779012 52.19571928169295916, 4.39847583727890346 52.19595591544569402, 4.39379881375152515 52.19708501342243778, 4.39379881375152515 52.19708501342243778)))</t>
  </si>
  <si>
    <t>MultiPolygon (((4.39211918190081274 52.20002697952744342, 4.39958958997841698 52.20126598016623376, 4.40716966475407013 52.20082381402295368, 4.40617065382585782 52.199043069051001, 4.40150957378872487 52.19996290947582196, 4.39379881375152515 52.19708501342243778, 4.39211918190081274 52.20002697952744342, 4.39211918190081274 52.20002697952744342)))</t>
  </si>
  <si>
    <t>MultiPolygon (((4.39059072666877359 52.20074367420563988, 4.39211918190081274 52.20002697952744342, 4.39379881375152515 52.19708501342243778, 4.39061654659490497 52.1946590438943403, 4.38555256849887254 52.19582377126058503, 4.39059072666877359 52.20074367420563988, 4.39059072666877359 52.20074367420563988)))</t>
  </si>
  <si>
    <t>MultiPolygon (((4.39221106230023661 52.20297618954521113, 4.3944177905071955 52.20211842886637044, 4.39706722679010742 52.20236027176168392, 4.39839488210608565 52.2041832598522646, 4.40265854914752808 52.20383527675988944, 4.4082500589167255 52.20209071255479216, 4.40716966475407013 52.20082381402295368, 4.39958958997841698 52.20126598016623376, 4.39211918190081274 52.20002697952744342, 4.39059072666877359 52.20074367420563988, 4.39221106230023661 52.20297618954521113, 4.39221106230023661 52.20297618954521113)))</t>
  </si>
  <si>
    <t>MultiPolygon (((4.39525925371995729 52.20630778129175553, 4.39830145416623441 52.20420668408340248, 4.39839488210608565 52.2041832598522646, 4.39706722679010742 52.20236027176168392, 4.3944177905071955 52.20211842886637044, 4.39221106230023661 52.20297618954521113, 4.39525925371995729 52.20630778129175553, 4.39525925371995729 52.20630778129175553)))</t>
  </si>
  <si>
    <t>MultiPolygon (((4.39830145416623441 52.20420668408340248, 4.40793602961037934 52.20594360398668243, 4.4082500589167255 52.20209071255479216, 4.40265854914752808 52.20383527675988944, 4.39839488210608565 52.2041832598522646, 4.39830145416623441 52.20420668408340248, 4.39830145416623441 52.20420668408340248)))</t>
  </si>
  <si>
    <t>MultiPolygon (((4.40061682335793236 52.21057418466501332, 4.40617158935693976 52.20774303782548742, 4.40930837838813705 52.20665944393145708, 4.40793602961037934 52.20594360398668243, 4.39830145416623441 52.20420668408340248, 4.39525925371995729 52.20630778129175553, 4.39823789800271392 52.20954631248564226, 4.40061682335793236 52.21057418466501332, 4.40061682335793236 52.21057418466501332)))</t>
  </si>
  <si>
    <t>MultiPolygon (((4.39764849322924345 52.21237560938450173, 4.40061682335793236 52.21057418466501332, 4.39823789800271392 52.20954631248564226, 4.39525925371995729 52.20630778129175553, 4.39221106230023661 52.20297618954521113, 4.39059072666877359 52.20074367420563988, 4.38555256849887254 52.19582377126058503, 4.38398376423058878 52.19635021815204112, 4.39596691340488022 52.21155806836861757, 4.39764849322924345 52.21237560938450173, 4.39764849322924345 52.21237560938450173)))</t>
  </si>
  <si>
    <t>MultiPolygon (((4.40966279506277292 52.19477582302317131, 4.41186724921387619 52.19417113127740038, 4.41283590728748631 52.19519044885484504, 4.41517939460058173 52.19563167490886713, 4.41933482701997793 52.19505340640310465, 4.42037830417930078 52.19072789932065604, 4.41817186598098566 52.18699989290416141, 4.416666454341029 52.18648692453270144, 4.41074188282832491 52.19053893269971667, 4.40875508040356046 52.19363848585262389, 4.40966279506277292 52.19477582302317131, 4.40966279506277292 52.19477582302317131)))</t>
  </si>
  <si>
    <t>MultiPolygon (((4.41495565698247994 52.19984310867247501, 4.41993071051096731 52.19798789274005202, 4.41933482701997793 52.19505340640310465, 4.41517939460058173 52.19563167490886713, 4.41283590728748631 52.19519044885484504, 4.41186724921387619 52.19417113127740038, 4.40966279506277292 52.19477582302317131, 4.41012907430430268 52.19509327995422865, 4.41495565698247994 52.19984310867247501, 4.41495565698247994 52.19984310867247501)))</t>
  </si>
  <si>
    <t>MultiPolygon (((4.41855171621746923 52.20371928788164695, 4.42390493777580307 52.2012939637907607, 4.41993071051096731 52.19798789274005202, 4.41495565698247994 52.19984310867247501, 4.41855171621746923 52.20371928788164695, 4.41855171621746923 52.20371928788164695)))</t>
  </si>
  <si>
    <t>MultiPolygon (((4.42037830417930078 52.19072789932065604, 4.42471142358091463 52.19079176495739603, 4.42862621637494946 52.1867321892661451, 4.43095825634663232 52.18446239279958121, 4.42503645876049667 52.18287016663234112, 4.4225852929989653 52.18299610835783398, 4.41817186598098566 52.18699989290416141, 4.42037830417930078 52.19072789932065604, 4.42037830417930078 52.19072789932065604)))</t>
  </si>
  <si>
    <t>MultiPolygon (((4.43017077150517569 52.19617462377010497, 4.43132961260242464 52.19296000485476839, 4.42957737112820027 52.19032594169476624, 4.42862621637494946 52.1867321892661451, 4.42471142358091463 52.19079176495739603, 4.42489580634276436 52.1935813579962371, 4.43017077150517569 52.19617462377010497, 4.43017077150517569 52.19617462377010497)))</t>
  </si>
  <si>
    <t>MultiPolygon (((4.41993071051096731 52.19798789274005202, 4.42390493777580307 52.2012939637907607, 4.42951415957287153 52.19719098336900487, 4.43017077150517569 52.19617462377010497, 4.42489580634276436 52.1935813579962371, 4.42471142358091463 52.19079176495739603, 4.42037830417930078 52.19072789932065604, 4.41933482701997793 52.19505340640310465, 4.41993071051096731 52.19798789274005202, 4.41993071051096731 52.19798789274005202)))</t>
  </si>
  <si>
    <t>MultiPolygon (((4.4398852266085056 52.20010349112753545, 4.43568063075598662 52.19810418085728543, 4.42733271835353648 52.2035016523932569, 4.43004219780160646 52.20519038883536211, 4.43741048264719051 52.20966702942041593, 4.43747815020715919 52.20951102850023773, 4.44018805587159715 52.207355583448809, 4.44225017556638146 52.20476879259869207, 4.44211830518682937 52.20243823467224331, 4.4398852266085056 52.20010349112753545)))</t>
  </si>
  <si>
    <t>MultiPolygon (((4.42390493777580307 52.2012939637907607, 4.42733271835353648 52.2035016523932569, 4.43568063075598662 52.19810418085728543, 4.43203149498242777 52.19695394863300919, 4.42951415957287153 52.19719098336900487, 4.42390493777580307 52.2012939637907607, 4.42390493777580307 52.2012939637907607)))</t>
  </si>
  <si>
    <t>MultiPolygon (((4.41493334483410926 52.2161074378382537, 4.41959144008955196 52.214312269104596, 4.42179164740772013 52.21480828941469809, 4.42232607966269153 52.21449254234841675, 4.4254061824581461 52.2110675491581091, 4.42207847232583084 52.20762041796339759, 4.41971557816256322 52.20814225702462608, 4.41752837136335064 52.20916649846328994, 4.41985550849648501 52.21192598080809688, 4.41873469615027403 52.21334295791105973, 4.41389107298814665 52.21514980899778635, 4.41493334483410926 52.2161074378382537, 4.41493334483410926 52.2161074378382537)))</t>
  </si>
  <si>
    <t>MultiPolygon (((4.42928589944799178 52.21241084097282936, 4.4254061824581461 52.2110675491581091, 4.42232607966269153 52.21449254234841675, 4.42329040278404673 52.21542804928932924, 4.42569636256390364 52.21628888708373495, 4.42928589944799178 52.21241084097282936, 4.42928589944799178 52.21241084097282936)))</t>
  </si>
  <si>
    <t>MultiPolygon (((4.42207847232583084 52.20762041796339759, 4.43004219780160646 52.20519038883536211, 4.42733271835353648 52.2035016523932569, 4.42390493777580307 52.2012939637907607, 4.41855171621746923 52.20371928788164695, 4.42207847232583084 52.20762041796339759, 4.42207847232583084 52.20762041796339759)))</t>
  </si>
  <si>
    <t>MultiPolygon (((4.40617158935693976 52.20774303782548742, 4.41011845740907305 52.21024891135790824, 4.41919241429409659 52.20755821339130875, 4.41971557816256322 52.20814225702462608, 4.42207847232583084 52.20762041796339759, 4.41855171621746923 52.20371928788164695, 4.40930837838813705 52.20665944393145708, 4.40617158935693976 52.20774303782548742, 4.40617158935693976 52.20774303782548742)))</t>
  </si>
  <si>
    <t>MultiPolygon (((4.43327732285669995 52.21350405755987367, 4.4354636229455453 52.21060290332928133, 4.43713763848586584 52.21119945172907251, 4.43741048264719051 52.20966702942041593, 4.43004219780160646 52.20519038883536211, 4.42207847232583084 52.20762041796339759, 4.4254061824581461 52.2110675491581091, 4.42928589944799178 52.21241084097282936, 4.43327732285669995 52.21350405755987367, 4.43327732285669995 52.21350405755987367)))</t>
  </si>
  <si>
    <t>MultiPolygon (((4.41011845740907305 52.21024891135790824, 4.41020379724383016 52.21145737837419887, 4.41389107298814665 52.21514980899778635, 4.41873469615027403 52.21334295791105973, 4.41985550849648501 52.21192598080809688, 4.41752837136335064 52.20916649846328994, 4.41971557816256322 52.20814225702462608, 4.41919241429409659 52.20755821339130875, 4.41011845740907305 52.21024891135790824, 4.41011845740907305 52.21024891135790824)))</t>
  </si>
  <si>
    <t>MultiPolygon (((4.58746901873945134 52.31676317220151162, 4.58768642286315309 52.3178809209992437, 4.59103366346380515 52.31778912039209928, 4.59630165891813558 52.3177629891114151, 4.59945600108740127 52.31710099375597878, 4.61167603933105141 52.31355991255956894, 4.61153310115902126 52.31224008986089302, 4.61027125087570777 52.31088493211230883, 4.60473783617887911 52.30627891545871933, 4.60233774509748894 52.30324940124418731, 4.59824392661378223 52.29773579971077879, 4.59118179652617719 52.30059968672543391, 4.59286138609018568 52.30212446180355812, 4.59324370793374648 52.30582232609224036, 4.59191926731079114 52.30617527181665594, 4.58686088029793471 52.30763925321735286, 4.58587628627501509 52.30776674990431729, 4.58097137901519513 52.30470010419937665, 4.57778768232374134 52.29949008550212142, 4.5672865376054812 52.30359083099681072, 4.55940132741524273 52.29643444573443389, 4.56288631253128596 52.29529927648130183, 4.56496252820967552 52.29557990183669602, 4.57255785879304355 52.29289467357155985, 4.57162902512183322 52.29182117942722385, 4.57404257916501766 52.29131692311113255, 4.57585026432882813 52.28894539787447115, 4.57156326400475788 52.28662469541421132, 4.57222797653016411 52.28107760240012425, 4.57293993923428221 52.28096953778310052, 4.57430433720914476 52.28243823512320887, 4.58018703227625235 52.27998008742952152, 4.58414394665455749 52.27791532524036455, 4.57712232047101697 52.2738025694330517, 4.57153230002349975 52.27761874004679044, 4.56951004325608068 52.27800902759214097, 4.56707624684164593 52.27621366995447971, 4.56995343582219604 52.27442257136029724, 4.56759689397562063 52.27350071510210938, 4.5675672304107815 52.27351727498275835, 4.55344612311466701 52.28203876546279361, 4.54847282555474308 52.28432835835285886, 4.54869249353082328 52.28467996865663281, 4.54255029995023563 52.28664415873910087, 4.54231907153796222 52.28737806893146001, 4.5451653906649998 52.29073282056501171, 4.55042932726488392 52.29594966344990326, 4.55445966525359136 52.2994117428643861, 4.55537615788144379 52.29914405633213192, 4.56370743246943 52.30929800806595154, 4.56907546901770534 52.31648303151934698, 4.57324055818887576 52.3153555199667224, 4.58343536635976179 52.31838236115340379, 4.58579252182964936 52.31819737241977464, 4.58609032755046808 52.3173151998732564, 4.58746901873945134 52.31676317220151162)))</t>
  </si>
  <si>
    <t>MultiPolygon (((4.57712232047101697 52.2738025694330517, 4.57274903462473681 52.27124001875646542, 4.56759689397562063 52.27350071510210938, 4.56995343582219604 52.27442257136029724, 4.56707624684164593 52.27621366995447971, 4.56951004325608068 52.27800902759214097, 4.57153230002349975 52.27761874004679044, 4.57712232047101697 52.2738025694330517, 4.57712232047101697 52.2738025694330517)))</t>
  </si>
  <si>
    <t>MultiPolygon (((4.56877513290919524 52.30194664700708529, 4.57093363952432252 52.30055112140301077, 4.57390250341647508 52.29996991349518964, 4.5693427108795337 52.2951374665884714, 4.56418971473390211 52.29657916235515813, 4.56429453003153895 52.29929355469143815, 4.5661336329378841 52.30191570747147978, 4.56719559078021309 52.30232573455013778, 4.56877513290919524 52.30194664700708529, 4.56877513290919524 52.30194664700708529)))</t>
  </si>
  <si>
    <t>MultiPolygon (((4.5856864110169262 52.30581652830421291, 4.58297367544182599 52.30155406183538247, 4.58030151676092245 52.29765410839548423, 4.58013913808715323 52.29742608612728105, 4.57918523700689128 52.29564987014107658, 4.57878049216093341 52.29495229095427788, 4.57591881204941586 52.29642785987460485, 4.57778768232374134 52.29949008550212142, 4.58097137901519513 52.30470010419937665, 4.58587628627501509 52.30776674990431729, 4.58686088029793471 52.30763925321735286, 4.5856864110169262 52.30581652830421291, 4.5856864110169262 52.30581652830421291)))</t>
  </si>
  <si>
    <t>MultiPolygon (((4.57778768232374134 52.29949008550212142, 4.57591881204941586 52.29642785987460485, 4.57878049216093341 52.29495229095427788, 4.57507443547462245 52.2911946171916, 4.57404257916501766 52.29131692311113255, 4.57162902512183322 52.29182117942722385, 4.57255785879304355 52.29289467357155985, 4.56496252820967552 52.29557990183669602, 4.56288631253128596 52.29529927648130183, 4.55940132741524273 52.29643444573443389, 4.5672865376054812 52.30359083099681072, 4.57778768232374134 52.29949008550212142, 4.57778768232374134 52.29949008550212142),(4.56877513290919524 52.30194664700708529, 4.56719559078021309 52.30232573455013778, 4.5661336329378841 52.30191570747147978, 4.56429453003153895 52.29929355469143815, 4.56418971473390211 52.29657916235515813, 4.5693427108795337 52.2951374665884714, 4.57390250341647508 52.29996991349518964, 4.57093363952432252 52.30055112140301077, 4.56877513290919524 52.30194664700708529, 4.56877513290919524 52.30194664700708529)))</t>
  </si>
  <si>
    <t>MultiPolygon (((4.58939497195197177 52.2902143187641002, 4.59373778177829362 52.28870085805284873, 4.59133699439938781 52.28595799414297574, 4.58702250196815253 52.28757571047002273, 4.58939497195197177 52.2902143187641002, 4.58939497195197177 52.2902143187641002)))</t>
  </si>
  <si>
    <t>MultiPolygon (((4.58488269409060933 52.27833736675791698, 4.58414394665455749 52.27791532524036455, 4.58018703227625235 52.27998008742952152, 4.58332339207104233 52.28325276813077238, 4.58887236138015098 52.28110794047887566, 4.58488269409060933 52.27833736675791698, 4.58488269409060933 52.27833736675791698)))</t>
  </si>
  <si>
    <t>MultiPolygon (((4.58702250196815253 52.28757571047002273, 4.59133699439938781 52.28595799414297574, 4.58953896580264598 52.28248552582449804, 4.58887236138015098 52.28110794047887566, 4.58332339207104233 52.28325276813077238, 4.58508476955528366 52.28562386381440774, 4.58702250196815253 52.28757571047002273, 4.58702250196815253 52.28757571047002273)))</t>
  </si>
  <si>
    <t>MultiPolygon (((4.57712841176770446 52.28517480671864348, 4.58332339207104233 52.28325276813077238, 4.58018703227625235 52.27998008742952152, 4.57430433720914476 52.28243823512320887, 4.57712841176770446 52.28517480671864348, 4.57712841176770446 52.28517480671864348)))</t>
  </si>
  <si>
    <t>MultiPolygon (((4.57897206040417615 52.28727772425380493, 4.58508476955528366 52.28562386381440774, 4.58332339207104233 52.28325276813077238, 4.57712841176770446 52.28517480671864348, 4.57897206040417615 52.28727772425380493, 4.57897206040417615 52.28727772425380493)))</t>
  </si>
  <si>
    <t>MultiPolygon (((4.57404257916501766 52.29131692311113255, 4.57507443547462245 52.2911946171916, 4.57710874856775352 52.28922516087971673, 4.57897206040417615 52.28727772425380493, 4.57712841176770446 52.28517480671864348, 4.57430433720914476 52.28243823512320887, 4.57293993923428221 52.28096953778310052, 4.57222797653016411 52.28107760240012425, 4.57156326400475788 52.28662469541421132, 4.57585026432882813 52.28894539787447115, 4.57404257916501766 52.29131692311113255, 4.57404257916501766 52.29131692311113255)))</t>
  </si>
  <si>
    <t>MultiPolygon (((4.59560159652425959 52.29080485013454194, 4.59373778177829362 52.28870085805284873, 4.58939497195197177 52.2902143187641002, 4.59124904462960881 52.29302413266017169, 4.59266556057422726 52.29538530802906138, 4.59647654223295188 52.29444572712779404, 4.59560159652425959 52.29080485013454194, 4.59560159652425959 52.29080485013454194)))</t>
  </si>
  <si>
    <t>MultiPolygon (((4.5908275629898796 52.3004391790258083, 4.59118179652617719 52.30059968672543391, 4.59824392661378223 52.29773579971077879, 4.59647654223295188 52.29444572712779404, 4.59266556057422726 52.29538530802906138, 4.5942222257861598 52.29747281902186984, 4.59384606782634997 52.29884268258161484, 4.5908275629898796 52.3004391790258083, 4.5908275629898796 52.3004391790258083)))</t>
  </si>
  <si>
    <t>MultiPolygon (((4.588420224889453 52.29934832894117136, 4.5908275629898796 52.3004391790258083, 4.59384606782634997 52.29884268258161484, 4.5942222257861598 52.29747281902186984, 4.59266556057422726 52.29538530802906138, 4.58753296757145002 52.29661029639449055, 4.588420224889453 52.29934832894117136, 4.588420224889453 52.29934832894117136)))</t>
  </si>
  <si>
    <t>MultiPolygon (((4.58297367544182599 52.30155406183538247, 4.588420224889453 52.29934832894117136, 4.58753296757145002 52.29661029639449055, 4.58030151676092245 52.29765410839548423, 4.58297367544182599 52.30155406183538247, 4.58297367544182599 52.30155406183538247)))</t>
  </si>
  <si>
    <t>MultiPolygon (((4.5856864110169262 52.30581652830421291, 4.58695332200393846 52.30471228306981857, 4.59010220833818572 52.30395509494574924, 4.59066860269023458 52.30614882384995923, 4.59191926731079114 52.30617527181665594, 4.59324370793374648 52.30582232609224036, 4.59286138609018568 52.30212446180355812, 4.59118179652617719 52.30059968672543391, 4.5908275629898796 52.3004391790258083, 4.588420224889453 52.29934832894117136, 4.58297367544182599 52.30155406183538247, 4.5856864110169262 52.30581652830421291, 4.5856864110169262 52.30581652830421291)))</t>
  </si>
  <si>
    <t>MultiPolygon (((4.58686088029793471 52.30763925321735286, 4.59191926731079114 52.30617527181665594, 4.59066860269023458 52.30614882384995923, 4.59010220833818572 52.30395509494574924, 4.58695332200393846 52.30471228306981857, 4.5856864110169262 52.30581652830421291, 4.58686088029793471 52.30763925321735286, 4.58686088029793471 52.30763925321735286)))</t>
  </si>
  <si>
    <t>MultiPolygon (((4.57710874856775352 52.28922516087971673, 4.57857774113713223 52.29064425808947902, 4.58211556355221106 52.28940016569334404, 4.58702250196815253 52.28757571047002273, 4.58508476955528366 52.28562386381440774, 4.57897206040417615 52.28727772425380493, 4.57710874856775352 52.28922516087971673, 4.57710874856775352 52.28922516087971673)))</t>
  </si>
  <si>
    <t>MultiPolygon (((4.58436897941092525 52.29191453991968785, 4.58939497195197177 52.2902143187641002, 4.58702250196815253 52.28757571047002273, 4.58211556355221106 52.28940016569334404, 4.58436897941092525 52.29191453991968785, 4.58436897941092525 52.29191453991968785)))</t>
  </si>
  <si>
    <t>MultiPolygon (((4.58013913808715323 52.29742608612728105, 4.58030151676092245 52.29765410839548423, 4.58753296757145002 52.29661029639449055, 4.59266556057422726 52.29538530802906138, 4.59124904462960881 52.29302413266017169, 4.58641213980045492 52.29439468252670054, 4.58013913808715323 52.29742608612728105, 4.58013913808715323 52.29742608612728105)))</t>
  </si>
  <si>
    <t>MultiPolygon (((4.57918523700689128 52.29564987014107658, 4.58013913808715323 52.29742608612728105, 4.58641213980045492 52.29439468252670054, 4.59124904462960881 52.29302413266017169, 4.58939497195197177 52.2902143187641002, 4.58436897941092525 52.29191453991968785, 4.57918523700689128 52.29564987014107658, 4.57918523700689128 52.29564987014107658)))</t>
  </si>
  <si>
    <t>MultiPolygon (((4.57878049216093341 52.29495229095427788, 4.57918523700689128 52.29564987014107658, 4.58436897941092525 52.29191453991968785, 4.58211556355221106 52.28940016569334404, 4.57857774113713223 52.29064425808947902, 4.57710874856775352 52.28922516087971673, 4.57507443547462245 52.2911946171916, 4.57878049216093341 52.29495229095427788, 4.57878049216093341 52.29495229095427788)))</t>
  </si>
  <si>
    <t>MultiPolygon (((4.67241314486672454 51.83588280762405986, 4.66920851524057046 51.82959866281144912, 4.67043883667621973 51.82358911887698838, 4.66969232265072698 51.82417070038159324, 4.66629750186094228 51.82680368580863473, 4.66188576145207279 51.83160788547053954, 4.65993647930012411 51.83106898221655712, 4.65891004504843664 51.84036807382264556, 4.65666893889867151 51.84303098410101285, 4.66101689004557951 51.84426808235456008, 4.66075503610756314 51.84680703901467069, 4.66336753021166395 51.84753234702282754, 4.67017300512585276 51.84214926236848697, 4.67260618784614046 51.83865032875190337, 4.67241314486672454 51.83588280762405986, 4.67241314486672454 51.83588280762405986)))</t>
  </si>
  <si>
    <t>MultiPolygon (((4.66101689004557951 51.84426808235456008, 4.65666893889867151 51.84303098410101285, 4.65417136627198058 51.84492689767150608, 4.65130529078519483 51.84660704359456673, 4.64947158634630053 51.84977310122351213, 4.64951048212181295 51.85106259244048488, 4.64855122181222402 51.85186432180702809, 4.64249260218577842 51.85390741347262633, 4.64729402899796984 51.85721620700603296, 4.64376300995055669 51.85930360458965538, 4.6400274262779444 51.86252387298434741, 4.63544912860648761 51.86911757041846727, 4.63526095854366904 51.86971115520300657, 4.64568462938474802 51.86424256370561636, 4.64783137183664419 51.86267262438555292, 4.65310785763172419 51.85769615885804029, 4.65820022572420456 51.8516303560475933, 4.66336753021166395 51.84753234702282754, 4.66075503610756314 51.84680703901467069, 4.66101689004557951 51.84426808235456008, 4.66101689004557951 51.84426808235456008)))</t>
  </si>
  <si>
    <t>MultiPolygon (((4.62875784143418212 51.85434613184290953, 4.6254926548648907 51.85015376717839075, 4.62775028456346149 51.84956214557039544, 4.62243285405296689 51.84282930058068217, 4.62106912147845428 51.84271965069818577, 4.61907061854701784 51.83882377319446277, 4.61425799912634016 51.83356328761676934, 4.60015490350694023 51.83873007840784197, 4.60491284470471918 51.84838451661174474, 4.60699556700239565 51.84852482929973405, 4.60828829548606933 51.84941401444794451, 4.61250077592336094 51.85058750049522303, 4.61871526528270504 51.85123791404178206, 4.6234224164749449 51.85373071423627778, 4.62604270170715992 51.85451287984672319, 4.62875784143418212 51.85434613184290953)))</t>
  </si>
  <si>
    <t>MultiPolygon (((4.65891004504843664 51.84036807382264556, 4.65993647930012411 51.83106898221655712, 4.65989163137147866 51.83105800604226232, 4.65344009276652759 51.82945042177992434, 4.64353234986405639 51.83966194125883931, 4.64465944058977431 51.84063829464937356, 4.64534872622880179 51.84010450793321922, 4.65417136627198058 51.84492689767150608, 4.65666893889867151 51.84303098410101285, 4.65891004504843664 51.84036807382264556, 4.65891004504843664 51.84036807382264556)))</t>
  </si>
  <si>
    <t>MultiPolygon (((4.64638812574589011 51.82775787446371396, 4.64400388486059867 51.82752869031909171, 4.6428782629169314 51.82650186094267042, 4.63985341358475534 51.82634832503851641, 4.63726711120252411 51.82539425579355452, 4.63271523834688637 51.8269415464441181, 4.63450960239496013 51.82819375768973913, 4.6370033369248862 51.83266271855313789, 4.63806189638636468 51.83606628738570521, 4.63990677947782704 51.83725047842802525, 4.64353234986405639 51.83966194125883931, 4.65344009276652759 51.82945042177992434, 4.64638812574589011 51.82775787446371396, 4.64638812574589011 51.82775787446371396)))</t>
  </si>
  <si>
    <t>MultiPolygon (((4.61907061854701784 51.83882377319446277, 4.62414073282277105 51.83678090528785987, 4.63390037771549945 51.83299927180769373, 4.6370033369248862 51.83266271855313789, 4.63450960239496013 51.82819375768973913, 4.63271523834688637 51.8269415464441181, 4.62236697956273623 51.83065085620280854, 4.61425799912634016 51.83356328761676934, 4.61907061854701784 51.83882377319446277, 4.61907061854701784 51.83882377319446277)))</t>
  </si>
  <si>
    <t>MultiPolygon (((4.62243285405296689 51.84282930058068217, 4.62894213597018389 51.84095569024423611, 4.62669878711008042 51.83899898227527103, 4.62414073282277105 51.83678090528785987, 4.61907061854701784 51.83882377319446277, 4.62106912147845428 51.84271965069818577, 4.62243285405296689 51.84282930058068217, 4.62243285405296689 51.84282930058068217)))</t>
  </si>
  <si>
    <t>MultiPolygon (((4.62669878711008042 51.83899898227527103, 4.63277764708143813 51.83727824612044799, 4.63717770138414576 51.83799395332323456, 4.63990677947782704 51.83725047842802525, 4.63806189638636468 51.83606628738570521, 4.6370033369248862 51.83266271855313789, 4.63390037771549945 51.83299927180769373, 4.62414073282277105 51.83678090528785987, 4.62669878711008042 51.83899898227527103, 4.62669878711008042 51.83899898227527103)))</t>
  </si>
  <si>
    <t>MultiPolygon (((4.64101611081538135 51.84288664581028883, 4.64465944058977431 51.84063829464937356, 4.64353234986405639 51.83966194125883931, 4.63990677947782704 51.83725047842802525, 4.63717770138414576 51.83799395332323456, 4.63277764708143813 51.83727824612044799, 4.62669878711008042 51.83899898227527103, 4.62894213597018389 51.84095569024423611, 4.63375757088723361 51.8394517521513265, 4.63712413633517251 51.84017197700595858, 4.64101611081538135 51.84288664581028883, 4.64101611081538135 51.84288664581028883)))</t>
  </si>
  <si>
    <t>MultiPolygon (((4.64947158634630053 51.84977310122351213, 4.65130529078519483 51.84660704359456673, 4.65417136627198058 51.84492689767150608, 4.64534872622880179 51.84010450793321922, 4.64465944058977431 51.84063829464937356, 4.64101611081538135 51.84288664581028883, 4.64011109282271939 51.84355127333478208, 4.64947158634630053 51.84977310122351213, 4.64947158634630053 51.84977310122351213)))</t>
  </si>
  <si>
    <t>MultiPolygon (((4.64947158634630053 51.84977310122351213, 4.64011109282271939 51.84355127333478208, 4.63743653938150757 51.84540206672852491, 4.63597370338248371 51.84901451810167572, 4.636515977288588 51.84966242411152848, 4.64249260218577842 51.85390741347262633, 4.64855122181222402 51.85186432180702809, 4.64951048212181295 51.85106259244048488, 4.64947158634630053 51.84977310122351213, 4.64947158634630053 51.84977310122351213)))</t>
  </si>
  <si>
    <t>MultiPolygon (((4.63712413633517251 51.84017197700595858, 4.63375757088723361 51.8394517521513265, 4.62894213597018389 51.84095569024423611, 4.62243285405296689 51.84282930058068217, 4.62775028456346149 51.84956214557039544, 4.6254926548648907 51.85015376717839075, 4.62875784143418212 51.85434613184290953, 4.63344073517159583 51.85027551607127094, 4.636515977288588 51.84966242411152848, 4.63597370338248371 51.84901451810167572, 4.63743653938150757 51.84540206672852491, 4.64011109282271939 51.84355127333478208, 4.64101611081538135 51.84288664581028883, 4.63712413633517251 51.84017197700595858, 4.63712413633517251 51.84017197700595858)))</t>
  </si>
  <si>
    <t>MultiPolygon (((4.19273488002206562 51.84342951126221521, 4.19347375202452266 51.84294648580316078, 4.18948383418055936 51.83257020645415736, 4.18812232331839951 51.8313065292375299, 4.18705370492247386 51.83017760812701624, 4.18520625502043675 51.82931642872444655, 4.17528330670146541 51.82438283088231401, 4.17479067914606006 51.82469797287394186, 4.16513892423959131 51.82223730169127407, 4.162082919212299 51.82025385620222124, 4.16031584079039263 51.8205391572309253, 4.15925191462179455 51.82142792938566345, 4.16000474502402806 51.82362873928747149, 4.16512187679718338 51.82612389189548452, 4.16609550394546968 51.82557698780788513, 4.16818981273322908 51.82611564162351669, 4.18526647876033842 51.83500132759574086, 4.18703978493278761 51.83898101162127858, 4.19020478111092043 51.84207918147559013, 4.19273488002206562 51.84342951126221521, 4.19273488002206562 51.84342951126221521)))</t>
  </si>
  <si>
    <t>MultiPolygon (((4.19852814358023441 51.84339293912794489, 4.19824452515151769 51.83969470709189409, 4.19570924082597774 51.83968320303809918, 4.19560947633008396 51.83918670670175999, 4.19554488582265162 51.83672445331285417, 4.19714231452820563 51.83490767590704706, 4.20727583564196905 51.83558016514991351, 4.20879821398284903 51.83512065127288793, 4.22025472085144582 51.82821287341968741, 4.2206015027311885 51.82720243380431668, 4.22221494369902217 51.82653744220709058, 4.22196959097163127 51.82501853537011272, 4.22011020770547596 51.82616352607140442, 4.21911034504730242 51.82572281789586555, 4.21777398634595801 51.82611339237406867, 4.21970815324182347 51.82455959107690546, 4.21298051779551663 51.8205815045777598, 4.21350470345522954 51.8161715339386646, 4.21235160036165901 51.8140254229591477, 4.20184031634242494 51.81120011353893773, 4.19747816053609757 51.80859592597025198, 4.19568041664507252 51.80897994982160526, 4.19662041723388235 51.808194396498358, 4.19457640633524864 51.80708342465563021, 4.19424257720818616 51.80430484961257775, 4.18530943521063836 51.80427554146204727, 4.18194799080371027 51.80494277398001657, 4.17386383046823362 51.81086826106719911, 4.16646610609015866 51.81753745108026266, 4.16284637299671267 51.81942434281292975, 4.15988305435569483 51.82001315785799989, 4.15891766255741757 51.82114311619348967, 4.15925191462179455 51.82142792938566345, 4.16031584079039263 51.8205391572309253, 4.162082919212299 51.82025385620222124, 4.16513892423959131 51.82223730169127407, 4.17479067914606006 51.82469797287394186, 4.17528330670146541 51.82438283088231401, 4.18520625502043675 51.82931642872444655, 4.19170989383644699 51.82428335258843788, 4.19551257154243817 51.82647604147186371, 4.19731301616812846 51.82541174851059651, 4.19917415595179122 51.8266408419625364, 4.19454475258341386 51.82933732637527413, 4.18812232331839951 51.8313065292375299, 4.18948383418055936 51.83257020645415736, 4.19347375202452266 51.84294648580316078, 4.19852814358023441 51.84339293912794489)))</t>
  </si>
  <si>
    <t>MultiPolygon (((4.18520625502043675 51.82931642872444655, 4.18705370492247386 51.83017760812701624, 4.18812232331839951 51.8313065292375299, 4.19454475258341386 51.82933732637527413, 4.19917415595179122 51.8266408419625364, 4.19731301616812846 51.82541174851059651, 4.19551257154243817 51.82647604147186371, 4.19170989383644699 51.82428335258843788, 4.18520625502043675 51.82931642872444655, 4.18520625502043675 51.82931642872444655)))</t>
  </si>
  <si>
    <t>MultiPolygon (((4.11930792520343214 51.82868706547198201, 4.12501740983540444 51.82685338552750665, 4.12600135900343368 51.8252832825045715, 4.12478587241265959 51.82231529753909882, 4.12664566229455509 51.82089192858377658, 4.12808922243238907 51.82084462116063861, 4.12792947502540741 51.81959750613476245, 4.1245866843044201 51.82059592357319389, 4.12451291049982238 51.82154459433761673, 4.12298839369762327 51.82169243281411042, 4.12253811753832267 51.82081603275958059, 4.1213262826086714 51.82048551696212968, 4.12356892068876224 51.8256761773849135, 4.1197091794012195 51.8265288232167407, 4.11795351713268953 51.82261222312126137, 4.11957094343425911 51.82156043757738928, 4.11924225268898159 51.82064884920658443, 4.1165068426117255 51.8219332284274401, 4.11743639945573836 51.82522413272934614, 4.11930792520343214 51.82868706547198201, 4.11930792520343214 51.82868706547198201)))</t>
  </si>
  <si>
    <t>MultiPolygon (((4.15527885619121395 51.88160343470411817, 4.15825336476323315 51.87821411783912851, 4.1535948669891809 51.87607096000935059, 4.15374933593539986 51.87488003003522863, 4.16008506726356941 51.86718761660784338, 4.16503889049399501 51.86779679631709428, 4.1669065569055963 51.86696466379741111, 4.18580192742175594 51.86260816451137856, 4.17776532085643471 51.85786371966877084, 4.17562905186393785 51.85548625810714185, 4.18270429916617115 51.85305529772458755, 4.18289116740205458 51.85009572755308938, 4.18527252756667068 51.84970761786473048, 4.19141676942089259 51.84893625505481651, 4.19417852826438953 51.8500393677539293, 4.19654035166786876 51.85028735462623928, 4.19810332462084457 51.84997365264981539, 4.19817370528920719 51.8494300732797484, 4.19760995586885244 51.84700168975754764, 4.19639491671152243 51.84647806723783958, 4.19472663840038162 51.84421734499827039, 4.19273488002206562 51.84342951126221521, 4.19020478111092043 51.84207918147559013, 4.18703978493278761 51.83898101162127858, 4.18526647876033842 51.83500132759574086, 4.16818981273322908 51.82611564162351669, 4.16609550394546968 51.82557698780788513, 4.16512187679718338 51.82612389189548452, 4.16488289145675061 51.82690223341750624, 4.16688173611739821 51.82902257287865666, 4.17225860994771569 51.83312272134558185, 4.16895034827388855 51.83476564900687578, 4.17327658809758262 51.83807989436934349, 4.17877978933464167 51.83814396015350923, 4.1812385817412876 51.83696505312034475, 4.18314867168427451 51.83902581560140277, 4.18498800485404487 51.84594971016334597, 4.18603168521431179 51.84699757682174948, 4.18367070394419649 51.84844144196240023, 4.1730072310100681 51.84295932986808708, 4.16919028281216431 51.84215956958078664, 4.16825457320469006 51.8425617238727412, 4.16622719608249614 51.84627301119351728, 4.16107019782668264 51.8544475658004842, 4.15344395503822561 51.85305409116044473, 4.15071563210127259 51.85237133608037396, 4.14709358646767612 51.85667586819136687, 4.15415200982598698 51.8595273184849006, 4.15326074055139394 51.86023851334012136, 4.14871233524846694 51.85869341614721151, 4.14825896707821951 51.8575797220136252, 4.14135043459950314 51.8556723299781126, 4.13818919708867838 51.85229017028588316, 4.139163474690017 51.84909267968073721, 4.13966574094523576 51.84637253977608395, 4.13179857665446271 51.84583030911552726, 4.13218768004120207 51.84727311147587159, 4.12838465234614649 51.84853251127289298, 4.12325841601580567 51.84479842618235779, 4.12499644210285421 51.84112943592505474, 4.12415307112436924 51.83963026111763384, 4.12168438977239493 51.84008144751057046, 4.11825857782629878 51.83827929741228502, 4.11835225104626179 51.83747298151849492, 4.12116641238411585 51.837561844472134, 4.12167821316508221 51.83666574686368023, 4.12101550608183054 51.83573459130118977, 4.11418989579361316 51.83524428569255349, 4.11396247933580561 51.83326827006486326, 4.10097985955753686 51.83250269671060551, 4.09574296817111172 51.8344916391668491, 4.09394740196342433 51.83689040174942164, 4.09555137975820127 51.84379157468230659, 4.10148822437100691 51.84362419789686527, 4.111673488236959 51.85252571176474845, 4.11111750849765833 51.85467637736363145, 4.11019517323957118 51.85498576898622503, 4.10204326925400498 51.85311834092146199, 4.07903956632239773 51.84574903432043413, 4.06642513786040372 51.84270613721464116, 4.06079860335307519 51.84057572743024878, 4.05414604982728122 51.83619979678530854, 4.0533476969966804 51.8369254273515736, 4.0563190472736963 51.83915162034507773, 4.06090737739790786 51.8417063812030392, 4.06667522038060003 51.84372683219838507, 4.06752417180960801 51.84543115510551559, 4.08274129685136256 51.8472515258776312, 4.08422836927949895 51.85037374785523667, 4.08869808117945066 51.85263176802109086, 4.09807493425493252 51.85314789258606538, 4.11724454249681671 51.85795837058994806, 4.1166407253666577 51.85921407605913913, 4.12060186264648287 51.86080264018748665, 4.11901156219199027 51.86499913041471643, 4.11932443051232777 51.86620644088890231, 4.12117018404638902 51.86758139579537641, 4.12742810275084615 51.87012972799890065, 4.13077294194005606 51.87629782665792533, 4.13259651861365818 51.87723099869672438, 4.13672505123984724 51.87785734938746884, 4.13707472158412948 51.87938078957594712, 4.13782509841518209 51.87924550190593465, 4.14029078508555148 51.87871795217226634, 4.14287551064351067 51.87964160645826439, 4.14478097487478614 51.87952385633469987, 4.15527885619121395 51.88160343470411817, 4.15527885619121395 51.88160343470411817)))</t>
  </si>
  <si>
    <t>MultiPolygon (((4.10148822437100691 51.84362419789686527, 4.09555137975820127 51.84379157468230659, 4.09394740196342433 51.83689040174942164, 4.09574296817111172 51.8344916391668491, 4.10097985955753686 51.83250269671060551, 4.11396247933580561 51.83326827006486326, 4.11764545583491426 51.83352897108090929, 4.12003761783307887 51.83285744153278074, 4.11930792520343214 51.82868706547198201, 4.11743639945573836 51.82522413272934614, 4.1151792971244463 51.82692377901840786, 4.11238185834952574 51.82745840288092865, 4.10644687920700147 51.82761722788789172, 4.10252733556475313 51.82658131374502375, 4.0943545582570664 51.82885620035484209, 4.07389309720197268 51.84256258362143654, 4.07174309279282554 51.84251217055322769, 4.05765062983679847 51.83745048593419114, 4.05542880819695917 51.83590852163344209, 4.05467646141614857 51.83627417151669903, 4.04879123976958866 51.83188009738242386, 4.04859644230182436 51.83205525026512817, 4.05414604982728122 51.83619979678530854, 4.06079860335307519 51.84057572743024878, 4.06642513786040372 51.84270613721464116, 4.07903956632239773 51.84574903432043413, 4.10204326925400498 51.85311834092146199, 4.11019517323957118 51.85498576898622503, 4.11111750849765833 51.85467637736363145, 4.111673488236959 51.85252571176474845, 4.10148822437100691 51.84362419789686527, 4.10148822437100691 51.84362419789686527)))</t>
  </si>
  <si>
    <t>MultiPolygon (((4.16825457320469006 51.8425617238727412, 4.16919028281216431 51.84215956958078664, 4.1730072310100681 51.84295932986808708, 4.18367070394419649 51.84844144196240023, 4.18603168521431179 51.84699757682174948, 4.18498800485404487 51.84594971016334597, 4.18314867168427451 51.83902581560140277, 4.1812385817412876 51.83696505312034475, 4.17877978933464167 51.83814396015350923, 4.17327658809758262 51.83807989436934349, 4.16895034827388855 51.83476564900687578, 4.16459242836119792 51.8376116222591321, 4.16492832531600854 51.83935227030027448, 4.1631400024330647 51.84038897211573271, 4.16825457320469006 51.8425617238727412, 4.16825457320469006 51.8425617238727412)))</t>
  </si>
  <si>
    <t>MultiPolygon (((4.14454453028025505 51.83238029543763048, 4.14857393030005728 51.83409069714628004, 4.15090360381753332 51.83203573885933935, 4.1455483877097441 51.82941027560183755, 4.1400528761855524 51.82898756326331835, 4.13906583500253067 51.83001078717751398, 4.14454453028025505 51.83238029543763048, 4.14454453028025505 51.83238029543763048)))</t>
  </si>
  <si>
    <t>MultiPolygon (((4.14134283787301616 51.83492024846476198, 4.1435484620128209 51.83502909860816743, 4.14846238715587923 51.83440537627848954, 4.14873881137124556 51.83416218734986813, 4.14857393030005728 51.83409069714628004, 4.14454453028025505 51.83238029543763048, 4.14134283787301616 51.83492024846476198, 4.14134283787301616 51.83492024846476198)))</t>
  </si>
  <si>
    <t>MultiPolygon (((4.15344395503822561 51.85305409116044473, 4.16107019782668264 51.8544475658004842, 4.16622719608249614 51.84627301119351728, 4.15893419348821425 51.84435322679971847, 4.155834164571381 51.84906436634916815, 4.15344395503822561 51.85305409116044473, 4.15344395503822561 51.85305409116044473)))</t>
  </si>
  <si>
    <t>MultiPolygon (((4.15893419348821425 51.84435322679971847, 4.16622719608249614 51.84627301119351728, 4.16825457320469006 51.8425617238727412, 4.1631400024330647 51.84038897211573271, 4.16179930565301603 51.83981741071723093, 4.15898532181151825 51.84426732583190045, 4.15893419348821425 51.84435322679971847, 4.15893419348821425 51.84435322679971847)))</t>
  </si>
  <si>
    <t>MultiPolygon (((4.14837096667392569 51.84606027871922151, 4.155834164571381 51.84906436634916815, 4.15893419348821425 51.84435322679971847, 4.15898532181151825 51.84426732583190045, 4.15326642740914931 51.84189627599521799, 4.15141115743252431 51.84118747929143467, 4.14837096667392569 51.84606027871922151, 4.14837096667392569 51.84606027871922151)))</t>
  </si>
  <si>
    <t>MultiPolygon (((4.14121782421051865 51.84325716771901682, 4.14837096667392569 51.84606027871922151, 4.15141115743252431 51.84118747929143467, 4.14518539352458149 51.83898401425474134, 4.14455938279531555 51.8394523439970385, 4.14121782421051865 51.84325716771901682, 4.14121782421051865 51.84325716771901682)))</t>
  </si>
  <si>
    <t>MultiPolygon (((4.15326642740914931 51.84189627599521799, 4.15898532181151825 51.84426732583190045, 4.16179930565301603 51.83981741071723093, 4.15661679367911319 51.83756592840682487, 4.15326642740914931 51.84189627599521799, 4.15326642740914931 51.84189627599521799)))</t>
  </si>
  <si>
    <t>MultiPolygon (((4.15141115743252431 51.84118747929143467, 4.15326642740914931 51.84189627599521799, 4.15661679367911319 51.83756592840682487, 4.14873881137124556 51.83416218734986813, 4.14846238715587923 51.83440537627848954, 4.15019387434414622 51.83516335494358174, 4.14959629126397012 51.83567185994085236, 4.14863416032666876 51.83539787662333254, 4.1462882967831165 51.83775757853000954, 4.14518539352458149 51.83898401425474134, 4.15141115743252431 51.84118747929143467, 4.15141115743252431 51.84118747929143467)))</t>
  </si>
  <si>
    <t>MultiPolygon (((4.1435484620128209 51.83502909860816743, 4.1462882967831165 51.83775757853000954, 4.14863416032666876 51.83539787662333254, 4.14959629126397012 51.83567185994085236, 4.15019387434414622 51.83516335494358174, 4.14846238715587923 51.83440537627848954, 4.1435484620128209 51.83502909860816743, 4.1435484620128209 51.83502909860816743)))</t>
  </si>
  <si>
    <t>MultiPolygon (((4.15389008922728653 51.83019204764870835, 4.15332289342884753 51.82988002261996741, 4.15161591454903967 51.83184981095121913, 4.15389008922728653 51.83019204764870835, 4.15389008922728653 51.83019204764870835)),((4.15503053034745662 51.83564446162638006, 4.15548721514294428 51.83480527382290859, 4.15104158016470315 51.83289768920278817, 4.15115235321226983 51.83203776732162282, 4.15090360381753332 51.83203573885933935, 4.14857393030005728 51.83409069714628004, 4.14873881137124556 51.83416218734986813, 4.15661679367911319 51.83756592840682487, 4.15676167148747933 51.83707040974687175, 4.15503053034745662 51.83564446162638006, 4.15503053034745662 51.83564446162638006)))</t>
  </si>
  <si>
    <t>MultiPolygon (((4.16179930565301603 51.83981741071723093, 4.1631400024330647 51.84038897211573271, 4.16492832531600854 51.83935227030027448, 4.16459242836119792 51.8376116222591321, 4.16895034827388855 51.83476564900687578, 4.17225860994771569 51.83312272134558185, 4.16688173611739821 51.82902257287865666, 4.16420996130692522 51.831604270128949, 4.16063163153627436 51.83170200894200974, 4.1594528231866601 51.83253407082557374, 4.15972451851686298 51.83352852092961882, 4.16279566216727126 51.83341239638775022, 4.16299109561309599 51.8359926915083804, 4.15993615024299057 51.8357772647159436, 4.15676167148747933 51.83707040974687175, 4.15661679367911319 51.83756592840682487, 4.16179930565301603 51.83981741071723093, 4.16179930565301603 51.83981741071723093)))</t>
  </si>
  <si>
    <t>MultiPolygon (((4.15676167148747933 51.83707040974687175, 4.15993615024299057 51.8357772647159436, 4.16299109561309599 51.8359926915083804, 4.16279566216727126 51.83341239638775022, 4.15972451851686298 51.83352852092961882, 4.1594528231866601 51.83253407082557374, 4.15669519661539333 51.83199441050004452, 4.15700394419837593 51.83075056379476564, 4.15389008922728653 51.83019204764870835, 4.15161591454903967 51.83184981095121913, 4.15115235321226983 51.83203776732162282, 4.15104158016470315 51.83289768920278817, 4.15548721514294428 51.83480527382290859, 4.15503053034745662 51.83564446162638006, 4.15676167148747933 51.83707040974687175, 4.15676167148747933 51.83707040974687175)))</t>
  </si>
  <si>
    <t>MultiPolygon (((4.15389008922728653 51.83019204764870835, 4.15700394419837593 51.83075056379476564, 4.15669519661539333 51.83199441050004452, 4.1594528231866601 51.83253407082557374, 4.16063163153627436 51.83170200894200974, 4.16420996130692522 51.831604270128949, 4.16688173611739821 51.82902257287865666, 4.16488289145675061 51.82690223341750624, 4.16512187679718338 51.82612389189548452, 4.16000474502402806 51.82362873928747149, 4.15602350535718124 51.82706937860302077, 4.15332289342884753 51.82988002261996741, 4.15389008922728653 51.83019204764870835, 4.15389008922728653 51.83019204764870835)))</t>
  </si>
  <si>
    <t>MultiPolygon (((4.15090360381753332 51.83203573885933935, 4.15115235321226983 51.83203776732162282, 4.15161591454903967 51.83184981095121913, 4.15332289342884753 51.82988002261996741, 4.15602350535718124 51.82706937860302077, 4.14776047837466866 51.82595663567600042, 4.1455483877097441 51.82941027560183755, 4.15090360381753332 51.83203573885933935, 4.15090360381753332 51.83203573885933935)))</t>
  </si>
  <si>
    <t>MultiPolygon (((4.14776047837466866 51.82595663567600042, 4.15602350535718124 51.82706937860302077, 4.16000474502402806 51.82362873928747149, 4.15925191462179455 51.82142792938566345, 4.15891766255741757 51.82114311619348967, 4.1585966952760538 51.82182601460107207, 4.15628126043993706 51.82250699836196617, 4.14746873634324942 51.82155328574040709, 4.14304250311084754 51.82285080768111385, 4.14776047837466866 51.82595663567600042, 4.14776047837466866 51.82595663567600042)))</t>
  </si>
  <si>
    <t>MultiPolygon (((4.1400528761855524 51.82898756326331835, 4.1455483877097441 51.82941027560183755, 4.14776047837466866 51.82595663567600042, 4.14304250311084754 51.82285080768111385, 4.13998727417067602 51.82259315332179028, 4.13821863768737686 51.82463388558225148, 4.1400528761855524 51.82898756326331835, 4.1400528761855524 51.82898756326331835)))</t>
  </si>
  <si>
    <t>MultiPolygon (((4.13906583500253067 51.83001078717751398, 4.1400528761855524 51.82898756326331835, 4.13821863768737686 51.82463388558225148, 4.13998727417067602 51.82259315332179028, 4.138683983590143 51.82149087592613768, 4.13871480702726924 51.81995183778915504, 4.13711028408317993 51.81966147049281091, 4.13627896219310465 51.82062609713459267, 4.13190691192981063 51.81965453670813559, 4.13691056251432787 51.82185566141448163, 4.13610495426381597 51.82231156870835775, 4.13405480347853516 51.82097916492043765, 4.13338266120307551 51.82111221361046205, 4.13324893385294434 51.82215974938842606, 4.13733131203755899 51.82869238444134652, 4.13906583500253067 51.83001078717751398, 4.13906583500253067 51.83001078717751398)))</t>
  </si>
  <si>
    <t>MultiPolygon (((4.15071563210127259 51.85237133608037396, 4.15344395503822561 51.85305409116044473, 4.155834164571381 51.84906436634916815, 4.14837096667392569 51.84606027871922151, 4.14121782421051865 51.84325716771901682, 4.14022305409886027 51.84483265996406942, 4.13965729755333367 51.8462204237887363, 4.13966574094523576 51.84637253977608395, 4.139163474690017 51.84909267968073721, 4.14397153587727818 51.85246756607723029, 4.14584386855864029 51.85023800050904441, 4.15071563210127259 51.85237133608037396, 4.15071563210127259 51.85237133608037396)))</t>
  </si>
  <si>
    <t>MultiPolygon (((4.139163474690017 51.84909267968073721, 4.13818919708867838 51.85229017028588316, 4.14135043459950314 51.8556723299781126, 4.14825896707821951 51.8575797220136252, 4.14871233524846694 51.85869341614721151, 4.15326074055139394 51.86023851334012136, 4.15415200982598698 51.8595273184849006, 4.14709358646767612 51.85667586819136687, 4.15071563210127259 51.85237133608037396, 4.14584386855864029 51.85023800050904441, 4.14397153587727818 51.85246756607723029, 4.139163474690017 51.84909267968073721, 4.139163474690017 51.84909267968073721)))</t>
  </si>
  <si>
    <t>MultiPolygon (((4.13966574094523576 51.84637253977608395, 4.13965729755333367 51.8462204237887363, 4.13805935231554933 51.84467485319947144, 4.13689855495365411 51.84466864411735543, 4.13670821367122699 51.84211687564310012, 4.13090566672504078 51.84143525088932591, 4.12771946480951346 51.84219477153879296, 4.12659900316174699 51.84083895498890371, 4.12499644210285421 51.84112943592505474, 4.12325841601580567 51.84479842618235779, 4.12838465234614649 51.84853251127289298, 4.13218768004120207 51.84727311147587159, 4.13179857665446271 51.84583030911552726, 4.13966574094523576 51.84637253977608395, 4.13966574094523576 51.84637253977608395)))</t>
  </si>
  <si>
    <t>MultiPolygon (((4.12101550608183054 51.83573459130118977, 4.1235449023849311 51.83559523571413052, 4.12354466791719076 51.83761982581783911, 4.12831582067824865 51.83802564935500357, 4.12806264583369931 51.83413905068704963, 4.12573775226488682 51.83396336303936636, 4.11764545583491426 51.83352897108090929, 4.11396247933580561 51.83326827006486326, 4.11418989579361316 51.83524428569255349, 4.12101550608183054 51.83573459130118977, 4.12101550608183054 51.83573459130118977)))</t>
  </si>
  <si>
    <t>MultiPolygon (((4.12831582067824865 51.83802564935500357, 4.13325861807792272 51.83789730649876049, 4.13110776199287599 51.83430688751210624, 4.12806264583369931 51.83413905068704963, 4.12831582067824865 51.83802564935500357, 4.12831582067824865 51.83802564935500357)))</t>
  </si>
  <si>
    <t>MultiPolygon (((4.13965729755333367 51.8462204237887363, 4.14022305409886027 51.84483265996406942, 4.13725522487243147 51.84228739298439592, 4.13605401710040699 51.83931754235052125, 4.14441031892904999 51.83936704353121883, 4.14008392182415097 51.83675269663794438, 4.13771421890366575 51.83659518066620819, 4.13786400547600941 51.83465017608964587, 4.13190442655802226 51.83429524499787533, 4.13110776199287599 51.83430688751210624, 4.13325861807792272 51.83789730649876049, 4.13342540158946647 51.83880835294061029, 4.13670821367122699 51.84211687564310012, 4.13689855495365411 51.84466864411735543, 4.13805935231554933 51.84467485319947144, 4.13965729755333367 51.8462204237887363, 4.13965729755333367 51.8462204237887363)))</t>
  </si>
  <si>
    <t>MultiPolygon (((4.14441031892904999 51.83936704353121883, 4.14455938279531555 51.8394523439970385, 4.14518539352458149 51.83898401425474134, 4.1462882967831165 51.83775757853000954, 4.1435484620128209 51.83502909860816743, 4.14134283787301616 51.83492024846476198, 4.13786400547600941 51.83465017608964587, 4.13771421890366575 51.83659518066620819, 4.14008392182415097 51.83675269663794438, 4.14441031892904999 51.83936704353121883, 4.14441031892904999 51.83936704353121883)))</t>
  </si>
  <si>
    <t>MultiPolygon (((4.14022305409886027 51.84483265996406942, 4.14121782421051865 51.84325716771901682, 4.14455938279531555 51.8394523439970385, 4.14441031892904999 51.83936704353121883, 4.13605401710040699 51.83931754235052125, 4.13725522487243147 51.84228739298439592, 4.14022305409886027 51.84483265996406942, 4.14022305409886027 51.84483265996406942)))</t>
  </si>
  <si>
    <t>MultiPolygon (((4.12659900316174699 51.84083895498890371, 4.12771946480951346 51.84219477153879296, 4.13090566672504078 51.84143525088932591, 4.13670821367122699 51.84211687564310012, 4.13342540158946647 51.83880835294061029, 4.12644563574879708 51.83956910023103148, 4.12659900316174699 51.84083895498890371, 4.12659900316174699 51.84083895498890371)))</t>
  </si>
  <si>
    <t>MultiPolygon (((4.12499644210285421 51.84112943592505474, 4.12659900316174699 51.84083895498890371, 4.12644563574879708 51.83956910023103148, 4.13342540158946647 51.83880835294061029, 4.13325861807792272 51.83789730649876049, 4.12831582067824865 51.83802564935500357, 4.12354466791719076 51.83761982581783911, 4.1235449023849311 51.83559523571413052, 4.12101550608183054 51.83573459130118977, 4.12167821316508221 51.83666574686368023, 4.12116641238411585 51.837561844472134, 4.11835225104626179 51.83747298151849492, 4.11825857782629878 51.83827929741228502, 4.12168438977239493 51.84008144751057046, 4.12415307112436924 51.83963026111763384, 4.12499644210285421 51.84112943592505474, 4.12499644210285421 51.84112943592505474)))</t>
  </si>
  <si>
    <t>MultiPolygon (((4.13786400547600941 51.83465017608964587, 4.14134283787301616 51.83492024846476198, 4.14454453028025505 51.83238029543763048, 4.13906583500253067 51.83001078717751398, 4.13741639694043428 51.83097092106516612, 4.13133826017534034 51.83103360623897515, 4.13190442655802226 51.83429524499787533, 4.13786400547600941 51.83465017608964587, 4.13786400547600941 51.83465017608964587)))</t>
  </si>
  <si>
    <t>MultiPolygon (((4.13110776199287599 51.83430688751210624, 4.13190442655802226 51.83429524499787533, 4.13133826017534034 51.83103360623897515, 4.131041243158597 51.82941622195227183, 4.12711462324511924 51.83058335153492635, 4.12573775226488682 51.83396336303936636, 4.12806264583369931 51.83413905068704963, 4.13110776199287599 51.83430688751210624, 4.13110776199287599 51.83430688751210624)))</t>
  </si>
  <si>
    <t>MultiPolygon (((4.11764545583491426 51.83352897108090929, 4.12573775226488682 51.83396336303936636, 4.12711462324511924 51.83058335153492635, 4.12501740983540444 51.82685338552750665, 4.11930792520343214 51.82868706547198201, 4.12003761783307887 51.83285744153278074, 4.11764545583491426 51.83352897108090929, 4.11764545583491426 51.83352897108090929)))</t>
  </si>
  <si>
    <t>MultiPolygon (((4.13133826017534034 51.83103360623897515, 4.13741639694043428 51.83097092106516612, 4.13906583500253067 51.83001078717751398, 4.13733131203755899 51.82869238444134652, 4.13324893385294434 51.82215974938842606, 4.13083547417570252 51.81962812716170674, 4.12845920624243412 51.81951638276341754, 4.12860727685703832 51.82083324284547388, 4.13066593656963477 51.82064157361453027, 4.13366473908674958 51.82685932460962874, 4.13305120909022161 51.82945506730702334, 4.131041243158597 51.82941622195227183, 4.13133826017534034 51.83103360623897515, 4.13133826017534034 51.83103360623897515)))</t>
  </si>
  <si>
    <t>MultiPolygon (((4.12711462324511924 51.83058335153492635, 4.131041243158597 51.82941622195227183, 4.13305120909022161 51.82945506730702334, 4.13366473908674958 51.82685932460962874, 4.13066593656963477 51.82064157361453027, 4.12860727685703832 51.82083324284547388, 4.13038884404157436 51.82867474433469113, 4.12895263765801168 51.82832988791658835, 4.12804731633707789 51.82662952179005345, 4.12857160036096626 51.8245151120041001, 4.12808922243238907 51.82084462116063861, 4.12664566229455509 51.82089192858377658, 4.12478587241265959 51.82231529753909882, 4.12600135900343368 51.8252832825045715, 4.12501740983540444 51.82685338552750665, 4.12711462324511924 51.83058335153492635, 4.12711462324511924 51.83058335153492635)))</t>
  </si>
  <si>
    <t>MultiPolygon (((4.42207240357569908 52.05167308822989014, 4.40135814413244564 52.05333552292971433, 4.39564737261767213 52.05445242986324672, 4.39665493510309968 52.056130730191569, 4.40244968352571853 52.0631871348564701, 4.40704122810084531 52.05906818338354469, 4.41108529512750991 52.05781737870810844, 4.41539462268671024 52.05744133217618241, 4.42207240357569908 52.05167308822989014)))</t>
  </si>
  <si>
    <t>MultiPolygon (((4.42042397170640022 52.06210114334588468, 4.42243105133264791 52.05732947742134797, 4.41539462268671024 52.05744133217618241, 4.41108529512750991 52.05781737870810844, 4.40704122810084531 52.05906818338354469, 4.40244968352571853 52.0631871348564701, 4.4118813700380155 52.07213449342071243, 4.41724357765630415 52.06622164690807608, 4.42069070650155993 52.06345523818234255, 4.42083251506869956 52.06258004736731237, 4.42042397170640022 52.06210114334588468, 4.42042397170640022 52.06210114334588468)))</t>
  </si>
  <si>
    <t>MultiPolygon (((4.40592861001323133 52.07659312742779179, 4.4118813700380155 52.07213449342071243, 4.40244968352571853 52.0631871348564701, 4.395849322540065 52.06787562034971018, 4.40592861001323133 52.07659312742779179, 4.40592861001323133 52.07659312742779179)))</t>
  </si>
  <si>
    <t>MultiPolygon (((4.395849322540065 52.06787562034971018, 4.40244968352571853 52.0631871348564701, 4.39665493510309968 52.056130730191569, 4.38782011479263101 52.06130655829567644, 4.395849322540065 52.06787562034971018, 4.395849322540065 52.06787562034971018)))</t>
  </si>
  <si>
    <t>MultiPolygon (((4.40392383925607778 52.07784501731299542, 4.40592861001323133 52.07659312742779179, 4.395849322540065 52.06787562034971018, 4.38782011479263101 52.06130655829567644, 4.39665493510309968 52.056130730191569, 4.39564737261767213 52.05445242986324672, 4.38937292255121569 52.05639339729225412, 4.37473074450360322 52.0613799469439158, 4.38372712048511204 52.06860443972036734, 4.39709357053034289 52.07476355317288608, 4.40392383925607778 52.07784501731299542, 4.40392383925607778 52.07784501731299542)))</t>
  </si>
  <si>
    <t>MultiPolygon (((4.38865095336907718 52.07297378636117458, 4.39192148332706545 52.07472496055775224, 4.39462152483628543 52.07590691873081568, 4.39709357053034289 52.07476355317288608, 4.38372712048511204 52.06860443972036734, 4.37473074450360322 52.0613799469439158, 4.36382262736090265 52.06517390066944273, 4.36401240856525074 52.06532136536645794, 4.37142877853193834 52.06958229834726382, 4.37999584198886538 52.07474501568707126, 4.38436078892986103 52.07616108147886536, 4.38458270772077263 52.07623423923234185, 4.38865095336907718 52.07297378636117458)))</t>
  </si>
  <si>
    <t>MultiPolygon (((4.38785089565641684 52.0384428508138086, 4.3939285878408656 52.03305343033760266, 4.37973528809693491 52.02673268245578697, 4.37349915211835505 52.03259879389342046, 4.38118008535430015 52.03638644045985018, 4.3867681364994775 52.03844420317277297, 4.38785089565641684 52.0384428508138086)))</t>
  </si>
  <si>
    <t>MultiPolygon (((4.36979730018293377 52.03981976542828392, 4.37265785999909884 52.04092792884512875, 4.37985819646887897 52.03595228374145165, 4.38118008535430015 52.03638644045985018, 4.37349915211835505 52.03259879389342046, 4.36339603922018426 52.02809651591097406, 4.36242601764819504 52.02769033422251255, 4.36149899008011133 52.02941208861947331, 4.35685789214478802 52.03173856971820754, 4.36979730018293377 52.03981976542828392, 4.36979730018293377 52.03981976542828392)))</t>
  </si>
  <si>
    <t>MultiPolygon (((4.36390270392532553 52.04272615576034156, 4.36979730018293377 52.03981976542828392, 4.35685789214478802 52.03173856971820754, 4.35444235407283031 52.03447596011246645, 4.35498466688629904 52.03680286382338238, 4.36390270392532553 52.04272615576034156, 4.36390270392532553 52.04272615576034156)))</t>
  </si>
  <si>
    <t>MultiPolygon (((4.37265785999909884 52.04092792884512875, 4.36979730018293377 52.03981976542828392, 4.36390270392532553 52.04272615576034156, 4.37400273759615565 52.04874890318851755, 4.37975843101638951 52.05272785985130213, 4.38411244922472765 52.05278147187451765, 4.38609839750711039 52.04996733819702825, 4.38584056291508784 52.049795722339816, 4.37810328296309947 52.04464481624015804, 4.37265785999909884 52.04092792884512875, 4.37265785999909884 52.04092792884512875)))</t>
  </si>
  <si>
    <t>MultiPolygon (((4.39564737261767213 52.05445242986324672, 4.40135814413244564 52.05333552292971433, 4.4000736374291165 52.05236767772219508, 4.39854950263558031 52.05121788261639182, 4.39444499781423303 52.054053900773539, 4.39113098256925571 52.05195167901985087, 4.38967617602100013 52.04996134686356157, 4.38790451807777959 52.05116948871893356, 4.38609839750711039 52.04996733819702825, 4.38411244922472765 52.05278147187451765, 4.38937292255121569 52.05639339729225412, 4.39564737261767213 52.05445242986324672, 4.39564737261767213 52.05445242986324672)))</t>
  </si>
  <si>
    <t>MultiPolygon (((4.36608336965123467 52.05405439954173374, 4.370897330787896 52.05809186606828831, 4.37370963466291407 52.05608708242647253, 4.37488614134083775 52.05656649787337642, 4.37975843101638951 52.05272785985130213, 4.37400273759615565 52.04874890318851755, 4.36608336965123467 52.05405439954173374, 4.36608336965123467 52.05405439954173374)))</t>
  </si>
  <si>
    <t>MultiPolygon (((4.36608336965123467 52.05405439954173374, 4.37400273759615565 52.04874890318851755, 4.36390270392532553 52.04272615576034156, 4.35637112350196976 52.04689244703562423, 4.36608336965123467 52.05405439954173374, 4.36608336965123467 52.05405439954173374)))</t>
  </si>
  <si>
    <t>MultiPolygon (((4.370897330787896 52.05809186606828831, 4.37473074450360322 52.0613799469439158, 4.38937292255121569 52.05639339729225412, 4.38411244922472765 52.05278147187451765, 4.37975843101638951 52.05272785985130213, 4.37488614134083775 52.05656649787337642, 4.37370963466291407 52.05608708242647253, 4.370897330787896 52.05809186606828831, 4.370897330787896 52.05809186606828831)))</t>
  </si>
  <si>
    <t>MultiPolygon (((4.36242601764819504 52.02769033422251255, 4.3602607033122327 52.02675761441683733, 4.3597743795320909 52.02654226722183495, 4.35884866218138534 52.02733392840654858, 4.35779028203079655 52.02686319714047869, 4.35776512071738509 52.02788143737151216, 4.35483389798670384 52.03043832628812737, 4.3537778551619466 52.03067598254817483, 4.350364151704321 52.03931300230811985, 4.34688400867344793 52.0424666421363824, 4.34638417383941977 52.04482983686803266, 4.34913218701524773 52.04688594139111046, 4.35231249326390834 52.04818248222876065, 4.35637112350196976 52.04689244703562423, 4.36390270392532553 52.04272615576034156, 4.35498466688629904 52.03680286382338238, 4.35444235407283031 52.03447596011246645, 4.35685789214478802 52.03173856971820754, 4.36149899008011133 52.02941208861947331, 4.36242601764819504 52.02769033422251255, 4.36242601764819504 52.02769033422251255)))</t>
  </si>
  <si>
    <t>MultiPolygon (((4.37473074450360322 52.0613799469439158, 4.370897330787896 52.05809186606828831, 4.36608336965123467 52.05405439954173374, 4.35637112350196976 52.04689244703562423, 4.35231249326390834 52.04818248222876065, 4.35263870772727746 52.04909517555076093, 4.34469130346509402 52.05393948111770186, 4.34688931834146963 52.05665876638238387, 4.34388509616063345 52.05924365619065952, 4.34004717856596489 52.06180589917826751, 4.3403069372978953 52.06194681042131833, 4.34219574491779703 52.06113455184895145, 4.34447891453975199 52.0596175297756929, 4.34800360034128808 52.05649811373119462, 4.35228147136904031 52.05939409698475373, 4.35331627227031159 52.05866834876732696, 4.35397737577742561 52.05898691151904245, 4.35734978693624875 52.05625471181958375, 4.35982271829301915 52.05736633109232514, 4.35957697765786367 52.05819879691201635, 4.36082611063077774 52.05846833767277104, 4.35602199580926985 52.06157204906753577, 4.36382262736090265 52.06517390066944273, 4.37473074450360322 52.0613799469439158, 4.37473074450360322 52.0613799469439158)))</t>
  </si>
  <si>
    <t>MultiPolygon (((4.3076385848212535 52.01815135964611159, 4.30266406151143244 52.01648804921440927, 4.30107536461927076 52.01786895195732541, 4.29551214852880658 52.01484843273212988, 4.28973669801878632 52.01764749113200992, 4.29434458104856098 52.01935865086648647, 4.3024235564225064 52.02255097747145385, 4.30418875190536188 52.02214763220607097, 4.30431290535852984 52.02200192676358625, 4.3076385848212535 52.01815135964611159, 4.3076385848212535 52.01815135964611159)))</t>
  </si>
  <si>
    <t>MultiPolygon (((4.28699932328672784 52.02286897247412156, 4.29741232760224356 52.02612790636609219, 4.29937163562487701 52.02647555694746018, 4.30093144251391379 52.02593201925949273, 4.30418875190536188 52.02214763220607097, 4.3024235564225064 52.02255097747145385, 4.29434458104856098 52.01935865086648647, 4.28699932328672784 52.02286897247412156, 4.28699932328672784 52.02286897247412156)))</t>
  </si>
  <si>
    <t>MultiPolygon (((4.29790500685049714 52.02944736207226839, 4.30093144251391379 52.02593201925949273, 4.29937163562487701 52.02647555694746018, 4.29741232760224356 52.02612790636609219, 4.28699932328672784 52.02286897247412156, 4.28677341145887336 52.02296742893526726, 4.28825454909758363 52.02375762853948515, 4.28514627549339 52.02561773749810925, 4.28565031126771423 52.02591369295947032, 4.28504668165272928 52.02626769112692529, 4.28588385246522829 52.02648083504882237, 4.2852498606271574 52.02742232548733625, 4.28347482238294752 52.02670022709688169, 4.28280038641126914 52.02762619458525251, 4.29473472577379667 52.02993097925809707, 4.29712659445392475 52.0300676656843919, 4.29789073928263399 52.02946873310391851, 4.29790500685049714 52.02944736207226839, 4.29790500685049714 52.02944736207226839)))</t>
  </si>
  <si>
    <t>MultiPolygon (((4.29861668342247416 52.02982135223669502, 4.29789073928263399 52.02946873310391851, 4.29712659445392475 52.0300676656843919, 4.29473472577379667 52.02993097925809707, 4.28280038641126914 52.02762619458525251, 4.28174152339039882 52.02736818748807934, 4.27789680893099789 52.03246830070582263, 4.29170727484943004 52.04037830540336529, 4.29861668342247416 52.02982135223669502)))</t>
  </si>
  <si>
    <t>MultiPolygon (((4.28860015854288612 52.04436818038099943, 4.29095168926296289 52.0415729754422216, 4.29170727484943004 52.04037830540336529, 4.27789680893099789 52.03246830070582263, 4.27589543072581435 52.03155798447421887, 4.27297338058217591 52.03551845236900419, 4.27366368102292515 52.03668329573581985, 4.28001562523225854 52.04023337540123606, 4.28860015854288612 52.04436818038099943, 4.28860015854288612 52.04436818038099943)))</t>
  </si>
  <si>
    <t>MultiPolygon (((4.33521319856930365 52.07500040458872093, 4.3549322355312805 52.06825037026808189, 4.3555187020388928 52.06803980246176167, 4.34219574491779703 52.06113455184895145, 4.3403069372978953 52.06194681042131833, 4.33257645009481074 52.06808905883665517, 4.32617199405132524 52.07164798351543311, 4.33383981057321943 52.07499110649074225, 4.33521319856930365 52.07500040458872093, 4.33521319856930365 52.07500040458872093)))</t>
  </si>
  <si>
    <t>MultiPolygon (((4.32896954851330484 52.06659586626377489, 4.33257645009481074 52.06808905883665517, 4.3403069372978953 52.06194681042131833, 4.34004717856596489 52.06180589917826751, 4.33515068521198987 52.05963106773663895, 4.33489199857128238 52.059523399263405, 4.33153430220715752 52.05978178429364078, 4.32785311994643074 52.0612346637165686, 4.32958679890836518 52.06525570771587041, 4.32896954851330484 52.06659586626377489, 4.32896954851330484 52.06659586626377489)))</t>
  </si>
  <si>
    <t>MultiPolygon (((4.33033266629952518 52.05733536190872712, 4.32865096205122057 52.0565486017490997, 4.32764309031277428 52.05694290921633893, 4.32762825736958945 52.05645274575076087, 4.32548739250335856 52.05544121652495448, 4.32412234923207794 52.05564745987929598, 4.3192230127093687 52.06064365774607694, 4.32421205272533005 52.06383124709240917, 4.32896954851330484 52.06659586626377489, 4.32958679890836518 52.06525570771587041, 4.32785311994643074 52.0612346637165686, 4.33153430220715752 52.05978178429364078, 4.33489199857128238 52.059523399263405, 4.33033266629952518 52.05733536190872712, 4.33033266629952518 52.05733536190872712)))</t>
  </si>
  <si>
    <t>MultiPolygon (((4.31644565937379099 52.05087056521922761, 4.31534937292592868 52.05207670776020024, 4.31541700473138778 52.05387390548678184, 4.31362415820895695 52.05582602533593217, 4.31171667287278559 52.05612206245321971, 4.31229803550436408 52.05714795293078367, 4.3192230127093687 52.06064365774607694, 4.32412234923207794 52.05564745987929598, 4.32135345942708771 52.05461641376070503, 4.32190798087048744 52.05305174324008988, 4.31644565937379099 52.05087056521922761)))</t>
  </si>
  <si>
    <t>MultiPolygon (((4.31004174026161913 52.04866920093628835, 4.30981234954560488 52.04857445807436989, 4.30837196904655162 52.0519854053817852, 4.30828251028902987 52.05519501472324606, 4.30835312144489269 52.05633678506049478, 4.31171667287278559 52.05612206245321971, 4.31362415820895695 52.05582602533593217, 4.31541700473138778 52.05387390548678184, 4.31534937292592868 52.05207670776020024, 4.31644565937379099 52.05087056521922761, 4.31308058203104139 52.05013258576431667, 4.31004174026161913 52.04866920093628835, 4.31004174026161913 52.04866920093628835)))</t>
  </si>
  <si>
    <t>MultiPolygon (((4.31575596110369197 52.06597168484680083, 4.32110349155151496 52.06809257871491781, 4.32018078605901223 52.06707919399413953, 4.32421205272533005 52.06383124709240917, 4.3192230127093687 52.06064365774607694, 4.31229803550436408 52.05714795293078367, 4.31171667287278559 52.05612206245321971, 4.30835312144489269 52.05633678506049478, 4.30889312907865207 52.05820465070775072, 4.31144572600591136 52.06216569441838971, 4.31575596110369197 52.06597168484680083, 4.31575596110369197 52.06597168484680083)))</t>
  </si>
  <si>
    <t>MultiPolygon (((4.32616391202486295 52.0716444042291613, 4.32617199405132524 52.07164798351543311, 4.33257645009481074 52.06808905883665517, 4.32896954851330484 52.06659586626377489, 4.32421205272533005 52.06383124709240917, 4.32018078605901223 52.06707919399413953, 4.32110349155151496 52.06809257871491781, 4.32571172409090554 52.07010164262921137, 4.32511918127610251 52.07132712790043172, 4.32616391202486295 52.0716444042291613, 4.32616391202486295 52.0716444042291613)))</t>
  </si>
  <si>
    <t>MultiPolygon (((4.30798475811165371 52.06115812738422477, 4.31144572600591136 52.06216569441838971, 4.30889312907865207 52.05820465070775072, 4.30407280457082386 52.05641858040721104, 4.29218015656366614 52.0594926221664096, 4.29213284109643123 52.05956096892803231, 4.29215053613089825 52.05979886506876397, 4.29754001765198357 52.06112030721514827, 4.30125536956602872 52.06284342696793743, 4.30460375842398246 52.06134822496970571, 4.30798475811165371 52.06115812738422477, 4.30798475811165371 52.06115812738422477)))</t>
  </si>
  <si>
    <t>MultiPolygon (((4.30322615082653748 52.04695628042699695, 4.29836672277689846 52.04555710121674394, 4.29873708400571974 52.04500924243652094, 4.29724693827451532 52.04457001131270744, 4.29756299107895412 52.04406761313933316, 4.29676720818394475 52.04372761678393999, 4.29345289382109385 52.0430626217710639, 4.29386564115232083 52.04254041208110948, 4.29095168926296289 52.0415729754422216, 4.28860015854288612 52.04436818038099943, 4.28861334320206478 52.04538745398115651, 4.29855341575437677 52.05030395481401229, 4.30322615082653748 52.04695628042699695, 4.30322615082653748 52.04695628042699695)))</t>
  </si>
  <si>
    <t>MultiPolygon (((4.29218015656366614 52.0594926221664096, 4.30407280457082386 52.05641858040721104, 4.30889312907865207 52.05820465070775072, 4.30835312144489269 52.05633678506049478, 4.30828251028902987 52.05519501472324606, 4.29872950494642936 52.05086288693350127, 4.29585705238110815 52.05446786323590658, 4.29218015656366614 52.0594926221664096, 4.29218015656366614 52.0594926221664096)))</t>
  </si>
  <si>
    <t>MultiPolygon (((4.29585705238110815 52.05446786323590658, 4.29872950494642936 52.05086288693350127, 4.29855341575437677 52.05030395481401229, 4.28861334320206478 52.04538745398115651, 4.28364676442310621 52.0487364494114928, 4.28562499190696933 52.04960728786937096, 4.29585705238110815 52.05446786323590658, 4.29585705238110815 52.05446786323590658)))</t>
  </si>
  <si>
    <t>MultiPolygon (((4.30981234954560488 52.04857445807436989, 4.30440963232742391 52.04665981252527729, 4.30322615082653748 52.04695628042699695, 4.29855341575437677 52.05030395481401229, 4.29872950494642936 52.05086288693350127, 4.30828251028902987 52.05519501472324606, 4.30837196904655162 52.0519854053817852, 4.30981234954560488 52.04857445807436989, 4.30981234954560488 52.04857445807436989)))</t>
  </si>
  <si>
    <t>MultiPolygon (((4.28266000028448079 52.06154342673844582, 4.29213284109643123 52.05956096892803231, 4.29218015656366614 52.0594926221664096, 4.29585705238110815 52.05446786323590658, 4.28562499190696933 52.04960728786937096, 4.27484430183369479 52.0572129630153313, 4.28266000028448079 52.06154342673844582, 4.28266000028448079 52.06154342673844582)))</t>
  </si>
  <si>
    <t>MultiPolygon (((4.2695678043205989 52.05412695183471072, 4.27484430183369479 52.0572129630153313, 4.28562499190696933 52.04960728786937096, 4.28364676442310621 52.0487364494114928, 4.27928554485771606 52.04619373569465779, 4.2695678043205989 52.05412695183471072, 4.2695678043205989 52.05412695183471072)))</t>
  </si>
  <si>
    <t>MultiPolygon (((4.26166819686283027 52.0513097732442418, 4.2695678043205989 52.05412695183471072, 4.27928554485771606 52.04619373569465779, 4.27367513436115054 52.04340929624345335, 4.26781281823851888 52.04738835326432422, 4.26166819686283027 52.0513097732442418, 4.26166819686283027 52.0513097732442418)))</t>
  </si>
  <si>
    <t>MultiPolygon (((4.27928554485771606 52.04619373569465779, 4.28364676442310621 52.0487364494114928, 4.28861334320206478 52.04538745398115651, 4.28860015854288612 52.04436818038099943, 4.28001562523225854 52.04023337540123606, 4.27379431584472069 52.04334138897512929, 4.27367513436115054 52.04340929624345335, 4.27928554485771606 52.04619373569465779, 4.27928554485771606 52.04619373569465779)))</t>
  </si>
  <si>
    <t>MultiPolygon (((4.25913277720131056 52.02957094901434942, 4.25637662811188111 52.02834791043713381, 4.25506907215298913 52.02836960588319215, 4.24821710101620642 52.02522579567797578, 4.24141538033710219 52.03194954370482606, 4.23505399536342431 52.03925633033003351, 4.2394164673499839 52.04222911657761586, 4.24567686135577382 52.04000958550231815, 4.25084572329475474 52.03768957700779652, 4.25504663653315873 52.03364901116576391, 4.25913277720131056 52.02957094901434942, 4.25913277720131056 52.02957094901434942)))</t>
  </si>
  <si>
    <t>MultiPolygon (((4.27366368102292515 52.03668329573581985, 4.27297338058217591 52.03551845236900419, 4.2726626824145777 52.03591712586487716, 4.26664535001449607 52.03300619626654111, 4.25913277720131056 52.02957094901434942, 4.25504663653315873 52.03364901116576391, 4.27379431584472069 52.04334138897512929, 4.28001562523225854 52.04023337540123606, 4.27366368102292515 52.03668329573581985, 4.27366368102292515 52.03668329573581985)))</t>
  </si>
  <si>
    <t>MultiPolygon (((4.26781281823851888 52.04738835326432422, 4.27367513436115054 52.04340929624345335, 4.27379431584472069 52.04334138897512929, 4.25504663653315873 52.03364901116576391, 4.25084572329475474 52.03768957700779652, 4.26781281823851888 52.04738835326432422, 4.26781281823851888 52.04738835326432422)))</t>
  </si>
  <si>
    <t>MultiPolygon (((4.26159680437629618 52.05135421487410241, 4.26166819686283027 52.0513097732442418, 4.26781281823851888 52.04738835326432422, 4.25084572329475474 52.03768957700779652, 4.24567686135577382 52.04000958550231815, 4.26159680437629618 52.05135421487410241, 4.26159680437629618 52.05135421487410241)))</t>
  </si>
  <si>
    <t>MultiPolygon (((4.25924098272002816 52.06264391962224636, 4.27018175484972939 52.06684249962348332, 4.2741077120755504 52.06251604870810468, 4.28223676163422695 52.06155671577104016, 4.28266000028448079 52.06154342673844582, 4.27484430183369479 52.0572129630153313, 4.2695678043205989 52.05412695183471072, 4.26166819686283027 52.0513097732442418, 4.26159680437629618 52.05135421487410241, 4.25640789837128253 52.05400026028984684, 4.26412353497818231 52.05859968602113952, 4.26122200924553152 52.06165218353253721, 4.25924098272002816 52.06264391962224636, 4.25924098272002816 52.06264391962224636)))</t>
  </si>
  <si>
    <t>MultiPolygon (((4.27881217065253505 52.06548491304602067, 4.28637550385500443 52.06728797115989238, 4.28927469030105879 52.06366909007311961, 4.29215053613089825 52.05979886506876397, 4.29213284109643123 52.05956096892803231, 4.28266000028448079 52.06154342673844582, 4.28223676163422695 52.06155671577104016, 4.27881217065253505 52.06548491304602067, 4.27881217065253505 52.06548491304602067)))</t>
  </si>
  <si>
    <t>MultiPolygon (((4.27589238025211138 52.06869633521428398, 4.28413944015699588 52.07064377880666228, 4.28630680877183767 52.06735914863855186, 4.28637550385500443 52.06728797115989238, 4.27881217065253505 52.06548491304602067, 4.27589238025211138 52.06869633521428398, 4.27589238025211138 52.06869633521428398)))</t>
  </si>
  <si>
    <t>MultiPolygon (((4.27523893805489408 52.06848549452821118, 4.27589238025211138 52.06869633521428398, 4.27881217065253505 52.06548491304602067, 4.28223676163422695 52.06155671577104016, 4.2741077120755504 52.06251604870810468, 4.27018175484972939 52.06684249962348332, 4.27019275600810566 52.06684583990449511, 4.27523893805489408 52.06848549452821118, 4.27523893805489408 52.06848549452821118)))</t>
  </si>
  <si>
    <t>MultiPolygon (((4.28927469030105879 52.06366909007311961, 4.29683849964696307 52.06715669395491375, 4.30125536956602872 52.06284342696793743, 4.29754001765198357 52.06112030721514827, 4.29215053613089825 52.05979886506876397, 4.28927469030105879 52.06366909007311961, 4.28927469030105879 52.06366909007311961)))</t>
  </si>
  <si>
    <t>MultiPolygon (((4.28630680877183767 52.06735914863855186, 4.29287561053974276 52.06990610578980494, 4.29683849964696307 52.06715669395491375, 4.28927469030105879 52.06366909007311961, 4.28637550385500443 52.06728797115989238, 4.28630680877183767 52.06735914863855186, 4.28630680877183767 52.06735914863855186)))</t>
  </si>
  <si>
    <t>MultiPolygon (((4.28417294246236491 52.0706515531678491, 4.29104821167857065 52.07266583620141631, 4.29287561053974276 52.06990610578980494, 4.28630680877183767 52.06735914863855186, 4.28413944015699588 52.07064377880666228, 4.28417294246236491 52.0706515531678491, 4.28417294246236491 52.0706515531678491)))</t>
  </si>
  <si>
    <t>MultiPolygon (((4.3159119614490864 52.06956332126130604, 4.31758288531146395 52.07025957914677861, 4.3190698169615187 52.06877923260792329, 4.31484595470953813 52.06640837243909914, 4.31575596110369197 52.06597168484680083, 4.31144572600591136 52.06216569441838971, 4.30798475811165371 52.06115812738422477, 4.30620223258580115 52.06507220516954959, 4.3159119614490864 52.06956332126130604, 4.3159119614490864 52.06956332126130604)))</t>
  </si>
  <si>
    <t>MultiPolygon (((4.30065276783866768 52.07098240318438798, 4.30607163157262374 52.07272924046274909, 4.30787602072239562 52.07075783533502289, 4.31142450035654257 52.07193599572217124, 4.31251498813168954 52.07071539004919458, 4.31376013859537988 52.07097950509101736, 4.3159119614490864 52.06956332126130604, 4.30620223258580115 52.06507220516954959, 4.30071308689090426 52.07011419740296532, 4.30065276783866768 52.07098240318438798, 4.30065276783866768 52.07098240318438798)))</t>
  </si>
  <si>
    <t>MultiPolygon (((4.29104821167857065 52.07266583620141631, 4.29695953589709223 52.0739693150483518, 4.2994304061535642 52.07228572931843047, 4.30065276783866768 52.07098240318438798, 4.30071308689090426 52.07011419740296532, 4.30620223258580115 52.06507220516954959, 4.30798475811165371 52.06115812738422477, 4.30460375842398246 52.06134822496970571, 4.30125536956602872 52.06284342696793743, 4.29683849964696307 52.06715669395491375, 4.29287561053974276 52.06990610578980494, 4.29104821167857065 52.07266583620141631, 4.29104821167857065 52.07266583620141631)))</t>
  </si>
  <si>
    <t>MultiPolygon (((4.30902181905003978 52.07816992159921199, 4.31351121881441557 52.07827024356615198, 4.31961010152051639 52.07495147529975554, 4.31142450035654257 52.07193599572217124, 4.30787602072239562 52.07075783533502289, 4.30607163157262374 52.07272924046274909, 4.30065276783866768 52.07098240318438798, 4.2994304061535642 52.07228572931843047, 4.30881779136156329 52.07555898548655904, 4.30902181905003978 52.07816992159921199, 4.30902181905003978 52.07816992159921199)))</t>
  </si>
  <si>
    <t>MultiPolygon (((4.31351121881441557 52.07827024356615198, 4.32019226621814756 52.08136175035096471, 4.32483794365522378 52.0775442439697116, 4.32011795073807559 52.07499796429282668, 4.31961010152051639 52.07495147529975554, 4.31351121881441557 52.07827024356615198, 4.31351121881441557 52.07827024356615198)))</t>
  </si>
  <si>
    <t>MultiPolygon (((4.3038894757402133 52.0839142876815373, 4.31206849800269243 52.08672742900183295, 4.31395247074272259 52.08487548921898025, 4.31556978594410978 52.08558449749945396, 4.32019226621814756 52.08136175035096471, 4.31351121881441557 52.07827024356615198, 4.30902181905003978 52.07816992159921199, 4.30861782102280344 52.0794360630108244, 4.3038894757402133 52.0839142876815373, 4.3038894757402133 52.0839142876815373)))</t>
  </si>
  <si>
    <t>MultiPolygon (((4.3038894757402133 52.0839142876815373, 4.30861782102280344 52.0794360630108244, 4.30902181905003978 52.07816992159921199, 4.30881779136156329 52.07555898548655904, 4.2994304061535642 52.07228572931843047, 4.29695953589709223 52.0739693150483518, 4.29478953443599387 52.07648467238981738, 4.3023796876212419 52.0797325012450969, 4.30093870736491546 52.08269485728718706, 4.3038894757402133 52.0839142876815373, 4.3038894757402133 52.0839142876815373)))</t>
  </si>
  <si>
    <t>MultiPolygon (((4.32019226621814756 52.08136175035096471, 4.32480650694838431 52.08323498236629234, 4.32549169073636008 52.07937394596918068, 4.33213627678317792 52.0756410281244726, 4.32992765777826261 52.0752295008485504, 4.32454720872613851 52.07264322221997332, 4.32011795073807559 52.07499796429282668, 4.32483794365522378 52.0775442439697116, 4.32019226621814756 52.08136175035096471, 4.32019226621814756 52.08136175035096471)))</t>
  </si>
  <si>
    <t>MultiPolygon (((4.33213627678317792 52.0756410281244726, 4.33383981057321943 52.07499110649074225, 4.32617199405132524 52.07164798351543311, 4.32616391202486295 52.0716444042291613, 4.32454720872613851 52.07264322221997332, 4.32992765777826261 52.0752295008485504, 4.33213627678317792 52.0756410281244726, 4.33213627678317792 52.0756410281244726)))</t>
  </si>
  <si>
    <t>MultiPolygon (((4.31961010152051639 52.07495147529975554, 4.32011795073807559 52.07499796429282668, 4.32454720872613851 52.07264322221997332, 4.32616391202486295 52.0716444042291613, 4.32511918127610251 52.07132712790043172, 4.32571172409090554 52.07010164262921137, 4.32110349155151496 52.06809257871491781, 4.31575596110369197 52.06597168484680083, 4.31484595470953813 52.06640837243909914, 4.3190698169615187 52.06877923260792329, 4.31758288531146395 52.07025957914677861, 4.3159119614490864 52.06956332126130604, 4.31376013859537988 52.07097950509101736, 4.31251498813168954 52.07071539004919458, 4.31142450035654257 52.07193599572217124, 4.31961010152051639 52.07495147529975554, 4.31961010152051639 52.07495147529975554)))</t>
  </si>
  <si>
    <t>MultiPolygon (((4.34510321623918383 52.07948079319372425, 4.33469720155818905 52.08803839807607972, 4.3423488900565852 52.09126304154668219, 4.35248958879979231 52.08269092567766734, 4.34510321623918383 52.07948079319372425)))</t>
  </si>
  <si>
    <t>MultiPolygon (((4.33895843407802673 52.0766612015358632, 4.33885182408719672 52.07661393605401656, 4.33404239585882145 52.08028420605013054, 4.32951701412827195 52.08531087077415123, 4.33469720155818905 52.08803839807607972, 4.34510321623918383 52.07948079319372425, 4.34539488610082358 52.07911154470194504, 4.33895843407802673 52.0766612015358632)))</t>
  </si>
  <si>
    <t>MultiPolygon (((4.32480650694838431 52.08323498236629234, 4.32951701412827195 52.08531087077415123, 4.33404239585882145 52.08028420605013054, 4.33885182408719672 52.07661393605401656, 4.33521319856930365 52.07500040458872093, 4.33383981057321943 52.07499110649074225, 4.33213627678317792 52.0756410281244726, 4.32549169073636008 52.07937394596918068, 4.32480650694838431 52.08323498236629234, 4.32480650694838431 52.08323498236629234)))</t>
  </si>
  <si>
    <t>MultiPolygon (((4.34958861383842965 52.09343988033786133, 4.35848009332102571 52.09912314511123554, 4.3677785206434816 52.08958294903576558, 4.35889730314494273 52.08555920465170175, 4.34958861383842965 52.09343988033786133, 4.34958861383842965 52.09343988033786133)))</t>
  </si>
  <si>
    <t>MultiPolygon (((4.34958861383842965 52.09343988033786133, 4.3430447814400015 52.09137383642211461, 4.34074644260096054 52.09407603018976118, 4.34593835714373178 52.09580226585460139, 4.3437434578464913 52.09810854142862269, 4.35848656199769646 52.10575894908733829, 4.35883135407687305 52.10552703791829288, 4.36330901017846351 52.10180345127758983, 4.35848009332102571 52.09912314511123554, 4.34958861383842965 52.09343988033786133, 4.34958861383842965 52.09343988033786133)))</t>
  </si>
  <si>
    <t>MultiPolygon (((4.3430447814400015 52.09137383642211461, 4.34958861383842965 52.09343988033786133, 4.35889730314494273 52.08555920465170175, 4.35677704628308504 52.08460439232180761, 4.35320215948255118 52.08300620568595463, 4.35248958879979231 52.08269092567766734, 4.3423488900565852 52.09126304154668219, 4.3430447814400015 52.09137383642211461, 4.3430447814400015 52.09137383642211461)))</t>
  </si>
  <si>
    <t>MultiPolygon (((4.37007298819863621 52.0960642078993601, 4.37270929656379259 52.09477259442455477, 4.37146675006915775 52.09383465214669684, 4.37343634971937067 52.09234688590946405, 4.37305124045727034 52.09205892330530929, 4.36802996854498637 52.08969721133028941, 4.3677785206434816 52.08958294903576558, 4.35848009332102571 52.09912314511123554, 4.36330901017846351 52.10180345127758983, 4.36440574679718285 52.10080554092550642, 4.37007298819863621 52.0960642078993601)))</t>
  </si>
  <si>
    <t>MultiPolygon (((4.34231812573321196 52.09748184206075905, 4.3437434578464913 52.09810854142862269, 4.34593835714373178 52.09580226585460139, 4.34074644260096054 52.09407603018976118, 4.3430447814400015 52.09137383642211461, 4.3423488900565852 52.09126304154668219, 4.33469720155818905 52.08803839807607972, 4.32951701412827195 52.08531087077415123, 4.32480650694838431 52.08323498236629234, 4.32019226621814756 52.08136175035096471, 4.31556978594410978 52.08558449749945396, 4.31517651848501238 52.08606100761713265, 4.32237298545938131 52.08897207899943993, 4.329887785328701 52.09232088202032429, 4.34231812573321196 52.09748184206075905, 4.34231812573321196 52.09748184206075905)))</t>
  </si>
  <si>
    <t>MultiPolygon (((4.30041664352834108 52.08688121920341985, 4.30410643986483255 52.08822781390238532, 4.31209431464287274 52.08985349051238956, 4.31517651848501238 52.08606100761713265, 4.31556978594410978 52.08558449749945396, 4.31395247074272259 52.08487548921898025, 4.31206849800269243 52.08672742900183295, 4.3038894757402133 52.0839142876815373, 4.30041664352834108 52.08688121920341985, 4.30041664352834108 52.08688121920341985)))</t>
  </si>
  <si>
    <t>MultiPolygon (((4.29551719889219097 52.08828347922735702, 4.30041664352834108 52.08688121920341985, 4.3038894757402133 52.0839142876815373, 4.30093870736491546 52.08269485728718706, 4.3023796876212419 52.0797325012450969, 4.29478953443599387 52.07648467238981738, 4.29189828662624073 52.0787029511828905, 4.28761943186739902 52.08180565643982618, 4.29333888578566736 52.08461043527610457, 4.29263248552141974 52.08509600942456785, 4.29246711375425516 52.0869282664385409, 4.29551719889219097 52.08828347922735702, 4.29551719889219097 52.08828347922735702)))</t>
  </si>
  <si>
    <t>MultiPolygon (((4.27689754443951031 52.07875553822788106, 4.28761943186739902 52.08180565643982618, 4.29189828662624073 52.0787029511828905, 4.28082780654406214 52.07438324722568979, 4.27692533489419802 52.07872326074650005, 4.27689754443951031 52.07875553822788106, 4.27689754443951031 52.07875553822788106)))</t>
  </si>
  <si>
    <t>MultiPolygon (((4.29189828662624073 52.0787029511828905, 4.29478953443599387 52.07648467238981738, 4.29695953589709223 52.0739693150483518, 4.29104821167857065 52.07266583620141631, 4.28417294246236491 52.0706515531678491, 4.28082780654406214 52.07438324722568979, 4.29189828662624073 52.0787029511828905, 4.29189828662624073 52.0787029511828905)))</t>
  </si>
  <si>
    <t>MultiPolygon (((4.26814632582357145 52.07565817823252985, 4.27692533489419802 52.07872326074650005, 4.28082780654406214 52.07438324722568979, 4.28417294246236491 52.0706515531678491, 4.28413944015699588 52.07064377880666228, 4.27589238025211138 52.06869633521428398, 4.27523893805489408 52.06848549452821118, 4.26814632582357145 52.07565817823252985, 4.26814632582357145 52.07565817823252985)))</t>
  </si>
  <si>
    <t>MultiPolygon (((4.26182671645686639 52.07347878535714614, 4.26814632582357145 52.07565817823252985, 4.27523893805489408 52.06848549452821118, 4.27019275600810566 52.06684583990449511, 4.26766438550555716 52.07070769639155827, 4.26395447566878438 52.06950150166219515, 4.26182671645686639 52.07347878535714614, 4.26182671645686639 52.07347878535714614)))</t>
  </si>
  <si>
    <t>MultiPolygon (((4.26395447566878438 52.06950150166219515, 4.26766438550555716 52.07070769639155827, 4.27019275600810566 52.06684583990449511, 4.27018175484972939 52.06684249962348332, 4.25924098272002816 52.06264391962224636, 4.259116493193285 52.06274503462557135, 4.25242859714611932 52.06445285306851645, 4.25305114857245936 52.0655250138638408, 4.26395447566878438 52.06950150166219515, 4.26395447566878438 52.06950150166219515)))</t>
  </si>
  <si>
    <t>MultiPolygon (((4.2593125532464402 52.07256179527573181, 4.26182671645686639 52.07347878535714614, 4.26395447566878438 52.06950150166219515, 4.25305114857245936 52.0655250138638408, 4.25242859714611932 52.06445285306851645, 4.24606466710628805 52.06751140024137925, 4.25053138576196687 52.06919926766502016, 4.2593125532464402 52.07256179527573181, 4.2593125532464402 52.07256179527573181)))</t>
  </si>
  <si>
    <t>MultiPolygon (((4.2349422770418732 52.06419249809129468, 4.23634249568173082 52.06251412553514513, 4.23500040698410452 52.05865530313018752, 4.2273356891083429 52.05802861027627415, 4.22617403027952854 52.05776619607651412, 4.22620371479972246 52.06168671353649557, 4.2349422770418732 52.06419249809129468, 4.2349422770418732 52.06419249809129468)))</t>
  </si>
  <si>
    <t>MultiPolygon (((4.2349422770418732 52.06419249809129468, 4.24358018833028527 52.06666824485789391, 4.24482501085039932 52.06378034711860181, 4.24183813859845493 52.06404440689370716, 4.23634249568173082 52.06251412553514513, 4.2349422770418732 52.06419249809129468, 4.2349422770418732 52.06419249809129468)))</t>
  </si>
  <si>
    <t>MultiPolygon (((4.24377341123128637 52.06672656229939378, 4.24606466710628805 52.06751140024137925, 4.25242859714611932 52.06445285306851645, 4.259116493193285 52.06274503462557135, 4.24887522666235107 52.05766268223985094, 4.24482501085039932 52.06378034711860181, 4.24358018833028527 52.06666824485789391, 4.24377341123128637 52.06672656229939378, 4.24377341123128637 52.06672656229939378)))</t>
  </si>
  <si>
    <t>MultiPolygon (((4.23634249568173082 52.06251412553514513, 4.24183813859845493 52.06404440689370716, 4.24482501085039932 52.06378034711860181, 4.24887522666235107 52.05766268223985094, 4.2417261624771827 52.05550073852605664, 4.23729588086976072 52.05506556442067989, 4.23500040698410452 52.05865530313018752, 4.23634249568173082 52.06251412553514513, 4.23634249568173082 52.06251412553514513)))</t>
  </si>
  <si>
    <t>MultiPolygon (((4.2273356891083429 52.05802861027627415, 4.23500040698410452 52.05865530313018752, 4.23729588086976072 52.05506556442067989, 4.2330830799212249 52.05439298084998967, 4.22843434999514134 52.05640488828873202, 4.2273356891083429 52.05802861027627415, 4.2273356891083429 52.05802861027627415)))</t>
  </si>
  <si>
    <t>MultiPolygon (((4.22617403027952854 52.05776619607651412, 4.2273356891083429 52.05802861027627415, 4.22843434999514134 52.05640488828873202, 4.2330830799212249 52.05439298084998967, 4.23729588086976072 52.05506556442067989, 4.2417261624771827 52.05550073852605664, 4.24348457408644464 52.0524912804508304, 4.23656595820344783 52.05054998181719839, 4.23435735691107062 52.0499695449099633, 4.23090586709873673 52.05179029225531195, 4.22885819680204111 52.05192711626177982, 4.22617403027952854 52.05776619607651412, 4.22617403027952854 52.05776619607651412)))</t>
  </si>
  <si>
    <t>MultiPolygon (((4.259116493193285 52.06274503462557135, 4.25924098272002816 52.06264391962224636, 4.26122200924553152 52.06165218353253721, 4.26412353497818231 52.05859968602113952, 4.25640789837128253 52.05400026028984684, 4.24170200903539207 52.04384671543116525, 4.23656595820344783 52.05054998181719839, 4.24348457408644464 52.0524912804508304, 4.2417261624771827 52.05550073852605664, 4.24887522666235107 52.05766268223985094, 4.259116493193285 52.06274503462557135, 4.259116493193285 52.06274503462557135)))</t>
  </si>
  <si>
    <t>MultiPolygon (((4.25640789837128253 52.05400026028984684, 4.26159680437629618 52.05135421487410241, 4.24567686135577382 52.04000958550231815, 4.2394164673499839 52.04222911657761586, 4.24170200903539207 52.04384671543116525, 4.25640789837128253 52.05400026028984684, 4.25640789837128253 52.05400026028984684)))</t>
  </si>
  <si>
    <t>MultiPolygon (((4.23090586709873673 52.05179029225531195, 4.23435735691107062 52.0499695449099633, 4.23656595820344783 52.05054998181719839, 4.24170200903539207 52.04384671543116525, 4.2394164673499839 52.04222911657761586, 4.23505399536342431 52.03925633033003351, 4.22832578200988252 52.03464202163354457, 4.21922671307184949 52.03373677915040219, 4.21225506243341563 52.030752371620963, 4.20958452618410384 52.03365469376561236, 4.21243434599688094 52.0340330566489655, 4.20903721959381905 52.03827434947656627, 4.20416010613174151 52.04467470362121162, 4.20411647767924812 52.04472688913754297, 4.21883964138881318 52.04779645668900656, 4.22885819680204111 52.05192711626177982, 4.23090586709873673 52.05179029225531195, 4.23090586709873673 52.05179029225531195)))</t>
  </si>
  <si>
    <t>MultiPolygon (((4.23073076880509191 52.07872678267892042, 4.23732908915290984 52.07617430015936577, 4.24054967173665531 52.07230498706587696, 4.2405742737157297 52.07227277683463029, 4.23243358845875495 52.06893112326866913, 4.22814336910269883 52.06831676058264691, 4.22327643331129998 52.06641212565772037, 4.21802026804199048 52.06399195674455171, 4.21512689511222938 52.06417129552090017, 4.21194474836390498 52.06584183399310461, 4.23073076880509191 52.07872678267892042, 4.23073076880509191 52.07872678267892042)))</t>
  </si>
  <si>
    <t>MultiPolygon (((4.22327643331129998 52.06641212565772037, 4.22570048051779867 52.06370244813460602, 4.22620371479972246 52.06168671353649557, 4.22617403027952854 52.05776619607651412, 4.22885819680204111 52.05192711626177982, 4.21883964138881318 52.04779645668900656, 4.20411647767924812 52.04472688913754297, 4.19885354405840516 52.05000236019770199, 4.19980185195287969 52.05073133526129681, 4.19622081884350084 52.0557135233482029, 4.19619988358364271 52.05574264607486157, 4.20482363537713066 52.06065802961324351, 4.21194474836390498 52.06584183399310461, 4.21512689511222938 52.06417129552090017, 4.21802026804199048 52.06399195674455171, 4.22327643331129998 52.06641212565772037, 4.22327643331129998 52.06641212565772037)))</t>
  </si>
  <si>
    <t>MultiPolygon (((4.2405742737157297 52.07227277683463029, 4.24386771498968152 52.06773342508677871, 4.24377341123128637 52.06672656229939378, 4.24358018833028527 52.06666824485789391, 4.2349422770418732 52.06419249809129468, 4.22620371479972246 52.06168671353649557, 4.22570048051779867 52.06370244813460602, 4.22327643331129998 52.06641212565772037, 4.22814336910269883 52.06831676058264691, 4.23243358845875495 52.06893112326866913, 4.2405742737157297 52.07227277683463029, 4.2405742737157297 52.07227277683463029)))</t>
  </si>
  <si>
    <t>MultiPolygon (((4.24054967173665531 52.07230498706587696, 4.25059080743905771 52.0764484230805067, 4.25263876126034734 52.07382266436016494, 4.25220422643565943 52.07278692368133477, 4.24908328207969443 52.07068561084179237, 4.25053138576196687 52.06919926766502016, 4.24606466710628805 52.06751140024137925, 4.24377341123128637 52.06672656229939378, 4.24386771498968152 52.06773342508677871, 4.2405742737157297 52.07227277683463029, 4.24054967173665531 52.07230498706587696, 4.24054967173665531 52.07230498706587696)))</t>
  </si>
  <si>
    <t>MultiPolygon (((4.26432836261939752 52.09142008767949505, 4.26474649483931323 52.09163341942527836, 4.27266886431881776 52.08551669981780918, 4.26529691269972844 52.08247999654655302, 4.2536498945646164 52.07771061924936618, 4.25059080743905771 52.0764484230805067, 4.24054967173665531 52.07230498706587696, 4.23732908915290984 52.07617430015936577, 4.23073076880509191 52.07872678267892042, 4.24360649050682515 52.08825672095385073, 4.25631557595381249 52.08652467015865994, 4.26432836261939752 52.09142008767949505, 4.26432836261939752 52.09142008767949505)))</t>
  </si>
  <si>
    <t>MultiPolygon (((4.27266886431881776 52.08551669981780918, 4.27302509881854409 52.08520357408924895, 4.27656478821270181 52.08211572949265644, 4.27689754443951031 52.07875553822788106, 4.27692533489419802 52.07872326074650005, 4.26814632582357145 52.07565817823252985, 4.26598052174839459 52.0790261810117201, 4.26735719577566108 52.08050363611231859, 4.26529691269972844 52.08247999654655302, 4.27266886431881776 52.08551669981780918, 4.27266886431881776 52.08551669981780918)))</t>
  </si>
  <si>
    <t>MultiPolygon (((4.2536498945646164 52.07771061924936618, 4.26529691269972844 52.08247999654655302, 4.26735719577566108 52.08050363611231859, 4.26598052174839459 52.0790261810117201, 4.26814632582357145 52.07565817823252985, 4.26182671645686639 52.07347878535714614, 4.2593125532464402 52.07256179527573181, 4.25762394599528005 52.07304278808935294, 4.2536498945646164 52.07771061924936618, 4.2536498945646164 52.07771061924936618)))</t>
  </si>
  <si>
    <t>MultiPolygon (((4.25059080743905771 52.0764484230805067, 4.2536498945646164 52.07771061924936618, 4.25762394599528005 52.07304278808935294, 4.2593125532464402 52.07256179527573181, 4.25053138576196687 52.06919926766502016, 4.24908328207969443 52.07068561084179237, 4.25220422643565943 52.07278692368133477, 4.25263876126034734 52.07382266436016494, 4.25059080743905771 52.0764484230805067, 4.25059080743905771 52.0764484230805067)))</t>
  </si>
  <si>
    <t>MultiPolygon (((4.28263416893531712 52.08504055436353752, 4.28650870631510372 52.08542818052316647, 4.29263248552141974 52.08509600942456785, 4.29333888578566736 52.08461043527610457, 4.28761943186739902 52.08180565643982618, 4.27689754443951031 52.07875553822788106, 4.27656478821270181 52.08211572949265644, 4.28263416893531712 52.08504055436353752, 4.28263416893531712 52.08504055436353752)))</t>
  </si>
  <si>
    <t>MultiPolygon (((4.27319916125766497 52.08577789416789017, 4.27947575729903296 52.08851921822055431, 4.28263416893531712 52.08504055436353752, 4.27656478821270181 52.08211572949265644, 4.27302509881854409 52.08520357408924895, 4.27319916125766497 52.08577789416789017, 4.27319916125766497 52.08577789416789017)))</t>
  </si>
  <si>
    <t>MultiPolygon (((4.28599930660455453 52.09595292461387572, 4.29374368846058996 52.08970433522248555, 4.29551719889219097 52.08828347922735702, 4.29246711375425516 52.0869282664385409, 4.29263248552141974 52.08509600942456785, 4.28650870631510372 52.08542818052316647, 4.28263416893531712 52.08504055436353752, 4.27947575729903296 52.08851921822055431, 4.27827142854867581 52.09071606993338577, 4.28105013092300091 52.09357570840150942, 4.28599930660455453 52.09595292461387572, 4.28599930660455453 52.09595292461387572)))</t>
  </si>
  <si>
    <t>MultiPolygon (((4.27447329692968481 52.10168492603909129, 4.27621540249732313 52.10168922559951454, 4.27633303754981675 52.09989833783475888, 4.27080475936093773 52.09619918723980447, 4.27026834314337034 52.09508030881276852, 4.27083610500868538 52.09085252047589165, 4.27319916125766497 52.08577789416789017, 4.27302509881854409 52.08520357408924895, 4.27266886431881776 52.08551669981780918, 4.26474649483931323 52.09163341942527836, 4.26809130969060657 52.09414846580034464, 4.27447329692968481 52.10168492603909129, 4.27447329692968481 52.10168492603909129)))</t>
  </si>
  <si>
    <t>MultiPolygon (((4.27621540249732313 52.10168922559951454, 4.27823232812539977 52.10228010436187418, 4.28105575575977593 52.09995767689212443, 4.28599930660455453 52.09595292461387572, 4.28105013092300091 52.09357570840150942, 4.27827142854867581 52.09071606993338577, 4.27947575729903296 52.08851921822055431, 4.27319916125766497 52.08577789416789017, 4.27083610500868538 52.09085252047589165, 4.27026834314337034 52.09508030881276852, 4.27080475936093773 52.09619918723980447, 4.27633303754981675 52.09989833783475888, 4.27621540249732313 52.10168922559951454, 4.27621540249732313 52.10168922559951454)))</t>
  </si>
  <si>
    <t>MultiPolygon (((4.25523282154049465 52.09806572223115495, 4.25811203933854809 52.0965926997287454, 4.26432836261939752 52.09142008767949505, 4.25631557595381249 52.08652467015865994, 4.24360649050682515 52.08825672095385073, 4.25523282154049465 52.09806572223115495, 4.25523282154049465 52.09806572223115495)))</t>
  </si>
  <si>
    <t>MultiPolygon (((4.28400796462361555 52.11169378906610916, 4.29008295921950289 52.10836434481984014, 4.28567385310161963 52.10421574117069099, 4.27986564541297909 52.10639672739023354, 4.28336516079043417 52.10856365262110756, 4.28451389515851577 52.11025376612217741, 4.28400796462361555 52.11169378906610916, 4.28400796462361555 52.11169378906610916)))</t>
  </si>
  <si>
    <t>MultiPolygon (((4.2752813422060516 52.10474809486436243, 4.27986564541297909 52.10639672739023354, 4.28567385310161963 52.10421574117069099, 4.28611502382608212 52.10404206524876969, 4.28105575575977593 52.09995767689212443, 4.27823232812539977 52.10228010436187418, 4.2752813422060516 52.10474809486436243, 4.2752813422060516 52.10474809486436243)))</t>
  </si>
  <si>
    <t>MultiPolygon (((4.28009329074684786 52.11542337220751619, 4.28312875140538019 52.11335548079783564, 4.28262171742507558 52.11253931976572318, 4.28400796462361555 52.11169378906610916, 4.28451389515851577 52.11025376612217741, 4.28336516079043417 52.10856365262110756, 4.27986564541297909 52.10639672739023354, 4.2752813422060516 52.10474809486436243, 4.27151617399629213 52.10733057783104272, 4.27083192055548366 52.10687043783758554, 4.26912683113744418 52.10791298834948293, 4.28009329074684786 52.11542337220751619, 4.28009329074684786 52.11542337220751619)))</t>
  </si>
  <si>
    <t>MultiPolygon (((4.2588688608657943 52.10242671823548477, 4.26159242581965625 52.10287563510843256, 4.26489577019074773 52.10561715702461782, 4.27211861486625732 52.10205864358059813, 4.27447329692968481 52.10168492603909129, 4.26809130969060657 52.09414846580034464, 4.26474649483931323 52.09163341942527836, 4.26432836261939752 52.09142008767949505, 4.25811203933854809 52.0965926997287454, 4.25523282154049465 52.09806572223115495, 4.2562552345897311 52.0995490469431104, 4.25382772192248826 52.10121463746864379, 4.25246209666309483 52.10394776627499169, 4.25421620357100494 52.10142315905338251, 4.25827134825723164 52.09859059581867768, 4.25989947678360181 52.09900454370744427, 4.26054445468383847 52.09866630093488737, 4.26071147750476076 52.0982806209227931, 4.25902446171565163 52.09784020669151516, 4.25939423613536139 52.09701419011668833, 4.261036730271754 52.09729371091400907, 4.26375190591554709 52.09689401825925614, 4.26465323910710303 52.09749439248092528, 4.26358133968487252 52.0982657315096418, 4.26417079032501167 52.09863057370026951, 4.2669116872955497 52.09734890255958817, 4.26317765674340077 52.09483666108432942, 4.26419229516973974 52.09425244587908566, 4.27172527392572832 52.09956473472009009, 4.27077606376602059 52.10005318940411456, 4.26719626273612462 52.09748598015395515, 4.26541176153641199 52.09874315022420177, 4.26873273946959486 52.10110633792865542, 4.26721401225357866 52.10190346514817605, 4.26316741243490238 52.09906429325656774, 4.26123598463910458 52.09921203388785216, 4.26065988133594598 52.0995707023571839, 4.26103481217917235 52.10059200843451777, 4.25880816048806565 52.101456153367117, 4.25774989767878953 52.10344616214481306, 4.25591576563840679 52.10386352218326778, 4.25617597610030085 52.10418641751622459, 4.25818431952305154 52.10365151591246047, 4.2588688608657943 52.10242671823548477, 4.2588688608657943 52.10242671823548477)))</t>
  </si>
  <si>
    <t>MultiPolygon (((4.26489577019074773 52.10561715702461782, 4.26912683113744418 52.10791298834948293, 4.27083192055548366 52.10687043783758554, 4.27151617399629213 52.10733057783104272, 4.2752813422060516 52.10474809486436243, 4.27823232812539977 52.10228010436187418, 4.27621540249732313 52.10168922559951454, 4.27447329692968481 52.10168492603909129, 4.27211861486625732 52.10205864358059813, 4.26489577019074773 52.10561715702461782)))</t>
  </si>
  <si>
    <t>MultiPolygon (((4.28105575575977593 52.09995767689212443, 4.28611502382608212 52.10404206524876969, 4.30000167597032501 52.09899194281607748, 4.29996155427002957 52.09863723671468705, 4.30037993665315632 52.09431132131835795, 4.29541904106401695 52.09194529848415556, 4.29374368846058996 52.08970433522248555, 4.28599930660455453 52.09595292461387572, 4.28105575575977593 52.09995767689212443, 4.28105575575977593 52.09995767689212443)))</t>
  </si>
  <si>
    <t>MultiPolygon (((4.29996155427002957 52.09863723671468705, 4.30625408355608918 52.0966296006908749, 4.3091077952796093 52.09346888169900325, 4.31204089863222251 52.08991457496321686, 4.31209431464287274 52.08985349051238956, 4.30410643986483255 52.08822781390238532, 4.30041664352834108 52.08688121920341985, 4.29551719889219097 52.08828347922735702, 4.29374368846058996 52.08970433522248555, 4.29541904106401695 52.09194529848415556, 4.30037993665315632 52.09431132131835795, 4.29996155427002957 52.09863723671468705, 4.29996155427002957 52.09863723671468705)))</t>
  </si>
  <si>
    <t>MultiPolygon (((4.31942964226421644 52.09247288256222674, 4.32692112824713959 52.09547883098002785, 4.329887785328701 52.09232088202032429, 4.32237298545938131 52.08897207899943993, 4.31942964226421644 52.09247288256222674, 4.31942964226421644 52.09247288256222674)))</t>
  </si>
  <si>
    <t>MultiPolygon (((4.32269846299387073 52.09912173691186865, 4.32328959417703818 52.09920995893218532, 4.32738901210723537 52.09565738016888758, 4.32692112824713959 52.09547883098002785, 4.31942964226421644 52.09247288256222674, 4.31204089863222251 52.08991457496321686, 4.3091077952796093 52.09346888169900325, 4.32269846299387073 52.09912173691186865, 4.32269846299387073 52.09912173691186865)))</t>
  </si>
  <si>
    <t>MultiPolygon (((4.31672204418011329 52.10427882871500316, 4.32269846299387073 52.09912173691186865, 4.3091077952796093 52.09346888169900325, 4.30625408355608918 52.0966296006908749, 4.3088086844862703 52.09829478941243508, 4.31135453747440067 52.10169591717632187, 4.31672204418011329 52.10427882871500316, 4.31672204418011329 52.10427882871500316)))</t>
  </si>
  <si>
    <t>MultiPolygon (((4.32328959417703818 52.09920995893218532, 4.32269846299387073 52.09912173691186865, 4.31672204418011329 52.10427882871500316, 4.32167699993054288 52.10644626896677778, 4.32252389015956062 52.10768096402295413, 4.32883585777357727 52.10928734944658203, 4.32894217942355208 52.10920949946257252, 4.33306041343132975 52.1057307819053932, 4.33043451901526666 52.10426121834465363, 4.33226427486400656 52.10304008471126735, 4.32328959417703818 52.09920995893218532, 4.32328959417703818 52.09920995893218532)))</t>
  </si>
  <si>
    <t>MultiPolygon (((4.33725292981258814 52.09876951100471842, 4.3385733732366516 52.09743480904731427, 4.34136203954826261 52.09834248947246493, 4.34231812573321196 52.09748184206075905, 4.329887785328701 52.09232088202032429, 4.32692112824713959 52.09547883098002785, 4.32738901210723537 52.09565738016888758, 4.33725292981258814 52.09876951100471842, 4.33725292981258814 52.09876951100471842)))</t>
  </si>
  <si>
    <t>MultiPolygon (((4.31204089863222251 52.08991457496321686, 4.31942964226421644 52.09247288256222674, 4.32237298545938131 52.08897207899943993, 4.31517651848501238 52.08606100761713265, 4.31209431464287274 52.08985349051238956, 4.31204089863222251 52.08991457496321686, 4.31204089863222251 52.08991457496321686)))</t>
  </si>
  <si>
    <t>MultiPolygon (((4.30398417056745242 52.11083922337247287, 4.31471609455249716 52.10702897826656255, 4.31867943151938949 52.10690704065792289, 4.32252389015956062 52.10768096402295413, 4.32167699993054288 52.10644626896677778, 4.31672204418011329 52.10427882871500316, 4.31135453747440067 52.10169591717632187, 4.3088086844862703 52.09829478941243508, 4.30625408355608918 52.0966296006908749, 4.29996155427002957 52.09863723671468705, 4.30000167597032501 52.09899194281607748, 4.30117828560047499 52.10026237836282803, 4.30085935124308438 52.10205286655441625, 4.29170616328975552 52.1074469528270896, 4.29933819034734732 52.10799349410699932, 4.3019160532100571 52.10625816737722005, 4.30398417056745242 52.11083922337247287, 4.30398417056745242 52.11083922337247287)))</t>
  </si>
  <si>
    <t>MultiPolygon (((4.29008295921950289 52.10836434481984014, 4.29170616328975552 52.1074469528270896, 4.30085935124308438 52.10205286655441625, 4.30117828560047499 52.10026237836282803, 4.30000167597032501 52.09899194281607748, 4.28611502382608212 52.10404206524876969, 4.28567385310161963 52.10421574117069099, 4.29008295921950289 52.10836434481984014, 4.29008295921950289 52.10836434481984014)))</t>
  </si>
  <si>
    <t>MultiPolygon (((4.28693411189279772 52.11906559622084956, 4.29402829529015762 52.11385642232788484, 4.30398417056745242 52.11083922337247287, 4.3019160532100571 52.10625816737722005, 4.29933819034734732 52.10799349410699932, 4.29170616328975552 52.1074469528270896, 4.29008295921950289 52.10836434481984014, 4.28400796462361555 52.11169378906610916, 4.28262171742507558 52.11253931976572318, 4.28312875140538019 52.11335548079783564, 4.28009329074684786 52.11542337220751619, 4.2815170156430078 52.1163042180224565, 4.28170510218674139 52.11640098984621972, 4.28693411189279772 52.11906559622084956)))</t>
  </si>
  <si>
    <t>MultiPolygon (((4.28693411189279772 52.11906559622084956, 4.30290461017381798 52.12832410060146771, 4.32883585777357727 52.10928734944658203, 4.32252389015956062 52.10768096402295413, 4.31867943151938949 52.10690704065792289, 4.31471609455249716 52.10702897826656255, 4.30398417056745242 52.11083922337247287, 4.29402829529015762 52.11385642232788484, 4.28693411189279772 52.11906559622084956, 4.28693411189279772 52.11906559622084956)))</t>
  </si>
  <si>
    <t>MultiPolygon (((4.67805682536522127 52.00783641617317699, 4.66952416280769 52.00246489387548365, 4.66281024189952209 52.00324582476831381, 4.65945455910860584 52.00528769649373828, 4.66703205375779273 52.01000549028687914, 4.67009685786911 52.01054987172303612, 4.67072892081240276 52.01112640984754165, 4.67805682536522127 52.00783641617317699, 4.67805682536522127 52.00783641617317699)))</t>
  </si>
  <si>
    <t>MultiPolygon (((4.68554817627396236 52.00485642343309678, 4.68075511128474719 52.00187262619400741, 4.67896309990354275 52.00222114089741865, 4.67496748710696242 51.99972484652373339, 4.67071694381454083 52.00232611112642189, 4.66952416280769 52.00246489387548365, 4.67805682536522127 52.00783641617317699, 4.68373990540850027 52.00541342965148317, 4.68554817627396236 52.00485642343309678, 4.68554817627396236 52.00485642343309678)))</t>
  </si>
  <si>
    <t>MultiPolygon (((4.68554817627396236 52.00485642343309678, 4.69087029003672917 52.0026538644652021, 4.69158610196575676 52.00153517223145627, 4.69102426868343247 52.00009981298478579, 4.68402127454090245 51.99795767247869804, 4.68176174931615918 51.99710721665405089, 4.68116276396681297 51.99687667637318356, 4.68022946025231601 51.99654157508702923, 4.67496748710696242 51.99972484652373339, 4.67896309990354275 52.00222114089741865, 4.68075511128474719 52.00187262619400741, 4.68554817627396236 52.00485642343309678, 4.68554817627396236 52.00485642343309678)))</t>
  </si>
  <si>
    <t>MultiPolygon (((4.68970747855926806 52.0090460847672631, 4.68373990540850027 52.00541342965148317, 4.67805682536522127 52.00783641617317699, 4.67072892081240276 52.01112640984754165, 4.66660655264983593 52.01297063583893276, 4.67557485954569696 52.01767490590768261, 4.6818231046706531 52.0193075035113921, 4.68200007881633695 52.01894214276200046, 4.68381311575921888 52.01465173348372417, 4.68587963469338753 52.01165212317915376, 4.68970747855926806 52.0090460847672631, 4.68970747855926806 52.0090460847672631)))</t>
  </si>
  <si>
    <t>MultiPolygon (((4.69087029003672917 52.0026538644652021, 4.69383688779103814 52.00223980726186568, 4.69343463291404284 52.00090838944168325, 4.6906416646061313 51.99667196559464344, 4.68868451265107211 51.99625804215054359, 4.68402127454090245 51.99795767247869804, 4.69102426868343247 52.00009981298478579, 4.69158610196575676 52.00153517223145627, 4.69087029003672917 52.0026538644652021, 4.69087029003672917 52.0026538644652021)))</t>
  </si>
  <si>
    <t>MultiPolygon (((4.68373990540850027 52.00541342965148317, 4.68970747855926806 52.0090460847672631, 4.69340872143946264 52.00590709770193598, 4.69383688779103814 52.00223980726186568, 4.69087029003672917 52.0026538644652021, 4.68554817627396236 52.00485642343309678, 4.68373990540850027 52.00541342965148317, 4.68373990540850027 52.00541342965148317)))</t>
  </si>
  <si>
    <t>MultiPolygon (((4.71601385349266788 52.00683269624507687, 4.71648062079045882 52.00681711037963595, 4.71806051438579388 52.00592058319318767, 4.71805693430204975 52.00490848622392548, 4.72673647069212155 52.00127603338361837, 4.72670231541145647 52.00126345569700703, 4.71886128789434522 51.99836956388026721, 4.71441154337847657 52.00040282871560748, 4.71290960166718786 51.9991413380677443, 4.70721706869458245 52.00176226598450313, 4.71263790071140676 52.00619984017981778, 4.71284182806485585 52.00641504067769461, 4.71601385349266788 52.00683269624507687, 4.71601385349266788 52.00683269624507687)))</t>
  </si>
  <si>
    <t>MultiPolygon (((4.73064415104215552 52.00899915924679107, 4.73590937726828454 52.00748845463495229, 4.73773336768421771 52.00684143539212556, 4.73729179922749566 52.00593512568931942, 4.73077407507027026 52.00735094424680938, 4.72832769053182655 52.00734370670605955, 4.72279259919321781 52.00548205814692437, 4.72420094888939257 52.00338473543737194, 4.72756977962654723 52.00158288224279346, 4.72673647069212155 52.00127603338361837, 4.71805693430204975 52.00490848622392548, 4.71806051438579388 52.00592058319318767, 4.71648062079045882 52.00681711037963595, 4.7244676913213981 52.0069730962828416, 4.73064415104215552 52.00899915924679107, 4.73064415104215552 52.00899915924679107)))</t>
  </si>
  <si>
    <t>MultiPolygon (((4.73533971502643691 52.01544573883793987, 4.74289607748223663 52.01496194780623483, 4.74406277446309499 52.01198279327388008, 4.73899194106170096 52.01298670318541895, 4.73573572833178602 52.01403369913430197, 4.73533971502643691 52.01544573883793987, 4.73533971502643691 52.01544573883793987)))</t>
  </si>
  <si>
    <t>MultiPolygon (((4.75276300288773701 52.01053654818234406, 4.75203807019391444 52.01050823643982568, 4.74406277446309499 52.01198279327388008, 4.74289607748223663 52.01496194780623483, 4.75004885495339657 52.01450353236565149, 4.75099127717026626 52.01389879432046826, 4.75276300288773701 52.01053654818234406, 4.75276300288773701 52.01053654818234406)))</t>
  </si>
  <si>
    <t>MultiPolygon (((4.75724740248923794 52.00292617521692762, 4.75732722614681336 52.00143847979749978, 4.75226197398990013 52.00234821198210255, 4.75203807019391444 52.01050823643982568, 4.75276300288773701 52.01053654818234406, 4.75724740248923794 52.00292617521692762, 4.75724740248923794 52.00292617521692762)))</t>
  </si>
  <si>
    <t>MultiPolygon (((4.75203807019391444 52.01050823643982568, 4.75226197398990013 52.00234821198210255, 4.74597012943839136 52.00279561923596816, 4.74205637715771466 52.00458641268183868, 4.74654929544395809 52.00732805707519901, 4.7464885905398484 52.01048413113853996, 4.74406277446309499 52.01198279327388008, 4.75203807019391444 52.01050823643982568, 4.75203807019391444 52.01050823643982568)))</t>
  </si>
  <si>
    <t>MultiPolygon (((4.74654929544395809 52.00732805707519901, 4.74205637715771466 52.00458641268183868, 4.73932156101611746 52.00625210009556554, 4.74031667009236735 52.00712540271251072, 4.73899194106170096 52.01298670318541895, 4.74406277446309499 52.01198279327388008, 4.7464885905398484 52.01048413113853996, 4.74654929544395809 52.00732805707519901, 4.74654929544395809 52.00732805707519901)))</t>
  </si>
  <si>
    <t>MultiPolygon (((4.73571546897773565 52.01403848568894261, 4.73573572833178602 52.01403369913430197, 4.73899194106170096 52.01298670318541895, 4.74031667009236735 52.00712540271251072, 4.73932156101611746 52.00625210009556554, 4.73773336768421771 52.00684143539212556, 4.73590937726828454 52.00748845463495229, 4.73668146564661807 52.01016086394164972, 4.73571546897773565 52.01403848568894261, 4.73571546897773565 52.01403848568894261)))</t>
  </si>
  <si>
    <t>MultiPolygon (((4.72244596340701062 52.01475743454712841, 4.72365299925183901 52.01407979255483127, 4.72515291267820636 52.00872089015562949, 4.7244676913213981 52.0069730962828416, 4.71648062079045882 52.00681711037963595, 4.71601385349266788 52.00683269624507687, 4.71492231654885785 52.01236518444981982, 4.71460014275145589 52.01267927740543939, 4.72244596340701062 52.01475743454712841, 4.72244596340701062 52.01475743454712841)))</t>
  </si>
  <si>
    <t>MultiPolygon (((4.70937493922747219 52.01710435411578715, 4.70982663215682962 52.01707554842217007, 4.7220321850379614 52.01629654873010367, 4.72244596340701062 52.01475743454712841, 4.71460014275145589 52.01267927740543939, 4.70962445515189021 52.01538174360040045, 4.70937493922747219 52.01710435411578715, 4.70937493922747219 52.01710435411578715)))</t>
  </si>
  <si>
    <t>MultiPolygon (((4.7220321850379614 52.01629654873010367, 4.72967083562911217 52.01580836301466348, 4.73533971502643691 52.01544573883793987, 4.73573572833178602 52.01403369913430197, 4.73571546897773565 52.01403848568894261, 4.72879078121164298 52.01398675687847373, 4.72365299925183901 52.01407979255483127, 4.72244596340701062 52.01475743454712841, 4.7220321850379614 52.01629654873010367, 4.7220321850379614 52.01629654873010367)))</t>
  </si>
  <si>
    <t>MultiPolygon (((4.72365299925183901 52.01407979255483127, 4.72879078121164298 52.01398675687847373, 4.73064415104215552 52.00899915924679107, 4.7244676913213981 52.0069730962828416, 4.72515291267820636 52.00872089015562949, 4.72365299925183901 52.01407979255483127, 4.72365299925183901 52.01407979255483127)))</t>
  </si>
  <si>
    <t>MultiPolygon (((4.72879078121164298 52.01398675687847373, 4.73571546897773565 52.01403848568894261, 4.73668146564661807 52.01016086394164972, 4.73590937726828454 52.00748845463495229, 4.73064415104215552 52.00899915924679107, 4.72879078121164298 52.01398675687847373, 4.72879078121164298 52.01398675687847373)))</t>
  </si>
  <si>
    <t>MultiPolygon (((4.72741984474407051 52.0259881224413121, 4.72760743652175197 52.02531459611623887, 4.72996381610119965 52.02562819102138292, 4.73015487451639327 52.02488346524064866, 4.73440003078489635 52.0250201515436359, 4.73461860160113091 52.02427892394021569, 4.736296381869602 52.02421783202507299, 4.73678265047653912 52.02274822452175584, 4.74369743629501084 52.02260807044820723, 4.74601665346990043 52.01697638889941544, 4.74914848242317689 52.01617645107005927, 4.74962941165661245 52.0152828766693105, 4.74177629364768016 52.01690830462938919, 4.72915687083071568 52.01782999869273993, 4.72858742793296383 52.01783705224698906, 4.7263427228622481 52.02592599449401689, 4.72741984474407051 52.0259881224413121)))</t>
  </si>
  <si>
    <t>MultiPolygon (((4.72967083562911217 52.01580836301466348, 4.72915687083071568 52.01782999869273993, 4.74177629364768016 52.01690830462938919, 4.74962941165661245 52.0152828766693105, 4.75004885495339657 52.01450353236565149, 4.74289607748223663 52.01496194780623483, 4.73533971502643691 52.01544573883793987, 4.72967083562911217 52.01580836301466348, 4.72967083562911217 52.01580836301466348)))</t>
  </si>
  <si>
    <t>MultiPolygon (((4.7263427228622481 52.02592599449401689, 4.72858742793296383 52.01783705224698906, 4.72335408124947431 52.01841442934737358, 4.72121107810617691 52.02610764256392883, 4.7263427228622481 52.02592599449401689)))</t>
  </si>
  <si>
    <t>MultiPolygon (((4.72147045849464764 52.01849901617822525, 4.72335408124947431 52.01841442934737358, 4.72858742793296383 52.01783705224698906, 4.72915687083071568 52.01782999869273993, 4.72967083562911217 52.01580836301466348, 4.7220321850379614 52.01629654873010367, 4.72147045849464764 52.01849901617822525, 4.72147045849464764 52.01849901617822525)))</t>
  </si>
  <si>
    <t>MultiPolygon (((4.72121107810617691 52.02610764256392883, 4.72335408124947431 52.01841442934737358, 4.72147045849464764 52.01849901617822525, 4.71977770798776319 52.02619576592132944, 4.71985228374737442 52.02648424094458335, 4.72118047382017902 52.02647265820078104, 4.72121107810617691 52.02610764256392883, 4.72121107810617691 52.02610764256392883)))</t>
  </si>
  <si>
    <t>MultiPolygon (((4.70789690925787063 52.02320594835916268, 4.70861172572973796 52.02358696254029979, 4.71051669674962437 52.01811793728180788, 4.70982663215682962 52.01707554842217007, 4.70937493922747219 52.01710435411578715, 4.70789690925787063 52.02320594835916268, 4.70789690925787063 52.02320594835916268)))</t>
  </si>
  <si>
    <t>MultiPolygon (((4.70861172572973796 52.02358696254029979, 4.71296345529767358 52.02581431504455622, 4.71977770798776319 52.02619576592132944, 4.72147045849464764 52.01849901617822525, 4.7220321850379614 52.01629654873010367, 4.70982663215682962 52.01707554842217007, 4.71051669674962437 52.01811793728180788, 4.70861172572973796 52.02358696254029979, 4.70861172572973796 52.02358696254029979)))</t>
  </si>
  <si>
    <t>MultiPolygon (((4.712393194083913 52.03896307145320321, 4.71626076340675837 52.03822268589870248, 4.71758140391485714 52.03530673753341063, 4.71784120504460702 52.0340636401954697, 4.71172233211924762 52.03415201249130462, 4.712393194083913 52.03896307145320321, 4.712393194083913 52.03896307145320321)))</t>
  </si>
  <si>
    <t>MultiPolygon (((4.71318400710518404 52.02865856687283497, 4.71871448946665417 52.02873061372466168, 4.71993392014530944 52.02846887676686549, 4.71985228374737442 52.02648424094458335, 4.71977770798776319 52.02619576592132944, 4.71296345529767358 52.02581431504455622, 4.70861172572973796 52.02358696254029979, 4.70789690925787063 52.02320594835916268, 4.70751028587901033 52.02361000135594082, 4.70555968781835254 52.02816599512058104, 4.71318400710518404 52.02865856687283497, 4.71318400710518404 52.02865856687283497)))</t>
  </si>
  <si>
    <t>MultiPolygon (((4.71990339800162229 52.03027306938933805, 4.71993392014530944 52.02846887676686549, 4.71871448946665417 52.02873061372466168, 4.71784120504460702 52.0340636401954697, 4.71758140391485714 52.03530673753341063, 4.71987122724111252 52.03520081863275237, 4.71990339800162229 52.03027306938933805)))</t>
  </si>
  <si>
    <t>MultiPolygon (((4.71172233211924762 52.03415201249130462, 4.71784120504460702 52.0340636401954697, 4.71871448946665417 52.02873061372466168, 4.71318400710518404 52.02865856687283497, 4.71293514565832172 52.0306951220610614, 4.71160379711345634 52.03211465667794045, 4.71172233211924762 52.03415201249130462, 4.71172233211924762 52.03415201249130462)))</t>
  </si>
  <si>
    <t>MultiPolygon (((4.70922959806033514 52.0395495493360869, 4.712393194083913 52.03896307145320321, 4.71172233211924762 52.03415201249130462, 4.71160379711345634 52.03211465667794045, 4.71293514565832172 52.0306951220610614, 4.71318400710518404 52.02865856687283497, 4.70555968781835254 52.02816599512058104, 4.70629912155070418 52.03115652899610666, 4.70715111847739021 52.03112975945850138, 4.70879792653683449 52.03515637989529807, 4.70922959806033514 52.0395495493360869, 4.70922959806033514 52.0395495493360869)))</t>
  </si>
  <si>
    <t>MultiPolygon (((4.70603928939861049 52.04011969881705113, 4.70922959806033514 52.0395495493360869, 4.70879792653683449 52.03515637989529807, 4.70715111847739021 52.03112975945850138, 4.70629912155070418 52.03115652899610666, 4.70475144856895433 52.03562351311880718, 4.70173773267646844 52.03785600646667575, 4.70603928939861049 52.04011969881705113, 4.70603928939861049 52.04011969881705113)))</t>
  </si>
  <si>
    <t>MultiPolygon (((4.69497045352130105 52.03441915698193299, 4.69970171157242333 52.0369142813960508, 4.70117422440547639 52.03580084116564564, 4.70271236237663715 52.02922151372143134, 4.70199230296457138 52.0288748592169128, 4.69497045352130105 52.03441915698193299, 4.69497045352130105 52.03441915698193299)))</t>
  </si>
  <si>
    <t>MultiPolygon (((4.69970171157242333 52.0369142813960508, 4.70173773267646844 52.03785600646667575, 4.70475144856895433 52.03562351311880718, 4.70629912155070418 52.03115652899610666, 4.70555968781835254 52.02816599512058104, 4.70751028587901033 52.02361000135594082, 4.70740092560617907 52.023694328262998, 4.70204196762098903 52.02756825441569788, 4.70199230296457138 52.0288748592169128, 4.70271236237663715 52.02922151372143134, 4.70117422440547639 52.03580084116564564, 4.69970171157242333 52.0369142813960508, 4.69970171157242333 52.0369142813960508)))</t>
  </si>
  <si>
    <t>MultiPolygon (((4.69683793793977156 52.03029101133262202, 4.69917128735213829 52.02860252789908202, 4.6908609914534436 52.02479469106386745, 4.68909232108143303 52.02636960120027254, 4.69683793793977156 52.03029101133262202, 4.69683793793977156 52.03029101133262202)))</t>
  </si>
  <si>
    <t>MultiPolygon (((4.68584771240575559 52.03026386954489624, 4.68909232108143303 52.02636960120027254, 4.6908609914534436 52.02479469106386745, 4.69385694643499285 52.0225509074383794, 4.69414024098052085 52.02064425621916399, 4.69402824508009697 52.01852520906156485, 4.68771396238914306 52.01943647534505288, 4.68200007881633695 52.01894214276200046, 4.6818231046706531 52.0193075035113921, 4.67967167360222103 52.02115726364328196, 4.67364789296687988 52.02259932492767547, 4.67038062771071782 52.0228351987147164, 4.66777029954260048 52.02451870508917864, 4.66727899561940163 52.02507833684991567, 4.67908162878379397 52.02819101434761251, 4.68054137028016726 52.02798127582806842, 4.68584771240575559 52.03026386954489624, 4.68584771240575559 52.03026386954489624)))</t>
  </si>
  <si>
    <t>MultiPolygon (((4.6918965656415601 52.03298476310937559, 4.69497045352130105 52.03441915698193299, 4.70199230296457138 52.0288748592169128, 4.70204196762098903 52.02756825441569788, 4.70740092560617907 52.023694328262998, 4.70723345516821201 52.02361089273106387, 4.69989420865213425 52.02897180430776558, 4.69917128735213829 52.02860252789908202, 4.69683793793977156 52.03029101133262202, 4.69428095987561633 52.03301533933356637, 4.6918965656415601 52.03298476310937559, 4.6918965656415601 52.03298476310937559)))</t>
  </si>
  <si>
    <t>MultiPolygon (((4.69428095987561633 52.03301533933356637, 4.69683793793977156 52.03029101133262202, 4.68909232108143303 52.02636960120027254, 4.68584771240575559 52.03026386954489624, 4.6918965656415601 52.03298476310937559, 4.69428095987561633 52.03301533933356637, 4.69428095987561633 52.03301533933356637)))</t>
  </si>
  <si>
    <t>MultiPolygon (((4.6908609914534436 52.02479469106386745, 4.69917128735213829 52.02860252789908202, 4.69989420865213425 52.02897180430776558, 4.70723345516821201 52.02361089273106387, 4.70289781522453953 52.02154927308209409, 4.69816033314925274 52.02153401077961803, 4.69414024098052085 52.02064425621916399, 4.69385694643499285 52.0225509074383794, 4.6908609914534436 52.02479469106386745, 4.6908609914534436 52.02479469106386745)))</t>
  </si>
  <si>
    <t>MultiPolygon (((4.70723345516821201 52.02361089273106387, 4.70740092560617907 52.023694328262998, 4.70751028587901033 52.02361000135594082, 4.70789690925787063 52.02320594835916268, 4.70937493922747219 52.01710435411578715, 4.69402824508009697 52.01852520906156485, 4.69414024098052085 52.02064425621916399, 4.69816033314925274 52.02153401077961803, 4.70289781522453953 52.02154927308209409, 4.70723345516821201 52.02361089273106387, 4.70723345516821201 52.02361089273106387)))</t>
  </si>
  <si>
    <t>MultiPolygon (((4.69343463291404284 52.00090838944168325, 4.70025700536394897 52.00049034663825154, 4.70352224885749148 52.00145266714284986, 4.69682969406875639 51.99694392429434942, 4.6906416646061313 51.99667196559464344, 4.69343463291404284 52.00090838944168325, 4.69343463291404284 52.00090838944168325)))</t>
  </si>
  <si>
    <t>MultiPolygon (((4.69682969406875639 51.99694392429434942, 4.70352224885749148 52.00145266714284986, 4.70577543756291394 52.00293293152278551, 4.70786485960128775 52.00407765791441506, 4.7058048123874503 52.00514553783177263, 4.70747467181018653 52.00739918622517877, 4.71263790071140676 52.00619984017981778, 4.70721706869458245 52.00176226598450313, 4.70107146977214185 51.99756061726231593, 4.69682969406875639 51.99694392429434942)))</t>
  </si>
  <si>
    <t>MultiPolygon (((4.68381311575921888 52.01465173348372417, 4.69376428548607016 52.01478970674127567, 4.69779077722208349 52.01390389900219446, 4.7021648661097748 52.01146969220746996, 4.70016013805649191 52.01021637647590268, 4.69701328980073551 52.01152128757308901, 4.69290047708620595 52.0110253088288772, 4.69049346441921067 52.00946068345079709, 4.68970747855926806 52.0090460847672631, 4.68587963469338753 52.01165212317915376, 4.68381311575921888 52.01465173348372417, 4.68381311575921888 52.01465173348372417)))</t>
  </si>
  <si>
    <t>MultiPolygon (((4.68970747855926806 52.0090460847672631, 4.69049346441921067 52.00946068345079709, 4.70059829481554736 52.00581117489564065, 4.70024864816721255 52.00476759254819825, 4.70577543756291394 52.00293293152278551, 4.70352224885749148 52.00145266714284986, 4.70025700536394897 52.00049034663825154, 4.69343463291404284 52.00090838944168325, 4.69383688779103814 52.00223980726186568, 4.69340872143946264 52.00590709770193598, 4.68970747855926806 52.0090460847672631, 4.68970747855926806 52.0090460847672631)))</t>
  </si>
  <si>
    <t>MultiPolygon (((4.7021648661097748 52.01146969220746996, 4.70270310184898932 52.01114334393287209, 4.70356249828140704 52.00934589173611045, 4.70747467181018653 52.00739918622517877, 4.7058048123874503 52.00514553783177263, 4.70786485960128775 52.00407765791441506, 4.70577543756291394 52.00293293152278551, 4.70024864816721255 52.00476759254819825, 4.70059829481554736 52.00581117489564065, 4.69049346441921067 52.00946068345079709, 4.69290047708620595 52.0110253088288772, 4.69701328980073551 52.01152128757308901, 4.70016013805649191 52.01021637647590268, 4.7021648661097748 52.01146969220746996, 4.7021648661097748 52.01146969220746996)))</t>
  </si>
  <si>
    <t>MultiPolygon (((4.68200007881633695 52.01894214276200046, 4.68771396238914306 52.01943647534505288, 4.69402824508009697 52.01852520906156485, 4.69376428548607016 52.01478970674127567, 4.68381311575921888 52.01465173348372417, 4.68200007881633695 52.01894214276200046, 4.68200007881633695 52.01894214276200046)))</t>
  </si>
  <si>
    <t>MultiPolygon (((4.69402824508009697 52.01852520906156485, 4.70937493922747219 52.01710435411578715, 4.70962445515189021 52.01538174360040045, 4.70774955684977936 52.01453990584641218, 4.7034845440804931 52.01192048404340795, 4.70270310184898932 52.01114334393287209, 4.7021648661097748 52.01146969220746996, 4.69779077722208349 52.01390389900219446, 4.69376428548607016 52.01478970674127567, 4.69402824508009697 52.01852520906156485, 4.69402824508009697 52.01852520906156485)))</t>
  </si>
  <si>
    <t>MultiPolygon (((4.70270310184898932 52.01114334393287209, 4.7034845440804931 52.01192048404340795, 4.70811677276861129 52.00948204652595308, 4.70949701359284312 52.00994837375970548, 4.71284182806485585 52.00641504067769461, 4.71263790071140676 52.00619984017981778, 4.70747467181018653 52.00739918622517877, 4.70356249828140704 52.00934589173611045, 4.70270310184898932 52.01114334393287209, 4.70270310184898932 52.01114334393287209)))</t>
  </si>
  <si>
    <t>MultiPolygon (((4.7034845440804931 52.01192048404340795, 4.70774955684977936 52.01453990584641218, 4.71008891174932476 52.01116667087509171, 4.70949701359284312 52.00994837375970548, 4.70811677276861129 52.00948204652595308, 4.7034845440804931 52.01192048404340795, 4.7034845440804931 52.01192048404340795)))</t>
  </si>
  <si>
    <t>MultiPolygon (((4.71008891174932476 52.01116667087509171, 4.71492231654885785 52.01236518444981982, 4.71601385349266788 52.00683269624507687, 4.71284182806485585 52.00641504067769461, 4.70949701359284312 52.00994837375970548, 4.71008891174932476 52.01116667087509171, 4.71008891174932476 52.01116667087509171)))</t>
  </si>
  <si>
    <t>MultiPolygon (((4.70774955684977936 52.01453990584641218, 4.70962445515189021 52.01538174360040045, 4.71460014275145589 52.01267927740543939, 4.71492231654885785 52.01236518444981982, 4.71008891174932476 52.01116667087509171, 4.70774955684977936 52.01453990584641218, 4.70774955684977936 52.01453990584641218)))</t>
  </si>
  <si>
    <t>MultiPolygon (((4.98474480506481754 51.82840988390636028, 4.99145963435029039 51.82765007671203961, 4.99814446428378734 51.82722164877228721, 5.00055614163711315 51.82627191860846239, 4.99885923349556638 51.82246793076121349, 4.99928263140519569 51.82086777643730358, 4.98775692375040158 51.82105936355816311, 4.97609973625567115 51.82263304317404362, 4.97577498472088742 51.82679041783390517, 4.98304045236747672 51.82739513827504396, 4.98474480506481754 51.82840988390636028, 4.98474480506481754 51.82840988390636028)))</t>
  </si>
  <si>
    <t>MultiPolygon (((5.02828757249051073 51.82616034275563521, 5.01583909935032146 51.8281167791811086, 5.01823619934050491 51.83302569515641522, 5.01917169764516036 51.83307347525216358, 5.02030611722738751 51.83785125446129882, 5.02127035131515331 51.84192571799312788, 5.03141500158570043 51.84108480241828687, 5.02828757249051073 51.82616034275563521)))</t>
  </si>
  <si>
    <t>MultiPolygon (((4.9649765771288541 51.86159157724576119, 4.98331860890025347 51.85710825128816737, 4.98126056699179287 51.85187026342337901, 4.98099980867357228 51.85120530585432164, 4.97001665736371034 51.8499509579632516, 4.96640261973716157 51.85005658045641752, 4.96886200761826391 51.85474921619967148, 4.9555869785066351 51.85700035287250387, 4.95697258653079942 51.85957311672378012, 4.95930956178233284 51.86288493530631172, 4.9649765771288541 51.86159157724576119, 4.9649765771288541 51.86159157724576119)))</t>
  </si>
  <si>
    <t>MultiPolygon (((4.950536388755296 51.8460146389344132, 4.94275330623823184 51.8441544957159266, 4.94271443980549918 51.84478412284490645, 4.94034627438747886 51.85842846269660811, 4.93839867744694949 51.86362936025894754, 4.93889522602020747 51.86351838144711479, 4.95697258653079942 51.85957311672378012, 4.9555869785066351 51.85700035287250387, 4.95209633308072572 51.84940821471443684, 4.950536388755296 51.8460146389344132, 4.950536388755296 51.8460146389344132)))</t>
  </si>
  <si>
    <t>MultiPolygon (((4.9555869785066351 51.85700035287250387, 4.96886200761826391 51.85474921619967148, 4.96640261973716157 51.85005658045641752, 4.95209633308072572 51.84940821471443684, 4.9555869785066351 51.85700035287250387, 4.9555869785066351 51.85700035287250387)))</t>
  </si>
  <si>
    <t>MultiPolygon (((4.96640261973716157 51.85005658045641752, 4.97001665736371034 51.8499509579632516, 4.98099980867357228 51.85120530585432164, 4.97923171781507889 51.84677890982117532, 4.97272052316737234 51.84662467547434517, 4.96565762225004192 51.84648878496076918, 4.950536388755296 51.8460146389344132, 4.95209633308072572 51.84940821471443684, 4.96640261973716157 51.85005658045641752, 4.96640261973716157 51.85005658045641752)))</t>
  </si>
  <si>
    <t>MultiPolygon (((5.00000184944210257 51.84757584954264331, 4.99889506816140106 51.8452463056871693, 4.99952038626944351 51.84513740053805009, 4.99929631952061637 51.84459988083369097, 4.99659276736896807 51.84506755965914948, 4.98746290271846071 51.84637348813804891, 4.97923171781507889 51.84677890982117532, 4.98099980867357228 51.85120530585432164, 4.98126056699179287 51.85187026342337901, 4.99634190804460498 51.84922862450839176, 4.99868458270965021 51.85227720698765097, 5.00000184944210257 51.84757584954264331)))</t>
  </si>
  <si>
    <t>MultiPolygon (((5.02127035131515331 51.84192571799312788, 5.02030611722738751 51.83785125446129882, 5.01584632553792087 51.83865430205591451, 5.00444948061126027 51.83805306288608961, 5.00356554214890714 51.84036970834176117, 5.00289510484942479 51.84366182780679821, 5.00344786355018556 51.84476893031502698, 5.00932300895632387 51.84271614135450079, 5.02127035131515331 51.84192571799312788, 5.02127035131515331 51.84192571799312788)))</t>
  </si>
  <si>
    <t>MultiPolygon (((4.99929631952061637 51.84459988083369097, 4.99993408980354825 51.84439143904365466, 5.00289510484942479 51.84366182780679821, 5.00356554214890714 51.84036970834176117, 4.99846975580305308 51.84029348431288753, 4.99022839187531453 51.84046277852403506, 4.9898196569409965 51.84104832106775262, 4.99356840792305245 51.8442746356670483, 4.99659276736896807 51.84506755965914948, 4.99929631952061637 51.84459988083369097, 4.99929631952061637 51.84459988083369097)))</t>
  </si>
  <si>
    <t>MultiPolygon (((4.98746290271846071 51.84637348813804891, 4.99659276736896807 51.84506755965914948, 4.99356840792305245 51.8442746356670483, 4.9898196569409965 51.84104832106775262, 4.99022839187531453 51.84046277852403506, 4.98648287615059704 51.83823547999084269, 4.98032833707927658 51.83397029208177997, 4.97769194051128228 51.83238430549732101, 4.97841848581450552 51.83526573738587473, 4.97882228994702469 51.83639002407689844, 4.9842316373396196 51.83977679849184028, 4.98570163138842215 51.84492442314932248, 4.98746290271846071 51.84637348813804891, 4.98746290271846071 51.84637348813804891)))</t>
  </si>
  <si>
    <t>MultiPolygon (((5.00444948061126027 51.83805306288608961, 5.01584632553792087 51.83865430205591451, 5.02030611722738751 51.83785125446129882, 5.01917169764516036 51.83307347525216358, 5.01823619934050491 51.83302569515641522, 5.01583909935032146 51.8281167791811086, 5.00650041031462045 51.83063690943463797, 5.00489520080740213 51.83093775268386594, 5.00444948061126027 51.83805306288608961, 5.00444948061126027 51.83805306288608961)))</t>
  </si>
  <si>
    <t>MultiPolygon (((5.02828757249051073 51.82616034275563521, 5.02770116019473612 51.82354983594606068, 5.02635176676337103 51.81885673991695285, 5.01299607525230329 51.82072575328822239, 5.00036390764917282 51.82093338277372396, 4.99928263140519569 51.82086777643730358, 4.99885923349556638 51.82246793076121349, 5.00055614163711315 51.82627191860846239, 5.00253649894279118 51.82699289282790289, 5.00258889198411172 51.82637137063684918, 5.00734427801494064 51.82497536081280742, 5.00781305964690215 51.83027437609747778, 5.00650041031462045 51.83063690943463797, 5.01583909935032146 51.8281167791811086, 5.02828757249051073 51.82616034275563521, 5.02828757249051073 51.82616034275563521)))</t>
  </si>
  <si>
    <t>MultiPolygon (((4.9895810892977206 51.83171294872980894, 4.99966166723583605 51.83077169789429917, 5.00489520080740213 51.83093775268386594, 5.00650041031462045 51.83063690943463797, 5.00781305964690215 51.83027437609747778, 5.00734427801494064 51.82497536081280742, 5.00258889198411172 51.82637137063684918, 5.00253649894279118 51.82699289282790289, 5.00055614163711315 51.82627191860846239, 4.99814446428378734 51.82722164877228721, 4.99145963435029039 51.82765007671203961, 4.9895810892977206 51.83171294872980894, 4.9895810892977206 51.83171294872980894)))</t>
  </si>
  <si>
    <t>MultiPolygon (((4.99846975580305308 51.84029348431288753, 5.00356554214890714 51.84036970834176117, 5.00444948061126027 51.83805306288608961, 5.00489520080740213 51.83093775268386594, 4.99966166723583605 51.83077169789429917, 4.99971393448293266 51.83434549407083836, 5.00091052769215505 51.83514643248935982, 4.99920052820228644 51.83611169919226569, 4.99846975580305308 51.84029348431288753, 4.99846975580305308 51.84029348431288753)))</t>
  </si>
  <si>
    <t>MultiPolygon (((4.99022839187531453 51.84046277852403506, 4.99846975580305308 51.84029348431288753, 4.99920052820228644 51.83611169919226569, 4.99148593414829556 51.83562923948122858, 4.98981767025854062 51.83505409775933259, 4.98648287615059704 51.83823547999084269, 4.99022839187531453 51.84046277852403506, 4.99022839187531453 51.84046277852403506)))</t>
  </si>
  <si>
    <t>MultiPolygon (((4.98981767025854062 51.83505409775933259, 4.99148593414829556 51.83562923948122858, 4.99920052820228644 51.83611169919226569, 5.00091052769215505 51.83514643248935982, 4.99971393448293266 51.83434549407083836, 4.99966166723583605 51.83077169789429917, 4.9895810892977206 51.83171294872980894, 4.98981767025854062 51.83505409775933259, 4.98981767025854062 51.83505409775933259)))</t>
  </si>
  <si>
    <t>MultiPolygon (((4.950536388755296 51.8460146389344132, 4.94904401102572145 51.84276726500326049, 4.94652054372626715 51.83729846690302168, 4.94547456000794927 51.83507210967599832, 4.94051561507094839 51.83710789838463029, 4.93483156372833598 51.83796999062765565, 4.92507267289576145 51.8378777054868678, 4.92501562931818793 51.83830334480737179, 4.92486383139317141 51.8397184131806128, 4.92182281433407809 51.8407888901597218, 4.9254413017470684 51.84023945320760163, 4.93088599239709158 51.84026589969077747, 4.93661777386180844 51.84293378778047412, 4.93693991218023598 51.8443784259882392, 4.94271443980549918 51.84478412284490645, 4.94275330623823184 51.8441544957159266, 4.950536388755296 51.8460146389344132)))</t>
  </si>
  <si>
    <t>MultiPolygon (((4.92507267289576145 51.8378777054868678, 4.93483156372833598 51.83796999062765565, 4.94051561507094839 51.83710789838463029, 4.94547456000794927 51.83507210967599832, 4.94243757471517053 51.82724317646023593, 4.93606411627152575 51.82831449956040615, 4.9269865797939465 51.82830596135514867, 4.92519486658762862 51.83707973057831708, 4.92512027537856945 51.83753073920923526, 4.92507267289576145 51.8378777054868678)))</t>
  </si>
  <si>
    <t>MultiPolygon (((4.94547456000794927 51.83507210967599832, 4.95501067996769429 51.83123188456434605, 4.96146776779859788 51.83000599069235648, 4.9641666936151756 51.83025045405061348, 4.96671414451320814 51.83207516570328011, 4.97269092777888666 51.83471963520037917, 4.96625429199622825 51.82990501671611128, 4.96357121586426153 51.82916683343446351, 4.96116696631081933 51.82693142074014503, 4.96051580853086538 51.82504210113267362, 4.94243757471517053 51.82724317646023593, 4.94547456000794927 51.83507210967599832, 4.94547456000794927 51.83507210967599832)))</t>
  </si>
  <si>
    <t>MultiPolygon (((4.94547456000794927 51.83507210967599832, 4.94652054372626715 51.83729846690302168, 4.95618458311451882 51.83362472156460399, 4.96321791430942838 51.8331364971243147, 4.96926054772429016 51.83447713849110272, 4.97384038437351972 51.83599380021225045, 4.97269092777888666 51.83471963520037917, 4.96671414451320814 51.83207516570328011, 4.9641666936151756 51.83025045405061348, 4.96146776779859788 51.83000599069235648, 4.95501067996769429 51.83123188456434605, 4.94547456000794927 51.83507210967599832, 4.94547456000794927 51.83507210967599832)))</t>
  </si>
  <si>
    <t>MultiPolygon (((4.94904401102572145 51.84276726500326049, 4.95222887229899378 51.84234983420430609, 4.96231308982156616 51.83766429690049193, 4.96374312611879898 51.83617342408512485, 4.96321791430942838 51.8331364971243147, 4.95618458311451882 51.83362472156460399, 4.94652054372626715 51.83729846690302168, 4.94904401102572145 51.84276726500326049, 4.94904401102572145 51.84276726500326049)))</t>
  </si>
  <si>
    <t>MultiPolygon (((4.950536388755296 51.8460146389344132, 4.96565762225004192 51.84648878496076918, 4.96528200761488669 51.84193513041719115, 4.96334374272793344 51.83823763796525697, 4.96231308982156616 51.83766429690049193, 4.95222887229899378 51.84234983420430609, 4.94904401102572145 51.84276726500326049, 4.950536388755296 51.8460146389344132, 4.950536388755296 51.8460146389344132)))</t>
  </si>
  <si>
    <t>MultiPolygon (((4.97272052316737234 51.84662467547434517, 4.97923171781507889 51.84677890982117532, 4.97700918469635489 51.83984476643943395, 4.97384038437351972 51.83599380021225045, 4.96926054772429016 51.83447713849110272, 4.97272052316737234 51.84662467547434517, 4.97272052316737234 51.84662467547434517)))</t>
  </si>
  <si>
    <t>MultiPolygon (((4.96565762225004192 51.84648878496076918, 4.97272052316737234 51.84662467547434517, 4.96926054772429016 51.83447713849110272, 4.96321791430942838 51.8331364971243147, 4.96374312611879898 51.83617342408512485, 4.96231308982156616 51.83766429690049193, 4.96334374272793344 51.83823763796525697, 4.96528200761488669 51.84193513041719115, 4.96565762225004192 51.84648878496076918, 4.96565762225004192 51.84648878496076918)))</t>
  </si>
  <si>
    <t>MultiPolygon (((4.97923171781507889 51.84677890982117532, 4.98746290271846071 51.84637348813804891, 4.98570163138842215 51.84492442314932248, 4.9842316373396196 51.83977679849184028, 4.97882228994702469 51.83639002407689844, 4.97841848581450552 51.83526573738587473, 4.97269092777888666 51.83471963520037917, 4.97384038437351972 51.83599380021225045, 4.97700918469635489 51.83984476643943395, 4.97923171781507889 51.84677890982117532, 4.97923171781507889 51.84677890982117532)))</t>
  </si>
  <si>
    <t>MultiPolygon (((4.98648287615059704 51.83823547999084269, 4.98981767025854062 51.83505409775933259, 4.9895810892977206 51.83171294872980894, 4.99145963435029039 51.82765007671203961, 4.98474480506481754 51.82840988390636028, 4.98638015486020425 51.83138008348274894, 4.98182362444015325 51.83389297178270283, 4.98032833707927658 51.83397029208177997, 4.98648287615059704 51.83823547999084269, 4.98648287615059704 51.83823547999084269)))</t>
  </si>
  <si>
    <t>MultiPolygon (((4.97269092777888666 51.83471963520037917, 4.97841848581450552 51.83526573738587473, 4.97769194051128228 51.83238430549732101, 4.97577498472088742 51.82679041783390517, 4.97609973625567115 51.82263304317404362, 4.96963313334471568 51.82365436701068262, 4.96051580853086538 51.82504210113267362, 4.96116696631081933 51.82693142074014503, 4.96357121586426153 51.82916683343446351, 4.96625429199622825 51.82990501671611128, 4.97269092777888666 51.83471963520037917, 4.97269092777888666 51.83471963520037917)))</t>
  </si>
  <si>
    <t>MultiPolygon (((4.97769194051128228 51.83238430549732101, 4.98032833707927658 51.83397029208177997, 4.98182362444015325 51.83389297178270283, 4.98638015486020425 51.83138008348274894, 4.98474480506481754 51.82840988390636028, 4.98304045236747672 51.82739513827504396, 4.97577498472088742 51.82679041783390517, 4.97769194051128228 51.83238430549732101, 4.97769194051128228 51.83238430549732101)))</t>
  </si>
  <si>
    <t>MultiPolygon (((4.739227681686903 51.80318429629348032, 4.73950730287537869 51.80414208909218132, 4.75100727396995293 51.79995335687245728, 4.75489076688341239 51.79731070586553443, 4.75903115670619847 51.79246067198923242, 4.76201399494336552 51.79328408013895313, 4.76598313790296846 51.78963166784015471, 4.76522447915022518 51.78920836200058631, 4.75762565115111169 51.78815502816596705, 4.75012642859582535 51.78529502239190663, 4.73557290824597299 51.7820193455430271, 4.72500217989246973 51.78227952228559161, 4.71311610204913567 51.78137855254666277, 4.71338476667845541 51.78593131594376331, 4.7276390822990626 51.78868426673052028, 4.7358621071553717 51.78924273994314831, 4.73698140520531208 51.79004601724273726, 4.73709835102774068 51.79331185920573688, 4.73476144982301683 51.79422097657457158, 4.73964175760974182 51.79700911036078281, 4.739227681686903 51.80318429629348032, 4.739227681686903 51.80318429629348032)))</t>
  </si>
  <si>
    <t>MultiPolygon (((4.71311610204913567 51.78137855254666277, 4.72500217989246973 51.78227952228559161, 4.73557290824597299 51.7820193455430271, 4.75012642859582535 51.78529502239190663, 4.75762565115111169 51.78815502816596705, 4.76522447915022518 51.78920836200058631, 4.7552396711686411 51.78161140553364561, 4.75056888100835373 51.77576150556163981, 4.74478820573393634 51.763487431646098, 4.74076999983557279 51.75881820711274628, 4.73663079397438569 51.75556837949227429, 4.72459157909750704 51.74790551616241885, 4.70374567774765495 51.73692747186530738, 4.69326289432834631 51.73228162614703507, 4.68159758910182067 51.72841872802829499, 4.67630422347182506 51.72492365057537, 4.67522259169575705 51.72420939039610488, 4.64513658491795489 51.71906732503935444, 4.64385229610427164 51.71882698661915612, 4.64086032884086741 51.7233712436142028, 4.63440420443614975 51.72161553430894543, 4.63685422401973657 51.71743529803992345, 4.63643050329010364 51.71735050455952631, 4.63390327207007147 51.72144718385193585, 4.62811154216493037 51.7204878848593026, 4.62766700599143821 51.72361255930012902, 4.62876169914088287 51.72552527102850917, 4.62786755240659975 51.72551502155965153, 4.62656044125945698 51.72277963205725371, 4.62641443677032882 51.72080531286386673, 4.62777565165530369 51.71998217731223946, 4.62666491416999559 51.719952709271098, 4.6235970409146061 51.72139586517181442, 4.62657924413002153 51.72825628753037819, 4.63112612800784262 51.74174595933288145, 4.63112212473128437 51.75010697170178986, 4.6378155023419847 51.7483797345217269, 4.63999948935123996 51.74896538452385641, 4.64609000796827498 51.76326934719288175, 4.64928918625236154 51.76443111665491159, 4.66237863488087978 51.76790247658229305, 4.67607891058109626 51.77150884197094882, 4.68747292772317881 51.77450515249238805, 4.71311610204913567 51.78137855254666277, 4.71311610204913567 51.78137855254666277)))</t>
  </si>
  <si>
    <t>MultiPolygon (((4.76533116094592213 51.81491148645255151, 4.76134461027914035 51.80832657349895243, 4.75429993468046241 51.80935181091900432, 4.74672703848967004 51.81220637956509734, 4.74489314496044479 51.81557365755845979, 4.74905634830442303 51.81711338494014996, 4.75592436117668615 51.81805851994711531, 4.76533116094592213 51.81491148645255151)))</t>
  </si>
  <si>
    <t>MultiPolygon (((4.75775720658852919 51.81919126918703, 4.76618033806403218 51.81606547344766511, 4.77209159894142854 51.81531908858026725, 4.77854767642781386 51.81529342328965271, 4.78535488669412601 51.81519839098598368, 4.78974179980313242 51.81573818802169029, 4.79747659394404469 51.81716511053215868, 4.81141583261023431 51.81865819702500886, 4.82011495611962548 51.81905787172799904, 4.83905200601726371 51.81925463100208873, 4.84767760811275306 51.81891589138007248, 4.85611076048016344 51.81839470829908834, 4.87487993976867084 51.81759946955133955, 4.8833229028889118 51.81862739757952596, 4.8846425122657271 51.81647139787968115, 4.85966726715329411 51.80268434607918238, 4.85441346272882157 51.80068312837892819, 4.8459843359764756 51.79875695585518969, 4.8361084409578865 51.79783909669768605, 4.82887222068418165 51.79802061246265055, 4.80687568132240628 51.80033628648608612, 4.79719413818000806 51.79976996464424843, 4.77353901778447298 51.79332433578956341, 4.76598313790296846 51.78963166784015471, 4.76201399494336552 51.79328408013895313, 4.75903115670619847 51.79246067198923242, 4.75489076688341239 51.79731070586553443, 4.75100727396995293 51.79995335687245728, 4.73950730287537869 51.80414208909218132, 4.7352617105635737 51.8054470602496977, 4.7398158458860058 51.80963328004918367, 4.74200002207462479 51.81540040642344991, 4.74176466575397804 51.82222108702024599, 4.75144057260141217 51.82161071882599401, 4.75775720658852919 51.81919126918703),(4.75429993468046241 51.80935181091900432, 4.76134461027914035 51.80832657349895243, 4.76533116094592213 51.81491148645255151, 4.75592436117668615 51.81805851994711531, 4.74905634830442303 51.81711338494014996, 4.74489314496044479 51.81557365755845979, 4.74672703848967004 51.81220637956509734, 4.75429993468046241 51.80935181091900432)))</t>
  </si>
  <si>
    <t>MultiPolygon (((4.63631557012364759 51.76093938297161401, 4.64609000796827498 51.76326934719288175, 4.63999948935123996 51.74896538452385641, 4.6378155023419847 51.7483797345217269, 4.63112212473128437 51.75010697170178986, 4.62711022039577191 51.76028313561283767, 4.63631557012364759 51.76093938297161401, 4.63631557012364759 51.76093938297161401)))</t>
  </si>
  <si>
    <t>MultiPolygon (((4.64574596044358223 51.772555809361684, 4.64892815837259921 51.7725586002446434, 4.65601514475856337 51.77278013544128044, 4.64955551891377272 51.76493023649825176, 4.64368583236400578 51.76336037023053649, 4.64431164178176026 51.77256478281631757, 4.64574596044358223 51.772555809361684, 4.64574596044358223 51.772555809361684)))</t>
  </si>
  <si>
    <t>MultiPolygon (((4.6269291283586016 51.77266315533821484, 4.64329708925950957 51.77257102592861315, 4.64263505388270126 51.76307929432682897, 4.63629628391797866 51.76159466749198401, 4.63631557012364759 51.76093938297161401, 4.62711022039577191 51.76028313561283767, 4.62611529822004197 51.76605157999493656, 4.6269291283586016 51.77266315533821484, 4.6269291283586016 51.77266315533821484)))</t>
  </si>
  <si>
    <t>MultiPolygon (((4.62771195491251142 51.77763809707635545, 4.64412701438059994 51.77719734280821484, 4.64421297598046401 51.7751805815143058, 4.64329708925950957 51.77257102592861315, 4.6269291283586016 51.77266315533821484, 4.6269853124492375 51.77290645859855545, 4.62771195491251142 51.77763809707635545, 4.62771195491251142 51.77763809707635545)))</t>
  </si>
  <si>
    <t>MultiPolygon (((4.64329708925950957 51.77257102592861315, 4.64421297598046401 51.7751805815143058, 4.64574596044358223 51.772555809361684, 4.64431164178176026 51.77256478281631757, 4.64368583236400578 51.76336037023053649, 4.64955551891377272 51.76493023649825176, 4.64928918625236154 51.76443111665491159, 4.64609000796827498 51.76326934719288175, 4.63631557012364759 51.76093938297161401, 4.63629628391797866 51.76159466749198401, 4.64263505388270126 51.76307929432682897, 4.64329708925950957 51.77257102592861315, 4.64329708925950957 51.77257102592861315)))</t>
  </si>
  <si>
    <t>MultiPolygon (((4.66375554638115908 51.78143707411947361, 4.66312026709684879 51.78072739719512896, 4.6596310954269633 51.77682281483518523, 4.65601514475856337 51.77278013544128044, 4.64892815837259921 51.7725586002446434, 4.65049140410659678 51.7800920061722465, 4.65050443369157396 51.78024813228766732, 4.65223650638503639 51.7802157707468993, 4.65325913419774562 51.77904991875131202, 4.65320083252095085 51.77695290762046199, 4.655989505251803 51.77689375157168428, 4.65826876339285434 51.77967218665553162, 4.65924619939155438 51.7793525688155114, 4.66035183921073415 51.78053645325053367, 4.66040655235887957 51.78196206107840283, 4.66375554638115908 51.78143707411947361, 4.66375554638115908 51.78143707411947361)))</t>
  </si>
  <si>
    <t>MultiPolygon (((4.65032085941615136 51.78418287070164894, 4.65281761086896495 51.78416006701580443, 4.65420901327408387 51.784129021890827, 4.65826876339285434 51.77967218665553162, 4.655989505251803 51.77689375157168428, 4.65320083252095085 51.77695290762046199, 4.65325913419774562 51.77904991875131202, 4.65223650638503639 51.7802157707468993, 4.65050443369157396 51.78024813228766732, 4.65032085941615136 51.78418287070164894, 4.65032085941615136 51.78418287070164894)))</t>
  </si>
  <si>
    <t>MultiPolygon (((4.64547789931236288 51.78432354712194297, 4.65032085941615136 51.78418287070164894, 4.65050443369157396 51.78024813228766732, 4.65049140410659678 51.7800920061722465, 4.64428920837300119 51.78023068325411771, 4.64547789931236288 51.78432354712194297, 4.64547789931236288 51.78432354712194297)))</t>
  </si>
  <si>
    <t>MultiPolygon (((4.64428920837300119 51.78023068325411771, 4.65049140410659678 51.7800920061722465, 4.64892815837259921 51.7725586002446434, 4.64574596044358223 51.772555809361684, 4.64421297598046401 51.7751805815143058, 4.64412701438059994 51.77719734280821484, 4.64428920837300119 51.78023068325411771, 4.64428920837300119 51.78023068325411771)))</t>
  </si>
  <si>
    <t>MultiPolygon (((4.63565961144842209 51.78454810691577137, 4.64547789931236288 51.78432354712194297, 4.64428920837300119 51.78023068325411771, 4.64412701438059994 51.77719734280821484, 4.62771195491251142 51.77763809707635545, 4.6274953812976003 51.78217194117502942, 4.62742192760933246 51.78248550604041611, 4.63548451423032581 51.78231557628362935, 4.63565961144842209 51.78454810691577137, 4.63565961144842209 51.78454810691577137)))</t>
  </si>
  <si>
    <t>MultiPolygon (((4.62684038440791223 51.78475131346424121, 4.63565961144842209 51.78454810691577137, 4.63548451423032581 51.78231557628362935, 4.62742192760933246 51.78248550604041611, 4.62684038440791223 51.78475131346424121, 4.62684038440791223 51.78475131346424121)))</t>
  </si>
  <si>
    <t>MultiPolygon (((4.62187168576895502 51.79769048839396106, 4.6212215755916457 51.80080368180366435, 4.62782086999028675 51.79996012075198308, 4.63048804111611734 51.79894068380744443, 4.63286367570889279 51.79700453915356917, 4.63399577860880019 51.79282898412224512, 4.63350034411533684 51.79197477457615406, 4.6292379830331889 51.78629200491072027, 4.62684038440791223 51.78475131346424121, 4.62321268598832003 51.79241316043233923, 4.62187168576895502 51.79769048839396106, 4.62187168576895502 51.79769048839396106)))</t>
  </si>
  <si>
    <t>MultiPolygon (((4.63890999289591566 51.79905350564764888, 4.63399577860880019 51.79282898412224512, 4.63286367570889279 51.79700453915356917, 4.63048804111611734 51.79894068380744443, 4.62782086999028675 51.79996012075198308, 4.6212215755916457 51.80080368180366435, 4.62603711828724329 51.80102218459229135, 4.63217886178070426 51.80213104927525336, 4.64195779605303471 51.80570992017461407, 4.64364672953802504 51.8048008170040859, 4.63890999289591566 51.79905350564764888, 4.63890999289591566 51.79905350564764888)))</t>
  </si>
  <si>
    <t>MultiPolygon (((4.63350034411533684 51.79197477457615406, 4.64882963860423182 51.79162667051127045, 4.65032085941615136 51.78418287070164894, 4.64547789931236288 51.78432354712194297, 4.63565961144842209 51.78454810691577137, 4.62684038440791223 51.78475131346424121, 4.6292379830331889 51.78629200491072027, 4.63350034411533684 51.79197477457615406, 4.63350034411533684 51.79197477457615406)))</t>
  </si>
  <si>
    <t>MultiPolygon (((4.63890999289591566 51.79905350564764888, 4.64057272305697754 51.79838418316575144, 4.649345807002085 51.79785789091103254, 4.64925078947455095 51.79719892430604489, 4.64894349552456454 51.79445056142424875, 4.64885819400060196 51.7920314143292444, 4.64882963860423182 51.79162667051127045, 4.63350034411533684 51.79197477457615406, 4.63399577860880019 51.79282898412224512, 4.63890999289591566 51.79905350564764888, 4.63890999289591566 51.79905350564764888)))</t>
  </si>
  <si>
    <t>MultiPolygon (((4.64889641325543845 51.80213961173504345, 4.64985559188399655 51.80139314505335335, 4.649345807002085 51.79785789091103254, 4.64057272305697754 51.79838418316575144, 4.64239945244178287 51.80088944253694905, 4.64889641325543845 51.80213961173504345, 4.64889641325543845 51.80213961173504345)))</t>
  </si>
  <si>
    <t>MultiPolygon (((4.64960852246337364 51.80751353508473755, 4.65009779271901991 51.80628664099830161, 4.64989134476709154 51.80168934079496523, 4.64985559188399655 51.80139314505335335, 4.64889641325543845 51.80213961173504345, 4.64677399632825328 51.80456040561850983, 4.64960852246337364 51.80751353508473755, 4.64960852246337364 51.80751353508473755)))</t>
  </si>
  <si>
    <t>MultiPolygon (((4.64807108797901769 51.80927771856697461, 4.64960852246337364 51.80751353508473755, 4.64677399632825328 51.80456040561850983, 4.64889641325543845 51.80213961173504345, 4.64239945244178287 51.80088944253694905, 4.64057272305697754 51.79838418316575144, 4.63890999289591566 51.79905350564764888, 4.64364672953802504 51.8048008170040859, 4.64195779605303471 51.80570992017461407, 4.64807108797901769 51.80927771856697461, 4.64807108797901769 51.80927771856697461)))</t>
  </si>
  <si>
    <t>MultiPolygon (((4.64807108797901769 51.80927771856697461, 4.65054524493164489 51.81131583629254322, 4.65627594006842305 51.80904820578928849, 4.65721414320642335 51.80880612892088521, 4.65328284908594458 51.805612238729978, 4.65009779271901991 51.80628664099830161, 4.64960852246337364 51.80751353508473755, 4.64807108797901769 51.80927771856697461, 4.64807108797901769 51.80927771856697461)))</t>
  </si>
  <si>
    <t>MultiPolygon (((4.73593771305907296 51.79776661266755156, 4.739227681686903 51.80318429629348032, 4.73964175760974182 51.79700911036078281, 4.73476144982301683 51.79422097657457158, 4.73420949411427205 51.7942952845203024, 4.73593771305907296 51.79776661266755156, 4.73593771305907296 51.79776661266755156)))</t>
  </si>
  <si>
    <t>MultiPolygon (((4.7352617105635737 51.8054470602496977, 4.73950730287537869 51.80414208909218132, 4.739227681686903 51.80318429629348032, 4.73593771305907296 51.79776661266755156, 4.73134085745971422 51.79925489038578235, 4.73086651890590204 51.80274542863188714, 4.7352617105635737 51.8054470602496977, 4.7352617105635737 51.8054470602496977)))</t>
  </si>
  <si>
    <t>MultiPolygon (((4.73134085745971422 51.79925489038578235, 4.73593771305907296 51.79776661266755156, 4.73420949411427205 51.7942952845203024, 4.72729741991632579 51.7953139306682786, 4.72764047677081756 51.79721398486917394, 4.73134085745971422 51.79925489038578235, 4.73134085745971422 51.79925489038578235)))</t>
  </si>
  <si>
    <t>MultiPolygon (((4.71914550836674085 51.80162788852600642, 4.72598100140816957 51.8014982147119909, 4.73086651890590204 51.80274542863188714, 4.73134085745971422 51.79925489038578235, 4.72764047677081756 51.79721398486917394, 4.72017587272524342 51.79907313655011336, 4.71914550836674085 51.80162788852600642, 4.71914550836674085 51.80162788852600642)))</t>
  </si>
  <si>
    <t>MultiPolygon (((4.7177008516869634 51.79822038970552001, 4.72017587272524342 51.79907313655011336, 4.72764047677081756 51.79721398486917394, 4.72729741991632579 51.7953139306682786, 4.72515923250110514 51.79550834038558804, 4.71986277463954362 51.79706251424372709, 4.7177008516869634 51.79822038970552001, 4.7177008516869634 51.79822038970552001)))</t>
  </si>
  <si>
    <t>MultiPolygon (((4.71485931461138108 51.80210458918151772, 4.71914550836674085 51.80162788852600642, 4.72017587272524342 51.79907313655011336, 4.7177008516869634 51.79822038970552001, 4.71443694203993591 51.80057618920617557, 4.71485931461138108 51.80210458918151772, 4.71485931461138108 51.80210458918151772)))</t>
  </si>
  <si>
    <t>MultiPolygon (((4.71914550836674085 51.80162788852600642, 4.72004305684586356 51.80362796221902499, 4.72207532604001834 51.80489924878393992, 4.72449412973900529 51.80511861247721583, 4.72926404615175855 51.80421992078965587, 4.73086651890590204 51.80274542863188714, 4.72598100140816957 51.8014982147119909, 4.71914550836674085 51.80162788852600642, 4.71914550836674085 51.80162788852600642)))</t>
  </si>
  <si>
    <t>MultiPolygon (((4.71695056984884875 51.80540701569975681, 4.71896396472445367 51.80855033927327469, 4.7352617105635737 51.8054470602496977, 4.73086651890590204 51.80274542863188714, 4.72926404615175855 51.80421992078965587, 4.72449412973900529 51.80511861247721583, 4.72207532604001834 51.80489924878393992, 4.72004305684586356 51.80362796221902499, 4.71914550836674085 51.80162788852600642, 4.71485931461138108 51.80210458918151772, 4.7153664843001506 51.80411947458299693, 4.71695056984884875 51.80540701569975681, 4.71695056984884875 51.80540701569975681)))</t>
  </si>
  <si>
    <t>MultiPolygon (((4.69815359936668475 51.80398534512933395, 4.7000450427105509 51.80572477548180643, 4.70601246578233745 51.80348262997983966, 4.70690877768738147 51.80299466026498578, 4.70500651253577651 51.80320996913219034, 4.69815359936668475 51.80398534512933395, 4.69815359936668475 51.80398534512933395)))</t>
  </si>
  <si>
    <t>MultiPolygon (((4.70722861563175954 51.8134949914029832, 4.71396027742294965 51.81316876748866207, 4.71352790772588559 51.81135731258601851, 4.71125683692047925 51.80865182259996971, 4.70479311417559654 51.81009232944501974, 4.70722861563175954 51.8134949914029832, 4.70722861563175954 51.8134949914029832)))</t>
  </si>
  <si>
    <t>MultiPolygon (((4.71396027742294965 51.81316876748866207, 4.71519333511583483 51.8126262694601607, 4.71658152675236497 51.81024611708986782, 4.71896396472445367 51.80855033927327469, 4.71695056984884875 51.80540701569975681, 4.71125683692047925 51.80865182259996971, 4.71352790772588559 51.81135731258601851, 4.71396027742294965 51.81316876748866207, 4.71396027742294965 51.81316876748866207)))</t>
  </si>
  <si>
    <t>MultiPolygon (((4.71125683692047925 51.80865182259996971, 4.71695056984884875 51.80540701569975681, 4.7153664843001506 51.80411947458299693, 4.71485931461138108 51.80210458918151772, 4.70690877768738147 51.80299466026498578, 4.70601246578233745 51.80348262997983966, 4.71125683692047925 51.80865182259996971, 4.71125683692047925 51.80865182259996971)))</t>
  </si>
  <si>
    <t>MultiPolygon (((4.70479311417559654 51.81009232944501974, 4.71125683692047925 51.80865182259996971, 4.70601246578233745 51.80348262997983966, 4.7000450427105509 51.80572477548180643, 4.70479311417559654 51.81009232944501974, 4.70479311417559654 51.81009232944501974)))</t>
  </si>
  <si>
    <t>MultiPolygon (((4.71097564187348539 51.78575789055044254, 4.71338476667845541 51.78593131594376331, 4.71311610204913567 51.78137855254666277, 4.68747292772317881 51.77450515249238805, 4.68769748064847036 51.77860087532661737, 4.68798820143573725 51.78390239512299331, 4.6934445635831672 51.78372463103901424, 4.69394375785285245 51.78955608680382738, 4.69574850844117808 51.78976680729125803, 4.70322819139730086 51.78768979576840792, 4.70390828500110381 51.78531663222902637, 4.71097564187348539 51.78575789055044254, 4.71097564187348539 51.78575789055044254)))</t>
  </si>
  <si>
    <t>MultiPolygon (((4.72033852330484294 51.79331363526061693, 4.72045551091702809 51.79326886253087991, 4.72814631513164496 51.79040274646149555, 4.73698140520531208 51.79004601724273726, 4.7358621071553717 51.78924273994314831, 4.7276390822990626 51.78868426673052028, 4.71338476667845541 51.78593131594376331, 4.71097564187348539 51.78575789055044254, 4.71074983600044295 51.7892930254668471, 4.71348406177149215 51.79100715881288863, 4.72033852330484294 51.79331363526061693, 4.72033852330484294 51.79331363526061693)))</t>
  </si>
  <si>
    <t>MultiPolygon (((4.72515923250110514 51.79550834038558804, 4.72729741991632579 51.7953139306682786, 4.73420949411427205 51.7942952845203024, 4.73476144982301683 51.79422097657457158, 4.73709835102774068 51.79331185920573688, 4.73698140520531208 51.79004601724273726, 4.72814631513164496 51.79040274646149555, 4.72045551091702809 51.79326886253087991, 4.72515923250110514 51.79550834038558804, 4.72515923250110514 51.79550834038558804)))</t>
  </si>
  <si>
    <t>MultiPolygon (((4.67878340987116204 51.7910342672110815, 4.68288549564286871 51.7935333271796523, 4.69075844023668775 51.7901553893442923, 4.68682181095360839 51.79013309977488433, 4.67878340987116204 51.7910342672110815, 4.67878340987116204 51.7910342672110815)))</t>
  </si>
  <si>
    <t>MultiPolygon (((4.67894502974703208 51.79564680854162617, 4.68288549564286871 51.7935333271796523, 4.67878340987116204 51.7910342672110815, 4.67314854167130278 51.79193320302007209, 4.67894502974703208 51.79564680854162617, 4.67894502974703208 51.79564680854162617)))</t>
  </si>
  <si>
    <t>MultiPolygon (((4.67648609180863062 51.79696549914283565, 4.67894502974703208 51.79564680854162617, 4.67314854167130278 51.79193320302007209, 4.67648609180863062 51.79696549914283565, 4.67648609180863062 51.79696549914283565)))</t>
  </si>
  <si>
    <t>MultiPolygon (((4.67894502974703208 51.79564680854162617, 4.68670910600478585 51.79785873376866334, 4.69177987821252529 51.79447194709814539, 4.70072305411497915 51.79359159433541748, 4.71347352578674528 51.79383148115426394, 4.71533459048543957 51.79532792581960621, 4.7182243888993094 51.7941241177485594, 4.72033852330484294 51.79331363526061693, 4.71348406177149215 51.79100715881288863, 4.71074983600044295 51.7892930254668471, 4.71097564187348539 51.78575789055044254, 4.70390828500110381 51.78531663222902637, 4.70322819139730086 51.78768979576840792, 4.69574850844117808 51.78976680729125803, 4.69394375785285245 51.78955608680382738, 4.6934445635831672 51.78372463103901424, 4.68798820143573725 51.78390239512299331, 4.68469027270263982 51.78399410778500567, 4.68571945526633815 51.78442478495409063, 4.68682181095360839 51.79013309977488433, 4.69075844023668775 51.7901553893442923, 4.68288549564286871 51.7935333271796523, 4.67894502974703208 51.79564680854162617, 4.67894502974703208 51.79564680854162617)))</t>
  </si>
  <si>
    <t>MultiPolygon (((4.69709845485448874 51.8030182624803075, 4.70356706527890989 51.80055147942585592, 4.70831140054333552 51.7987562884570778, 4.71355363363857371 51.79710050290541545, 4.71533459048543957 51.79532792581960621, 4.71347352578674528 51.79383148115426394, 4.70072305411497915 51.79359159433541748, 4.69177987821252529 51.79447194709814539, 4.68670910600478585 51.79785873376866334, 4.69261211447088744 51.79926661124918041, 4.69709845485448874 51.8030182624803075, 4.69709845485448874 51.8030182624803075)))</t>
  </si>
  <si>
    <t>MultiPolygon (((4.70690877768738147 51.80299466026498578, 4.71485931461138108 51.80210458918151772, 4.71443694203993591 51.80057618920617557, 4.71338669871764804 51.80084156864418787, 4.70690877768738147 51.80299466026498578, 4.70690877768738147 51.80299466026498578)))</t>
  </si>
  <si>
    <t>MultiPolygon (((4.71986277463954362 51.79706251424372709, 4.72515923250110514 51.79550834038558804, 4.72045551091702809 51.79326886253087991, 4.72033852330484294 51.79331363526061693, 4.7182243888993094 51.7941241177485594, 4.71986277463954362 51.79706251424372709, 4.71986277463954362 51.79706251424372709)))</t>
  </si>
  <si>
    <t>MultiPolygon (((4.71355363363857371 51.79710050290541545, 4.7177008516869634 51.79822038970552001, 4.71986277463954362 51.79706251424372709, 4.7182243888993094 51.7941241177485594, 4.71533459048543957 51.79532792581960621, 4.71355363363857371 51.79710050290541545, 4.71355363363857371 51.79710050290541545)))</t>
  </si>
  <si>
    <t>MultiPolygon (((4.71338669871764804 51.80084156864418787, 4.71443694203993591 51.80057618920617557, 4.7177008516869634 51.79822038970552001, 4.71355363363857371 51.79710050290541545, 4.70831140054333552 51.7987562884570778, 4.71338669871764804 51.80084156864418787, 4.71338669871764804 51.80084156864418787)))</t>
  </si>
  <si>
    <t>MultiPolygon (((4.70500651253577651 51.80320996913219034, 4.70690877768738147 51.80299466026498578, 4.71338669871764804 51.80084156864418787, 4.70831140054333552 51.7987562884570778, 4.70356706527890989 51.80055147942585592, 4.70500651253577651 51.80320996913219034, 4.70500651253577651 51.80320996913219034)))</t>
  </si>
  <si>
    <t>MultiPolygon (((4.69815359936668475 51.80398534512933395, 4.70500651253577651 51.80320996913219034, 4.70356706527890989 51.80055147942585592, 4.69709845485448874 51.8030182624803075, 4.69815359936668475 51.80398534512933395, 4.69815359936668475 51.80398534512933395)))</t>
  </si>
  <si>
    <t>MultiPolygon (((4.6596310954269633 51.77682281483518523, 4.66299772598641926 51.77673124881403766, 4.66237863488087978 51.76790247658229305, 4.64928918625236154 51.76443111665491159, 4.64955551891377272 51.76493023649825176, 4.65601514475856337 51.77278013544128044, 4.6596310954269633 51.77682281483518523, 4.6596310954269633 51.77682281483518523)))</t>
  </si>
  <si>
    <t>MultiPolygon (((4.66299772598641926 51.77673124881403766, 4.66612153584527345 51.77679795608570856, 4.67436733349910138 51.77445352548972579, 4.67607891058109626 51.77150884197094882, 4.66237863488087978 51.76790247658229305, 4.66299772598641926 51.77673124881403766, 4.66299772598641926 51.77673124881403766)))</t>
  </si>
  <si>
    <t>MultiPolygon (((4.68314707830521471 51.77870525453560901, 4.68769748064847036 51.77860087532661737, 4.68747292772317881 51.77450515249238805, 4.67607891058109626 51.77150884197094882, 4.67436733349910138 51.77445352548972579, 4.67459112816454248 51.77500125616356286, 4.68085865437624715 51.77451073279922866, 4.68256155167400756 51.77644096319796319, 4.68314707830521471 51.77870525453560901, 4.68314707830521471 51.77870525453560901)))</t>
  </si>
  <si>
    <t>MultiPolygon (((4.67584569220470936 51.77883620077938787, 4.68314707830521471 51.77870525453560901, 4.68256155167400756 51.77644096319796319, 4.68085865437624715 51.77451073279922866, 4.67459112816454248 51.77500125616356286, 4.6758151214297401 51.77808847863740027, 4.67584569220470936 51.77883620077938787, 4.67584569220470936 51.77883620077938787)))</t>
  </si>
  <si>
    <t>MultiPolygon (((4.66312026709684879 51.78072739719512896, 4.66306378352205186 51.77931257800981513, 4.6758151214297401 51.77808847863740027, 4.67459112816454248 51.77500125616356286, 4.67436733349910138 51.77445352548972579, 4.66612153584527345 51.77679795608570856, 4.66299772598641926 51.77673124881403766, 4.6596310954269633 51.77682281483518523, 4.66312026709684879 51.78072739719512896, 4.66312026709684879 51.78072739719512896)))</t>
  </si>
  <si>
    <t>MultiPolygon (((4.68469027270263982 51.78399410778500567, 4.68798820143573725 51.78390239512299331, 4.68769748064847036 51.77860087532661737, 4.68314707830521471 51.77870525453560901, 4.68263300753960454 51.78143341063577765, 4.68318207428893807 51.78263449525508122, 4.68464356291245565 51.78281941029099045, 4.68469027270263982 51.78399410778500567, 4.68469027270263982 51.78399410778500567)))</t>
  </si>
  <si>
    <t>MultiPolygon (((4.67732016926902716 51.78413686350124578, 4.68469027270263982 51.78399410778500567, 4.68464356291245565 51.78281941029099045, 4.68318207428893807 51.78263449525508122, 4.68263300753960454 51.78143341063577765, 4.68314707830521471 51.77870525453560901, 4.67584569220470936 51.77883620077938787, 4.67588372643095784 51.7799222849661902, 4.67597203564468966 51.78217876921743112, 4.67630280260040898 51.78255403827198222, 4.67732016926902716 51.78413686350124578, 4.67732016926902716 51.78413686350124578)))</t>
  </si>
  <si>
    <t>MultiPolygon (((4.67630280260040898 51.78255403827198222, 4.67597203564468966 51.78217876921743112, 4.67588372643095784 51.7799222849661902, 4.66842907289852427 51.77983754088548096, 4.66730161936600041 51.78126728304835069, 4.66876452129785857 51.78245891484452557, 4.67100581542363358 51.78299649195037802, 4.67630280260040898 51.78255403827198222, 4.67630280260040898 51.78255403827198222)))</t>
  </si>
  <si>
    <t>MultiPolygon (((4.6664058277816256 51.78439110105597365, 4.67732016926902716 51.78413686350124578, 4.67630280260040898 51.78255403827198222, 4.67100581542363358 51.78299649195037802, 4.66876452129785857 51.78245891484452557, 4.66730161936600041 51.78126728304835069, 4.66842907289852427 51.77983754088548096, 4.67588372643095784 51.7799222849661902, 4.67584569220470936 51.77883620077938787, 4.6758151214297401 51.77808847863740027, 4.66306378352205186 51.77931257800981513, 4.66312026709684879 51.78072739719512896, 4.66375554638115908 51.78143707411947361, 4.6664058277816256 51.78439110105597365, 4.6664058277816256 51.78439110105597365)))</t>
  </si>
  <si>
    <t>MultiPolygon (((4.67314854167130278 51.79193320302007209, 4.67878340987116204 51.7910342672110815, 4.68682181095360839 51.79013309977488433, 4.68571945526633815 51.78442478495409063, 4.68469027270263982 51.78399410778500567, 4.67732016926902716 51.78413686350124578, 4.67713270514719959 51.78818348287342843, 4.67211916595833632 51.79077820559486867, 4.67314854167130278 51.79193320302007209, 4.67314854167130278 51.79193320302007209)))</t>
  </si>
  <si>
    <t>MultiPolygon (((4.66660646432546855 51.78461320608578689, 4.67211916595833632 51.79077820559486867, 4.67713270514719959 51.78818348287342843, 4.67732016926902716 51.78413686350124578, 4.6664058277816256 51.78439110105597365, 4.66660646432546855 51.78461320608578689, 4.66660646432546855 51.78461320608578689)))</t>
  </si>
  <si>
    <t>MultiPolygon (((4.66736289806724791 51.79723067689273108, 4.67417398030312548 51.79800289589183393, 4.67648609180863062 51.79696549914283565, 4.67314854167130278 51.79193320302007209, 4.67211916595833632 51.79077820559486867, 4.66900708497254779 51.79219929090633912, 4.66736289806724791 51.79723067689273108, 4.66736289806724791 51.79723067689273108)))</t>
  </si>
  <si>
    <t>MultiPolygon (((4.65918343398034285 51.79504147003085279, 4.66736289806724791 51.79723067689273108, 4.66900708497254779 51.79219929090633912, 4.65897825853988756 51.79312139685909955, 4.65918343398034285 51.79504147003085279, 4.65918343398034285 51.79504147003085279)))</t>
  </si>
  <si>
    <t>MultiPolygon (((4.65897825853988756 51.79312139685909955, 4.66900708497254779 51.79219929090633912, 4.67211916595833632 51.79077820559486867, 4.66660646432546855 51.78461320608578689, 4.66337413495389619 51.78465690811547972, 4.66211401194205965 51.78618517925191611, 4.65842550832385438 51.78771553498130942, 4.65870982265752609 51.79049620544093813, 4.65897825853988756 51.79312139685909955, 4.65897825853988756 51.79312139685909955)))</t>
  </si>
  <si>
    <t>MultiPolygon (((4.66337413495389619 51.78465690811547972, 4.66660646432546855 51.78461320608578689, 4.6664058277816256 51.78439110105597365, 4.66375554638115908 51.78143707411947361, 4.66040655235887957 51.78196206107840283, 4.66035183921073415 51.78053645325053367, 4.65924619939155438 51.7793525688155114, 4.65826876339285434 51.77967218665553162, 4.65420901327408387 51.784129021890827, 4.66333915555544287 51.78392483146009795, 4.66337413495389619 51.78465690811547972, 4.66337413495389619 51.78465690811547972)))</t>
  </si>
  <si>
    <t>MultiPolygon (((4.649345807002085 51.79785789091103254, 4.64985559188399655 51.80139314505335335, 4.65694013346470914 51.79516884924049691, 4.65672051453094316 51.79493342511559462, 4.65355485268372338 51.79757999159722459, 4.6512053455009319 51.79679606752299037, 4.64925078947455095 51.79719892430604489, 4.649345807002085 51.79785789091103254, 4.649345807002085 51.79785789091103254)))</t>
  </si>
  <si>
    <t>MultiPolygon (((4.64925078947455095 51.79719892430604489, 4.6512053455009319 51.79679606752299037, 4.65355485268372338 51.79757999159722459, 4.65672051453094316 51.79493342511559462, 4.65599138704415161 51.79415162056431399, 4.64894349552456454 51.79445056142424875, 4.64925078947455095 51.79719892430604489, 4.64925078947455095 51.79719892430604489)))</t>
  </si>
  <si>
    <t>MultiPolygon (((4.64894349552456454 51.79445056142424875, 4.65599138704415161 51.79415162056431399, 4.65497609670878632 51.792201749584315, 4.65264741274056792 51.79192608769897532, 4.64885819400060196 51.7920314143292444, 4.64894349552456454 51.79445056142424875, 4.64894349552456454 51.79445056142424875)))</t>
  </si>
  <si>
    <t>MultiPolygon (((4.65672051453094316 51.79493342511559462, 4.65694013346470914 51.79516884924049691, 4.65918343398034285 51.79504147003085279, 4.65897825853988756 51.79312139685909955, 4.65870982265752609 51.79049620544093813, 4.65598827127640291 51.7906246297101589, 4.65497609670878632 51.792201749584315, 4.65599138704415161 51.79415162056431399, 4.65672051453094316 51.79493342511559462, 4.65672051453094316 51.79493342511559462)))</t>
  </si>
  <si>
    <t>MultiPolygon (((4.64885819400060196 51.7920314143292444, 4.65264741274056792 51.79192608769897532, 4.65297052429004676 51.78985912450072959, 4.65281761086896495 51.78416006701580443, 4.65032085941615136 51.78418287070164894, 4.64882963860423182 51.79162667051127045, 4.64885819400060196 51.7920314143292444, 4.64885819400060196 51.7920314143292444)))</t>
  </si>
  <si>
    <t>MultiPolygon (((4.65598827127640291 51.7906246297101589, 4.65870982265752609 51.79049620544093813, 4.65842550832385438 51.78771553498130942, 4.66211401194205965 51.78618517925191611, 4.66337413495389619 51.78465690811547972, 4.66333915555544287 51.78392483146009795, 4.65420901327408387 51.784129021890827, 4.65281761086896495 51.78416006701580443, 4.65297052429004676 51.78985912450072959, 4.65598827127640291 51.7906246297101589, 4.65598827127640291 51.7906246297101589)))</t>
  </si>
  <si>
    <t>MultiPolygon (((4.65264741274056792 51.79192608769897532, 4.65497609670878632 51.792201749584315, 4.65598827127640291 51.7906246297101589, 4.65297052429004676 51.78985912450072959, 4.65264741274056792 51.79192608769897532, 4.65264741274056792 51.79192608769897532)))</t>
  </si>
  <si>
    <t>MultiPolygon (((4.70997638471657964 51.82334827743504491, 4.72963867127623594 51.8221687391824517, 4.74169178130529101 51.82221837253760555, 4.74176466575397804 51.82222108702024599, 4.74200002207462479 51.81540040642344991, 4.73316472285982215 51.81424931606913731, 4.72221486784447819 51.81552019323651592, 4.71581403325239723 51.81632444810468741, 4.71141985498763294 51.81686872022037704, 4.70963743270609747 51.81826171433898764, 4.70997638471657964 51.82334827743504491, 4.70997638471657964 51.82334827743504491)))</t>
  </si>
  <si>
    <t>MultiPolygon (((4.70578658234957814 51.82327511383887497, 4.70997638471657964 51.82334827743504491, 4.70963743270609747 51.81826171433898764, 4.71141985498763294 51.81686872022037704, 4.7075732793121654 51.81699892314883016, 4.70228145243961482 51.81725742841828719, 4.69854947886922769 51.81801900387979742, 4.69290689421843954 51.81917758227984194, 4.68935972000729961 51.81883683720319311, 4.68834384777479851 51.82141293199434529, 4.69781104892745738 51.82258572858082601, 4.70578658234957814 51.82327511383887497, 4.70578658234957814 51.82327511383887497)))</t>
  </si>
  <si>
    <t>MultiPolygon (((4.72221486784447819 51.81552019323651592, 4.73316472285982215 51.81424931606913731, 4.74200002207462479 51.81540040642344991, 4.7398158458860058 51.80963328004918367, 4.7352617105635737 51.8054470602496977, 4.71896396472445367 51.80855033927327469, 4.72443319554994279 51.81240474361091231, 4.72221486784447819 51.81552019323651592, 4.72221486784447819 51.81552019323651592)))</t>
  </si>
  <si>
    <t>MultiPolygon (((4.71581403325239723 51.81632444810468741, 4.72221486784447819 51.81552019323651592, 4.72443319554994279 51.81240474361091231, 4.71896396472445367 51.80855033927327469, 4.71658152675236497 51.81024611708986782, 4.71519333511583483 51.8126262694601607, 4.71581403325239723 51.81632444810468741, 4.71581403325239723 51.81632444810468741)))</t>
  </si>
  <si>
    <t>MultiPolygon (((4.7075732793121654 51.81699892314883016, 4.71141985498763294 51.81686872022037704, 4.71581403325239723 51.81632444810468741, 4.71519333511583483 51.8126262694601607, 4.71396027742294965 51.81316876748866207, 4.70722861563175954 51.8134949914029832, 4.7075732793121654 51.81699892314883016, 4.7075732793121654 51.81699892314883016)))</t>
  </si>
  <si>
    <t>MultiPolygon (((4.69290689421843954 51.81917758227984194, 4.69854947886922769 51.81801900387979742, 4.69763752558154568 51.81637100179025168, 4.6923448894571349 51.81690569246531197, 4.69290689421843954 51.81917758227984194, 4.69290689421843954 51.81917758227984194)))</t>
  </si>
  <si>
    <t>MultiPolygon (((4.68935972000729961 51.81883683720319311, 4.69290689421843954 51.81917758227984194, 4.6923448894571349 51.81690569246531197, 4.68818901891098783 51.81703540241250039, 4.68935972000729961 51.81883683720319311, 4.68935972000729961 51.81883683720319311)))</t>
  </si>
  <si>
    <t>MultiPolygon (((4.70228145243961482 51.81725742841828719, 4.7075732793121654 51.81699892314883016, 4.70722861563175954 51.8134949914029832, 4.70151261095085005 51.81525252581888452, 4.70228145243961482 51.81725742841828719, 4.70228145243961482 51.81725742841828719)))</t>
  </si>
  <si>
    <t>MultiPolygon (((4.69854947886922769 51.81801900387979742, 4.70228145243961482 51.81725742841828719, 4.70151261095085005 51.81525252581888452, 4.69763752558154568 51.81637100179025168, 4.69854947886922769 51.81801900387979742, 4.69854947886922769 51.81801900387979742)))</t>
  </si>
  <si>
    <t>MultiPolygon (((4.68940774718923326 51.80495538695230806, 4.69815359936668475 51.80398534512933395, 4.69709845485448874 51.8030182624803075, 4.69261211447088744 51.79926661124918041, 4.68670910600478585 51.79785873376866334, 4.68517376748592085 51.80023351591907499, 4.68679486455148009 51.80180022053389166, 4.68940774718923326 51.80495538695230806, 4.68940774718923326 51.80495538695230806)))</t>
  </si>
  <si>
    <t>MultiPolygon (((4.67871473165577623 51.80272126724536008, 4.67907536563539939 51.80258530266363692, 4.68517376748592085 51.80023351591907499, 4.68670910600478585 51.79785873376866334, 4.67894502974703208 51.79564680854162617, 4.67648609180863062 51.79696549914283565, 4.67871473165577623 51.80272126724536008, 4.67871473165577623 51.80272126724536008)))</t>
  </si>
  <si>
    <t>MultiPolygon (((4.67907536563539939 51.80258530266363692, 4.68132662584194392 51.80485691278819615, 4.68679486455148009 51.80180022053389166, 4.68517376748592085 51.80023351591907499, 4.67907536563539939 51.80258530266363692, 4.67907536563539939 51.80258530266363692)))</t>
  </si>
  <si>
    <t>MultiPolygon (((4.68034259659565155 51.80597339488361541, 4.6887367522298451 51.80503077367249887, 4.68940774718923326 51.80495538695230806, 4.68679486455148009 51.80180022053389166, 4.68132662584194392 51.80485691278819615, 4.68034259659565155 51.80597339488361541, 4.68034259659565155 51.80597339488361541)))</t>
  </si>
  <si>
    <t>MultiPolygon (((4.67458590207211078 51.80652286632169989, 4.68034259659565155 51.80597339488361541, 4.68132662584194392 51.80485691278819615, 4.67907536563539939 51.80258530266363692, 4.67871473165577623 51.80272126724536008, 4.67777032516861091 51.80501625622697048, 4.67458590207211078 51.80652286632169989, 4.67458590207211078 51.80652286632169989)))</t>
  </si>
  <si>
    <t>MultiPolygon (((4.68291223769656639 51.81179430452778689, 4.68424333595015874 51.81313215571689312, 4.69448583190232327 51.80707139515649118, 4.7000450427105509 51.80572477548180643, 4.69815359936668475 51.80398534512933395, 4.68940774718923326 51.80495538695230806, 4.6887367522298451 51.80503077367249887, 4.68878671248575785 51.80546809916361894, 4.68810671901497944 51.80629583233778845, 4.69041926026135503 51.80862661210414899, 4.68864695215967675 51.80966794997214464, 4.6865469980140082 51.80747800703203154, 4.68207448013673133 51.81135105822633591, 4.68291223769656639 51.81179430452778689, 4.68291223769656639 51.81179430452778689)))</t>
  </si>
  <si>
    <t>MultiPolygon (((4.68556009171491539 51.80647576115353559, 4.6865469980140082 51.80747800703203154, 4.68864695215967675 51.80966794997214464, 4.69041926026135503 51.80862661210414899, 4.68810671901497944 51.80629583233778845, 4.68878671248575785 51.80546809916361894, 4.68556009171491539 51.80647576115353559, 4.68556009171491539 51.80647576115353559)))</t>
  </si>
  <si>
    <t>MultiPolygon (((4.67839835804153825 51.80917232200931011, 4.68207448013673133 51.81135105822633591, 4.6865469980140082 51.80747800703203154, 4.68556009171491539 51.80647576115353559, 4.67839835804153825 51.80917232200931011, 4.67839835804153825 51.80917232200931011)))</t>
  </si>
  <si>
    <t>MultiPolygon (((4.67839835804153825 51.80917232200931011, 4.68556009171491539 51.80647576115353559, 4.68878671248575785 51.80546809916361894, 4.6887367522298451 51.80503077367249887, 4.68034259659565155 51.80597339488361541, 4.67839835804153825 51.80917232200931011, 4.67839835804153825 51.80917232200931011)))</t>
  </si>
  <si>
    <t>MultiPolygon (((4.67315169114435935 51.80720790366626716, 4.67839835804153825 51.80917232200931011, 4.68034259659565155 51.80597339488361541, 4.67458590207211078 51.80652286632169989, 4.67347536207552405 51.80674911226682866, 4.67315169114435935 51.80720790366626716, 4.67315169114435935 51.80720790366626716)))</t>
  </si>
  <si>
    <t>MultiPolygon (((4.68818901891098783 51.81703540241250039, 4.6923448894571349 51.81690569246531197, 4.69763752558154568 51.81637100179025168, 4.70151261095085005 51.81525252581888452, 4.70722861563175954 51.8134949914029832, 4.70479311417559654 51.81009232944501974, 4.7000450427105509 51.80572477548180643, 4.69448583190232327 51.80707139515649118, 4.68424333595015874 51.81313215571689312, 4.68788219540715545 51.81574750364997328, 4.68818901891098783 51.81703540241250039, 4.68818901891098783 51.81703540241250039)))</t>
  </si>
  <si>
    <t>MultiPolygon (((4.67683734339445056 51.80347244926456796, 4.67871473165577623 51.80272126724536008, 4.67648609180863062 51.79696549914283565, 4.67417398030312548 51.79800289589183393, 4.6744434457148607 51.79851248299927846, 4.67120200859294687 51.80141588658173646, 4.6739135590096037 51.80262169475582823, 4.67683734339445056 51.80347244926456796, 4.67683734339445056 51.80347244926456796)))</t>
  </si>
  <si>
    <t>MultiPolygon (((4.66160549476005492 51.80806221732897399, 4.66253347340485025 51.8091506929964325, 4.66209445182410587 51.8080124762004175, 4.67347536207552405 51.80674911226682866, 4.67435131800154746 51.80609442529931385, 4.67247034929059346 51.80544013165562944, 4.66847205762885675 51.804530602470372, 4.66405981233542555 51.80378256416637583, 4.66183043954728937 51.80649374181223266, 4.66160549476005492 51.80806221732897399, 4.66160549476005492 51.80806221732897399)))</t>
  </si>
  <si>
    <t>MultiPolygon (((4.67347536207552405 51.80674911226682866, 4.67458590207211078 51.80652286632169989, 4.67777032516861091 51.80501625622697048, 4.67871473165577623 51.80272126724536008, 4.67683734339445056 51.80347244926456796, 4.67435131800154746 51.80609442529931385, 4.67347536207552405 51.80674911226682866, 4.67347536207552405 51.80674911226682866)))</t>
  </si>
  <si>
    <t>MultiPolygon (((4.67247034929059346 51.80544013165562944, 4.67435131800154746 51.80609442529931385, 4.67683734339445056 51.80347244926456796, 4.6739135590096037 51.80262169475582823, 4.67247034929059346 51.80544013165562944, 4.67247034929059346 51.80544013165562944)))</t>
  </si>
  <si>
    <t>MultiPolygon (((4.66847205762885675 51.804530602470372, 4.67247034929059346 51.80544013165562944, 4.6739135590096037 51.80262169475582823, 4.67120200859294687 51.80141588658173646, 4.66847205762885675 51.804530602470372, 4.66847205762885675 51.804530602470372)))</t>
  </si>
  <si>
    <t>MultiPolygon (((4.66612721619019588 51.79917887582595881, 4.67120200859294687 51.80141588658173646, 4.6744434457148607 51.79851248299927846, 4.67417398030312548 51.79800289589183393, 4.66736289806724791 51.79723067689273108, 4.66663043923845411 51.79837320085635355, 4.66612721619019588 51.79917887582595881, 4.66612721619019588 51.79917887582595881)))</t>
  </si>
  <si>
    <t>MultiPolygon (((4.66405981233542555 51.80378256416637583, 4.66847205762885675 51.804530602470372, 4.67120200859294687 51.80141588658173646, 4.66612721619019588 51.79917887582595881, 4.66405981233542555 51.80378256416637583, 4.66405981233542555 51.80378256416637583)))</t>
  </si>
  <si>
    <t>MultiPolygon (((4.66663043923845411 51.79837320085635355, 4.66736289806724791 51.79723067689273108, 4.65918343398034285 51.79504147003085279, 4.65783401952636655 51.79596050795094442, 4.66663043923845411 51.79837320085635355, 4.66663043923845411 51.79837320085635355)))</t>
  </si>
  <si>
    <t>MultiPolygon (((4.65628040094084117 51.80512417565394401, 4.66183043954728937 51.80649374181223266, 4.66405981233542555 51.80378256416637583, 4.65861959541046566 51.80234449813313802, 4.65628040094084117 51.80512417565394401, 4.65628040094084117 51.80512417565394401)))</t>
  </si>
  <si>
    <t>MultiPolygon (((4.65861959541046566 51.80234449813313802, 4.66405981233542555 51.80378256416637583, 4.66612721619019588 51.79917887582595881, 4.66157954768053173 51.80017339250918695, 4.65861959541046566 51.80234449813313802, 4.65861959541046566 51.80234449813313802)))</t>
  </si>
  <si>
    <t>MultiPolygon (((4.66157954768053173 51.80017339250918695, 4.66612721619019588 51.79917887582595881, 4.66663043923845411 51.79837320085635355, 4.65783401952636655 51.79596050795094442, 4.65522030527090891 51.79842776376308677, 4.66157954768053173 51.80017339250918695, 4.66157954768053173 51.80017339250918695)))</t>
  </si>
  <si>
    <t>MultiPolygon (((4.65861959541046566 51.80234449813313802, 4.66157954768053173 51.80017339250918695, 4.65522030527090891 51.79842776376308677, 4.65405401432622323 51.79938891550585112, 4.65489286089176346 51.80134895314140664, 4.65861959541046566 51.80234449813313802, 4.65861959541046566 51.80234449813313802)))</t>
  </si>
  <si>
    <t>MultiPolygon (((4.65721414320642335 51.80880612892088521, 4.66160549476005492 51.80806221732897399, 4.66183043954728937 51.80649374181223266, 4.65628040094084117 51.80512417565394401, 4.65328284908594458 51.805612238729978, 4.65721414320642335 51.80880612892088521, 4.65721414320642335 51.80880612892088521)))</t>
  </si>
  <si>
    <t>MultiPolygon (((4.65009779271901991 51.80628664099830161, 4.65328284908594458 51.805612238729978, 4.65628040094084117 51.80512417565394401, 4.65861959541046566 51.80234449813313802, 4.65489286089176346 51.80134895314140664, 4.65405401432622323 51.79938891550585112, 4.65200348002568376 51.80107864367587922, 4.64989134476709154 51.80168934079496523, 4.65009779271901991 51.80628664099830161, 4.65009779271901991 51.80628664099830161)))</t>
  </si>
  <si>
    <t>MultiPolygon (((4.64985559188399655 51.80139314505335335, 4.64989134476709154 51.80168934079496523, 4.65200348002568376 51.80107864367587922, 4.65405401432622323 51.79938891550585112, 4.65522030527090891 51.79842776376308677, 4.65783401952636655 51.79596050795094442, 4.65918343398034285 51.79504147003085279, 4.65694013346470914 51.79516884924049691, 4.64985559188399655 51.80139314505335335, 4.64985559188399655 51.80139314505335335)))</t>
  </si>
  <si>
    <t>MultiPolygon (((4.67697687372747861 51.8130241556252642, 4.67769203332576744 51.81380309266715756, 4.68291223769656639 51.81179430452778689, 4.68207448013673133 51.81135105822633591, 4.67839835804153825 51.80917232200931011, 4.67315169114435935 51.80720790366626716, 4.67232290730862942 51.80915971961299249, 4.67697687372747861 51.8130241556252642, 4.67697687372747861 51.8130241556252642)))</t>
  </si>
  <si>
    <t>MultiPolygon (((4.67220245947190005 51.8132698654845143, 4.67361292521505245 51.81490905925062407, 4.67697687372747861 51.8130241556252642, 4.67232290730862942 51.80915971961299249, 4.66971628932468352 51.81159805531463292, 4.67220245947190005 51.8132698654845143, 4.67220245947190005 51.8132698654845143)))</t>
  </si>
  <si>
    <t>MultiPolygon (((4.67769203332576744 51.81380309266715756, 4.67909717719475182 51.81547618694038704, 4.68424333595015874 51.81313215571689312, 4.68291223769656639 51.81179430452778689, 4.67769203332576744 51.81380309266715756, 4.67769203332576744 51.81380309266715756)))</t>
  </si>
  <si>
    <t>MultiPolygon (((4.67474429895321641 51.81655099433556444, 4.67538438247459798 51.8164040287626122, 4.67909717719475182 51.81547618694038704, 4.67769203332576744 51.81380309266715756, 4.67697687372747861 51.8130241556252642, 4.67361292521505245 51.81490905925062407, 4.67474429895321641 51.81655099433556444, 4.67474429895321641 51.81655099433556444)))</t>
  </si>
  <si>
    <t>MultiPolygon (((4.67538438247459798 51.8164040287626122, 4.67753114849819873 51.81875475300511624, 4.68081239902883883 51.81712131857877068, 4.68466436889386273 51.81657108961108804, 4.68818901891098783 51.81703540241250039, 4.68788219540715545 51.81574750364997328, 4.68424333595015874 51.81313215571689312, 4.67909717719475182 51.81547618694038704, 4.67538438247459798 51.8164040287626122, 4.67538438247459798 51.8164040287626122)))</t>
  </si>
  <si>
    <t>MultiPolygon (((4.68461873262554995 51.82077381340138089, 4.68834384777479851 51.82141293199434529, 4.68935972000729961 51.81883683720319311, 4.68818901891098783 51.81703540241250039, 4.68466436889386273 51.81657108961108804, 4.68081239902883883 51.81712131857877068, 4.67753114849819873 51.81875475300511624, 4.67538438247459798 51.8164040287626122, 4.67474429895321641 51.81655099433556444, 4.67492930839671139 51.81763338828783816, 4.67675188584205426 51.81914426407126228, 4.67636979763299721 51.82041616532475814, 4.68461873262554995 51.82077381340138089, 4.68461873262554995 51.82077381340138089)))</t>
  </si>
  <si>
    <t>MultiPolygon (((4.67137610573027118 51.82084552201155958, 4.67170868963267161 51.82085397597754195, 4.67636979763299721 51.82041616532475814, 4.67675188584205426 51.81914426407126228, 4.67492930839671139 51.81763338828783816, 4.67474429895321641 51.81655099433556444, 4.67361292521505245 51.81490905925062407, 4.6693181344243353 51.81588368555376434, 4.66860672808809252 51.81591639558649831, 4.66882130743370727 51.8171057537732338, 4.67137610573027118 51.82084552201155958, 4.67137610573027118 51.82084552201155958)))</t>
  </si>
  <si>
    <t>MultiPolygon (((4.66838379642957424 51.81144474894129104, 4.66971628932468352 51.81159805531463292, 4.67232290730862942 51.80915971961299249, 4.66814951443556136 51.80902856782272892, 4.66838379642957424 51.81144474894129104, 4.66838379642957424 51.81144474894129104)))</t>
  </si>
  <si>
    <t>MultiPolygon (((4.66253347340485025 51.8091506929964325, 4.66277179922711671 51.80976859955600133, 4.66814951443556136 51.80902856782272892, 4.67232290730862942 51.80915971961299249, 4.67315169114435935 51.80720790366626716, 4.67347536207552405 51.80674911226682866, 4.66209445182410587 51.8080124762004175, 4.66253347340485025 51.8091506929964325, 4.66253347340485025 51.8091506929964325)))</t>
  </si>
  <si>
    <t>MultiPolygon (((4.66366379026101185 51.81208325039979457, 4.6664017974624068 51.81167459381895668, 4.66838379642957424 51.81144474894129104, 4.66814951443556136 51.80902856782272892, 4.66277179922711671 51.80976859955600133, 4.66366379026101185 51.81208325039979457, 4.66366379026101185 51.81208325039979457)))</t>
  </si>
  <si>
    <t>MultiPolygon (((4.65708697012141926 51.81057866322863248, 4.66277179922711671 51.80976859955600133, 4.66253347340485025 51.8091506929964325, 4.66160549476005492 51.80806221732897399, 4.65721414320642335 51.80880612892088521, 4.65627594006842305 51.80904820578928849, 4.65708697012141926 51.81057866322863248, 4.65708697012141926 51.81057866322863248)))</t>
  </si>
  <si>
    <t>MultiPolygon (((4.65830982054798515 51.81237058239016591, 4.66366379026101185 51.81208325039979457, 4.66277179922711671 51.80976859955600133, 4.65708697012141926 51.81057866322863248, 4.65830982054798515 51.81237058239016591, 4.65830982054798515 51.81237058239016591)))</t>
  </si>
  <si>
    <t>MultiPolygon (((4.6693181344243353 51.81588368555376434, 4.67361292521505245 51.81490905925062407, 4.67220245947190005 51.8132698654845143, 4.6693181344243353 51.81588368555376434, 4.6693181344243353 51.81588368555376434)))</t>
  </si>
  <si>
    <t>MultiPolygon (((4.66860672808809252 51.81591639558649831, 4.6693181344243353 51.81588368555376434, 4.67220245947190005 51.8132698654845143, 4.66971628932468352 51.81159805531463292, 4.66838379642957424 51.81144474894129104, 4.6664017974624068 51.81167459381895668, 4.66523800008600631 51.81426008029192332, 4.66691571124092786 51.81499452624856872, 4.66860672808809252 51.81591639558649831, 4.66860672808809252 51.81591639558649831)))</t>
  </si>
  <si>
    <t>MultiPolygon (((4.66369960380901727 51.81361715581862626, 4.66523800008600631 51.81426008029192332, 4.6664017974624068 51.81167459381895668, 4.66366379026101185 51.81208325039979457, 4.66369960380901727 51.81361715581862626, 4.66369960380901727 51.81361715581862626)))</t>
  </si>
  <si>
    <t>MultiPolygon (((4.65892383701788315 51.8137883775294128, 4.65903871045468865 51.81401827391931647, 4.66369960380901727 51.81361715581862626, 4.66366379026101185 51.81208325039979457, 4.65830982054798515 51.81237058239016591, 4.65892383701788315 51.8137883775294128, 4.65892383701788315 51.8137883775294128)))</t>
  </si>
  <si>
    <t>MultiPolygon (((4.65079209557674389 51.81151291757722532, 4.65830982054798515 51.81237058239016591, 4.65708697012141926 51.81057866322863248, 4.65627594006842305 51.80904820578928849, 4.65054524493164489 51.81131583629254322, 4.65079209557674389 51.81151291757722532, 4.65079209557674389 51.81151291757722532)))</t>
  </si>
  <si>
    <t>MultiPolygon (((4.65474745914076049 51.81444461758139397, 4.65631665778359505 51.81542972365945587, 4.65892383701788315 51.8137883775294128, 4.65830982054798515 51.81237058239016591, 4.65079209557674389 51.81151291757722532, 4.65474745914076049 51.81444461758139397, 4.65474745914076049 51.81444461758139397)))</t>
  </si>
  <si>
    <t>MultiPolygon (((4.66839204640529992 51.82054656358189249, 4.67137610573027118 51.82084552201155958, 4.66882130743370727 51.8171057537732338, 4.66542935623109045 51.81754038918364103, 4.66884928797185328 51.81951099568288299, 4.66839204640529992 51.82054656358189249, 4.66839204640529992 51.82054656358189249)))</t>
  </si>
  <si>
    <t>MultiPolygon (((4.66542935623109045 51.81754038918364103, 4.66882130743370727 51.8171057537732338, 4.66860672808809252 51.81591639558649831, 4.66691571124092786 51.81499452624856872, 4.66501024161824684 51.81665086236664308, 4.66542935623109045 51.81754038918364103, 4.66542935623109045 51.81754038918364103)))</t>
  </si>
  <si>
    <t>MultiPolygon (((4.66501024161824684 51.81665086236664308, 4.66691571124092786 51.81499452624856872, 4.66523800008600631 51.81426008029192332, 4.66369960380901727 51.81361715581862626, 4.65903871045468865 51.81401827391931647, 4.66501024161824684 51.81665086236664308, 4.66501024161824684 51.81665086236664308)))</t>
  </si>
  <si>
    <t>MultiPolygon (((4.66444243272874015 51.8194822904697574, 4.66839204640529992 51.82054656358189249, 4.66884928797185328 51.81951099568288299, 4.66542935623109045 51.81754038918364103, 4.66501024161824684 51.81665086236664308, 4.65903871045468865 51.81401827391931647, 4.65892383701788315 51.8137883775294128, 4.65631665778359505 51.81542972365945587, 4.65645853765149642 51.81550861907685146, 4.65858437896174937 51.81669068984111703, 4.66324879564198991 51.81902685456238089, 4.66444243272874015 51.8194822904697574, 4.66444243272874015 51.8194822904697574)))</t>
  </si>
  <si>
    <t>MultiPolygon (((4.39352696235836238 51.9871758660238541, 4.39703012800852111 51.97897402200885608, 4.39814130032507222 51.97914945428186684, 4.39839699134580719 51.97841847176447061, 4.40115232813043988 51.97834600284787143, 4.40338954719708742 51.97313284724551607, 4.40727340619012509 51.9689867686243403, 4.40791087630139522 51.96819860579090289, 4.40293341254718396 51.96631631444287081, 4.3994532890669058 51.97051031555226075, 4.39772304301432015 51.97433365244666703, 4.3967457589213188 51.97418078096358585, 4.39617394871805089 51.97608016255917107, 4.39421726915592359 51.97632683571531231, 4.39380981126169079 51.97750347647559721, 4.38362248075681915 51.97581586797280551, 4.38125355008771322 51.97865081290963474, 4.37891195252928789 51.98277081477615269, 4.39270433711687147 51.98505221830701117, 4.39219713965359482 51.98694785590711831, 4.39352696235836238 51.9871758660238541, 4.39352696235836238 51.9871758660238541)))</t>
  </si>
  <si>
    <t>MultiPolygon (((4.38212391687973213 51.99471418961972091, 4.38957736000520438 51.99651982245030268, 4.39177015154709505 51.99128925039302374, 4.39352696235836238 51.9871758660238541, 4.39219713965359482 51.98694785590711831, 4.39270433711687147 51.98505221830701117, 4.37891195252928789 51.98277081477615269, 4.37277662164429426 51.99243949916601082, 4.38212391687973213 51.99471418961972091, 4.38212391687973213 51.99471418961972091)))</t>
  </si>
  <si>
    <t>MultiPolygon (((4.37080994417723456 51.99195843774813142, 4.37277662164429426 51.99243949916601082, 4.37891195252928789 51.98277081477615269, 4.38125355008771322 51.97865081290963474, 4.37867764887874511 51.98174435863336385, 4.37080994417723456 51.99195843774813142, 4.37080994417723456 51.99195843774813142)))</t>
  </si>
  <si>
    <t>MultiPolygon (((4.36215132574289033 52.00375691387097987, 4.36653825024815223 52.00238357104532838, 4.36670094885280768 52.00216701346097636, 4.36686553199136451 52.00199114794293109, 4.36479234048428211 52.00017750434945185, 4.36426176443282543 52.000826676355004, 4.36215132574289033 52.00375691387097987, 4.36215132574289033 52.00375691387097987)))</t>
  </si>
  <si>
    <t>MultiPolygon (((4.38862299868918893 52.00545371464374966, 4.38617336333909069 52.00489411484425517, 4.38373850085309691 52.00664973166241367, 4.38356849274593507 52.00679629060108766, 4.38849777187123724 52.00866683328182916, 4.3890252316182492 52.00783089308242779, 4.38832744426326826 52.00764567950059813, 4.38818044012291697 52.00663811556127314, 4.38862299868918893 52.00545371464374966, 4.38862299868918893 52.00545371464374966)))</t>
  </si>
  <si>
    <t>MultiPolygon (((4.37753122795196514 52.00146886145585512, 4.38339289900613238 52.00300674066490814, 4.38370829642247717 52.00383299678266269, 4.38591573238206678 52.00483525560221665, 4.38814245254675495 51.99977590456789756, 4.38916434570705061 51.99738075604220455, 4.38957736000520438 51.99651982245030268, 4.38212391687973213 51.99471418961972091, 4.37753122795196514 52.00146886145585512, 4.37753122795196514 52.00146886145585512)))</t>
  </si>
  <si>
    <t>MultiPolygon (((4.38184063017781167 52.00622994087537876, 4.38373850085309691 52.00664973166241367, 4.38617336333909069 52.00489411484425517, 4.38591573238206678 52.00483525560221665, 4.38370829642247717 52.00383299678266269, 4.38339289900613238 52.00300674066490814, 4.37753122795196514 52.00146886145585512, 4.37608067758341779 52.00354956423121422, 4.37556742603317872 52.00422519742350858, 4.38184063017781167 52.00622994087537876, 4.38184063017781167 52.00622994087537876)))</t>
  </si>
  <si>
    <t>MultiPolygon (((4.36670094885280768 52.00216701346097636, 4.37140986603088777 52.00353348548387089, 4.37238409486128266 52.00256550552650481, 4.37608067758341779 52.00354956423121422, 4.37753122795196514 52.00146886145585512, 4.38212391687973213 51.99471418961972091, 4.37277662164429426 51.99243949916601082, 4.36686553199136451 52.00199114794293109, 4.36670094885280768 52.00216701346097636, 4.36670094885280768 52.00216701346097636)))</t>
  </si>
  <si>
    <t>MultiPolygon (((4.36479234048428211 52.00017750434945185, 4.36686553199136451 52.00199114794293109, 4.37277662164429426 51.99243949916601082, 4.37080994417723456 51.99195843774813142, 4.36479234048428211 52.00017750434945185, 4.36479234048428211 52.00017750434945185)))</t>
  </si>
  <si>
    <t>MultiPolygon (((4.37158695831921218 52.0073318369071913, 4.38184063017781167 52.00622994087537876, 4.37556742603317872 52.00422519742350858, 4.37158695831921218 52.0073318369071913, 4.37158695831921218 52.0073318369071913)))</t>
  </si>
  <si>
    <t>MultiPolygon (((4.36987375567439962 52.01073556062643632, 4.37333340565263207 52.01083018600985497, 4.37350465742968897 52.0100679683542495, 4.37978666453931353 52.00814634931919755, 4.38149503358918135 52.00867278793517556, 4.38356849274593507 52.00679629060108766, 4.38373850085309691 52.00664973166241367, 4.38184063017781167 52.00622994087537876, 4.37158695831921218 52.0073318369071913, 4.36987375567439962 52.01073556062643632, 4.36987375567439962 52.01073556062643632)))</t>
  </si>
  <si>
    <t>MultiPolygon (((4.36907133318194418 52.01090363422157736, 4.36987375567439962 52.01073556062643632, 4.37158695831921218 52.0073318369071913, 4.37556742603317872 52.00422519742350858, 4.37608067758341779 52.00354956423121422, 4.37238409486128266 52.00256550552650481, 4.37140986603088777 52.00353348548387089, 4.36670094885280768 52.00216701346097636, 4.36653825024815223 52.00238357104532838, 4.36726701446734999 52.00365387971790199, 4.36578357387103466 52.00766071657104561, 4.36854066765408255 52.00917790383025618, 4.36907133318194418 52.01090363422157736, 4.36907133318194418 52.01090363422157736)))</t>
  </si>
  <si>
    <t>MultiPolygon (((4.36368330015622252 52.00672265103784753, 4.36578357387103466 52.00766071657104561, 4.36726701446734999 52.00365387971790199, 4.36653825024815223 52.00238357104532838, 4.36215132574289033 52.00375691387097987, 4.36048975740989952 52.0052886150547593, 4.36368330015622252 52.00672265103784753, 4.36368330015622252 52.00672265103784753)))</t>
  </si>
  <si>
    <t>MultiPolygon (((4.37028236337552389 51.98036950932961275, 4.37867764887874511 51.98174435863336385, 4.38125355008771322 51.97865081290963474, 4.38362248075681915 51.97581586797280551, 4.38630287838468913 51.97221405212884093, 4.37575233137081643 51.97014760785618392, 4.37028236337552389 51.98036950932961275, 4.37028236337552389 51.98036950932961275)))</t>
  </si>
  <si>
    <t>MultiPolygon (((4.36494448296468729 51.99053259534687044, 4.37080994417723456 51.99195843774813142, 4.37867764887874511 51.98174435863336385, 4.37028236337552389 51.98036950932961275, 4.36964521795929706 51.98154597173053304, 4.36494448296468729 51.99053259534687044, 4.36494448296468729 51.99053259534687044)))</t>
  </si>
  <si>
    <t>MultiPolygon (((4.3593802277161533 52.00046039486770155, 4.36426176443282543 52.000826676355004, 4.36479234048428211 52.00017750434945185, 4.37080994417723456 51.99195843774813142, 4.36494448296468729 51.99053259534687044, 4.36086345793508023 51.99792260170158187, 4.3593802277161533 52.00046039486770155, 4.3593802277161533 52.00046039486770155)))</t>
  </si>
  <si>
    <t>MultiPolygon (((4.35942246527366439 52.0051643259455858, 4.36048975740989952 52.0052886150547593, 4.36215132574289033 52.00375691387097987, 4.36426176443282543 52.000826676355004, 4.3593802277161533 52.00046039486770155, 4.35885497678835865 52.00042893521952436, 4.35678690330871188 52.0036536487420662, 4.35942246527366439 52.0051643259455858, 4.35942246527366439 52.0051643259455858)))</t>
  </si>
  <si>
    <t>MultiPolygon (((4.37028236337552389 51.98036950932961275, 4.37575233137081643 51.97014760785618392, 4.36917546419991076 51.96887046622438788, 4.36817383879632626 51.97158175963613758, 4.35954023194645846 51.97013539782889069, 4.35872093257860627 51.97226094967034982, 4.35988059622598101 51.97245727738435761, 4.35970104287608518 51.97287294270020652, 4.35853613502057513 51.9727051446552295, 4.35836879024757273 51.97310737941372594, 4.3594790011582214 51.9732803893087052, 4.35930701274873211 51.97369335155620718, 4.35820384687074025 51.97350383715330935, 4.3576564919814178 51.97481940429057801, 4.35883164470215956 51.97502014264995296, 4.35857167176439919 51.97565789973626948, 4.35737637939093148 51.9754926223130127, 4.35662588098057757 51.97729625742528015, 4.34506890045182725 51.97541935123647505, 4.34313436971233013 51.97567480160886788, 4.34232016394326692 51.97718666063654069, 4.35574766116433931 51.97935666124585197, 4.36871523920629024 51.98137249493480994, 4.36964521795929706 51.98154597173053304, 4.37028236337552389 51.98036950932961275, 4.37028236337552389 51.98036950932961275)))</t>
  </si>
  <si>
    <t>MultiPolygon (((4.33259386993262474 51.98530295740009421, 4.33360445183678511 51.98428191273587373, 4.33204213780501579 51.98406790655577225, 4.32848765044423267 51.98570201862716544, 4.32411192735903605 51.98985860501338863, 4.32573234440235943 51.99195122584879414, 4.33310954246900426 51.99317179815655976, 4.33293709634774959 51.99111008821158464, 4.33291038834267894 51.99008961790983108, 4.33259386993262474 51.98530295740009421, 4.33259386993262474 51.98530295740009421)))</t>
  </si>
  <si>
    <t>MultiPolygon (((4.35193179525699492 51.98817540814883387, 4.35235730157549661 51.98718347913055737, 4.34713095136588645 51.98627563959577458, 4.33360445183678511 51.98428191273587373, 4.33259386993262474 51.98530295740009421, 4.34475983575458091 51.98693998016210571, 4.35193179525699492 51.98817540814883387, 4.35193179525699492 51.98817540814883387)))</t>
  </si>
  <si>
    <t>MultiPolygon (((4.34449075969780552 51.9908201043812781, 4.35073949197904231 51.9912300546853956, 4.35180533927560909 51.98847853929668617, 4.35193179525699492 51.98817540814883387, 4.34475983575458091 51.98693998016210571, 4.34449183115944582 51.98994803796786357, 4.34449075969780552 51.9908201043812781, 4.34449075969780552 51.9908201043812781)))</t>
  </si>
  <si>
    <t>MultiPolygon (((4.33291038834267894 51.99008961790983108, 4.33672494944425413 51.98908739688407366, 4.34449183115944582 51.98994803796786357, 4.34475983575458091 51.98693998016210571, 4.33259386993262474 51.98530295740009421, 4.33291038834267894 51.99008961790983108, 4.33291038834267894 51.99008961790983108)))</t>
  </si>
  <si>
    <t>MultiPolygon (((4.34447670533946084 51.99252793342041201, 4.34990115556135848 51.9934045365544506, 4.35073949197904231 51.9912300546853956, 4.34449075969780552 51.9908201043812781, 4.3444803922830566 51.99209884963652684, 4.34447670533946084 51.99252793342041201, 4.34447670533946084 51.99252793342041201)))</t>
  </si>
  <si>
    <t>MultiPolygon (((4.34493804106236947 51.9957962583883031, 4.34902676481911588 51.99614647037007842, 4.34990115556135848 51.9934045365544506, 4.34447670533946084 51.99252793342041201, 4.34446246518062207 51.99457556400910363, 4.34493804106236947 51.9957962583883031, 4.34493804106236947 51.9957962583883031)))</t>
  </si>
  <si>
    <t>MultiPolygon (((4.3379514477424399 51.99150106033814467, 4.3444803922830566 51.99209884963652684, 4.34449075969780552 51.9908201043812781, 4.34449183115944582 51.98994803796786357, 4.33672494944425413 51.98908739688407366, 4.33291038834267894 51.99008961790983108, 4.33293709634774959 51.99111008821158464, 4.3379514477424399 51.99150106033814467, 4.3379514477424399 51.99150106033814467)))</t>
  </si>
  <si>
    <t>MultiPolygon (((4.34446246518062207 51.99457556400910363, 4.34447670533946084 51.99252793342041201, 4.3444803922830566 51.99209884963652684, 4.3379514477424399 51.99150106033814467, 4.33729339930344882 51.99325660122369186, 4.34446246518062207 51.99457556400910363, 4.34446246518062207 51.99457556400910363)))</t>
  </si>
  <si>
    <t>MultiPolygon (((4.34361580558814353 52.00003046065091894, 4.34850195830067499 52.0010446306614611, 4.34882183410924572 51.99861401789523541, 4.34902676481911588 51.99614647037007842, 4.34493804106236947 51.9957962583883031, 4.34480931066587939 51.99716958608442496, 4.34383433115130124 51.99975730525612505, 4.34361580558814353 52.00003046065091894, 4.34361580558814353 52.00003046065091894)))</t>
  </si>
  <si>
    <t>MultiPolygon (((4.34480931066587939 51.99716958608442496, 4.34493804106236947 51.9957962583883031, 4.34446246518062207 51.99457556400910363, 4.33729339930344882 51.99325660122369186, 4.3379514477424399 51.99150106033814467, 4.33293709634774959 51.99111008821158464, 4.33310954246900426 51.99317179815655976, 4.3328139384500135 51.99555332314697864, 4.34480931066587939 51.99716958608442496, 4.34480931066587939 51.99716958608442496)))</t>
  </si>
  <si>
    <t>MultiPolygon (((4.34383433115130124 51.99975730525612505, 4.34480931066587939 51.99716958608442496, 4.3328139384500135 51.99555332314697864, 4.33152500080776726 51.99785217226842349, 4.33771686754718733 51.99880253979173972, 4.34383433115130124 51.99975730525612505, 4.34383433115130124 51.99975730525612505)))</t>
  </si>
  <si>
    <t>MultiPolygon (((4.3597455033875061 51.99750591518618137, 4.36086345793508023 51.99792260170158187, 4.36494448296468729 51.99053259534687044, 4.36445815558028816 51.99041564989343556, 4.36293972297560106 51.99164595894755792, 4.3597455033875061 51.99750591518618137, 4.3597455033875061 51.99750591518618137)))</t>
  </si>
  <si>
    <t>MultiPolygon (((4.35669200597036443 51.99690134440315603, 4.3597455033875061 51.99750591518618137, 4.36293972297560106 51.99164595894755792, 4.36445815558028816 51.99041564989343556, 4.35891988600854763 51.98905985373192351, 4.35841228823193383 51.98981948168045619, 4.36023079550343784 51.99064210226548255, 4.35669200597036443 51.99690134440315603, 4.35669200597036443 51.99690134440315603)))</t>
  </si>
  <si>
    <t>MultiPolygon (((4.35491562381505748 51.99691627392265758, 4.35669200597036443 51.99690134440315603, 4.36023079550343784 51.99064210226548255, 4.35841228823193383 51.98981948168045619, 4.35491562381505748 51.99691627392265758, 4.35491562381505748 51.99691627392265758)))</t>
  </si>
  <si>
    <t>MultiPolygon (((4.35030563389904312 51.9963770546145625, 4.35491562381505748 51.99691627392265758, 4.35841228823193383 51.98981948168045619, 4.35891988600854763 51.98905985373192351, 4.35283197119033183 51.98724873283052972, 4.35235730157549661 51.98718347913055737, 4.35193179525699492 51.98817540814883387, 4.35180533927560909 51.98847853929668617, 4.35361303359364804 51.98975459004851984, 4.35030563389904312 51.9963770546145625, 4.35030563389904312 51.9963770546145625)))</t>
  </si>
  <si>
    <t>MultiPolygon (((4.34902676481911588 51.99614647037007842, 4.35030563389904312 51.9963770546145625, 4.35361303359364804 51.98975459004851984, 4.35180533927560909 51.98847853929668617, 4.35073949197904231 51.9912300546853956, 4.34990115556135848 51.9934045365544506, 4.34902676481911588 51.99614647037007842, 4.34902676481911588 51.99614647037007842)))</t>
  </si>
  <si>
    <t>MultiPolygon (((4.35885497678835865 52.00042893521952436, 4.3593802277161533 52.00046039486770155, 4.36086345793508023 51.99792260170158187, 4.3597455033875061 51.99750591518618137, 4.35669200597036443 51.99690134440315603, 4.35491562381505748 51.99691627392265758, 4.35467898772445761 51.99943077834790017, 4.35885497678835865 52.00042893521952436, 4.35885497678835865 52.00042893521952436)))</t>
  </si>
  <si>
    <t>MultiPolygon (((4.35301309610270426 52.00226952193538921, 4.35678690330871188 52.0036536487420662, 4.35885497678835865 52.00042893521952436, 4.35467898772445761 51.99943077834790017, 4.35466829097803743 51.99947031603071679, 4.35301309610270426 52.00226952193538921, 4.35301309610270426 52.00226952193538921)))</t>
  </si>
  <si>
    <t>MultiPolygon (((4.35466829097803743 51.99947031603071679, 4.35467898772445761 51.99943077834790017, 4.35491562381505748 51.99691627392265758, 4.35030563389904312 51.9963770546145625, 4.34902676481911588 51.99614647037007842, 4.34882183410924572 51.99861401789523541, 4.35466829097803743 51.99947031603071679, 4.35466829097803743 51.99947031603071679)))</t>
  </si>
  <si>
    <t>MultiPolygon (((4.34850195830067499 52.0010446306614611, 4.35301309610270426 52.00226952193538921, 4.35466829097803743 51.99947031603071679, 4.34882183410924572 51.99861401789523541, 4.34850195830067499 52.0010446306614611, 4.34850195830067499 52.0010446306614611)))</t>
  </si>
  <si>
    <t>MultiPolygon (((4.36270081513648122 51.98137043154520143, 4.3682291401010831 51.98226262424428512, 4.36871523920629024 51.98137249493480994, 4.35574766116433931 51.97935666124585197, 4.35543853245291324 51.98019006224556193, 4.36270081513648122 51.98137043154520143, 4.36270081513648122 51.98137043154520143)))</t>
  </si>
  <si>
    <t>MultiPolygon (((4.36197685557595261 51.98490921508050633, 4.36618988321161972 51.98565014866898082, 4.3682291401010831 51.98226262424428512, 4.36270081513648122 51.98137043154520143, 4.36197685557595261 51.98490921508050633, 4.36197685557595261 51.98490921508050633)))</t>
  </si>
  <si>
    <t>MultiPolygon (((4.35416837002400126 51.98352743163049183, 4.36197685557595261 51.98490921508050633, 4.36270081513648122 51.98137043154520143, 4.35543853245291324 51.98019006224556193, 4.35416837002400126 51.98352743163049183, 4.35416837002400126 51.98352743163049183)))</t>
  </si>
  <si>
    <t>MultiPolygon (((4.36018969198385431 51.98759093999763792, 4.36456467084981359 51.98831634586176875, 4.36618988321161972 51.98565014866898082, 4.36197685557595261 51.98490921508050633, 4.36018969198385431 51.98759093999763792, 4.36018969198385431 51.98759093999763792)))</t>
  </si>
  <si>
    <t>MultiPolygon (((4.35323843590614601 51.98675069453907582, 4.36018969198385431 51.98759093999763792, 4.36197685557595261 51.98490921508050633, 4.35416837002400126 51.98352743163049183, 4.35323843590614601 51.98675069453907582, 4.35323843590614601 51.98675069453907582)))</t>
  </si>
  <si>
    <t>MultiPolygon (((4.36445815558028816 51.99041564989343556, 4.36494448296468729 51.99053259534687044, 4.36964521795929706 51.98154597173053304, 4.36871523920629024 51.98137249493480994, 4.3682291401010831 51.98226262424428512, 4.36618988321161972 51.98565014866898082, 4.36456467084981359 51.98831634586176875, 4.36018969198385431 51.98759093999763792, 4.35323843590614601 51.98675069453907582, 4.35283197119033183 51.98724873283052972, 4.35891988600854763 51.98905985373192351, 4.36445815558028816 51.99041564989343556, 4.36445815558028816 51.99041564989343556)))</t>
  </si>
  <si>
    <t>MultiPolygon (((4.33680025425582905 51.97916693553703738, 4.33829962242235112 51.9774416663345491, 4.34202566199999929 51.97802593421229744, 4.34232016394326692 51.97718666063654069, 4.34313436971233013 51.97567480160886788, 4.33822732482013329 51.97417771624857608, 4.33272364151164524 51.98045665064039156, 4.33204213780501579 51.98406790655577225, 4.33360445183678511 51.98428191273587373, 4.33575490265076713 51.98261231947325456, 4.33680025425582905 51.97916693553703738, 4.33680025425582905 51.97916693553703738)))</t>
  </si>
  <si>
    <t>MultiPolygon (((4.34726000900282639 51.98133876396482833, 4.35416837002400126 51.98352743163049183, 4.35543853245291324 51.98019006224556193, 4.35574766116433931 51.97935666124585197, 4.34232016394326692 51.97718666063654069, 4.34202566199999929 51.97802593421229744, 4.33829962242235112 51.9774416663345491, 4.33680025425582905 51.97916693553703738, 4.3422740370131292 51.98013620196387308, 4.34726000900282639 51.98133876396482833, 4.34726000900282639 51.98133876396482833)))</t>
  </si>
  <si>
    <t>MultiPolygon (((4.35235730157549661 51.98718347913055737, 4.35283197119033183 51.98724873283052972, 4.35323843590614601 51.98675069453907582, 4.35416837002400126 51.98352743163049183, 4.34726000900282639 51.98133876396482833, 4.34666878282358127 51.9843523768165241, 4.34713095136588645 51.98627563959577458, 4.35235730157549661 51.98718347913055737, 4.35235730157549661 51.98718347913055737)))</t>
  </si>
  <si>
    <t>MultiPolygon (((4.34139511290957714 51.98423268978788769, 4.34666878282358127 51.9843523768165241, 4.34726000900282639 51.98133876396482833, 4.3422740370131292 51.98013620196387308, 4.34139511290957714 51.98423268978788769, 4.34139511290957714 51.98423268978788769)))</t>
  </si>
  <si>
    <t>MultiPolygon (((4.33575490265076713 51.98261231947325456, 4.34139511290957714 51.98423268978788769, 4.3422740370131292 51.98013620196387308, 4.33680025425582905 51.97916693553703738, 4.33575490265076713 51.98261231947325456, 4.33575490265076713 51.98261231947325456)))</t>
  </si>
  <si>
    <t>MultiPolygon (((4.33360445183678511 51.98428191273587373, 4.34713095136588645 51.98627563959577458, 4.34666878282358127 51.9843523768165241, 4.34139511290957714 51.98423268978788769, 4.33575490265076713 51.98261231947325456, 4.33360445183678511 51.98428191273587373, 4.33360445183678511 51.98428191273587373)))</t>
  </si>
  <si>
    <t>MultiPolygon (((4.38849777187123724 52.00866683328182916, 4.38356849274593507 52.00679629060108766, 4.38149503358918135 52.00867278793517556, 4.37962037981968244 52.01016877626355495, 4.38537117203669169 52.01206740476139601, 4.38280289717650717 52.01328838897226348, 4.39078933733004639 52.01682887353641149, 4.39331991106576325 52.01306956499404066, 4.39451594038818705 52.01125564672824453, 4.38834552241838516 52.00944764153984323, 4.38849777187123724 52.00866683328182916, 4.38849777187123724 52.00866683328182916)))</t>
  </si>
  <si>
    <t>MultiPolygon (((4.37578684684217656 52.0134608415736821, 4.37479090106242285 52.01439423639089199, 4.37646564898499157 52.01506366400377601, 4.37813497086687153 52.0136355190279005, 4.3813757885526563 52.01434303921755742, 4.38280289717650717 52.01328838897226348, 4.38537117203669169 52.01206740476139601, 4.37962037981968244 52.01016877626355495, 4.37578684684217656 52.0134608415736821, 4.37578684684217656 52.0134608415736821)))</t>
  </si>
  <si>
    <t>MultiPolygon (((4.39078933733004639 52.01682887353641149, 4.38280289717650717 52.01328838897226348, 4.3813757885526563 52.01434303921755742, 4.37813497086687153 52.0136355190279005, 4.37646564898499157 52.01506366400377601, 4.37479090106242285 52.01439423639089199, 4.37339067111370561 52.01554513871289487, 4.36965200530411302 52.01873074033171918, 4.36681629461006526 52.02117042117286161, 4.36950681202137758 52.02227361676313677, 4.37980865394472474 52.02666357939029496, 4.38040713162176765 52.02687646934798238, 4.38624489952186458 52.02330819207741541, 4.39078933733004639 52.01682887353641149, 4.39078933733004639 52.01682887353641149)))</t>
  </si>
  <si>
    <t>MultiPolygon (((4.36242601764819504 52.02769033422251255, 4.36339603922018426 52.02809651591097406, 4.36348818857289178 52.02724491295060005, 4.36950681202137758 52.02227361676313677, 4.36681629461006526 52.02117042117286161, 4.36678308656892611 52.02119871751416014, 4.3602607033122327 52.02675761441683733, 4.36242601764819504 52.02769033422251255, 4.36242601764819504 52.02769033422251255)))</t>
  </si>
  <si>
    <t>MultiPolygon (((4.36339603922018426 52.02809651591097406, 4.37349915211835505 52.03259879389342046, 4.37973528809693491 52.02673268245578697, 4.37980865394472474 52.02666357939029496, 4.36950681202137758 52.02227361676313677, 4.36348818857289178 52.02724491295060005, 4.36339603922018426 52.02809651591097406, 4.36339603922018426 52.02809651591097406)))</t>
  </si>
  <si>
    <t>MultiPolygon (((4.34114250072902319 52.00271036189334239, 4.34361580558814353 52.00003046065091894, 4.34383433115130124 51.99975730525612505, 4.33771686754718733 51.99880253979173972, 4.33583429134000298 52.00105531414118332, 4.34114250072902319 52.00271036189334239, 4.34114250072902319 52.00271036189334239)))</t>
  </si>
  <si>
    <t>MultiPolygon (((4.33131179499156005 52.00728013967886909, 4.3282595547284588 52.00591995341901708, 4.327740302315771 52.00640479264965421, 4.32575973880432141 52.0060171296072653, 4.32634627081071965 52.00529279640242208, 4.32324442200849912 52.00433561314940789, 4.32021774300720729 52.00806544663136322, 4.32149005956869736 52.0084634929235321, 4.32063573745276486 52.00932203285046285, 4.32547071649412107 52.01086923264821138, 4.32562419784108076 52.01232245044462843, 4.32906854199981339 52.0092690333455252, 4.33131179499156005 52.00728013967886909, 4.33131179499156005 52.00728013967886909)))</t>
  </si>
  <si>
    <t>MultiPolygon (((4.33729109784592204 52.00839876368661407, 4.33845322648167198 52.00569073445075929, 4.3363708559648364 52.00475318157830174, 4.33265569306021625 52.00788283986818783, 4.33131179499156005 52.00728013967886909, 4.32906854199981339 52.0092690333455252, 4.32562419784108076 52.01232245044462843, 4.32595624087535846 52.012793313497518, 4.33024599386049758 52.0146660575137858, 4.33291810372293185 52.01180351405668034, 4.33729109784592204 52.00839876368661407, 4.33729109784592204 52.00839876368661407)))</t>
  </si>
  <si>
    <t>MultiPolygon (((4.34109725110687528 52.0027827428425482, 4.34658846076720096 52.00523344442654405, 4.34850195830067499 52.0010446306614611, 4.34361580558814353 52.00003046065091894, 4.34114250072902319 52.00271036189334239, 4.34109725110687528 52.0027827428425482, 4.34109725110687528 52.0027827428425482)))</t>
  </si>
  <si>
    <t>MultiPolygon (((4.34415662337435204 52.00735147287172566, 4.34658846076720096 52.00523344442654405, 4.34109725110687528 52.0027827428425482, 4.33903762591095976 52.00504791961825646, 4.34415662337435204 52.00735147287172566, 4.34415662337435204 52.00735147287172566)))</t>
  </si>
  <si>
    <t>MultiPolygon (((4.33729109784592204 52.00839876368661407, 4.34158075807980293 52.00917915601330321, 4.34415662337435204 52.00735147287172566, 4.33903762591095976 52.00504791961825646, 4.33845322648167198 52.00569073445075929, 4.33729109784592204 52.00839876368661407, 4.33729109784592204 52.00839876368661407)))</t>
  </si>
  <si>
    <t>MultiPolygon (((4.33291810372293185 52.01180351405668034, 4.33878705724705505 52.01324981921057855, 4.34143233755830948 52.0093193208381237, 4.34158075807980293 52.00917915601330321, 4.33729109784592204 52.00839876368661407, 4.33291810372293185 52.01180351405668034, 4.33291810372293185 52.01180351405668034)))</t>
  </si>
  <si>
    <t>MultiPolygon (((4.33428726721649227 52.01641805036743449, 4.33442632776185643 52.01648119631859402, 4.33812726711854069 52.01392592852256769, 4.3386500823459615 52.0133861625183016, 4.33878705724705505 52.01324981921057855, 4.33291810372293185 52.01180351405668034, 4.33024599386049758 52.0146660575137858, 4.33428726721649227 52.01641805036743449, 4.33428726721649227 52.01641805036743449)))</t>
  </si>
  <si>
    <t>MultiPolygon (((4.34867915330159338 52.00618396706844493, 4.35477409842622087 52.00894059124981084, 4.35678690330871188 52.0036536487420662, 4.35301309610270426 52.00226952193538921, 4.34867915330159338 52.00618396706844493, 4.34867915330159338 52.00618396706844493)))</t>
  </si>
  <si>
    <t>MultiPolygon (((4.34658846076720096 52.00523344442654405, 4.34867915330159338 52.00618396706844493, 4.35301309610270426 52.00226952193538921, 4.34850195830067499 52.0010446306614611, 4.34658846076720096 52.00523344442654405, 4.34658846076720096 52.00523344442654405)))</t>
  </si>
  <si>
    <t>MultiPolygon (((4.35271031979762402 52.01193177248103439, 4.35485999271801916 52.0098405072832648, 4.35477409842622087 52.00894059124981084, 4.34867915330159338 52.00618396706844493, 4.34652213423884692 52.00921473416794072, 4.35271031979762402 52.01193177248103439, 4.35271031979762402 52.01193177248103439)))</t>
  </si>
  <si>
    <t>MultiPolygon (((4.34143233755830948 52.0093193208381237, 4.34606555990329024 52.01071671299889942, 4.34652213423884692 52.00921473416794072, 4.34867915330159338 52.00618396706844493, 4.34658846076720096 52.00523344442654405, 4.34415662337435204 52.00735147287172566, 4.34158075807980293 52.00917915601330321, 4.34143233755830948 52.0093193208381237, 4.34143233755830948 52.0093193208381237)))</t>
  </si>
  <si>
    <t>MultiPolygon (((4.34447020523174476 52.01344410446537125, 4.34956134548896323 52.01509366049599237, 4.35271031979762402 52.01193177248103439, 4.34652213423884692 52.00921473416794072, 4.34606555990329024 52.01071671299889942, 4.34447020523174476 52.01344410446537125, 4.34447020523174476 52.01344410446537125)))</t>
  </si>
  <si>
    <t>MultiPolygon (((4.3386500823459615 52.0133861625183016, 4.34447020523174476 52.01344410446537125, 4.34606555990329024 52.01071671299889942, 4.34143233755830948 52.0093193208381237, 4.33878705724705505 52.01324981921057855, 4.3386500823459615 52.0133861625183016, 4.3386500823459615 52.0133861625183016)))</t>
  </si>
  <si>
    <t>MultiPolygon (((4.34692503909204486 52.01786872158140795, 4.3496899760085963 52.01515185682134756, 4.34956134548896323 52.01509366049599237, 4.34447020523174476 52.01344410446537125, 4.3386500823459615 52.0133861625183016, 4.33812726711854069 52.01392592852256769, 4.34692503909204486 52.01786872158140795, 4.34692503909204486 52.01786872158140795)))</t>
  </si>
  <si>
    <t>MultiPolygon (((4.34369544610873959 52.0206167734168119, 4.34692503909204486 52.01786872158140795, 4.33812726711854069 52.01392592852256769, 4.33442632776185643 52.01648119631859402, 4.34369544610873959 52.0206167734168119, 4.34369544610873959 52.0206167734168119)))</t>
  </si>
  <si>
    <t>MultiPolygon (((4.37333340565263207 52.01083018600985497, 4.37578684684217656 52.0134608415736821, 4.37962037981968244 52.01016877626355495, 4.38149503358918135 52.00867278793517556, 4.37978666453931353 52.00814634931919755, 4.37350465742968897 52.0100679683542495, 4.37333340565263207 52.01083018600985497, 4.37333340565263207 52.01083018600985497)))</t>
  </si>
  <si>
    <t>MultiPolygon (((4.37339067111370561 52.01554513871289487, 4.37479090106242285 52.01439423639089199, 4.37578684684217656 52.0134608415736821, 4.37333340565263207 52.01083018600985497, 4.36987375567439962 52.01073556062643632, 4.36907133318194418 52.01090363422157736, 4.36682068674676671 52.01272083386805178, 4.36794098915979312 52.01324458877460444, 4.37339067111370561 52.01554513871289487, 4.37339067111370561 52.01554513871289487)))</t>
  </si>
  <si>
    <t>MultiPolygon (((4.36479002827067575 52.01658163316541561, 4.36965200530411302 52.01873074033171918, 4.37339067111370561 52.01554513871289487, 4.36794098915979312 52.01324458877460444, 4.36479002827067575 52.01658163316541561, 4.36479002827067575 52.01658163316541561)))</t>
  </si>
  <si>
    <t>MultiPolygon (((4.36678308656892611 52.02119871751416014, 4.36681629461006526 52.02117042117286161, 4.36965200530411302 52.01873074033171918, 4.36479002827067575 52.01658163316541561, 4.36193640878859057 52.01908773893946147, 4.36678308656892611 52.02119871751416014, 4.36678308656892611 52.02119871751416014)))</t>
  </si>
  <si>
    <t>MultiPolygon (((4.35928338920929992 52.01793561545696321, 4.36193640878859057 52.01908773893946147, 4.36479002827067575 52.01658163316541561, 4.36794098915979312 52.01324458877460444, 4.36682068674676671 52.01272083386805178, 4.36500157169503833 52.01382399671342682, 4.35928338920929992 52.01793561545696321, 4.35928338920929992 52.01793561545696321)))</t>
  </si>
  <si>
    <t>MultiPolygon (((4.36678308656892611 52.02119871751416014, 4.36193640878859057 52.01908773893946147, 4.35805100634825671 52.02184794254742428, 4.35699461323035386 52.02517987363647478, 4.3597743795320909 52.02654226722183495, 4.3602607033122327 52.02675761441683733, 4.36678308656892611 52.02119871751416014, 4.36678308656892611 52.02119871751416014)))</t>
  </si>
  <si>
    <t>MultiPolygon (((4.3520103090309723 52.02313662218800516, 4.35699461323035386 52.02517987363647478, 4.35805100634825671 52.02184794254742428, 4.36193640878859057 52.01908773893946147, 4.35928338920929992 52.01793561545696321, 4.35675965642490404 52.01948677115451858, 4.35252658169025253 52.01964579363230712, 4.3520103090309723 52.02313662218800516, 4.3520103090309723 52.02313662218800516)))</t>
  </si>
  <si>
    <t>MultiPolygon (((4.35699461323035386 52.02517987363647478, 4.3520103090309723 52.02313662218800516, 4.35141845374374459 52.02400313213470184, 4.35769316366740433 52.02682080825830013, 4.35779028203079655 52.02686319714047869, 4.35884866218138534 52.02733392840654858, 4.3597743795320909 52.02654226722183495, 4.35699461323035386 52.02517987363647478, 4.35699461323035386 52.02517987363647478)))</t>
  </si>
  <si>
    <t>MultiPolygon (((4.35141845374374459 52.02400313213470184, 4.3520103090309723 52.02313662218800516, 4.35252658169025253 52.01964579363230712, 4.3494902386504295 52.01998024419425093, 4.34800186152690049 52.0224536079128228, 4.3480119422782515 52.0224566425161612, 4.35141845374374459 52.02400313213470184, 4.35141845374374459 52.02400313213470184)))</t>
  </si>
  <si>
    <t>MultiPolygon (((4.3622434458704813 52.00846801678863329, 4.36907133318194418 52.01090363422157736, 4.36854066765408255 52.00917790383025618, 4.36578357387103466 52.00766071657104561, 4.36368330015622252 52.00672265103784753, 4.3622434458704813 52.00846801678863329, 4.3622434458704813 52.00846801678863329)))</t>
  </si>
  <si>
    <t>MultiPolygon (((4.36500157169503833 52.01382399671342682, 4.36682068674676671 52.01272083386805178, 4.36907133318194418 52.01090363422157736, 4.36481899456148259 52.01184199950768061, 4.36236107160210462 52.01256839071213989, 4.36500157169503833 52.01382399671342682, 4.36500157169503833 52.01382399671342682)))</t>
  </si>
  <si>
    <t>MultiPolygon (((4.36481899456148259 52.01184199950768061, 4.36907133318194418 52.01090363422157736, 4.3622434458704813 52.00846801678863329, 4.36173978638267723 52.00854281165262449, 4.3608030457999778 52.00998739196985809, 4.36481899456148259 52.01184199950768061, 4.36481899456148259 52.01184199950768061)))</t>
  </si>
  <si>
    <t>MultiPolygon (((4.3555500931759692 52.00935982535440161, 4.3572134553791857 52.01005729298255176, 4.35909451168753304 52.00759532109178451, 4.36173978638267723 52.00854281165262449, 4.3622434458704813 52.00846801678863329, 4.36368330015622252 52.00672265103784753, 4.36048975740989952 52.0052886150547593, 4.35942246527366439 52.0051643259455858, 4.3555500931759692 52.00935982535440161, 4.3555500931759692 52.00935982535440161)))</t>
  </si>
  <si>
    <t>MultiPolygon (((4.35485999271801916 52.0098405072832648, 4.3555500931759692 52.00935982535440161, 4.35942246527366439 52.0051643259455858, 4.35678690330871188 52.0036536487420662, 4.35477409842622087 52.00894059124981084, 4.35485999271801916 52.0098405072832648, 4.35485999271801916 52.0098405072832648)))</t>
  </si>
  <si>
    <t>MultiPolygon (((4.35889017668852841 52.01342608257334632, 4.36236107160210462 52.01256839071213989, 4.36481899456148259 52.01184199950768061, 4.3608030457999778 52.00998739196985809, 4.36173978638267723 52.00854281165262449, 4.35909451168753304 52.00759532109178451, 4.3572134553791857 52.01005729298255176, 4.35548202077130142 52.01218102318682668, 4.35889017668852841 52.01342608257334632, 4.35889017668852841 52.01342608257334632)))</t>
  </si>
  <si>
    <t>MultiPolygon (((4.35544600203099463 52.01624187448921788, 4.35928338920929992 52.01793561545696321, 4.36500157169503833 52.01382399671342682, 4.36236107160210462 52.01256839071213989, 4.35889017668852841 52.01342608257334632, 4.35544600203099463 52.01624187448921788, 4.35544600203099463 52.01624187448921788)))</t>
  </si>
  <si>
    <t>MultiPolygon (((4.35085729331622328 52.01645766353659894, 4.35320075031799636 52.01695427994850718, 4.35420209893796262 52.0156853203290126, 4.35544600203099463 52.01624187448921788, 4.35889017668852841 52.01342608257334632, 4.35548202077130142 52.01218102318682668, 4.3572134553791857 52.01005729298255176, 4.3555500931759692 52.00935982535440161, 4.35485999271801916 52.0098405072832648, 4.35271031979762402 52.01193177248103439, 4.34956134548896323 52.01509366049599237, 4.3496899760085963 52.01515185682134756, 4.35085729331622328 52.01645766353659894, 4.35085729331622328 52.01645766353659894)))</t>
  </si>
  <si>
    <t>MultiPolygon (((4.3494902386504295 52.01998024419425093, 4.35252658169025253 52.01964579363230712, 4.35675965642490404 52.01948677115451858, 4.35928338920929992 52.01793561545696321, 4.35544600203099463 52.01624187448921788, 4.35420209893796262 52.0156853203290126, 4.35320075031799636 52.01695427994850718, 4.35085729331622328 52.01645766353659894, 4.3494902386504295 52.01998024419425093, 4.3494902386504295 52.01998024419425093)))</t>
  </si>
  <si>
    <t>MultiPolygon (((4.34767029213741374 52.02235143833252096, 4.34800186152690049 52.0224536079128228, 4.3494902386504295 52.01998024419425093, 4.35085729331622328 52.01645766353659894, 4.3496899760085963 52.01515185682134756, 4.34692503909204486 52.01786872158140795, 4.34369544610873959 52.0206167734168119, 4.34767029213741374 52.02235143833252096, 4.34767029213741374 52.02235143833252096)))</t>
  </si>
  <si>
    <t>MultiPolygon (((4.54338844536622322 51.90622006502439945, 4.54213595367171674 51.9062045572193469, 4.54167697870679721 51.9068523218214537, 4.54502883084707143 51.90769406547488529, 4.5436540859154908 51.90979267411082532, 4.54863917470654755 51.91040155407254986, 4.54796729193840488 51.90857008154727481, 4.54742538706117294 51.90799344277446181, 4.5474451490010539 51.90738360307950927, 4.54768997922404772 51.90716862530131692, 4.54613340622651041 51.90657791498583151, 4.54338844536622322 51.90622006502439945)))</t>
  </si>
  <si>
    <t>MultiPolygon (((4.54663745462906288 51.91337313834836209, 4.55010096457580016 51.91437807704120644, 4.54863917470654755 51.91040155407254986, 4.5436540859154908 51.90979267411082532, 4.54265444941158503 51.91131623330465317, 4.54260160909630351 51.91236684435425985, 4.54599916884100708 51.91231802007560958, 4.54663745462906288 51.91337313834836209, 4.54663745462906288 51.91337313834836209)))</t>
  </si>
  <si>
    <t>MultiPolygon (((4.54502883084707143 51.90769406547488529, 4.54167697870679721 51.9068523218214537, 4.53921993900317133 51.91169231260999339, 4.54265444941158503 51.91131623330465317, 4.5436540859154908 51.90979267411082532, 4.54502883084707143 51.90769406547488529, 4.54502883084707143 51.90769406547488529)))</t>
  </si>
  <si>
    <t>MultiPolygon (((4.54663745462906288 51.91337313834836209, 4.54599916884100708 51.91231802007560958, 4.54260160909630351 51.91236684435425985, 4.54265444941158503 51.91131623330465317, 4.53921993900317133 51.91169231260999339, 4.53833232315100421 51.91189781498536604, 4.5371853171979204 51.91403627461236425, 4.5374388741352325 51.9146822461737969, 4.53823104536948296 51.91491088125293629, 4.54663745462906288 51.91337313834836209)))</t>
  </si>
  <si>
    <t>MultiPolygon (((4.56311722445611423 51.9216575787989143, 4.56220649598952299 51.92113763284504557, 4.56088563280839576 51.92166282103638508, 4.5615239281166895 51.92187453788088902, 4.56145245559461987 51.92217319608329973, 4.56318542437558339 51.92282398799495269, 4.564551264605341 51.92363263985642874, 4.56599545525526818 51.92573748445692416, 4.56900003236686025 51.92555272139149736, 4.56876265933762049 51.92430050018506904, 4.56311722445611423 51.9216575787989143)))</t>
  </si>
  <si>
    <t>MultiPolygon (((4.56220649598952299 51.92113763284504557, 4.55880305858566004 51.91921703352217321, 4.5547450289757645 51.91697380367027392, 4.55207889318525183 51.91944962780269179, 4.55632730145662634 51.92031641060445679, 4.55691024191818173 51.91991354134019332, 4.56088563280839576 51.92166282103638508, 4.56220649598952299 51.92113763284504557)))</t>
  </si>
  <si>
    <t>MultiPolygon (((4.55010096457580016 51.91437807704120644, 4.54663745462906288 51.91337313834836209, 4.54665815994562905 51.91755621481271277, 4.5455995434993568 51.91774056572860729, 4.54516123756990886 51.91929142389513174, 4.55207889318525183 51.91944962780269179, 4.5547450289757645 51.91697380367027392, 4.55399587247980797 51.91661780086364786, 4.55010096457580016 51.91437807704120644, 4.55010096457580016 51.91437807704120644)))</t>
  </si>
  <si>
    <t>MultiPolygon (((4.54516123756990886 51.91929142389513174, 4.5455995434993568 51.91774056572860729, 4.54665815994562905 51.91755621481271277, 4.54663745462906288 51.91337313834836209, 4.53823104536948296 51.91491088125293629, 4.53822209130387488 51.91534416092251547, 4.54052258943472431 51.91524186230278559, 4.53785159640325997 51.91931727506415939, 4.53754956432726342 51.91977837850136268, 4.54516123756990886 51.91929142389513174)))</t>
  </si>
  <si>
    <t>MultiPolygon (((4.58178386013675976 51.95564388561725622, 4.58518871836137976 51.95619995383525236, 4.58693094916497124 51.95505495297325638, 4.58624784358952287 51.95420218468380824, 4.58183683076281945 51.95355898695693497, 4.58162635191786016 51.95370335655336191, 4.58178386013675976 51.95564388561725622, 4.58178386013675976 51.95564388561725622)))</t>
  </si>
  <si>
    <t>MultiPolygon (((4.58543299489766643 51.95923377421030409, 4.5901887420996319 51.96014283926889732, 4.595049461126683 51.95603700612065978, 4.59533250269156923 51.9557978996709835, 4.59069400958662222 51.95483150408049511, 4.58543299489766643 51.95923377421030409, 4.58543299489766643 51.95923377421030409)))</t>
  </si>
  <si>
    <t>MultiPolygon (((4.57879211279180698 51.95624913524260791, 4.58543299489766643 51.95923377421030409, 4.59069400958662222 51.95483150408049511, 4.59069356854670563 51.95483143547690474, 4.58918902538962836 51.95455851343805875, 4.58654165393084057 51.95364631041937997, 4.58624784358952287 51.95420218468380824, 4.58693094916497124 51.95505495297325638, 4.58518871836137976 51.95619995383525236, 4.58178386013675976 51.95564388561725622, 4.57879211279180698 51.95624913524260791, 4.57879211279180698 51.95624913524260791)))</t>
  </si>
  <si>
    <t>MultiPolygon (((4.57879211279180698 51.95624913524260791, 4.58178386013675976 51.95564388561725622, 4.58162635191786016 51.95370335655336191, 4.57909077909220752 51.95358065519226898, 4.57480446679561936 51.95312845692082959, 4.57186691562382297 51.95290791675554942, 4.57183567415596492 51.95303118018623678, 4.57179464329823748 51.95326043404914174, 4.57879211279180698 51.95624913524260791, 4.57879211279180698 51.95624913524260791)))</t>
  </si>
  <si>
    <t>MultiPolygon (((4.58846007349334872 51.96160258937716492, 4.58470674077230456 51.95992456443045882, 4.58038548470832652 51.96375880863430297, 4.5838057060231181 51.96549177801355057, 4.58399241402464419 51.96536896669718431, 4.58846007349334872 51.96160258937716492, 4.58846007349334872 51.96160258937716492)))</t>
  </si>
  <si>
    <t>MultiPolygon (((4.57514934056166123 51.96126716488006281, 4.58038548470832652 51.96375880863430297, 4.58470674077230456 51.95992456443045882, 4.57950647177452819 51.95755008566113986, 4.57514934056166123 51.96126716488006281, 4.57514934056166123 51.96126716488006281)))</t>
  </si>
  <si>
    <t>MultiPolygon (((4.57050806034944124 51.95909992731451865, 4.57514934056166123 51.96126716488006281, 4.57950647177452819 51.95755008566113986, 4.5757872915959581 51.95587147158171604, 4.57420747682109141 51.95721948076065644, 4.57303112871122774 51.95696777307427539, 4.57050806034944124 51.95909992731451865, 4.57050806034944124 51.95909992731451865)))</t>
  </si>
  <si>
    <t>MultiPolygon (((4.56801288045480103 51.95807990832742718, 4.57050806034944124 51.95909992731451865, 4.57303112871122774 51.95696777307427539, 4.57420747682109141 51.95721948076065644, 4.5757872915959581 51.95587147158171604, 4.57118694080419985 51.95379113612325028, 4.57208955925072846 51.95462010778350503, 4.56801288045480103 51.95807990832742718, 4.56801288045480103 51.95807990832742718)))</t>
  </si>
  <si>
    <t>MultiPolygon (((4.56436713070579181 51.95992453658240606, 4.56679540262094275 51.95788176178426454, 4.56801288045480103 51.95807990832742718, 4.57208955925072846 51.95462010778350503, 4.57118694080419985 51.95379113612325028, 4.57179464329823748 51.95326043404914174, 4.57183567415596492 51.95303118018623678, 4.56804248906587507 51.95226629483304492, 4.56460421428344976 51.95034949684777104, 4.56240560886929458 51.95472423696286768, 4.56158748941853531 51.95665392112667291, 4.56289910062779924 51.95686460350706426, 4.56205310841767098 51.9588745457813701, 4.56436713070579181 51.95992453658240606, 4.56436713070579181 51.95992453658240606)))</t>
  </si>
  <si>
    <t>MultiPolygon (((4.58846007349334872 51.96160258937716492, 4.5901887420996319 51.96014283926889732, 4.58543299489766643 51.95923377421030409, 4.57879211279180698 51.95624913524260791, 4.57179464329823748 51.95326043404914174, 4.57118694080419985 51.95379113612325028, 4.5757872915959581 51.95587147158171604, 4.57950647177452819 51.95755008566113986, 4.58470674077230456 51.95992456443045882, 4.58846007349334872 51.96160258937716492, 4.58846007349334872 51.96160258937716492)))</t>
  </si>
  <si>
    <t>MultiPolygon (((4.59069400958662222 51.95483150408049511, 4.59533250269156923 51.9557978996709835, 4.59939236642664362 51.95198418640906368, 4.59634472219563239 51.95053378090042884, 4.59069356854670563 51.95483143547690474, 4.59069400958662222 51.95483150408049511, 4.59069400958662222 51.95483150408049511)))</t>
  </si>
  <si>
    <t>MultiPolygon (((4.58918902538962836 51.95455851343805875, 4.59069356854670563 51.95483143547690474, 4.59634472219563239 51.95053378090042884, 4.59268473811486722 51.94877710537766546, 4.58990075195917147 51.9508073810065909, 4.59042049028591936 51.95297530024644317, 4.58918902538962836 51.95455851343805875, 4.58918902538962836 51.95455851343805875)))</t>
  </si>
  <si>
    <t>MultiPolygon (((4.58654165393084057 51.95364631041937997, 4.58918902538962836 51.95455851343805875, 4.59042049028591936 51.95297530024644317, 4.58990075195917147 51.9508073810065909, 4.59268473811486722 51.94877710537766546, 4.58850212458190931 51.9471139718545416, 4.58666986840414559 51.94863041710682694, 4.58800667829276776 51.95162906823713911, 4.58654165393084057 51.95364631041937997, 4.58654165393084057 51.95364631041937997)))</t>
  </si>
  <si>
    <t>MultiPolygon (((4.58624784358952287 51.95420218468380824, 4.58654165393084057 51.95364631041937997, 4.58800667829276776 51.95162906823713911, 4.58666986840414559 51.94863041710682694, 4.58514681862209716 51.94921790478390022, 4.58448904890048503 51.95111191563631792, 4.58315565990429352 51.95135329997475537, 4.58211831895841204 51.95084122469739185, 4.58183683076281945 51.95355898695693497, 4.58624784358952287 51.95420218468380824, 4.58624784358952287 51.95420218468380824)))</t>
  </si>
  <si>
    <t>MultiPolygon (((4.58162635191786016 51.95370335655336191, 4.58183683076281945 51.95355898695693497, 4.58211831895841204 51.95084122469739185, 4.58315565990429352 51.95135329997475537, 4.58448904890048503 51.95111191563631792, 4.58514681862209716 51.94921790478390022, 4.5813169759531327 51.94849147025720981, 4.57986696665785686 51.9493954079614042, 4.57909077909220752 51.95358065519226898, 4.58162635191786016 51.95370335655336191, 4.58162635191786016 51.95370335655336191)))</t>
  </si>
  <si>
    <t>MultiPolygon (((4.59974253856323312 51.94766615360463646, 4.59293023803881972 51.94393700370497413, 4.58894196282300726 51.9417530132928178, 4.57994094764141213 51.93716017850436373, 4.57882274098712205 51.93832430362996888, 4.57292692168068626 51.94333801645586846, 4.57359943298521454 51.94545093334401997, 4.57914593380584911 51.94712608230792483, 4.5813169759531327 51.94849147025720981, 4.58514681862209716 51.94921790478390022, 4.58666986840414559 51.94863041710682694, 4.58850212458190931 51.9471139718545416, 4.59268473811486722 51.94877710537766546, 4.59634472219563239 51.95053378090042884, 4.59939236642664362 51.95198418640906368, 4.6020682627924776 51.94947559834571393, 4.59974253856323312 51.94766615360463646, 4.59974253856323312 51.94766615360463646)))</t>
  </si>
  <si>
    <t>MultiPolygon (((4.57186691562382297 51.95290791675554942, 4.57480446679561936 51.95312845692082959, 4.57592232438448843 51.95258795988755907, 4.57633828589328218 51.94973125011718906, 4.57914593380584911 51.94712608230792483, 4.57359943298521454 51.94545093334401997, 4.57184674144828307 51.94906908257400602, 4.57186691562382297 51.95290791675554942, 4.57186691562382297 51.95290791675554942)))</t>
  </si>
  <si>
    <t>MultiPolygon (((4.56743728267960769 51.94795778548493104, 4.57184674144828307 51.94906908257400602, 4.57359943298521454 51.94545093334401997, 4.57292692168068626 51.94333801645586846, 4.57277964472170328 51.94345611269199736, 4.56743728267960769 51.94795778548493104, 4.56743728267960769 51.94795778548493104)))</t>
  </si>
  <si>
    <t>MultiPolygon (((4.57480446679561936 51.95312845692082959, 4.57909077909220752 51.95358065519226898, 4.57986696665785686 51.9493954079614042, 4.5813169759531327 51.94849147025720981, 4.57914593380584911 51.94712608230792483, 4.57633828589328218 51.94973125011718906, 4.57592232438448843 51.95258795988755907, 4.57480446679561936 51.95312845692082959, 4.57480446679561936 51.95312845692082959)))</t>
  </si>
  <si>
    <t>MultiPolygon (((4.57183567415596492 51.95303118018623678, 4.57186691562382297 51.95290791675554942, 4.57184674144828307 51.94906908257400602, 4.56743728267960769 51.94795778548493104, 4.56460421428344976 51.95034949684777104, 4.56804248906587507 51.95226629483304492, 4.57183567415596492 51.95303118018623678, 4.57183567415596492 51.95303118018623678)))</t>
  </si>
  <si>
    <t>MultiPolygon (((4.57255662872859503 51.93744585783854006, 4.57034085197282192 51.93710713677476321, 4.56759415069695596 51.94198191093683192, 4.57049933771321459 51.94242664160005774, 4.57277964472170328 51.94345611269199736, 4.57292692168068626 51.94333801645586846, 4.57882274098712205 51.93832430362996888, 4.57255662872859503 51.93744585783854006, 4.57255662872859503 51.93744585783854006)))</t>
  </si>
  <si>
    <t>MultiPolygon (((4.57213526660565694 51.93255330749461507, 4.56515497530915937 51.92891434381616023, 4.56515270860123579 51.92917897415438233, 4.56470233425620542 51.92954717163243572, 4.56528819229258964 51.92982578204290434, 4.56438705498256692 51.93195424372578373, 4.56421280046528111 51.932365835201864, 4.56935411227449872 51.93322507788933251, 4.57161419162933225 51.93332889546762487, 4.57213526660565694 51.93255330749461507)))</t>
  </si>
  <si>
    <t>MultiPolygon (((4.57255662872859503 51.93744585783854006, 4.57882274098712205 51.93832430362996888, 4.57994094764141213 51.93716017850436373, 4.57969925044472248 51.93668449160306011, 4.57655598031707189 51.93501573307964492, 4.57255662872859503 51.93744585783854006, 4.57255662872859503 51.93744585783854006)))</t>
  </si>
  <si>
    <t>MultiPolygon (((4.57034085197282192 51.93710713677476321, 4.57255662872859503 51.93744585783854006, 4.57655598031707189 51.93501573307964492, 4.57570011353940487 51.93453589478176013, 4.57213526660565694 51.93255330749461507, 4.57161419162933225 51.93332889546762487, 4.56935411227449872 51.93322507788933251, 4.56794605124497544 51.93673970216796931, 4.57034085197282192 51.93710713677476321, 4.57034085197282192 51.93710713677476321)))</t>
  </si>
  <si>
    <t>MultiPolygon (((4.56272424551424827 51.93588140510355089, 4.56794605124497544 51.93673970216796931, 4.56935411227449872 51.93322507788933251, 4.56421280046528111 51.932365835201864, 4.56272424551424827 51.93588140510355089, 4.56272424551424827 51.93588140510355089)))</t>
  </si>
  <si>
    <t>MultiPolygon (((4.56759415069695596 51.94198191093683192, 4.57034085197282192 51.93710713677476321, 4.56794605124497544 51.93673970216796931, 4.56272424551424827 51.93588140510355089, 4.56264658493749486 51.93606480295692762, 4.56059446059194507 51.94091007963756113, 4.56759415069695596 51.94198191093683192, 4.56759415069695596 51.94198191093683192)))</t>
  </si>
  <si>
    <t>MultiPolygon (((4.59974253856323312 51.94766615360463646, 4.60369919259303728 51.94480787507961139, 4.59994515600751797 51.94275309908215377, 4.5968645651574942 51.94098368513132868, 4.59293023803881972 51.94393700370497413, 4.59974253856323312 51.94766615360463646, 4.59974253856323312 51.94766615360463646)))</t>
  </si>
  <si>
    <t>MultiPolygon (((4.58894196282300726 51.9417530132928178, 4.59293023803881972 51.94393700370497413, 4.5968645651574942 51.94098368513132868, 4.59606633309480284 51.94065596092443826, 4.59215765315829039 51.93832205444083172, 4.59198116858984395 51.93822291755099485, 4.58894196282300726 51.9417530132928178, 4.58894196282300726 51.9417530132928178)))</t>
  </si>
  <si>
    <t>MultiPolygon (((4.58894196282300726 51.9417530132928178, 4.59198116858984395 51.93822291755099485, 4.58340173305121468 51.93344153645868744, 4.57969925044472248 51.93668449160306011, 4.57994094764141213 51.93716017850436373, 4.58894196282300726 51.9417530132928178, 4.58894196282300726 51.9417530132928178)))</t>
  </si>
  <si>
    <t>MultiPolygon (((4.57655598031707189 51.93501573307964492, 4.57969925044472248 51.93668449160306011, 4.58340173305121468 51.93344153645868744, 4.57822880862001558 51.93050907978036435, 4.57789714564267047 51.93034657125465259, 4.57570011353940487 51.93453589478176013, 4.57655598031707189 51.93501573307964492, 4.57655598031707189 51.93501573307964492)))</t>
  </si>
  <si>
    <t>MultiPolygon (((4.57075606429066728 51.9269143254395189, 4.56900003236686025 51.92555272139149736, 4.56599545525526818 51.92573748445692416, 4.56623881397113252 51.92590883856839667, 4.56515497530915937 51.92891434381616023, 4.57213526660565694 51.93255330749461507, 4.57570011353940487 51.93453589478176013, 4.57789714564267047 51.93034657125465259, 4.57075606429066728 51.9269143254395189)))</t>
  </si>
  <si>
    <t>MultiPolygon (((4.60308750678367495 51.94174679178217957, 4.60590546554938651 51.9432323434260681, 4.61049708536078473 51.93990894671314607, 4.60691550388114557 51.93832934688492742, 4.60308750678367495 51.94174679178217957, 4.60308750678367495 51.94174679178217957)))</t>
  </si>
  <si>
    <t>MultiPolygon (((4.60266125249146807 51.94186833619895793, 4.60308750678367495 51.94174679178217957, 4.60691550388114557 51.93832934688492742, 4.60491450678981096 51.93740483236101824, 4.60244750963425364 51.93774677491676783, 4.5998698195876857 51.94015898191444336, 4.60266125249146807 51.94186833619895793, 4.60266125249146807 51.94186833619895793)))</t>
  </si>
  <si>
    <t>MultiPolygon (((4.5998698195876857 51.94015898191444336, 4.60244750963425364 51.93774677491676783, 4.59960648108522374 51.93605621877251366, 4.59788661947532606 51.93757920706620013, 4.5998698195876857 51.94015898191444336, 4.5998698195876857 51.94015898191444336)))</t>
  </si>
  <si>
    <t>MultiPolygon (((4.59285221001101807 51.93636695323212393, 4.59788661947532606 51.93757920706620013, 4.59960648108522374 51.93605621877251366, 4.60005362591766254 51.93529523549122473, 4.59578214762815929 51.9335594746585798, 4.59437253779965271 51.93485173044604863, 4.59285221001101807 51.93636695323212393, 4.59285221001101807 51.93636695323212393)))</t>
  </si>
  <si>
    <t>MultiPolygon (((4.60369919259303728 51.94480787507961139, 4.60590546554938651 51.9432323434260681, 4.60308750678367495 51.94174679178217957, 4.60266125249146807 51.94186833619895793, 4.59994515600751797 51.94275309908215377, 4.60369919259303728 51.94480787507961139, 4.60369919259303728 51.94480787507961139)))</t>
  </si>
  <si>
    <t>MultiPolygon (((4.59994515600751797 51.94275309908215377, 4.60266125249146807 51.94186833619895793, 4.5998698195876857 51.94015898191444336, 4.59606633309480284 51.94065596092443826, 4.5968645651574942 51.94098368513132868, 4.59994515600751797 51.94275309908215377, 4.59994515600751797 51.94275309908215377)))</t>
  </si>
  <si>
    <t>MultiPolygon (((4.59606633309480284 51.94065596092443826, 4.5998698195876857 51.94015898191444336, 4.59788661947532606 51.93757920706620013, 4.59285221001101807 51.93636695323212393, 4.59215765315829039 51.93832205444083172, 4.59606633309480284 51.94065596092443826, 4.59606633309480284 51.94065596092443826)))</t>
  </si>
  <si>
    <t>MultiPolygon (((4.61892406993119931 51.93389504256692391, 4.61948862448439801 51.9334922684701823, 4.6177039328210423 51.93105014175780809, 4.6150678555344431 51.92735363929333658, 4.6132356978236011 51.9260772374297872, 4.610724389426065 51.92534109438322076, 4.60705391609878845 51.92568238892258847, 4.60690520911451618 51.92840474768507875, 4.61164220202058139 51.92975061793954694, 4.61462273164589654 51.93219160136250423, 4.61814637563606567 51.93292480177701265, 4.61892406993119931 51.93389504256692391, 4.61892406993119931 51.93389504256692391)))</t>
  </si>
  <si>
    <t>MultiPolygon (((4.61036925562526623 51.93230191764430259, 4.6144955803629859 51.93432696000552795, 4.61814637563606567 51.93292480177701265, 4.61462273164589654 51.93219160136250423, 4.61164220202058139 51.92975061793954694, 4.60690520911451618 51.92840474768507875, 4.60561322660034911 51.92954660172534886, 4.6068693170234889 51.93025559895846044, 4.61036925562526623 51.93230191764430259, 4.61036925562526623 51.93230191764430259)))</t>
  </si>
  <si>
    <t>MultiPolygon (((4.60015611822210424 51.92931226918294385, 4.60561322660034911 51.92954660172534886, 4.60690520911451618 51.92840474768507875, 4.60705391609878845 51.92568238892258847, 4.60168326560411689 51.92665102656440013, 4.60015611822210424 51.92931226918294385, 4.60015611822210424 51.92931226918294385)))</t>
  </si>
  <si>
    <t>MultiPolygon (((4.60902724582343026 51.93460021272061766, 4.61424580660034067 51.93723101454396129, 4.61892406993119931 51.93389504256692391, 4.61814637563606567 51.93292480177701265, 4.6144955803629859 51.93432696000552795, 4.61036925562526623 51.93230191764430259, 4.60902724582343026 51.93460021272061766, 4.60902724582343026 51.93460021272061766)))</t>
  </si>
  <si>
    <t>MultiPolygon (((4.60667428619352837 51.93491980381683248, 4.60902724582343026 51.93460021272061766, 4.61036925562526623 51.93230191764430259, 4.6068693170234889 51.93025559895846044, 4.60340768278792112 51.93347829857472675, 4.60667428619352837 51.93491980381683248, 4.60667428619352837 51.93491980381683248)))</t>
  </si>
  <si>
    <t>MultiPolygon (((4.60251941582424173 51.93367959569376069, 4.60340768278792112 51.93347829857472675, 4.6068693170234889 51.93025559895846044, 4.60561322660034911 51.92954660172534886, 4.60015611822210424 51.92931226918294385, 4.59991175473571179 51.9295926504572023, 4.59766563214269208 51.93157224236527014, 4.60251941582424173 51.93367959569376069, 4.60251941582424173 51.93367959569376069)))</t>
  </si>
  <si>
    <t>MultiPolygon (((4.60691550388114557 51.93832934688492742, 4.61049708536078473 51.93990894671314607, 4.61424580660034067 51.93723101454396129, 4.60902724582343026 51.93460021272061766, 4.60667428619352837 51.93491980381683248, 4.60491450678981096 51.93740483236101824, 4.60691550388114557 51.93832934688492742, 4.60691550388114557 51.93832934688492742)))</t>
  </si>
  <si>
    <t>MultiPolygon (((4.60244750963425364 51.93774677491676783, 4.60491450678981096 51.93740483236101824, 4.60667428619352837 51.93491980381683248, 4.60340768278792112 51.93347829857472675, 4.60251941582424173 51.93367959569376069, 4.60005362591766254 51.93529523549122473, 4.59960648108522374 51.93605621877251366, 4.60244750963425364 51.93774677491676783, 4.60244750963425364 51.93774677491676783)))</t>
  </si>
  <si>
    <t>MultiPolygon (((4.60005362591766254 51.93529523549122473, 4.60251941582424173 51.93367959569376069, 4.59766563214269208 51.93157224236527014, 4.59718249682461799 51.93138795729543489, 4.59578214762815929 51.9335594746585798, 4.60005362591766254 51.93529523549122473, 4.60005362591766254 51.93529523549122473)))</t>
  </si>
  <si>
    <t>MultiPolygon (((4.59718249682461799 51.93138795729543489, 4.59766563214269208 51.93157224236527014, 4.59991175473571179 51.9295926504572023, 4.59653615906198709 51.92773385095038208, 4.59225125345464313 51.9265053422956484, 4.5911167704834126 51.92667082991673055, 4.58958438184702811 51.92865633897245914, 4.59066607075863331 51.92909452692722994, 4.59718249682461799 51.93138795729543489, 4.59718249682461799 51.93138795729543489)))</t>
  </si>
  <si>
    <t>MultiPolygon (((4.59991175473571179 51.9295926504572023, 4.60015611822210424 51.92931226918294385, 4.60168326560411689 51.92665102656440013, 4.59815551686730295 51.92608293315359447, 4.5939593542359427 51.92447615479814971, 4.59225125345464313 51.9265053422956484, 4.59653615906198709 51.92773385095038208, 4.59991175473571179 51.9295926504572023, 4.59991175473571179 51.9295926504572023)))</t>
  </si>
  <si>
    <t>MultiPolygon (((4.5911167704834126 51.92667082991673055, 4.59225125345464313 51.9265053422956484, 4.5939593542359427 51.92447615479814971, 4.58813669902321397 51.92179607398283281, 4.58598741128086207 51.92512854724072469, 4.5911167704834126 51.92667082991673055, 4.5911167704834126 51.92667082991673055)))</t>
  </si>
  <si>
    <t>MultiPolygon (((4.59578214762815929 51.9335594746585798, 4.59718249682461799 51.93138795729543489, 4.59066607075863331 51.92909452692722994, 4.58996138554873045 51.93016406665888951, 4.59094458451148668 51.9317306046325271, 4.59578214762815929 51.9335594746585798, 4.59578214762815929 51.9335594746585798)))</t>
  </si>
  <si>
    <t>MultiPolygon (((4.58618786422190805 51.92921145620588419, 4.58958438184702811 51.92865633897245914, 4.5911167704834126 51.92667082991673055, 4.58598741128086207 51.92512854724072469, 4.58589939651490131 51.92514476054220296, 4.5836256237804518 51.92827264463944203, 4.58618786422190805 51.92921145620588419, 4.58618786422190805 51.92921145620588419)))</t>
  </si>
  <si>
    <t>MultiPolygon (((4.59437253779965271 51.93485173044604863, 4.59578214762815929 51.9335594746585798, 4.59094458451148668 51.9317306046325271, 4.58996138554873045 51.93016406665888951, 4.59066607075863331 51.92909452692722994, 4.58958438184702811 51.92865633897245914, 4.58618786422190805 51.92921145620588419, 4.58667489619365476 51.93116602247489766, 4.58796742380840694 51.93235579533780566, 4.59437253779965271 51.93485173044604863, 4.59437253779965271 51.93485173044604863)))</t>
  </si>
  <si>
    <t>MultiPolygon (((4.59198116858984395 51.93822291755099485, 4.59215765315829039 51.93832205444083172, 4.59285221001101807 51.93636695323212393, 4.59437253779965271 51.93485173044604863, 4.58796742380840694 51.93235579533780566, 4.58667489619365476 51.93116602247489766, 4.58340173305121468 51.93344153645868744, 4.59198116858984395 51.93822291755099485, 4.59198116858984395 51.93822291755099485)))</t>
  </si>
  <si>
    <t>MultiPolygon (((4.58589939651490131 51.92514476054220296, 4.58598741128086207 51.92512854724072469, 4.58813669902321397 51.92179607398283281, 4.58283977557916788 51.92077692983332327, 4.58201804443597993 51.92430243684282942, 4.58589939651490131 51.92514476054220296, 4.58589939651490131 51.92514476054220296)))</t>
  </si>
  <si>
    <t>MultiPolygon (((4.5815844006758395 51.92499024990144108, 4.58201804443597993 51.92430243684282942, 4.58283977557916788 51.92077692983332327, 4.58128038241790758 51.91986817534345278, 4.57789600849978129 51.92353537702909705, 4.5815844006758395 51.92499024990144108, 4.5815844006758395 51.92499024990144108)))</t>
  </si>
  <si>
    <t>MultiPolygon (((4.57949096262609956 51.91682934667525728, 4.57945458302717512 51.91675379075061869, 4.57538755848602108 51.9176129957532595, 4.57296893293538265 51.91884719852932051, 4.57154880727632307 51.92055503010136874, 4.5736946433994774 51.92064658634830465, 4.57580043172683837 51.92151703395509088, 4.57517310511796982 51.92319231684194136, 4.57789600849978129 51.92353537702909705, 4.58128038241790758 51.91986817534345278, 4.57949096262609956 51.91682934667525728, 4.57949096262609956 51.91682934667525728)))</t>
  </si>
  <si>
    <t>MultiPolygon (((4.57993023373526587 51.92748429666521304, 4.5836256237804518 51.92827264463944203, 4.58589939651490131 51.92514476054220296, 4.58201804443597993 51.92430243684282942, 4.5815844006758395 51.92499024990144108, 4.57993023373526587 51.92748429666521304, 4.57993023373526587 51.92748429666521304)))</t>
  </si>
  <si>
    <t>MultiPolygon (((4.58340173305121468 51.93344153645868744, 4.58667489619365476 51.93116602247489766, 4.58618786422190805 51.92921145620588419, 4.5836256237804518 51.92827264463944203, 4.57993023373526587 51.92748429666521304, 4.57822880862001558 51.93050907978036435, 4.58340173305121468 51.93344153645868744, 4.58340173305121468 51.93344153645868744)))</t>
  </si>
  <si>
    <t>MultiPolygon (((4.57789714564267047 51.93034657125465259, 4.57822880862001558 51.93050907978036435, 4.57993023373526587 51.92748429666521304, 4.5815844006758395 51.92499024990144108, 4.57789600849978129 51.92353537702909705, 4.57517310511796982 51.92319231684194136, 4.57397332256886635 51.92361560665806053, 4.57270235818448612 51.92656912440240546, 4.57075606429066728 51.9269143254395189, 4.57789714564267047 51.93034657125465259, 4.57789714564267047 51.93034657125465259)))</t>
  </si>
  <si>
    <t>MultiPolygon (((4.56900003236686025 51.92555272139149736, 4.57075606429066728 51.9269143254395189, 4.57270235818448612 51.92656912440240546, 4.57397332256886635 51.92361560665806053, 4.57517310511796982 51.92319231684194136, 4.57580043172683837 51.92151703395509088, 4.5736946433994774 51.92064658634830465, 4.57154880727632307 51.92055503010136874, 4.57142096520010455 51.92085329572945085, 4.56876265933762049 51.92430050018506904, 4.56900003236686025 51.92555272139149736, 4.56900003236686025 51.92555272139149736)))</t>
  </si>
  <si>
    <t>MultiPolygon (((4.57142096520010455 51.92085329572945085, 4.57154880727632307 51.92055503010136874, 4.57296893293538265 51.91884719852932051, 4.57538755848602108 51.9176129957532595, 4.57372949667681006 51.91649661120622739, 4.57407319028525272 51.9156895555895872, 4.57332102409932872 51.91519115063007916, 4.57012388238436884 51.91420055256228494, 4.56549328328528858 51.91396518281378292, 4.56516649788477924 51.91507752966895595, 4.56413438329336696 51.9174433293660087, 4.56645378195938356 51.92006576571421306, 4.57142096520010455 51.92085329572945085, 4.57142096520010455 51.92085329572945085)))</t>
  </si>
  <si>
    <t>MultiPolygon (((4.56004328647217783 51.91790415395685443, 4.56413438329336696 51.9174433293660087, 4.56516649788477924 51.91507752966895595, 4.56064838742183909 51.91566330648253569, 4.56004328647217783 51.91790415395685443, 4.56004328647217783 51.91790415395685443)))</t>
  </si>
  <si>
    <t>MultiPolygon (((4.56311722445611423 51.9216575787989143, 4.56876265933762049 51.92430050018506904, 4.57142096520010455 51.92085329572945085, 4.56645378195938356 51.92006576571421306, 4.56311722445611423 51.9216575787989143, 4.56311722445611423 51.9216575787989143)))</t>
  </si>
  <si>
    <t>MultiPolygon (((4.56220649598952299 51.92113763284504557, 4.56311722445611423 51.9216575787989143, 4.56645378195938356 51.92006576571421306, 4.56413438329336696 51.9174433293660087, 4.56004328647217783 51.91790415395685443, 4.55880305858566004 51.91921703352217321, 4.56220649598952299 51.92113763284504557, 4.56220649598952299 51.92113763284504557)))</t>
  </si>
  <si>
    <t>MultiPolygon (((4.55649588731706601 51.91480313971647575, 4.55402493454663659 51.91477955515232878, 4.55425631937174824 51.91650505037895158, 4.55399587247980797 51.91661780086364786, 4.5547450289757645 51.91697380367027392, 4.55880305858566004 51.91921703352217321, 4.56004328647217783 51.91790415395685443, 4.56064838742183909 51.91566330648253569, 4.55649588731706601 51.91480313971647575)))</t>
  </si>
  <si>
    <t>MultiPolygon (((4.57715150710275775 51.91455164318962545, 4.57118326533372521 51.91186557682197389, 4.57012388238436884 51.91420055256228494, 4.57332102409932872 51.91519115063007916, 4.57407319028525272 51.9156895555895872, 4.57372949667681006 51.91649661120622739, 4.57538755848602108 51.9176129957532595, 4.57945458302717512 51.91675379075061869, 4.57715150710275775 51.91455164318962545, 4.57715150710275775 51.91455164318962545)))</t>
  </si>
  <si>
    <t>MultiPolygon (((4.56606095108415122 51.90924646949538612, 4.56429559469695434 51.91230774579121032, 4.56549328328528858 51.91396518281378292, 4.57012388238436884 51.91420055256228494, 4.57118326533372521 51.91186557682197389, 4.56606095108415122 51.90924646949538612)))</t>
  </si>
  <si>
    <t>MultiPolygon (((4.55868511495995588 51.90823888727381785, 4.55682830851873621 51.91038570848768785, 4.55671642263749543 51.91211586750350193, 4.56429559469695434 51.91230774579121032, 4.56606095108415122 51.90924646949538612, 4.55868511495995588 51.90823888727381785)))</t>
  </si>
  <si>
    <t>MultiPolygon (((4.55649588731706601 51.91480313971647575, 4.56064838742183909 51.91566330648253569, 4.56516649788477924 51.91507752966895595, 4.56549328328528858 51.91396518281378292, 4.56429559469695434 51.91230774579121032, 4.55671642263749543 51.91211586750350193, 4.55649588731706601 51.91480313971647575, 4.55649588731706601 51.91480313971647575)))</t>
  </si>
  <si>
    <t>MultiPolygon (((4.55682830851873621 51.91038570848768785, 4.55868511495995588 51.90823888727381785, 4.54990125919197563 51.90672848710498499, 4.55105057859790207 51.9096379455576411, 4.55682830851873621 51.91038570848768785, 4.55682830851873621 51.91038570848768785)))</t>
  </si>
  <si>
    <t>MultiPolygon (((4.19709911619279019 51.90830135980692006, 4.21070453974598813 51.90133867699150727, 4.21590741159080373 51.89893771719066251, 4.22006707028252137 51.89606695500042832, 4.22899835064022422 51.88568461003703192, 4.2244412112891423 51.8876590608643582, 4.22068685177631675 51.88956095432851612, 4.21482941896078511 51.89253084624922252, 4.20944230482177595 51.89738501110105773, 4.20408905979181213 51.9024218660662342, 4.20202442201022475 51.90314546848964739, 4.19606677207302248 51.90374142926063428, 4.19153955924390953 51.90336987413554226, 4.18718237873448995 51.90513760398048504, 4.17680363388354081 51.90967319469329766, 4.17471985990902361 51.91128773427367094, 4.17271227614158491 51.91855008270940175, 4.17677260269735307 51.91778930837427453, 4.18537077079005826 51.91288551014699237, 4.19709911619279019 51.90830135980692006, 4.19709911619279019 51.90830135980692006)))</t>
  </si>
  <si>
    <t>MultiPolygon (((4.21562455414969595 51.87938772368261908, 4.22106526898862366 51.87898283181861103, 4.22257815353271493 51.87931171036296263, 4.22358136019804498 51.88107646515195626, 4.22550172587885786 51.88214660062211436, 4.23002952991839631 51.8830631359081238, 4.23296961612439038 51.87748579976936014, 4.23938315097997442 51.87298591099791167, 4.18527252756667068 51.84970761786473048, 4.18289116740205458 51.85009572755308938, 4.18270429916617115 51.85305529772458755, 4.17562905186393785 51.85548625810714185, 4.17776532085643471 51.85786371966877084, 4.18580192742175594 51.86260816451137856, 4.18778885086240837 51.86456063276985162, 4.18749484757049029 51.86631332635551672, 4.18607601258629813 51.86620527955751214, 4.19008568658648617 51.86913988893898164, 4.20196707621047238 51.87342771130325048, 4.19974282495750018 51.87459096627937782, 4.19705779789165589 51.87856844909677534, 4.19631899172776102 51.88151389130810287, 4.19695972999250788 51.88392666374499385, 4.20196787084709467 51.89072532251772429, 4.20944230482177595 51.89738501110105773, 4.21482941896078511 51.89253084624922252, 4.22068685177631675 51.88956095432851612, 4.21881710711480373 51.88524895654990132, 4.21214542196224606 51.88358065953122633, 4.21678557128248954 51.88146875975544248, 4.21562455414969595 51.87938772368261908, 4.21562455414969595 51.87938772368261908)))</t>
  </si>
  <si>
    <t>MultiPolygon (((4.2244412112891423 51.8876590608643582, 4.22899835064022422 51.88568461003703192, 4.23002952991839631 51.8830631359081238, 4.22550172587885786 51.88214660062211436, 4.22338194791492416 51.88539764655732256, 4.2244412112891423 51.8876590608643582, 4.2244412112891423 51.8876590608643582)))</t>
  </si>
  <si>
    <t>MultiPolygon (((4.22068685177631675 51.88956095432851612, 4.2244412112891423 51.8876590608643582, 4.22338194791492416 51.88539764655732256, 4.22085273296548014 51.88456466504165121, 4.22065266517959703 51.88121676902354551, 4.21919262799432904 51.88051993012646079, 4.21678557128248954 51.88146875975544248, 4.21214542196224606 51.88358065953122633, 4.21881710711480373 51.88524895654990132, 4.22068685177631675 51.88956095432851612, 4.22068685177631675 51.88956095432851612)))</t>
  </si>
  <si>
    <t>MultiPolygon (((4.22338194791492416 51.88539764655732256, 4.22550172587885786 51.88214660062211436, 4.22358136019804498 51.88107646515195626, 4.22257815353271493 51.87931171036296263, 4.22106526898862366 51.87898283181861103, 4.21562455414969595 51.87938772368261908, 4.21678557128248954 51.88146875975544248, 4.21919262799432904 51.88051993012646079, 4.22065266517959703 51.88121676902354551, 4.22085273296548014 51.88456466504165121, 4.22338194791492416 51.88539764655732256, 4.22338194791492416 51.88539764655732256)))</t>
  </si>
  <si>
    <t>MultiPolygon (((4.18718237873448995 51.90513760398048504, 4.19153955924390953 51.90336987413554226, 4.19606677207302248 51.90374142926063428, 4.20202442201022475 51.90314546848964739, 4.20408905979181213 51.9024218660662342, 4.20944230482177595 51.89738501110105773, 4.20196787084709467 51.89072532251772429, 4.19695972999250788 51.88392666374499385, 4.19631899172776102 51.88151389130810287, 4.19705779789165589 51.87856844909677534, 4.19974282495750018 51.87459096627937782, 4.20196707621047238 51.87342771130325048, 4.19008568658648617 51.86913988893898164, 4.18607601258629813 51.86620527955751214, 4.18749484757049029 51.86631332635551672, 4.18778885086240837 51.86456063276985162, 4.18580192742175594 51.86260816451137856, 4.1669065569055963 51.86696466379741111, 4.16503889049399501 51.86779679631709428, 4.16008506726356941 51.86718761660784338, 4.15374933593539986 51.87488003003522863, 4.1535948669891809 51.87607096000935059, 4.15825336476323315 51.87821411783912851, 4.15527885619121395 51.88160343470411817, 4.15990985261140267 51.88261627384550678, 4.1602693394418484 51.88324538081202775, 4.16360761595800533 51.88205862316193162, 4.17186909965687747 51.89363703561392072, 4.17825200619782766 51.89043870829381433, 4.17692874083546961 51.89030288713429684, 4.17560805544260116 51.8810762291147114, 4.17153364331900534 51.87814776426831287, 4.17548707382879769 51.87573457504415586, 4.17934112163488258 51.87486917674164744, 4.18079324615310988 51.87629708666277395, 4.19020208270846961 51.8751323453712132, 4.19090953528490662 51.87727784671445619, 4.18914478732886053 51.87761942464924658, 4.18616454375987335 51.88240717105351507, 4.18485403893861996 51.88341964937381334, 4.18166725405282502 51.88388139033971669, 4.18159816423316943 51.89078238040637814, 4.18011109951144011 51.89062974404602357, 4.18223345195337615 51.89392891754617665, 4.17803913918088909 51.8962581136672938, 4.17122661926664051 51.89926742866668263, 4.16682048465114452 51.89785454977510426, 4.16521906071597048 51.89807696031810735, 4.16481351742400907 51.89842135108110455, 4.16807204686176824 51.89902602062058179, 4.16980105606667539 51.90047771822133171, 4.17343451626370232 51.90429636764928745, 4.1727457852630474 51.90599971531631951, 4.18718237873448995 51.90513760398048504, 4.18718237873448995 51.90513760398048504)))</t>
  </si>
  <si>
    <t>MultiPolygon (((4.17825200619782766 51.89043870829381433, 4.17900242621878881 51.89001326490855348, 4.18011109951144011 51.89062974404602357, 4.18159816423316943 51.89078238040637814, 4.18166725405282502 51.88388139033971669, 4.18485403893861996 51.88341964937381334, 4.18616454375987335 51.88240717105351507, 4.18914478732886053 51.87761942464924658, 4.19090953528490662 51.87727784671445619, 4.19020208270846961 51.8751323453712132, 4.18079324615310988 51.87629708666277395, 4.17934112163488258 51.87486917674164744, 4.17548707382879769 51.87573457504415586, 4.17153364331900534 51.87814776426831287, 4.17560805544260116 51.8810762291147114, 4.17692874083546961 51.89030288713429684, 4.17825200619782766 51.89043870829381433, 4.17825200619782766 51.89043870829381433)))</t>
  </si>
  <si>
    <t>MultiPolygon (((4.16840219317363392 51.91622848402948165, 4.16609674219865589 51.91246591367791297, 4.16542905723581747 51.90920686990217803, 4.16380664437165215 51.90989732443004812, 4.15829774070613123 51.90719703022153908, 4.15698306427958642 51.90586018060318452, 4.15688153780577885 51.90410623182502547, 4.15496436116210432 51.90337037926099129, 4.15207964501761229 51.9065143913844409, 4.15017802929634438 51.90765483350551079, 4.14892552835552308 51.90718937271733324, 4.15152001945826399 51.90556801491463546, 4.15197055448853813 51.90429460533961503, 4.14743508343825606 51.90054778975500227, 4.15206289656863525 51.89684635853335948, 4.15590445485895454 51.89507339867301283, 4.15221746877592057 51.89416106175566057, 4.15422562188998246 51.89275335516918375, 4.16031063047946414 51.88903105997119525, 4.15888419293813261 51.8876047183937672, 4.16258515858740363 51.88622336893845954, 4.16342522667684101 51.88741515484688449, 4.16523459453852674 51.88704095535194938, 4.17007159254459836 51.89209813456492526, 4.17031840666881681 51.89322433698705339, 4.16918416367571965 51.89443876048122917, 4.16960029286790679 51.89472370381221822, 4.17186909965687747 51.89363703561392072, 4.16360761595800533 51.88205862316193162, 4.1602693394418484 51.88324538081202775, 4.15556878480755287 51.88706237302951507, 4.15094696399241592 51.89239376261456016, 4.15037095533759715 51.8940401816631649, 4.13536910565906979 51.90645978161070673, 4.1354652685624913 51.90938948430292044, 4.13726102200801371 51.91234024221897414, 4.14265191018591672 51.91451404972215045, 4.14469580271506555 51.91470781996553541, 4.14619265276982762 51.91380934823732929, 4.1490224229289856 51.915714156813344, 4.15337816400452464 51.9221686031166243, 4.15077550692298569 51.92277193107450728, 4.14267839803635241 51.92677475099940665, 4.14488967949401044 51.93140946120204404, 4.16266851456690201 51.92665194705016773, 4.16701818843863769 51.92312548748974876, 4.16818680476213732 51.91905701738571821, 4.17238534411464457 51.91858599078099701, 4.16840219317363392 51.91622848402948165)))</t>
  </si>
  <si>
    <t>MultiPolygon (((4.16960029286790679 51.89472370381221822, 4.16521906071597048 51.89807696031810735, 4.16682048465114452 51.89785454977510426, 4.17122661926664051 51.89926742866668263, 4.17803913918088909 51.8962581136672938, 4.18223345195337615 51.89392891754617665, 4.18011109951144011 51.89062974404602357, 4.17900242621878881 51.89001326490855348, 4.17825200619782766 51.89043870829381433, 4.17186909965687747 51.89363703561392072, 4.16960029286790679 51.89472370381221822, 4.16960029286790679 51.89472370381221822)))</t>
  </si>
  <si>
    <t>MultiPolygon (((4.16364785623659994 51.89213590558954792, 4.16918416367571965 51.89443876048122917, 4.17031840666881681 51.89322433698705339, 4.17007159254459836 51.89209813456492526, 4.16523459453852674 51.88704095535194938, 4.16342522667684101 51.88741515484688449, 4.16364785623659994 51.89213590558954792, 4.16364785623659994 51.89213590558954792)))</t>
  </si>
  <si>
    <t>MultiPolygon (((4.17238534411464457 51.91858599078099701, 4.17271227614158491 51.91855008270940175, 4.17471985990902361 51.91128773427367094, 4.17680363388354081 51.90967319469329766, 4.18718237873448995 51.90513760398048504, 4.1727457852630474 51.90599971531631951, 4.16739111967431075 51.90778084565733508, 4.16542905723581747 51.90920686990217803, 4.16609674219865589 51.91246591367791297, 4.16840219317363392 51.91622848402948165, 4.17238534411464457 51.91858599078099701, 4.17238534411464457 51.91858599078099701)))</t>
  </si>
  <si>
    <t>MultiPolygon (((4.15496436116210432 51.90337037926099129, 4.15896742396746877 51.89944189123920637, 4.15975900555197864 51.896541404260077, 4.15422562188998246 51.89275335516918375, 4.15221746877592057 51.89416106175566057, 4.15590445485895454 51.89507339867301283, 4.15206289656863525 51.89684635853335948, 4.14743508343825606 51.90054778975500227, 4.15197055448853813 51.90429460533961503, 4.15152001945826399 51.90556801491463546, 4.14892552835552308 51.90718937271733324, 4.15017802929634438 51.90765483350551079, 4.15207964501761229 51.9065143913844409, 4.15496436116210432 51.90337037926099129, 4.15496436116210432 51.90337037926099129)))</t>
  </si>
  <si>
    <t>MultiPolygon (((4.15422562188998246 51.89275335516918375, 4.15975900555197864 51.896541404260077, 4.16235745840140137 51.89491893220101559, 4.16364785623659994 51.89213590558954792, 4.16342522667684101 51.88741515484688449, 4.16258515858740363 51.88622336893845954, 4.15888419293813261 51.8876047183937672, 4.16031063047946414 51.88903105997119525, 4.15422562188998246 51.89275335516918375, 4.15422562188998246 51.89275335516918375)))</t>
  </si>
  <si>
    <t>MultiPolygon (((4.15896742396746877 51.89944189123920637, 4.16481351742400907 51.89842135108110455, 4.16521906071597048 51.89807696031810735, 4.16960029286790679 51.89472370381221822, 4.16918416367571965 51.89443876048122917, 4.16364785623659994 51.89213590558954792, 4.16235745840140137 51.89491893220101559, 4.15975900555197864 51.896541404260077, 4.15896742396746877 51.89944189123920637, 4.15896742396746877 51.89944189123920637)))</t>
  </si>
  <si>
    <t>MultiPolygon (((4.16542905723581747 51.90920686990217803, 4.16739111967431075 51.90778084565733508, 4.1727457852630474 51.90599971531631951, 4.17343451626370232 51.90429636764928745, 4.16980105606667539 51.90047771822133171, 4.16807204686176824 51.89902602062058179, 4.16481351742400907 51.89842135108110455, 4.15896742396746877 51.89944189123920637, 4.15496436116210432 51.90337037926099129, 4.15688153780577885 51.90410623182502547, 4.15698306427958642 51.90586018060318452, 4.15829774070613123 51.90719703022153908, 4.16380664437165215 51.90989732443004812, 4.16542905723581747 51.90920686990217803, 4.16542905723581747 51.90920686990217803)))</t>
  </si>
  <si>
    <t>MultiPolygon (((4.51579971562063154 51.86332352995627559, 4.51597556219207075 51.86012477545581589, 4.51609515704681819 51.85860070278498313, 4.5094277759143484 51.85844523607567425, 4.50933134943691982 51.86195232615384754, 4.51579971562063154 51.86332352995627559, 4.51579971562063154 51.86332352995627559)))</t>
  </si>
  <si>
    <t>MultiPolygon (((4.51623841254425695 51.85677496050588076, 4.51629058634352898 51.85583023653969548, 4.51633679799560817 51.85388902938156264, 4.50861365245491452 51.85377650751058809, 4.50876819110476745 51.85560788839921287, 4.51143933583391998 51.85556222524067493, 4.51163509484291048 51.85685320690749478, 4.51623841254425695 51.85677496050588076, 4.51623841254425695 51.85677496050588076)))</t>
  </si>
  <si>
    <t>MultiPolygon (((4.50861365245491452 51.85377650751058809, 4.51633679799560817 51.85388902938156264, 4.51594318861905286 51.84828672907381275, 4.50813247531757888 51.84807341969436578, 4.5085969516315707 51.85357859696663496, 4.50861365245491452 51.85377650751058809, 4.50861365245491452 51.85377650751058809)))</t>
  </si>
  <si>
    <t>MultiPolygon (((4.50813247531757888 51.84807341969436578, 4.51594318861905286 51.84828672907381275, 4.51550939173686317 51.84409459212076143, 4.50860406050595852 51.84480244011231065, 4.50813247531757888 51.84807341969436578, 4.50813247531757888 51.84807341969436578)))</t>
  </si>
  <si>
    <t>MultiPolygon (((4.53081480732328323 51.83458525211104728, 4.5308747578252877 51.83311682366327489, 4.528472171715066 51.83309927274572715, 4.52720275202755573 51.83414200518121362, 4.52845465410259074 51.83569943427087168, 4.53081480732328323 51.83458525211104728)))</t>
  </si>
  <si>
    <t>MultiPolygon (((4.51594318861905286 51.84828672907381275, 4.52021107291644331 51.84782645783118937, 4.52000840251855784 51.8439045129361773, 4.51550939173686317 51.84409459212076143, 4.51594318861905286 51.84828672907381275, 4.51594318861905286 51.84828672907381275)))</t>
  </si>
  <si>
    <t>MultiPolygon (((4.51571573437557561 51.86551809582636707, 4.52864885619646529 51.86404850967994662, 4.52864621944623291 51.86263490228143525, 4.52524866378222956 51.86259187590747644, 4.51756932606377593 51.86015332045962367, 4.51597556219207075 51.86012477545581589, 4.51579971562063154 51.86332352995627559, 4.51571573437557561 51.86551809582636707, 4.51571573437557561 51.86551809582636707)))</t>
  </si>
  <si>
    <t>MultiPolygon (((4.55417403535893328 51.85353093496242849, 4.55853704534783866 51.85439412363290757, 4.56326601088052186 51.85359143146435201, 4.56324314834714162 51.85188787275969702, 4.56001629547226184 51.84936004061349735, 4.55417403535893328 51.85353093496242849, 4.55417403535893328 51.85353093496242849)))</t>
  </si>
  <si>
    <t>MultiPolygon (((4.55651992268483941 51.85847037865343623, 4.56029913649404861 51.85933099553486159, 4.56273257455323922 51.85606966528717265, 4.56352421357618798 51.8550181269533752, 4.55916736722428872 51.85449403319628203, 4.55651992268483941 51.85847037865343623, 4.55651992268483941 51.85847037865343623)))</t>
  </si>
  <si>
    <t>MultiPolygon (((4.55412525871861984 51.86120010099286048, 4.55535554482098082 51.85897805162105811, 4.55651992268483941 51.85847037865343623, 4.55916736722428872 51.85449403319628203, 4.55853704534783866 51.85439412363290757, 4.55417403535893328 51.85353093496242849, 4.55178841963101721 51.85599516471397408, 4.55098201167895677 51.85686509678608758, 4.55355718447913649 51.85741704542261488, 4.55173429954979358 51.86063954703072909, 4.55412525871861984 51.86120010099286048, 4.55412525871861984 51.86120010099286048)))</t>
  </si>
  <si>
    <t>MultiPolygon (((4.55488324362193797 51.86656038875699437, 4.55637099083947117 51.86457186715740875, 4.56029913649404861 51.85933099553486159, 4.55651992268483941 51.85847037865343623, 4.55535554482098082 51.85897805162105811, 4.55412525871861984 51.86120010099286048, 4.55482594766767157 51.86161427236028487, 4.55274358014902969 51.86499374468336754, 4.55488324362193797 51.86656038875699437, 4.55488324362193797 51.86656038875699437)))</t>
  </si>
  <si>
    <t>MultiPolygon (((4.55384179175018744 51.86797232537167446, 4.55392630968932988 51.86785747391322587, 4.55488324362193797 51.86656038875699437, 4.55274358014902969 51.86499374468336754, 4.55482594766767157 51.86161427236028487, 4.55412525871861984 51.86120010099286048, 4.55173429954979358 51.86063954703072909, 4.55355718447913649 51.85741704542261488, 4.55098201167895677 51.85686509678608758, 4.54868075126971316 51.85934741886519816, 4.54400293469648009 51.86474857728039467, 4.54750697610849297 51.86575156438213696, 4.55384179175018744 51.86797232537167446, 4.55384179175018744 51.86797232537167446)))</t>
  </si>
  <si>
    <t>MultiPolygon (((4.55276950032414707 51.8694294204694657, 4.55208922403659422 51.86915746940432825, 4.54969165159658928 51.87049015649906636, 4.54444931797687346 51.8716251845736096, 4.54398475861896234 51.87185587005666321, 4.5493831369692419 51.87402723074368538, 4.55276950032414707 51.8694294204694657, 4.55276950032414707 51.8694294204694657)))</t>
  </si>
  <si>
    <t>MultiPolygon (((4.54444931797687346 51.8716251845736096, 4.54969165159658928 51.87049015649906636, 4.55208922403659422 51.86915746940432825, 4.55276950032414707 51.8694294204694657, 4.55384179175018744 51.86797232537167446, 4.54750697610849297 51.86575156438213696, 4.54680205542035765 51.8672539124161105, 4.54417857066054065 51.86848644601498393, 4.54339835881160958 51.87094134966082493, 4.54444931797687346 51.8716251845736096, 4.54444931797687346 51.8716251845736096)))</t>
  </si>
  <si>
    <t>MultiPolygon (((4.52029149390286822 51.84818223509056878, 4.52542218248437322 51.84787059080009897, 4.53202808694290837 51.84689921877152585, 4.53624971342141148 51.84630783564673351, 4.53625686758303726 51.84162108958236814, 4.52000840251855784 51.8439045129361773, 4.52021107291644331 51.84782645783118937, 4.52029149390286822 51.84818223509056878, 4.52029149390286822 51.84818223509056878)))</t>
  </si>
  <si>
    <t>MultiPolygon (((4.56352421357618798 51.8550181269533752, 4.56411299506029877 51.85348767317724139, 4.56596125629265259 51.85208631020243786, 4.56997069561262581 51.85262053796942183, 4.57138598049316336 51.84942735611088693, 4.57105844597082722 51.84711677498690108, 4.56903565122907729 51.84484930459187524, 4.5638333077597899 51.84094373211368634, 4.56001342427731782 51.83879126478212385, 4.55863574120711323 51.83683550288977671, 4.5589118996359197 51.83624243238426743, 4.55599100587065209 51.83671147318095507, 4.55926196426906039 51.84004944823350769, 4.55438064078150795 51.84417805508976329, 4.5573128142953685 51.84622734646409725, 4.56001629547226184 51.84936004061349735, 4.56324314834714162 51.85188787275969702, 4.56326601088052186 51.85359143146435201, 4.55853704534783866 51.85439412363290757, 4.55916736722428872 51.85449403319628203, 4.56352421357618798 51.8550181269533752, 4.56352421357618798 51.8550181269533752)))</t>
  </si>
  <si>
    <t>MultiPolygon (((4.55438064078150795 51.84417805508976329, 4.55926196426906039 51.84004944823350769, 4.55599100587065209 51.83671147318095507, 4.5589118996359197 51.83624243238426743, 4.55724938615977493 51.83389747021036698, 4.55360870054682021 51.82989690571221075, 4.54865281036541003 51.83176308026773427, 4.54284376487951835 51.83186865592188752, 4.53629392502410234 51.83117720074885426, 4.53625686758303726 51.84162108958236814, 4.54305076863497792 51.84160135712721029, 4.5476143539439029 51.84300359321954232, 4.5494193216979415 51.84358130735645886, 4.55166262987759751 51.84377196975395918, 4.55438064078150795 51.84417805508976329, 4.55438064078150795 51.84417805508976329)))</t>
  </si>
  <si>
    <t>MultiPolygon (((4.53625686758303726 51.84162108958236814, 4.53629392502410234 51.83117720074885426, 4.53127262563980171 51.83019902249832001, 4.52547794256925417 51.82985424113594064, 4.51149007491936072 51.83268440482959249, 4.51484970233745742 51.83863684239200609, 4.51550939173686317 51.84409459212076143, 4.52000840251855784 51.8439045129361773, 4.53625686758303726 51.84162108958236814, 4.53625686758303726 51.84162108958236814),(4.528472171715066 51.83309927274572715, 4.5308747578252877 51.83311682366327489, 4.53081480732328323 51.83458525211104728, 4.52845465410259074 51.83569943427087168, 4.52720275202755573 51.83414200518121362, 4.528472171715066 51.83309927274572715, 4.528472171715066 51.83309927274572715)))</t>
  </si>
  <si>
    <t>MultiPolygon (((4.49389484341087542 51.84555896769506944, 4.49378642347135049 51.8443314967203932, 4.50044200049180088 51.84442269606246612, 4.5065684661737393 51.84401305593068088, 4.50860406050595852 51.84480244011231065, 4.51550939173686317 51.84409459212076143, 4.51484970233745742 51.83863684239200609, 4.51149007491936072 51.83268440482959249, 4.49924685610795727 51.83524321472324914, 4.48909430371327645 51.83539556985162022, 4.48972434094333117 51.8406903448587002, 4.49222711462380087 51.84144421528615254, 4.48960376261346905 51.84406080392599137, 4.48956993945960026 51.84549500429150726, 4.49389484341087542 51.84555896769506944, 4.49389484341087542 51.84555896769506944)))</t>
  </si>
  <si>
    <t>MultiPolygon (((4.54400293469648009 51.86474857728039467, 4.53622739309366008 51.86379753100652579, 4.53625111075468457 51.86906363768191142, 4.53529540482864046 51.86933889648141616, 4.53997159155580121 51.87017864955031854, 4.5426335713272481 51.87084497313859544, 4.54398475861896234 51.87185587005666321, 4.54444931797687346 51.8716251845736096, 4.54339835881160958 51.87094134966082493, 4.54417857066054065 51.86848644601498393, 4.54680205542035765 51.8672539124161105, 4.54750697610849297 51.86575156438213696, 4.54400293469648009 51.86474857728039467, 4.54400293469648009 51.86474857728039467)))</t>
  </si>
  <si>
    <t>MultiPolygon (((4.53202663334448008 51.86877671297963133, 4.53529540482864046 51.86933889648141616, 4.53625111075468457 51.86906363768191142, 4.53622739309366008 51.86379753100652579, 4.52864885619646529 51.86404850967994662, 4.51571573437557561 51.86551809582636707, 4.51523380528639606 51.86903657843724602, 4.51523946445164093 51.86903662225016376, 4.5267260273838108 51.86945539891707568, 4.53202663334448008 51.86877671297963133)))</t>
  </si>
  <si>
    <t>MultiPolygon (((4.4964555198544236 51.86897089279743511, 4.51523380528639606 51.86903657843724602, 4.51571573437557561 51.86551809582636707, 4.50520168065957538 51.86562990941759921, 4.4974310491571261 51.86496241889627612, 4.4964555198544236 51.86897089279743511, 4.4964555198544236 51.86897089279743511)))</t>
  </si>
  <si>
    <t>MultiPolygon (((4.48872028708108317 51.86367907287352352, 4.48157199446752674 51.86245453644167469, 4.48152564236559048 51.86543250452537279, 4.48170318218863883 51.86543702501774078, 4.48354337784473955 51.86590549279109297, 4.48717519583022995 51.86717149794298365, 4.48875272472990083 51.8673481614298808, 4.49440543976424145 51.86896893563002209, 4.4964555198544236 51.86897089279743511, 4.4974310491571261 51.86496241889627612, 4.49500805000546855 51.86461555464459394, 4.48872028708108317 51.86367907287352352)))</t>
  </si>
  <si>
    <t>MultiPolygon (((4.48157199446752674 51.86245453644167469, 4.48872028708108317 51.86367907287352352, 4.48878517978152214 51.85884133960512088, 4.48483605430267573 51.85879011992953025, 4.48238264956187216 51.85949048408762252, 4.48157199446752674 51.86245453644167469, 4.48157199446752674 51.86245453644167469)))</t>
  </si>
  <si>
    <t>MultiPolygon (((4.4974310491571261 51.86496241889627612, 4.50520168065957538 51.86562990941759921, 4.51571573437557561 51.86551809582636707, 4.51579971562063154 51.86332352995627559, 4.50933134943691982 51.86195232615384754, 4.5094277759143484 51.85844523607567425, 4.50737642602572919 51.85842988347366855, 4.50139432663194317 51.85616176252537457, 4.49452289930552951 51.85674491158004429, 4.49500805000546855 51.86461555464459394, 4.4974310491571261 51.86496241889627612, 4.4974310491571261 51.86496241889627612)))</t>
  </si>
  <si>
    <t>MultiPolygon (((4.48872028708108317 51.86367907287352352, 4.49500805000546855 51.86461555464459394, 4.49452289930552951 51.85674491158004429, 4.48918723905915318 51.85775592997387662, 4.48878517978152214 51.85884133960512088, 4.48872028708108317 51.86367907287352352, 4.48872028708108317 51.86367907287352352)))</t>
  </si>
  <si>
    <t>MultiPolygon (((4.48896092624660792 51.85688358888177163, 4.49384219056080525 51.85550906080383271, 4.49389024099047063 51.85242256803567074, 4.49363354793219383 51.84987019439956413, 4.4898753487723484 51.85142043406069234, 4.48572985491593368 51.85303875145301333, 4.48896092624660792 51.85688358888177163, 4.48896092624660792 51.85688358888177163)))</t>
  </si>
  <si>
    <t>MultiPolygon (((4.49389484341087542 51.84555896769506944, 4.48956993945960026 51.84549500429150726, 4.48969996484072897 51.84677584591476318, 4.48726812991722213 51.84860800914712087, 4.48966561581731494 51.85082177658600244, 4.4898753487723484 51.85142043406069234, 4.49363354793219383 51.84987019439956413, 4.49424314484387732 51.84950182294744536, 4.49389484341087542 51.84555896769506944, 4.49389484341087542 51.84555896769506944)))</t>
  </si>
  <si>
    <t>MultiPolygon (((4.49424314484387732 51.84950182294744536, 4.50016000421968698 51.84776685865720935, 4.50044200049180088 51.84442269606246612, 4.49378642347135049 51.8443314967203932, 4.49389484341087542 51.84555896769506944, 4.49424314484387732 51.84950182294744536, 4.49424314484387732 51.84950182294744536)))</t>
  </si>
  <si>
    <t>MultiPolygon (((4.5009534682507093 51.84820754535688536, 4.50813247531757888 51.84807341969436578, 4.50860406050595852 51.84480244011231065, 4.5065684661737393 51.84401305593068088, 4.50044200049180088 51.84442269606246612, 4.50016000421968698 51.84776685865720935, 4.5009534682507093 51.84820754535688536, 4.5009534682507093 51.84820754535688536)))</t>
  </si>
  <si>
    <t>MultiPolygon (((4.49389024099047063 51.85242256803567074, 4.50139132453072488 51.85235524456668088, 4.5009534682507093 51.84820754535688536, 4.50016000421968698 51.84776685865720935, 4.49424314484387732 51.84950182294744536, 4.49363354793219383 51.84987019439956413, 4.49389024099047063 51.85242256803567074, 4.49389024099047063 51.85242256803567074)))</t>
  </si>
  <si>
    <t>MultiPolygon (((4.50139132453072488 51.85235524456668088, 4.5085969516315707 51.85357859696663496, 4.50813247531757888 51.84807341969436578, 4.5009534682507093 51.84820754535688536, 4.50139132453072488 51.85235524456668088, 4.50139132453072488 51.85235524456668088)))</t>
  </si>
  <si>
    <t>MultiPolygon (((4.49384219056080525 51.85550906080383271, 4.50157203719799703 51.85483709135367292, 4.50139132453072488 51.85235524456668088, 4.49389024099047063 51.85242256803567074, 4.49384219056080525 51.85550906080383271, 4.49384219056080525 51.85550906080383271)))</t>
  </si>
  <si>
    <t>MultiPolygon (((4.50157203719799703 51.85483709135367292, 4.50876819110476745 51.85560788839921287, 4.50861365245491452 51.85377650751058809, 4.5085969516315707 51.85357859696663496, 4.50139132453072488 51.85235524456668088, 4.50157203719799703 51.85483709135367292, 4.50157203719799703 51.85483709135367292)))</t>
  </si>
  <si>
    <t>MultiPolygon (((4.51609515704681819 51.85860070278498313, 4.51612105692477872 51.85827062863739911, 4.51623841254425695 51.85677496050588076, 4.51163509484291048 51.85685320690749478, 4.51143933583391998 51.85556222524067493, 4.50876819110476745 51.85560788839921287, 4.50157203719799703 51.85483709135367292, 4.49384219056080525 51.85550906080383271, 4.48896092624660792 51.85688358888177163, 4.48918723905915318 51.85775592997387662, 4.49452289930552951 51.85674491158004429, 4.50139432663194317 51.85616176252537457, 4.50737642602572919 51.85842988347366855, 4.5094277759143484 51.85844523607567425, 4.51609515704681819 51.85860070278498313, 4.51609515704681819 51.85860070278498313)))</t>
  </si>
  <si>
    <t>MultiPolygon (((4.48477286759758353 51.8585957953350345, 4.48483605430267573 51.85879011992953025, 4.48878517978152214 51.85884133960512088, 4.48918723905915318 51.85775592997387662, 4.48896092624660792 51.85688358888177163, 4.48572985491593368 51.85303875145301333, 4.48416542630691684 51.8536342010421194, 4.48610369503904316 51.85777233170388456, 4.48477286759758353 51.8585957953350345, 4.48477286759758353 51.8585957953350345)))</t>
  </si>
  <si>
    <t>MultiPolygon (((4.48299009461747477 51.85409698129268463, 4.48477286759758353 51.8585957953350345, 4.48610369503904316 51.85777233170388456, 4.48416542630691684 51.8536342010421194, 4.48299009461747477 51.85409698129268463, 4.48299009461747477 51.85409698129268463)))</t>
  </si>
  <si>
    <t>MultiPolygon (((4.48152564236559048 51.86543250452537279, 4.48157199446752674 51.86245453644167469, 4.48238264956187216 51.85949048408762252, 4.48483605430267573 51.85879011992953025, 4.48477286759758353 51.8585957953350345, 4.48299009461747477 51.85409698129268463, 4.48028751012534787 51.85514858900142343, 4.4812724287432868 51.85856170974732748, 4.47987169810866348 51.85892915304351192, 4.48058100795990288 51.85950925891880559, 4.48054859022646923 51.86101826763412959, 4.48040261540679818 51.86232756155806101, 4.48020982589468009 51.86506514031120219, 4.48003260272149451 51.86527674760415607, 4.48072831548205208 51.86526635775107508, 4.48152564236559048 51.86543250452537279)))</t>
  </si>
  <si>
    <t>MultiPolygon (((4.51597556219207075 51.86012477545581589, 4.51756932606377593 51.86015332045962367, 4.52524866378222956 51.86259187590747644, 4.52864621944623291 51.86263490228143525, 4.52901066125240082 51.85938300264925971, 4.52900314418128591 51.85904646712919686, 4.52857388274136508 51.85904886631038124, 4.52601969948552174 51.85893908692037968, 4.51612105692477872 51.85827062863739911, 4.51609515704681819 51.85860070278498313, 4.51597556219207075 51.86012477545581589, 4.51597556219207075 51.86012477545581589)))</t>
  </si>
  <si>
    <t>MultiPolygon (((4.52864885619646529 51.86404850967994662, 4.53622739309366008 51.86379753100652579, 4.53623702026417419 51.86007586650125489, 4.53351550053634789 51.86067587630171971, 4.53264580753215895 51.85923542793452867, 4.52901066125240082 51.85938300264925971, 4.52864621944623291 51.86263490228143525, 4.52864885619646529 51.86404850967994662, 4.52864885619646529 51.86404850967994662)))</t>
  </si>
  <si>
    <t>MultiPolygon (((4.51612105692477872 51.85827062863739911, 4.52601969948552174 51.85893908692037968, 4.52650227265132177 51.85571329862334977, 4.51629058634352898 51.85583023653969548, 4.51623841254425695 51.85677496050588076, 4.51612105692477872 51.85827062863739911, 4.51612105692477872 51.85827062863739911)))</t>
  </si>
  <si>
    <t>MultiPolygon (((4.52601969948552174 51.85893908692037968, 4.52857388274136508 51.85904886631038124, 4.52769390060639587 51.85877884692605022, 4.52745144511052722 51.8546880788494704, 4.5288994697813667 51.85271372252287847, 4.52761720211995566 51.85272160358089621, 4.52588510505008923 51.8531419660428341, 4.52650227265132177 51.85571329862334977, 4.52601969948552174 51.85893908692037968, 4.52601969948552174 51.85893908692037968)))</t>
  </si>
  <si>
    <t>MultiPolygon (((4.51629058634352898 51.85583023653969548, 4.52650227265132177 51.85571329862334977, 4.52588510505008923 51.8531419660428341, 4.52407271383908949 51.85202330775641855, 4.52099266248354059 51.85384663011573281, 4.51633679799560817 51.85388902938156264, 4.51629058634352898 51.85583023653969548, 4.51629058634352898 51.85583023653969548)))</t>
  </si>
  <si>
    <t>MultiPolygon (((4.51633679799560817 51.85388902938156264, 4.52099266248354059 51.85384663011573281, 4.52407271383908949 51.85202330775641855, 4.52029149390286822 51.84818223509056878, 4.52021107291644331 51.84782645783118937, 4.51594318861905286 51.84828672907381275, 4.51633679799560817 51.85388902938156264, 4.51633679799560817 51.85388902938156264)))</t>
  </si>
  <si>
    <t>MultiPolygon (((4.52588510505008923 51.8531419660428341, 4.52761720211995566 51.85272160358089621, 4.52743693287690618 51.84873312123467315, 4.52542218248437322 51.84787059080009897, 4.52029149390286822 51.84818223509056878, 4.52407271383908949 51.85202330775641855, 4.52588510505008923 51.8531419660428341, 4.52588510505008923 51.8531419660428341)))</t>
  </si>
  <si>
    <t>MultiPolygon (((4.52761720211995566 51.85272160358089621, 4.5288994697813667 51.85271372252287847, 4.53220656492620222 51.85261875341457483, 4.53078175185977905 51.84812238262207273, 4.53202808694290837 51.84689921877152585, 4.52542218248437322 51.84787059080009897, 4.52743693287690618 51.84873312123467315, 4.52761720211995566 51.85272160358089621, 4.52761720211995566 51.85272160358089621)))</t>
  </si>
  <si>
    <t>MultiPolygon (((4.53220656492620222 51.85261875341457483, 4.53634787215998436 51.85267320687696468, 4.53624971342141148 51.84630783564673351, 4.53202808694290837 51.84689921877152585, 4.53078175185977905 51.84812238262207273, 4.53220656492620222 51.85261875341457483, 4.53220656492620222 51.85261875341457483)))</t>
  </si>
  <si>
    <t>MultiPolygon (((4.52857388274136508 51.85904886631038124, 4.52900314418128591 51.85904646712919686, 4.53186716390531341 51.85678467324815699, 4.5362650623784786 51.85674253632208064, 4.53636413131599969 51.85290699817724658, 4.53634787215998436 51.85267320687696468, 4.53220656492620222 51.85261875341457483, 4.5288994697813667 51.85271372252287847, 4.52745144511052722 51.8546880788494704, 4.52769390060639587 51.85877884692605022, 4.52857388274136508 51.85904886631038124, 4.52857388274136508 51.85904886631038124)))</t>
  </si>
  <si>
    <t>MultiPolygon (((4.53624971342141148 51.84630783564673351, 4.54034820072060086 51.84542100333541015, 4.54379307049472025 51.84474291056586281, 4.5476143539439029 51.84300359321954232, 4.54305076863497792 51.84160135712721029, 4.53625686758303726 51.84162108958236814, 4.53624971342141148 51.84630783564673351, 4.53624971342141148 51.84630783564673351)))</t>
  </si>
  <si>
    <t>MultiPolygon (((4.54648040170467294 51.85014139163858715, 4.5469598582019799 51.85038128708416139, 4.54961637806266683 51.84833887748254, 4.55166262987759751 51.84377196975395918, 4.5494193216979415 51.84358130735645886, 4.54709257993838545 51.84653317066928935, 4.54648040170467294 51.85014139163858715, 4.54648040170467294 51.85014139163858715)))</t>
  </si>
  <si>
    <t>MultiPolygon (((4.54142150120082544 51.84986686655176413, 4.5425170372520709 51.84955716061475783, 4.54648040170467294 51.85014139163858715, 4.54709257993838545 51.84653317066928935, 4.5494193216979415 51.84358130735645886, 4.5476143539439029 51.84300359321954232, 4.54379307049472025 51.84474291056586281, 4.54034820072060086 51.84542100333541015, 4.54148150912906612 51.84667153113543492, 4.54007561180528185 51.84815010743736252, 4.54142150120082544 51.84986686655176413, 4.54142150120082544 51.84986686655176413)))</t>
  </si>
  <si>
    <t>MultiPolygon (((4.53634787215998436 51.85267320687696468, 4.53636413131599969 51.85290699817724658, 4.53985349888368894 51.85267689177909034, 4.54142150120082544 51.84986686655176413, 4.54007561180528185 51.84815010743736252, 4.54148150912906612 51.84667153113543492, 4.54034820072060086 51.84542100333541015, 4.53624971342141148 51.84630783564673351, 4.53634787215998436 51.85267320687696468, 4.53634787215998436 51.85267320687696468)))</t>
  </si>
  <si>
    <t>MultiPolygon (((4.54961637806266683 51.84833887748254, 4.55323337223570856 51.84893903393925996, 4.5573128142953685 51.84622734646409725, 4.55438064078150795 51.84417805508976329, 4.55166262987759751 51.84377196975395918, 4.54961637806266683 51.84833887748254, 4.54961637806266683 51.84833887748254)))</t>
  </si>
  <si>
    <t>MultiPolygon (((4.5490230583692064 51.85223791085589795, 4.55417403535893328 51.85353093496242849, 4.56001629547226184 51.84936004061349735, 4.5573128142953685 51.84622734646409725, 4.55323337223570856 51.84893903393925996, 4.54961637806266683 51.84833887748254, 4.5469598582019799 51.85038128708416139, 4.54724343905522765 51.85219134665666019, 4.5490230583692064 51.85223791085589795, 4.5490230583692064 51.85223791085589795)))</t>
  </si>
  <si>
    <t>MultiPolygon (((4.543915768229847 51.85830097677309425, 4.54868075126971316 51.85934741886519816, 4.55098201167895677 51.85686509678608758, 4.55178841963101721 51.85599516471397408, 4.54807902541928577 51.8555121787608968, 4.5444746792895554 51.85588010862100816, 4.543915768229847 51.85830097677309425, 4.543915768229847 51.85830097677309425)))</t>
  </si>
  <si>
    <t>MultiPolygon (((4.54807902541928577 51.8555121787608968, 4.55178841963101721 51.85599516471397408, 4.55417403535893328 51.85353093496242849, 4.5490230583692064 51.85223791085589795, 4.54807902541928577 51.8555121787608968, 4.54807902541928577 51.8555121787608968)))</t>
  </si>
  <si>
    <t>MultiPolygon (((4.54067125864011434 51.85567735259810718, 4.5444746792895554 51.85588010862100816, 4.54807902541928577 51.8555121787608968, 4.5490230583692064 51.85223791085589795, 4.54724343905522765 51.85219134665666019, 4.54226780906129868 51.85429938985394216, 4.54042580649639493 51.85553473545120085, 4.54067125864011434 51.85567735259810718, 4.54067125864011434 51.85567735259810718)))</t>
  </si>
  <si>
    <t>MultiPolygon (((4.543915768229847 51.85830097677309425, 4.5444746792895554 51.85588010862100816, 4.54067125864011434 51.85567735259810718, 4.54020755876264115 51.85817504044874227, 4.543915768229847 51.85830097677309425, 4.543915768229847 51.85830097677309425)))</t>
  </si>
  <si>
    <t>MultiPolygon (((4.53622739309366008 51.86379753100652579, 4.54400293469648009 51.86474857728039467, 4.54868075126971316 51.85934741886519816, 4.543915768229847 51.85830097677309425, 4.54020755876264115 51.85817504044874227, 4.54067125864011434 51.85567735259810718, 4.54042580649639493 51.85553473545120085, 4.5362650623784786 51.85674253632208064, 4.53623702026417419 51.86007586650125489, 4.53622739309366008 51.86379753100652579, 4.53622739309366008 51.86379753100652579)))</t>
  </si>
  <si>
    <t>MultiPolygon (((4.52901066125240082 51.85938300264925971, 4.53264580753215895 51.85923542793452867, 4.53351550053634789 51.86067587630171971, 4.53623702026417419 51.86007586650125489, 4.5362650623784786 51.85674253632208064, 4.53186716390531341 51.85678467324815699, 4.52900314418128591 51.85904646712919686, 4.52901066125240082 51.85938300264925971, 4.52901066125240082 51.85938300264925971)))</t>
  </si>
  <si>
    <t>MultiPolygon (((4.53985349888368894 51.85267689177909034, 4.54226780906129868 51.85429938985394216, 4.54724343905522765 51.85219134665666019, 4.5469598582019799 51.85038128708416139, 4.54648040170467294 51.85014139163858715, 4.5425170372520709 51.84955716061475783, 4.54142150120082544 51.84986686655176413, 4.53985349888368894 51.85267689177909034, 4.53985349888368894 51.85267689177909034)))</t>
  </si>
  <si>
    <t>MultiPolygon (((4.5362650623784786 51.85674253632208064, 4.54042580649639493 51.85553473545120085, 4.54226780906129868 51.85429938985394216, 4.53985349888368894 51.85267689177909034, 4.53636413131599969 51.85290699817724658, 4.5362650623784786 51.85674253632208064, 4.5362650623784786 51.85674253632208064)))</t>
  </si>
  <si>
    <t>MultiPolygon (((4.60979367214902602 52.14031509649378648, 4.61944474385330217 52.14233114426416904, 4.62229064886477481 52.14168331127351053, 4.6286950887968894 52.13862109473595297, 4.62534954261008302 52.13649858983418284, 4.62207925029073596 52.13307919264842383, 4.61774581587589683 52.13062041155103543, 4.613657402882124 52.12965999884919199, 4.60996285665017957 52.12950918440755999, 4.60818786379002798 52.13374985161446773, 4.61145162401658926 52.13412243433149484, 4.60979367214902602 52.14031509649378648, 4.60979367214902602 52.14031509649378648)))</t>
  </si>
  <si>
    <t>MultiPolygon (((4.59564530626952372 52.13315931131845815, 4.60180043138460704 52.13328648873861226, 4.60796845426706092 52.13445065965171921, 4.60818786379002798 52.13374985161446773, 4.60996285665017957 52.12950918440755999, 4.5956535021703564 52.1318743491065888, 4.59564530626952372 52.13315931131845815, 4.59564530626952372 52.13315931131845815)))</t>
  </si>
  <si>
    <t>MultiPolygon (((4.60979367214902602 52.14031509649378648, 4.61145162401658926 52.13412243433149484, 4.60818786379002798 52.13374985161446773, 4.60796845426706092 52.13445065965171921, 4.60180043138460704 52.13328648873861226, 4.59564530626952372 52.13315931131845815, 4.59508154931832458 52.13457307622989845, 4.60979367214902602 52.14031509649378648, 4.60979367214902602 52.14031509649378648)))</t>
  </si>
  <si>
    <t>MultiPolygon (((4.62024511742581456 52.15721589161656624, 4.61848627003347723 52.14865722936049508, 4.61944474385330217 52.14233114426416904, 4.60979367214902602 52.14031509649378648, 4.59508154931832458 52.13457307622989845, 4.59564530626952372 52.13315931131845815, 4.5956535021703564 52.1318743491065888, 4.59156814012717618 52.13161435550900791, 4.58782813718409521 52.13006734799090935, 4.58269699411447906 52.12845712084087779, 4.57804892990563506 52.12810960793069626, 4.57158780761011396 52.12868895833562988, 4.56493003794758945 52.12991880741559925, 4.56022001269642363 52.13193287983560253, 4.561996662606572 52.13266404081107908, 4.56337403055919477 52.13415639981009519, 4.56574290816088002 52.13495824512832399, 4.56752568994767927 52.1372693489078145, 4.57048966669318624 52.14342044810871357, 4.57148090962936138 52.15310902803847171, 4.57273667911330595 52.15224831738886735, 4.60592304318474266 52.15693495958503689, 4.61059330488639052 52.15757167377353198, 4.61903216298896613 52.15870800333563295, 4.62024511742581456 52.15721589161656624, 4.62024511742581456 52.15721589161656624)))</t>
  </si>
  <si>
    <t>MultiPolygon (((4.62207925029073596 52.13307919264842383, 4.62400827102427137 52.12993486567231827, 4.62812329321130544 52.12214821315281199, 4.63039847176494934 52.11801072550362335, 4.61299843844703261 52.11545883833704096, 4.61129901909004314 52.11371740520298346, 4.60792844438588123 52.11276347108054807, 4.60166405189189209 52.11245561422602179, 4.6044783474601001 52.12458700876636897, 4.59599466791923739 52.12350612972855401, 4.59488598296289918 52.13107872768655682, 4.5956535021703564 52.1318743491065888, 4.60996285665017957 52.12950918440755999, 4.613657402882124 52.12965999884919199, 4.61774581587589683 52.13062041155103543, 4.62207925029073596 52.13307919264842383, 4.62207925029073596 52.13307919264842383)))</t>
  </si>
  <si>
    <t>MultiPolygon (((4.58782813718409521 52.13006734799090935, 4.59156814012717618 52.13161435550900791, 4.5956535021703564 52.1318743491065888, 4.59488598296289918 52.13107872768655682, 4.59599466791923739 52.12350612972855401, 4.58975287347315408 52.12271046363945004, 4.58879649306120374 52.12575509569882115, 4.58966436364319463 52.12660822011662276, 4.58973534844941877 52.12895295363851744, 4.58782813718409521 52.13006734799090935, 4.58782813718409521 52.13006734799090935)))</t>
  </si>
  <si>
    <t>MultiPolygon (((4.58269699411447906 52.12845712084087779, 4.58782813718409521 52.13006734799090935, 4.58973534844941877 52.12895295363851744, 4.58966436364319463 52.12660822011662276, 4.58879649306120374 52.12575509569882115, 4.58975287347315408 52.12271046363945004, 4.58426864249106458 52.1220110717360896, 4.58386577270044171 52.1238155579598228, 4.58269699411447906 52.12845712084087779, 4.58269699411447906 52.12845712084087779)))</t>
  </si>
  <si>
    <t>MultiPolygon (((4.57158780761011396 52.12868895833562988, 4.57804892990563506 52.12810960793069626, 4.58269699411447906 52.12845712084087779, 4.58386577270044171 52.1238155579598228, 4.57566775431078998 52.12363808791735664, 4.55985363917177722 52.12534500181121899, 4.54516017894623037 52.12916759632623354, 4.54519027699720013 52.12920413510512674, 4.54762053777952691 52.13231004507373001, 4.54605820827979556 52.13335665625444193, 4.54630716060007156 52.13402119878733743, 4.55030314252235524 52.13675820592303012, 4.54914014337300188 52.13759296725299919, 4.550733048313643 52.1383802858600589, 4.56022001269642363 52.13193287983560253, 4.56493003794758945 52.12991880741559925, 4.57158780761011396 52.12868895833562988, 4.57158780761011396 52.12868895833562988)))</t>
  </si>
  <si>
    <t>MultiPolygon (((4.5910557219997683 52.09659651892627608, 4.59594655318393208 52.09634053668307985, 4.6000495786726967 52.09542642781119071, 4.60759349688062514 52.09358433730329097, 4.61767728596830995 52.08989949687676102, 4.6309467237643176 52.08605269658449544, 4.63211130793266523 52.08703682649359479, 4.63376207793543493 52.08258647740523628, 4.63296319693564929 52.07796314940095783, 4.63179257264847966 52.07800328563072867, 4.63158080830593555 52.07630065196000402, 4.62532037528552653 52.07644324935406388, 4.6070237219830803 52.07704584397485092, 4.58798095250680138 52.0776468904101506, 4.5910557219997683 52.09659651892627608, 4.5910557219997683 52.09659651892627608)))</t>
  </si>
  <si>
    <t>MultiPolygon (((4.58234109347187868 52.09679159184762653, 4.5910557219997683 52.09659651892627608, 4.58798095250680138 52.0776468904101506, 4.57956820051988789 52.07790552731322009, 4.58234109347187868 52.09679159184762653, 4.58234109347187868 52.09679159184762653)))</t>
  </si>
  <si>
    <t>MultiPolygon (((4.55094635083569266 52.09528304534846654, 4.55750268780851098 52.09498194489618328, 4.57122505980675076 52.09697070093635318, 4.58234109347187868 52.09679159184762653, 4.57956820051988789 52.07790552731322009, 4.55799890423363951 52.07857946166298291, 4.55164582762603942 52.0783062268728969, 4.55094635083569266 52.09528304534846654, 4.55094635083569266 52.09528304534846654)))</t>
  </si>
  <si>
    <t>MultiPolygon (((4.60166405189189209 52.11245561422602179, 4.60792844438588123 52.11276347108054807, 4.61129901909004314 52.11371740520298346, 4.61299843844703261 52.11545883833704096, 4.63039847176494934 52.11801072550362335, 4.64113318261356422 52.09748289496027951, 4.64705408713072377 52.08640001704852551, 4.63211130793266523 52.08703682649359479, 4.6309467237643176 52.08605269658449544, 4.61767728596830995 52.08989949687676102, 4.60759349688062514 52.09358433730329097, 4.6000495786726967 52.09542642781119071, 4.5987529715795441 52.09729198000292172, 4.60166405189189209 52.11245561422602179, 4.60166405189189209 52.11245561422602179)))</t>
  </si>
  <si>
    <t>MultiPolygon (((4.55985363917177722 52.12534500181121899, 4.57566775431078998 52.12363808791735664, 4.58386577270044171 52.1238155579598228, 4.58426864249106458 52.1220110717360896, 4.58975287347315408 52.12271046363945004, 4.59599466791923739 52.12350612972855401, 4.6044783474601001 52.12458700876636897, 4.60166405189189209 52.11245561422602179, 4.5987529715795441 52.09729198000292172, 4.6000495786726967 52.09542642781119071, 4.59594655318393208 52.09634053668307985, 4.5910557219997683 52.09659651892627608, 4.58234109347187868 52.09679159184762653, 4.57122505980675076 52.09697070093635318, 4.55750268780851098 52.09498194489618328, 4.55094635083569266 52.09528304534846654, 4.55020502880357469 52.10536219731519481, 4.55348033967292842 52.10834254531464893, 4.55438949949395155 52.11041925079378956, 4.55332555894238933 52.11272275014045618, 4.54887937805945608 52.11662730421384282, 4.54190529997556958 52.11866020656134424, 4.54294883033581254 52.12123481175775908, 4.54064091497962341 52.12156227789895979, 4.54516017894623037 52.12916759632623354, 4.55985363917177722 52.12534500181121899, 4.55985363917177722 52.12534500181121899)))</t>
  </si>
  <si>
    <t>MultiPolygon (((4.71292565706558708 52.10513646169606261, 4.71752480306448252 52.10382076198829537, 4.72473164847075555 52.1058969571043562, 4.73307314452687766 52.10147549445948556, 4.72451758261061272 52.09959944355511396, 4.72024622655012926 52.10260266838045595, 4.71954062814379771 52.10210814300295823, 4.71589577909381408 52.10268066172673684, 4.71253408471550639 52.10449501502820624, 4.71292565706558708 52.10513646169606261, 4.71292565706558708 52.10513646169606261)))</t>
  </si>
  <si>
    <t>MultiPolygon (((4.70661715264381719 52.10658816966485318, 4.70999586149930849 52.11007324405966301, 4.71195724021485773 52.11038727592723063, 4.72072214124484457 52.10799651736929405, 4.72473164847075555 52.1058969571043562, 4.71752480306448252 52.10382076198829537, 4.71292565706558708 52.10513646169606261, 4.70661715264381719 52.10658816966485318, 4.70661715264381719 52.10658816966485318)))</t>
  </si>
  <si>
    <t>MultiPolygon (((4.72072214124484457 52.10799651736929405, 4.72303911575225044 52.10970180844817889, 4.73104861234841323 52.10840762888414446, 4.73788736847164227 52.10909192731872253, 4.74074055686297591 52.10809049088679501, 4.73885669986172253 52.10650743734160528, 4.74022286285753758 52.10464809175418566, 4.73451802245126085 52.10261461524147819, 4.73480971355552605 52.10187638281555422, 4.73307314452687766 52.10147549445948556, 4.72473164847075555 52.1058969571043562, 4.72072214124484457 52.10799651736929405)))</t>
  </si>
  <si>
    <t>MultiPolygon (((4.71310199569551624 52.08433839889644901, 4.71550585300666025 52.08118841227141615, 4.71302760589840819 52.07692938421953244, 4.70490502901466012 52.07683641064058122, 4.69683478248564956 52.07400575759161399, 4.69441120306891602 52.06776738890261669, 4.68625989369836837 52.06952579886657873, 4.68614899672988994 52.0692143490635857, 4.68534698453933718 52.06938437971505351, 4.68639267838448159 52.07266809005307806, 4.69013400466968555 52.08425715233092035, 4.69934872983450358 52.08243005325700636, 4.70024464647991369 52.08527475916052651, 4.70256414785753396 52.08812201442761136, 4.70700542128764177 52.09329654049172831, 4.70875813396665066 52.09364389344852952, 4.71310199569551624 52.08433839889644901)))</t>
  </si>
  <si>
    <t>MultiPolygon (((4.68534698453933718 52.06938437971505351, 4.68312121384726154 52.06260747984155302, 4.68197352651207677 52.05910406381421041, 4.67929839593694741 52.05921589649283732, 4.67899753778204808 52.06019702165639984, 4.67724698410764539 52.0655205278576787, 4.66566002183361217 52.06572393931332954, 4.66591058206845144 52.06395160995736404, 4.65996773022989519 52.06410430816854529, 4.65914776535354402 52.06401773816246248, 4.65853245221039725 52.06611857824808709, 4.65924904093502867 52.0687567714819437, 4.66045332341061691 52.07277105734530664, 4.66023973402191061 52.07424677835943072, 4.67788190397961667 52.07378185312354191, 4.68639267838448159 52.07266809005307806, 4.68534698453933718 52.06938437971505351)))</t>
  </si>
  <si>
    <t>MultiPolygon (((4.65915060247994006 52.06400595305877488, 4.64690404232908438 52.06428003922636805, 4.64686066204780346 52.06428271122607754, 4.6464016782105384 52.06690183946891182, 4.64589984155765467 52.06978938510977173, 4.65924904093502867 52.0687567714819437, 4.65853245221039725 52.06611857824808709, 4.65914776535354402 52.06401773816246248, 4.65915060247994006 52.06400595305877488, 4.65915060247994006 52.06400595305877488)))</t>
  </si>
  <si>
    <t>MultiPolygon (((4.64577527290410686 52.07082091569868254, 4.65261108695587389 52.07027092503347632, 4.65589032921911361 52.07291831683345151, 4.66045332341061691 52.07277105734530664, 4.65924904093502867 52.0687567714819437, 4.64589984155765467 52.06978938510977173, 4.64577527290410686 52.07082091569868254, 4.64577527290410686 52.07082091569868254)))</t>
  </si>
  <si>
    <t>MultiPolygon (((4.64628084620157278 52.07524660991149545, 4.66023973402191061 52.07424677835943072, 4.66045332341061691 52.07277105734530664, 4.65589032921911361 52.07291831683345151, 4.65261108695587389 52.07027092503347632, 4.64577527290410686 52.07082091569868254, 4.64579191716527617 52.07203899407177516, 4.64628084620157278 52.07524660991149545, 4.64628084620157278 52.07524660991149545)))</t>
  </si>
  <si>
    <t>MultiPolygon (((4.63762469774285169 52.06801016026810913, 4.6464016782105384 52.06690183946891182, 4.64686066204780346 52.06428271122607754, 4.63822512141267662 52.06482359519137759, 4.63762469774285169 52.06801016026810913, 4.63762469774285169 52.06801016026810913)))</t>
  </si>
  <si>
    <t>MultiPolygon (((4.6368811644901724 52.0735316408804394, 4.63876545588060463 52.07360394301684892, 4.64113975521685429 52.07254981642049785, 4.64579191716527617 52.07203899407177516, 4.64577527290410686 52.07082091569868254, 4.64589984155765467 52.06978938510977173, 4.6464016782105384 52.06690183946891182, 4.63762469774285169 52.06801016026810913, 4.6368811644901724 52.0735316408804394, 4.6368811644901724 52.0735316408804394)))</t>
  </si>
  <si>
    <t>MultiPolygon (((4.64628084620157278 52.07524660991149545, 4.64579191716527617 52.07203899407177516, 4.64113975521685429 52.07254981642049785, 4.63876545588060463 52.07360394301684892, 4.6368811644901724 52.0735316408804394, 4.62530718004953822 52.0744472264764795, 4.62532037528552653 52.07644324935406388, 4.63158080830593555 52.07630065196000402, 4.64628084620157278 52.07524660991149545, 4.64628084620157278 52.07524660991149545)))</t>
  </si>
  <si>
    <t>MultiPolygon (((4.68205354249553718 52.08520107335350247, 4.68929284849426331 52.08493005709409118, 4.69013400466968555 52.08425715233092035, 4.68639267838448159 52.07266809005307806, 4.67788190397961667 52.07378185312354191, 4.68130939649076616 52.08483310275604339, 4.68205354249553718 52.08520107335350247, 4.68205354249553718 52.08520107335350247)))</t>
  </si>
  <si>
    <t>MultiPolygon (((4.6621470414186339 52.08594771370923837, 4.68205354249553718 52.08520107335350247, 4.68130939649076616 52.08483310275604339, 4.67788190397961667 52.07378185312354191, 4.66023973402191061 52.07424677835943072, 4.66167483594767518 52.08163978104266079, 4.6621470414186339 52.08594771370923837, 4.6621470414186339 52.08594771370923837)))</t>
  </si>
  <si>
    <t>MultiPolygon (((4.64628084620157278 52.07524660991149545, 4.64740410681473026 52.08231465313786401, 4.66167483594767518 52.08163978104266079, 4.66023973402191061 52.07424677835943072, 4.64628084620157278 52.07524660991149545, 4.64628084620157278 52.07524660991149545)))</t>
  </si>
  <si>
    <t>MultiPolygon (((4.63211130793266523 52.08703682649359479, 4.64705408713072377 52.08640001704852551, 4.6621470414186339 52.08594771370923837, 4.66167483594767518 52.08163978104266079, 4.64740410681473026 52.08231465313786401, 4.64628084620157278 52.07524660991149545, 4.63158080830593555 52.07630065196000402, 4.63179257264847966 52.07800328563072867, 4.63296319693564929 52.07796314940095783, 4.63376207793543493 52.08258647740523628, 4.63211130793266523 52.08703682649359479, 4.63211130793266523 52.08703682649359479)))</t>
  </si>
  <si>
    <t>MultiPolygon (((4.66297714079461567 52.09239457633370307, 4.68350632291440228 52.09118350184221669, 4.68416385378176248 52.09266590556914878, 4.68660903049548594 52.09242919117688331, 4.69557959491452337 52.09095062206204574, 4.70256414785753396 52.08812201442761136, 4.70024464647991369 52.08527475916052651, 4.69934872983450358 52.08243005325700636, 4.69013400466968555 52.08425715233092035, 4.68929284849426331 52.08493005709409118, 4.68205354249553718 52.08520107335350247, 4.6621470414186339 52.08594771370923837, 4.66297714079461567 52.09239457633370307, 4.66297714079461567 52.09239457633370307)))</t>
  </si>
  <si>
    <t>MultiPolygon (((4.70700542128764177 52.09329654049172831, 4.70256414785753396 52.08812201442761136, 4.69557959491452337 52.09095062206204574, 4.68660903049548594 52.09242919117688331, 4.68416385378176248 52.09266590556914878, 4.68350632291440228 52.09118350184221669, 4.66297714079461567 52.09239457633370307, 4.66351933045325495 52.09831480040143958, 4.66380090040572703 52.09954597749243987, 4.70506793038397397 52.0946387320275619, 4.70700542128764177 52.09329654049172831, 4.70700542128764177 52.09329654049172831)))</t>
  </si>
  <si>
    <t>MultiPolygon (((4.64113318261356422 52.09748289496027951, 4.6540870209066787 52.09900822167774948, 4.66351933045325495 52.09831480040143958, 4.66297714079461567 52.09239457633370307, 4.6621470414186339 52.08594771370923837, 4.64705408713072377 52.08640001704852551, 4.64113318261356422 52.09748289496027951, 4.64113318261356422 52.09748289496027951)))</t>
  </si>
  <si>
    <t>MultiPolygon (((4.73435877933591076 52.13640246335507555, 4.75870963973173744 52.12853928690604022, 4.7586225825888997 52.12839032974794407, 4.75664131047228 52.1237904518389854, 4.753240332072866 52.1194419646668905, 4.75192125446593128 52.11902279171105334, 4.74074055686297591 52.10809049088679501, 4.73788736847164227 52.10909192731872253, 4.73104861234841323 52.10840762888414446, 4.72303911575225044 52.10970180844817889, 4.72381740254821381 52.11065308857412504, 4.7225755936334517 52.10984764108883383, 4.71070553377930157 52.11434086340078409, 4.71155325921243939 52.11674595851856395, 4.70945564820195006 52.11535770651617128, 4.69806366425419331 52.11720659353188267, 4.6907333271685081 52.11941159753425978, 4.68341819521783087 52.11936926631450717, 4.6757471902143557 52.1205651460531314, 4.68894638377947892 52.13362702732152343, 4.69234988623865767 52.13631179910664315, 4.69422767831098131 52.13543463106557851, 4.70810822854581268 52.13238732331546998, 4.71990869398348512 52.1358397042972399, 4.72440456271986609 52.13367767792298224, 4.73155614014434089 52.1386432380605811, 4.73435877933591076 52.13640246335507555, 4.73435877933591076 52.13640246335507555)))</t>
  </si>
  <si>
    <t>MultiPolygon (((4.72844427606941498 52.14382475870419853, 4.73155614014434089 52.1386432380605811, 4.72440456271986609 52.13367767792298224, 4.71990869398348512 52.1358397042972399, 4.71892690800153591 52.13696470857097864, 4.72844427606941498 52.14382475870419853, 4.72844427606941498 52.14382475870419853)))</t>
  </si>
  <si>
    <t>MultiPolygon (((4.76007314387294134 52.1309814637157416, 4.75870963973173744 52.12853928690604022, 4.73435877933591076 52.13640246335507555, 4.73155614014434089 52.1386432380605811, 4.72844427606941498 52.14382475870419853, 4.72737396831747159 52.15152433281659228, 4.72393180759846221 52.15607833819617412, 4.72433892247989284 52.15611120661440481, 4.72607417830982435 52.15641323486470071, 4.72681140838233738 52.15899521036438813, 4.72899805595900968 52.15953002186101628, 4.74183881037185806 52.16267322154543251, 4.75903326748562261 52.13510122401820013, 4.75929189193663937 52.13374873649663499, 4.76007314387294134 52.1309814637157416, 4.76007314387294134 52.1309814637157416)))</t>
  </si>
  <si>
    <t>MultiPolygon (((4.71990869398348512 52.1358397042972399, 4.70810822854581268 52.13238732331546998, 4.69422767831098131 52.13543463106557851, 4.69234988623865767 52.13631179910664315, 4.70403405426013155 52.14464456093735834, 4.70499753099892981 52.14476048693892096, 4.72393180759846221 52.15607833819617412, 4.72737396831747159 52.15152433281659228, 4.72844427606941498 52.14382475870419853, 4.71892690800153591 52.13696470857097864, 4.71990869398348512 52.1358397042972399, 4.71990869398348512 52.1358397042972399)))</t>
  </si>
  <si>
    <t>MultiPolygon (((4.6070237219830803 52.07704584397485092, 4.60742711087767809 52.06552651866797987, 4.56592541247372807 52.05922595871238912, 4.56504296107328322 52.05856937949707941, 4.55780899389010674 52.0617411629499216, 4.55718024733590088 52.06123936641558458, 4.55277171307148087 52.06330775954888423, 4.55320981945127645 52.06383148330263566, 4.53369495687313151 52.07305113110721351, 4.535168098402103 52.07446319497139342, 4.5379782774503008 52.07357075678878289, 4.54355653105421808 52.07364304094600271, 4.55192781141931846 52.07375194137532048, 4.55165541424267861 52.07803266648186025, 4.55164582762603942 52.0783062268728969, 4.55799890423363951 52.07857946166298291, 4.57956820051988789 52.07790552731322009, 4.58798095250680138 52.0776468904101506, 4.6070237219830803 52.07704584397485092, 4.6070237219830803 52.07704584397485092)))</t>
  </si>
  <si>
    <t>MultiPolygon (((4.54243723143377576 52.07759841911929755, 4.54679855102650432 52.07831345113864074, 4.55165541424267861 52.07803266648186025, 4.55192781141931846 52.07375194137532048, 4.54355653105421808 52.07364304094600271, 4.54243723143377576 52.07759841911929755, 4.54243723143377576 52.07759841911929755)))</t>
  </si>
  <si>
    <t>MultiPolygon (((4.54355653105421808 52.07364304094600271, 4.5379782774503008 52.07357075678878289, 4.535168098402103 52.07446319497139342, 4.53390423616746752 52.07521514919763206, 4.5341806204971693 52.07556370385282918, 4.53601940423293293 52.07690793642596105, 4.54243723143377576 52.07759841911929755, 4.54355653105421808 52.07364304094600271, 4.54355653105421808 52.07364304094600271)))</t>
  </si>
  <si>
    <t>MultiPolygon (((4.55094635083569266 52.09528304534846654, 4.55164582762603942 52.0783062268728969, 4.55165541424267861 52.07803266648186025, 4.54679855102650432 52.07831345113864074, 4.54243723143377576 52.07759841911929755, 4.53601940423293293 52.07690793642596105, 4.53010352114179682 52.08008210451593101, 4.53055517914180239 52.08051073240371664, 4.53457126937774468 52.08349622961895165, 4.53713466474262628 52.08394597908154822, 4.5365022509073567 52.10195752290196225, 4.5353227678681769 52.12043247791575595, 4.54190529997556958 52.11866020656134424, 4.54887937805945608 52.11662730421384282, 4.55332555894238933 52.11272275014045618, 4.55438949949395155 52.11041925079378956, 4.55348033967292842 52.10834254531464893, 4.55020502880357469 52.10536219731519481, 4.55094635083569266 52.09528304534846654, 4.55094635083569266 52.09528304534846654)))</t>
  </si>
  <si>
    <t>MultiPolygon (((4.62812329321130544 52.12214821315281199, 4.63100400228864117 52.12023043759180041, 4.63861801901749704 52.11345230575474829, 4.64275575639193594 52.11160355205232975, 4.64809227011778692 52.11029745500595567, 4.6525558921988015 52.10988636468553636, 4.65839637261222528 52.11023509547009525, 4.67054850195396121 52.11146467251210623, 4.66380090040572703 52.09954597749243987, 4.66351933045325495 52.09831480040143958, 4.6540870209066787 52.09900822167774948, 4.64113318261356422 52.09748289496027951, 4.63039847176494934 52.11801072550362335, 4.62812329321130544 52.12214821315281199, 4.62812329321130544 52.12214821315281199)))</t>
  </si>
  <si>
    <t>MultiPolygon (((4.63100400228864117 52.12023043759180041, 4.63353396090765912 52.1211527365854792, 4.63925930102416739 52.11692202730136358, 4.64142807527730827 52.11545288739390003, 4.63861801901749704 52.11345230575474829, 4.63100400228864117 52.12023043759180041, 4.63100400228864117 52.12023043759180041)))</t>
  </si>
  <si>
    <t>MultiPolygon (((4.66528418184308435 52.11720617546414758, 4.66528862862571714 52.11720874188271324, 4.67238569003937787 52.11451474973807052, 4.67054850195396121 52.11146467251210623, 4.65839637261222528 52.11023509547009525, 4.65924696668965854 52.11248778431366446, 4.66196667942040399 52.11483009112765075, 4.66528418184308435 52.11720617546414758, 4.66528418184308435 52.11720617546414758)))</t>
  </si>
  <si>
    <t>MultiPolygon (((4.66182313941580606 52.12029067792733628, 4.66206483775002045 52.12005442865731197, 4.66528418184308435 52.11720617546414758, 4.66196667942040399 52.11483009112765075, 4.65805598926300668 52.11899073891684253, 4.66182313941580606 52.12029067792733628, 4.66182313941580606 52.12029067792733628)))</t>
  </si>
  <si>
    <t>MultiPolygon (((4.65527973408072704 52.11848270027996222, 4.65805598926300668 52.11899073891684253, 4.66196667942040399 52.11483009112765075, 4.65924696668965854 52.11248778431366446, 4.65579443307342355 52.11384963512168156, 4.65383895800471148 52.11387969121199859, 4.65399116619449504 52.11734616207494497, 4.65527973408072704 52.11848270027996222, 4.65527973408072704 52.11848270027996222)))</t>
  </si>
  <si>
    <t>MultiPolygon (((4.64565282278379055 52.1184601844263895, 4.64875381576650959 52.11769339338580664, 4.65399116619449504 52.11734616207494497, 4.65383895800471148 52.11387969121199859, 4.65579443307342355 52.11384963512168156, 4.65924696668965854 52.11248778431366446, 4.65839637261222528 52.11023509547009525, 4.6525558921988015 52.10988636468553636, 4.64809227011778692 52.11029745500595567, 4.64275575639193594 52.11160355205232975, 4.63861801901749704 52.11345230575474829, 4.64142807527730827 52.11545288739390003, 4.64565282278379055 52.1184601844263895, 4.64565282278379055 52.1184601844263895)))</t>
  </si>
  <si>
    <t>MultiPolygon (((4.64308724044660082 52.11949946516705978, 4.64565282278379055 52.1184601844263895, 4.64142807527730827 52.11545288739390003, 4.63925930102416739 52.11692202730136358, 4.64308724044660082 52.11949946516705978, 4.64308724044660082 52.11949946516705978)))</t>
  </si>
  <si>
    <t>MultiPolygon (((4.63353396090765912 52.1211527365854792, 4.63968845564621368 52.12359297266655034, 4.64421011092298919 52.12026558330454407, 4.64308724044660082 52.11949946516705978, 4.63925930102416739 52.11692202730136358, 4.63353396090765912 52.1211527365854792, 4.63353396090765912 52.1211527365854792)))</t>
  </si>
  <si>
    <t>MultiPolygon (((4.6532467045089092 52.12342551390089085, 4.65717245003599611 52.12484371833951258, 4.66182313941580606 52.12029067792733628, 4.65805598926300668 52.11899073891684253, 4.65527973408072704 52.11848270027996222, 4.6532467045089092 52.12342551390089085, 4.6532467045089092 52.12342551390089085)))</t>
  </si>
  <si>
    <t>MultiPolygon (((4.6513402584386041 52.12343634524508218, 4.6532467045089092 52.12342551390089085, 4.65527973408072704 52.11848270027996222, 4.65399116619449504 52.11734616207494497, 4.64875381576650959 52.11769339338580664, 4.6513402584386041 52.12343634524508218, 4.6513402584386041 52.12343634524508218)))</t>
  </si>
  <si>
    <t>MultiPolygon (((4.65014297920847053 52.12379965048128838, 4.6513402584386041 52.12343634524508218, 4.64875381576650959 52.11769339338580664, 4.64565282278379055 52.1184601844263895, 4.64308724044660082 52.11949946516705978, 4.64421011092298919 52.12026558330454407, 4.65014297920847053 52.12379965048128838, 4.65014297920847053 52.12379965048128838)))</t>
  </si>
  <si>
    <t>MultiPolygon (((4.64722070165493406 52.12703433096719863, 4.65014297920847053 52.12379965048128838, 4.64421011092298919 52.12026558330454407, 4.63968845564621368 52.12359297266655034, 4.64722070165493406 52.12703433096719863, 4.64722070165493406 52.12703433096719863)))</t>
  </si>
  <si>
    <t>MultiPolygon (((4.65140672231453589 52.12895587482974236, 4.6534419785874972 52.12795729391532973, 4.65717245003599611 52.12484371833951258, 4.6532467045089092 52.12342551390089085, 4.6513402584386041 52.12343634524508218, 4.65014297920847053 52.12379965048128838, 4.64722070165493406 52.12703433096719863, 4.65140672231453589 52.12895587482974236, 4.65140672231453589 52.12895587482974236)))</t>
  </si>
  <si>
    <t>MultiPolygon (((4.63668851547278571 52.12981268168656612, 4.64500958330714564 52.13036543262060007, 4.65041152028671956 52.12932882078684571, 4.65140672231453589 52.12895587482974236, 4.64722070165493406 52.12703433096719863, 4.63968845564621368 52.12359297266655034, 4.63353396090765912 52.1211527365854792, 4.63100400228864117 52.12023043759180041, 4.62812329321130544 52.12214821315281199, 4.62400827102427137 52.12993486567231827, 4.62500154502911887 52.13012905785434015, 4.62424739732500534 52.13161681620341881, 4.62680668295102748 52.13151675218481529, 4.62863030431519196 52.12886810247641023, 4.63668851547278571 52.12981268168656612, 4.63668851547278571 52.12981268168656612)))</t>
  </si>
  <si>
    <t>MultiPolygon (((4.67054850195396121 52.11146467251210623, 4.67238569003937787 52.11451474973807052, 4.70661715264381719 52.10658816966485318, 4.71292565706558708 52.10513646169606261, 4.71253408471550639 52.10449501502820624, 4.71589577909381408 52.10268066172673684, 4.71954062814379771 52.10210814300295823, 4.72024622655012926 52.10260266838045595, 4.72451758261061272 52.09959944355511396, 4.72444058679523682 52.09958187185650758, 4.70473180080835984 52.09524086170517876, 4.70506793038397397 52.0946387320275619, 4.66380090040572703 52.09954597749243987, 4.67054850195396121 52.11146467251210623)))</t>
  </si>
  <si>
    <t>MultiPolygon (((4.67431199089976879 52.11915131832683556, 4.6757471902143557 52.1205651460531314, 4.68341819521783087 52.11936926631450717, 4.6907333271685081 52.11941159753425978, 4.69806366425419331 52.11720659353188267, 4.70945564820195006 52.11535770651617128, 4.71155325921243939 52.11674595851856395, 4.71070553377930157 52.11434086340078409, 4.7225755936334517 52.10984764108883383, 4.72381740254821381 52.11065308857412504, 4.72303911575225044 52.10970180844817889, 4.72072214124484457 52.10799651736929405, 4.71195724021485773 52.11038727592723063, 4.70999586149930849 52.11007324405966301, 4.70661715264381719 52.10658816966485318, 4.67238569003937787 52.11451474973807052, 4.67376448504987074 52.11748592379076683, 4.67431199089976879 52.11915131832683556, 4.67431199089976879 52.11915131832683556)))</t>
  </si>
  <si>
    <t>MultiPolygon (((4.67341788362968913 52.13948231574701708, 4.67363023060164373 52.13944546428601967, 4.68003063262248897 52.13826018019762643, 4.68894638377947892 52.13362702732152343, 4.6757471902143557 52.1205651460531314, 4.67438581186531099 52.12131523961310364, 4.67307390534096001 52.12670499637206234, 4.67206686777084279 52.13122397162710797, 4.6691447055295594 52.13575990979395414, 4.67209022154654097 52.13713948079455207, 4.67341788362968913 52.13948231574701708, 4.67341788362968913 52.13948231574701708)))</t>
  </si>
  <si>
    <t>MultiPolygon (((4.66283705126863346 52.12556891374102008, 4.66620458816395711 52.12554726255554982, 4.67307390534096001 52.12670499637206234, 4.67438581186531099 52.12131523961310364, 4.6757471902143557 52.1205651460531314, 4.67431199089976879 52.11915131832683556, 4.6654582850326074 52.12175451828045425, 4.66375918200864614 52.12323212205285472, 4.66283705126863346 52.12556891374102008, 4.66283705126863346 52.12556891374102008)))</t>
  </si>
  <si>
    <t>MultiPolygon (((4.66289746722469101 52.13046246513082593, 4.67206686777084279 52.13122397162710797, 4.67307390534096001 52.12670499637206234, 4.66620458816395711 52.12554726255554982, 4.66283705126863346 52.12556891374102008, 4.66268033299532281 52.12879875115154249, 4.66289746722469101 52.13046246513082593, 4.66289746722469101 52.13046246513082593)))</t>
  </si>
  <si>
    <t>MultiPolygon (((4.663066827551968 52.13482715725443484, 4.6691447055295594 52.13575990979395414, 4.67206686777084279 52.13122397162710797, 4.66289746722469101 52.13046246513082593, 4.663066827551968 52.13482715725443484, 4.663066827551968 52.13482715725443484)))</t>
  </si>
  <si>
    <t>MultiPolygon (((4.66246172378590362 52.13951883224635253, 4.66599884109013718 52.14004131387878971, 4.67341788362968913 52.13948231574701708, 4.67209022154654097 52.13713948079455207, 4.6691447055295594 52.13575990979395414, 4.663066827551968 52.13482715725443484, 4.66246172378590362 52.13951883224635253, 4.66246172378590362 52.13951883224635253)))</t>
  </si>
  <si>
    <t>MultiPolygon (((4.66528862862571714 52.11720874188271324, 4.66881278201124861 52.11797978582767144, 4.67376448504987074 52.11748592379076683, 4.67238569003937787 52.11451474973807052, 4.66528862862571714 52.11720874188271324, 4.66528862862571714 52.11720874188271324)))</t>
  </si>
  <si>
    <t>MultiPolygon (((4.66206483775002045 52.12005442865731197, 4.6654582850326074 52.12175451828045425, 4.67431199089976879 52.11915131832683556, 4.67376448504987074 52.11748592379076683, 4.66881278201124861 52.11797978582767144, 4.66528862862571714 52.11720874188271324, 4.66528418184308435 52.11720617546414758, 4.66206483775002045 52.12005442865731197, 4.66206483775002045 52.12005442865731197)))</t>
  </si>
  <si>
    <t>MultiPolygon (((4.65717245003599611 52.12484371833951258, 4.66283705126863346 52.12556891374102008, 4.66375918200864614 52.12323212205285472, 4.6654582850326074 52.12175451828045425, 4.66206483775002045 52.12005442865731197, 4.66182313941580606 52.12029067792733628, 4.65717245003599611 52.12484371833951258, 4.65717245003599611 52.12484371833951258)))</t>
  </si>
  <si>
    <t>MultiPolygon (((4.6578221754859479 52.1290137501538382, 4.66268033299532281 52.12879875115154249, 4.66283705126863346 52.12556891374102008, 4.65717245003599611 52.12484371833951258, 4.6534419785874972 52.12795729391532973, 4.6578221754859479 52.1290137501538382, 4.6578221754859479 52.1290137501538382)))</t>
  </si>
  <si>
    <t>MultiPolygon (((4.6564760011561086 52.13447722937581119, 4.663066827551968 52.13482715725443484, 4.66289746722469101 52.13046246513082593, 4.66268033299532281 52.12879875115154249, 4.6578221754859479 52.1290137501538382, 4.6564760011561086 52.13447722937581119, 4.6564760011561086 52.13447722937581119)))</t>
  </si>
  <si>
    <t>MultiPolygon (((4.65717611662034159 52.14188886397143108, 4.66049888299965875 52.14112397354670492, 4.66246172378590362 52.13951883224635253, 4.663066827551968 52.13482715725443484, 4.6564760011561086 52.13447722937581119, 4.65717611662034159 52.14188886397143108, 4.65717611662034159 52.14188886397143108)))</t>
  </si>
  <si>
    <t>MultiPolygon (((4.65159506002202239 52.13446855896408039, 4.6564760011561086 52.13447722937581119, 4.6578221754859479 52.1290137501538382, 4.6534419785874972 52.12795729391532973, 4.65140672231453589 52.12895587482974236, 4.65041152028671956 52.12932882078684571, 4.65120550761904017 52.13392133009339346, 4.65159506002202239 52.13446855896408039, 4.65159506002202239 52.13446855896408039)))</t>
  </si>
  <si>
    <t>MultiPolygon (((4.64500958330714564 52.13036543262060007, 4.64399398300716193 52.13394004290593386, 4.65120550761904017 52.13392133009339346, 4.65041152028671956 52.12932882078684571, 4.64500958330714564 52.13036543262060007, 4.64500958330714564 52.13036543262060007)))</t>
  </si>
  <si>
    <t>MultiPolygon (((4.64883274852199424 52.14234336598089214, 4.65091423740912546 52.14253605059833063, 4.65717611662034159 52.14188886397143108, 4.6564760011561086 52.13447722937581119, 4.65159506002202239 52.13446855896408039, 4.65153383742874471 52.13904646038395185, 4.64883274852199424 52.14234336598089214, 4.64883274852199424 52.14234336598089214)))</t>
  </si>
  <si>
    <t>MultiPolygon (((4.64736483843060366 52.14210431031921189, 4.64883274852199424 52.14234336598089214, 4.65153383742874471 52.13904646038395185, 4.65159506002202239 52.13446855896408039, 4.65120550761904017 52.13392133009339346, 4.64399398300716193 52.13394004290593386, 4.64500958330714564 52.13036543262060007, 4.63668851547278571 52.12981268168656612, 4.63045689466356247 52.13918074030209482, 4.64736483843060366 52.14210431031921189, 4.64736483843060366 52.14210431031921189)))</t>
  </si>
  <si>
    <t>MultiPolygon (((4.6286950887968894 52.13862109473595297, 4.63045689466356247 52.13918074030209482, 4.63668851547278571 52.12981268168656612, 4.62863030431519196 52.12886810247641023, 4.62680668295102748 52.13151675218481529, 4.62424739732500534 52.13161681620341881, 4.62500154502911887 52.13012905785434015, 4.62400827102427137 52.12993486567231827, 4.62207925029073596 52.13307919264842383, 4.62534954261008302 52.13649858983418284, 4.6286950887968894 52.13862109473595297, 4.6286950887968894 52.13862109473595297)))</t>
  </si>
  <si>
    <t>MultiPolygon (((4.70403405426013155 52.14464456093735834, 4.69234988623865767 52.13631179910664315, 4.68894638377947892 52.13362702732152343, 4.68003063262248897 52.13826018019762643, 4.6829186366604425 52.14165970946942963, 4.68247356751126453 52.14322605323459925, 4.68512189689482739 52.14308506968454537, 4.68687487764068322 52.14205320223269524, 4.68962681278109805 52.14312636229318798, 4.6893760950217187 52.14538999966741528, 4.68988264708436997 52.14964577084474939, 4.69129392663092304 52.14992966876464919, 4.69589165842582101 52.15176530511855901, 4.69973794232796482 52.15706557620568162, 4.70567269334013094 52.15215660231142891, 4.70545450622149453 52.15059234416568046, 4.7041649994018373 52.14809747995865052, 4.70403405426013155 52.14464456093735834, 4.70403405426013155 52.14464456093735834)))</t>
  </si>
  <si>
    <t>MultiPolygon (((4.67603384284236334 52.14325902419243164, 4.68247356751126453 52.14322605323459925, 4.6829186366604425 52.14165970946942963, 4.68003063262248897 52.13826018019762643, 4.67363023060164373 52.13944546428601967, 4.67433057785289119 52.14111213381044507, 4.67603384284236334 52.14325902419243164, 4.67603384284236334 52.14325902419243164)))</t>
  </si>
  <si>
    <t>MultiPolygon (((4.68229825066057348 52.14725197459236483, 4.68768898862732009 52.14733629080552646, 4.68778210364613379 52.14531089633128147, 4.6893760950217187 52.14538999966741528, 4.68962681278109805 52.14312636229318798, 4.68687487764068322 52.14205320223269524, 4.68512189689482739 52.14308506968454537, 4.68247356751126453 52.14322605323459925, 4.68229825066057348 52.14725197459236483, 4.68229825066057348 52.14725197459236483)))</t>
  </si>
  <si>
    <t>MultiPolygon (((4.68227048087456232 52.14754612121615907, 4.68988264708436997 52.14964577084474939, 4.6893760950217187 52.14538999966741528, 4.68778210364613379 52.14531089633128147, 4.68768898862732009 52.14733629080552646, 4.68229825066057348 52.14725197459236483, 4.68227048087456232 52.14754612121615907, 4.68227048087456232 52.14754612121615907)))</t>
  </si>
  <si>
    <t>MultiPolygon (((4.68227048087456232 52.14754612121615907, 4.68229825066057348 52.14725197459236483, 4.68247356751126453 52.14322605323459925, 4.67603384284236334 52.14325902419243164, 4.67731037839119512 52.14517109928299732, 4.67760987549379692 52.14673878763292691, 4.68227048087456232 52.14754612121615907, 4.68227048087456232 52.14754612121615907)))</t>
  </si>
  <si>
    <t>MultiPolygon (((4.68294362377891016 52.15272805886981899, 4.69129392663092304 52.14992966876464919, 4.68988264708436997 52.14964577084474939, 4.68227048087456232 52.14754612121615907, 4.67760987549379692 52.14673878763292691, 4.67700985219351573 52.14976537347842367, 4.68020556525009557 52.15162497154904031, 4.68244768715320525 52.15196509515268275, 4.68294362377891016 52.15272805886981899, 4.68294362377891016 52.15272805886981899)))</t>
  </si>
  <si>
    <t>MultiPolygon (((4.6738625507419238 52.15447445618489297, 4.68294362377891016 52.15272805886981899, 4.68244768715320525 52.15196509515268275, 4.68020556525009557 52.15162497154904031, 4.67700985219351573 52.14976537347842367, 4.67194454398117465 52.15164554370605288, 4.6738625507419238 52.15447445618489297, 4.6738625507419238 52.15447445618489297)))</t>
  </si>
  <si>
    <t>MultiPolygon (((4.66244378840188745 52.14249182409518113, 4.6622624381178408 52.14336416621677728, 4.67433057785289119 52.14111213381044507, 4.67363023060164373 52.13944546428601967, 4.67341788362968913 52.13948231574701708, 4.66599884109013718 52.14004131387878971, 4.66244378840188745 52.14249182409518113, 4.66244378840188745 52.14249182409518113)))</t>
  </si>
  <si>
    <t>MultiPolygon (((4.6622624381178408 52.14336416621677728, 4.66317770427866929 52.14532141739277193, 4.67603384284236334 52.14325902419243164, 4.67433057785289119 52.14111213381044507, 4.6622624381178408 52.14336416621677728, 4.6622624381178408 52.14336416621677728)))</t>
  </si>
  <si>
    <t>MultiPolygon (((4.65822285685222148 52.14593011017733204, 4.66317770427866929 52.14532141739277193, 4.6622624381178408 52.14336416621677728, 4.66244378840188745 52.14249182409518113, 4.65742390144585361 52.14275510774631783, 4.65822285685222148 52.14593011017733204, 4.65822285685222148 52.14593011017733204)))</t>
  </si>
  <si>
    <t>MultiPolygon (((4.66317770427866929 52.14532141739277193, 4.66393854480763448 52.14717085158186904, 4.67731037839119512 52.14517109928299732, 4.67603384284236334 52.14325902419243164, 4.66317770427866929 52.14532141739277193, 4.66317770427866929 52.14532141739277193)))</t>
  </si>
  <si>
    <t>MultiPolygon (((4.66477264050113583 52.14881090788964713, 4.66936135773380379 52.14793783402642191, 4.67760987549379692 52.14673878763292691, 4.67731037839119512 52.14517109928299732, 4.66393854480763448 52.14717085158186904, 4.66477264050113583 52.14881090788964713, 4.66477264050113583 52.14881090788964713)))</t>
  </si>
  <si>
    <t>MultiPolygon (((4.65890222578322177 52.1500740328578587, 4.66232322768370633 52.1492920206191144, 4.66477264050113583 52.14881090788964713, 4.66393854480763448 52.14717085158186904, 4.66317770427866929 52.14532141739277193, 4.65822285685222148 52.14593011017733204, 4.65890222578322177 52.1500740328578587, 4.65890222578322177 52.1500740328578587)))</t>
  </si>
  <si>
    <t>MultiPolygon (((4.67142667556082625 52.15090228977391718, 4.67194454398117465 52.15164554370605288, 4.67700985219351573 52.14976537347842367, 4.67760987549379692 52.14673878763292691, 4.66936135773380379 52.14793783402642191, 4.67142667556082625 52.15090228977391718, 4.67142667556082625 52.15090228977391718)))</t>
  </si>
  <si>
    <t>MultiPolygon (((4.66310690739496447 52.15222738807812419, 4.67142667556082625 52.15090228977391718, 4.66936135773380379 52.14793783402642191, 4.66477264050113583 52.14881090788964713, 4.66232322768370633 52.1492920206191144, 4.66310690739496447 52.15222738807812419, 4.66310690739496447 52.15222738807812419)))</t>
  </si>
  <si>
    <t>MultiPolygon (((4.66552097746801309 52.15572147788824253, 4.6738625507419238 52.15447445618489297, 4.67194454398117465 52.15164554370605288, 4.67142667556082625 52.15090228977391718, 4.66310690739496447 52.15222738807812419, 4.66347973543126404 52.15360744570011775, 4.66490036398857111 52.15346151262423291, 4.66552097746801309 52.15572147788824253, 4.66552097746801309 52.15572147788824253)))</t>
  </si>
  <si>
    <t>MultiPolygon (((4.66346047378056383 52.15602941005010962, 4.66552097746801309 52.15572147788824253, 4.66490036398857111 52.15346151262423291, 4.66347973543126404 52.15360744570011775, 4.66310690739496447 52.15222738807812419, 4.66232322768370633 52.1492920206191144, 4.65890222578322177 52.1500740328578587, 4.66056281094292579 52.15506523032684072, 4.66081403691805907 52.1556364340775076, 4.6633073381991581 52.15544205633848662, 4.66346047378056383 52.15602941005010962, 4.66346047378056383 52.15602941005010962)))</t>
  </si>
  <si>
    <t>MultiPolygon (((4.69589165842582101 52.15176530511855901, 4.69129392663092304 52.14992966876464919, 4.68294362377891016 52.15272805886981899, 4.6738625507419238 52.15447445618489297, 4.66552097746801309 52.15572147788824253, 4.66346047378056383 52.15602941005010962, 4.66359177703628003 52.15653000455878896, 4.66533569346345534 52.16243344780632896, 4.67984109532208237 52.16274542313811935, 4.68120937173490326 52.16750422751823635, 4.69822987285889315 52.15835954016694131, 4.69973794232796482 52.15706557620568162, 4.69589165842582101 52.15176530511855901, 4.69589165842582101 52.15176530511855901)))</t>
  </si>
  <si>
    <t>MultiPolygon (((4.65742390144585361 52.14275510774631783, 4.66244378840188745 52.14249182409518113, 4.66599884109013718 52.14004131387878971, 4.66246172378590362 52.13951883224635253, 4.66049888299965875 52.14112397354670492, 4.65717611662034159 52.14188886397143108, 4.65742390144585361 52.14275510774631783, 4.65742390144585361 52.14275510774631783)))</t>
  </si>
  <si>
    <t>MultiPolygon (((4.65076546721327855 52.14540646785607692, 4.65822285685222148 52.14593011017733204, 4.65742390144585361 52.14275510774631783, 4.65717611662034159 52.14188886397143108, 4.65091423740912546 52.14253605059833063, 4.65076546721327855 52.14540646785607692, 4.65076546721327855 52.14540646785607692)))</t>
  </si>
  <si>
    <t>MultiPolygon (((4.64669161128566621 52.14558876455873815, 4.65076546721327855 52.14540646785607692, 4.65091423740912546 52.14253605059833063, 4.64883274852199424 52.14234336598089214, 4.64736483843060366 52.14210431031921189, 4.64669161128566621 52.14558876455873815, 4.64669161128566621 52.14558876455873815)))</t>
  </si>
  <si>
    <t>MultiPolygon (((4.6513242318878909 52.15183413361777554, 4.65251598554623413 52.15156061804702148, 4.65890222578322177 52.1500740328578587, 4.65822285685222148 52.14593011017733204, 4.65076546721327855 52.14540646785607692, 4.6513242318878909 52.15183413361777554, 4.6513242318878909 52.15183413361777554)))</t>
  </si>
  <si>
    <t>MultiPolygon (((4.64412273442154522 52.15367647654523608, 4.64946899249724499 52.15252919908234475, 4.6513242318878909 52.15183413361777554, 4.65076546721327855 52.14540646785607692, 4.64669161128566621 52.14558876455873815, 4.64412273442154522 52.15367647654523608, 4.64412273442154522 52.15367647654523608)))</t>
  </si>
  <si>
    <t>MultiPolygon (((4.65503430753337355 52.15601079527981909, 4.66056281094292579 52.15506523032684072, 4.65890222578322177 52.1500740328578587, 4.65251598554623413 52.15156061804702148, 4.65503430753337355 52.15601079527981909, 4.65503430753337355 52.15601079527981909)))</t>
  </si>
  <si>
    <t>MultiPolygon (((4.65068098354367088 52.15645433692991872, 4.65503430753337355 52.15601079527981909, 4.65251598554623413 52.15156061804702148, 4.6513242318878909 52.15183413361777554, 4.64946899249724499 52.15252919908234475, 4.65068098354367088 52.15645433692991872, 4.65068098354367088 52.15645433692991872)))</t>
  </si>
  <si>
    <t>MultiPolygon (((4.64257674810493715 52.15839925988127845, 4.64810734158079608 52.15817061189213177, 4.65068098354367088 52.15645433692991872, 4.64946899249724499 52.15252919908234475, 4.64412273442154522 52.15367647654523608, 4.64257674810493715 52.15839925988127845, 4.64257674810493715 52.15839925988127845)))</t>
  </si>
  <si>
    <t>MultiPolygon (((4.65068098354367088 52.15645433692991872, 4.64810734158079608 52.15817061189213177, 4.66359177703628003 52.15653000455878896, 4.66346047378056383 52.15602941005010962, 4.6633073381991581 52.15544205633848662, 4.66081403691805907 52.1556364340775076, 4.66056281094292579 52.15506523032684072, 4.65503430753337355 52.15601079527981909, 4.65068098354367088 52.15645433692991872, 4.65068098354367088 52.15645433692991872)))</t>
  </si>
  <si>
    <t>MultiPolygon (((4.66533569346345534 52.16243344780632896, 4.66359177703628003 52.15653000455878896, 4.64810734158079608 52.15817061189213177, 4.64257674810493715 52.15839925988127845, 4.64148542184326818 52.16181552655950782, 4.64551662980351221 52.16200753545533075, 4.66533569346345534 52.16243344780632896, 4.66533569346345534 52.16243344780632896)))</t>
  </si>
  <si>
    <t>MultiPolygon (((4.63984582947287105 52.16160635538837198, 4.64148542184326818 52.16181552655950782, 4.64257674810493715 52.15839925988127845, 4.64412273442154522 52.15367647654523608, 4.64669161128566621 52.14558876455873815, 4.64736483843060366 52.14210431031921189, 4.63045689466356247 52.13918074030209482, 4.6286950887968894 52.13862109473595297, 4.62229064886477481 52.14168331127351053, 4.61944474385330217 52.14233114426416904, 4.61848627003347723 52.14865722936049508, 4.62024511742581456 52.15721589161656624, 4.61903216298896613 52.15870800333563295, 4.63984582947287105 52.16160635538837198, 4.63984582947287105 52.16160635538837198)))</t>
  </si>
  <si>
    <t>MultiPolygon (((4.67497603829482866 51.86038085904480255, 4.67780345859661306 51.85957442615985258, 4.68126314008236566 51.85892143958164979, 4.68126411783636609 51.85891240920403789, 4.68151196127485303 51.85774355043032813, 4.68310945905003617 51.84892002224714247, 4.67710895652844982 51.85233384867429862, 4.67497603829482866 51.86038085904480255, 4.67497603829482866 51.86038085904480255)))</t>
  </si>
  <si>
    <t>MultiPolygon (((4.69081657015633091 51.86730544107825125, 4.69043893123746436 51.86684704802038226, 4.68767372139974192 51.86676123730893551, 4.68598818108878401 51.86593220772905966, 4.68239716358980917 51.86060425975286847, 4.68070889561120485 51.85963856389817295, 4.68126314008236566 51.85892143958164979, 4.67780345859661306 51.85957442615985258, 4.67731130705745191 51.86452017748388243, 4.67637115247133384 51.86525618468618148, 4.6746803514130093 51.86506983797010406, 4.67390353254922708 51.86537624917898626, 4.6792401254923579 51.8680452164973218, 4.69081657015633091 51.86730544107825125, 4.69081657015633091 51.86730544107825125)))</t>
  </si>
  <si>
    <t>MultiPolygon (((4.70023970387127488 51.87970988049823973, 4.69081657015633091 51.86730544107825125, 4.6792401254923579 51.8680452164973218, 4.67390353254922708 51.86537624917898626, 4.67331952770890702 51.86762680158258831, 4.67315886179901163 51.87174869723605042, 4.67291403452761234 51.87479193902338181, 4.677884468008779 51.8753004045052819, 4.68783416207902892 51.87871776930579415, 4.69726800313579052 51.87985728889461257, 4.70023970387127488 51.87970988049823973, 4.70023970387127488 51.87970988049823973)))</t>
  </si>
  <si>
    <t>MultiPolygon (((4.6644387619950578 51.87494835362036838, 4.66856041093491658 51.87507257934198179, 4.67291403452761234 51.87479193902338181, 4.67315886179901163 51.87174869723605042, 4.66934138824849487 51.87206283591722666, 4.66305471483291001 51.87290873529195068, 4.65911605472463108 51.87286532355578572, 4.65611124492791628 51.87376282489590551, 4.65172112070792476 51.87336963555368641, 4.65017866302084126 51.87217001621708334, 4.64771448903142836 51.87298291144955442, 4.63811980777352417 51.87584064315829124, 4.63707557549540628 51.87629445006213302, 4.64213830183482035 51.88019967247137032, 4.6644387619950578 51.87494835362036838)))</t>
  </si>
  <si>
    <t>MultiPolygon (((4.67260618784614046 51.83865032875190337, 4.67017300512585276 51.84214926236848697, 4.66336753021166395 51.84753234702282754, 4.65820022572420456 51.8516303560475933, 4.65310785763172419 51.85769615885804029, 4.66014845428970226 51.85800534811668427, 4.66070369659306749 51.85801624585856473, 4.66668993182694258 51.85504363968254893, 4.67302809360690308 51.84730322976380279, 4.68047469371793401 51.84460769507244748, 4.67260618784614046 51.83865032875190337)))</t>
  </si>
  <si>
    <t>MultiPolygon (((4.68047469371793401 51.84460769507244748, 4.67302809360690308 51.84730322976380279, 4.66668993182694258 51.85504363968254893, 4.67092685707535882 51.85317221201215432, 4.67338807140998558 51.85085263625846608, 4.67608557522905954 51.84958004395728892, 4.67907412269283896 51.84948313069911308, 4.68134889403943255 51.84867813774095424, 4.68191135302335404 51.84844066733641199, 4.68047469371793401 51.84460769507244748)))</t>
  </si>
  <si>
    <t>MultiPolygon (((4.67497603829482866 51.86038085904480255, 4.67710895652844982 51.85233384867429862, 4.68310945905003617 51.84892002224714247, 4.6831906708754607 51.84849145425308592, 4.68182675102145485 51.84909326372632421, 4.68134889403943255 51.84867813774095424, 4.67907412269283896 51.84948313069911308, 4.67608557522905954 51.84958004395728892, 4.67338807140998558 51.85085263625846608, 4.67092685707535882 51.85317221201215432, 4.66668993182694258 51.85504363968254893, 4.66070369659306749 51.85801624585856473, 4.66273892396333345 51.85798816071269357, 4.66445400183176329 51.8594402738692537, 4.66889621871873306 51.86039523570611465, 4.67497603829482866 51.86038085904480255, 4.67497603829482866 51.86038085904480255)))</t>
  </si>
  <si>
    <t>MultiPolygon (((4.66549225255853628 51.86740960431615122, 4.66588053986832119 51.86785522826647821, 4.66828641632007013 51.8662229281903322, 4.66683791110083757 51.86442400418675192, 4.66404096861794493 51.86565201680168968, 4.66549225255853628 51.86740960431615122, 4.66549225255853628 51.86740960431615122)))</t>
  </si>
  <si>
    <t>MultiPolygon (((4.67100782334381037 51.8622259513923396, 4.6746803514130093 51.86506983797010406, 4.67637115247133384 51.86525618468618148, 4.67731130705745191 51.86452017748388243, 4.67780345859661306 51.85957442615985258, 4.67497603829482866 51.86038085904480255, 4.674632291954115 51.86176795585872412, 4.67100782334381037 51.8622259513923396, 4.67100782334381037 51.8622259513923396)))</t>
  </si>
  <si>
    <t>MultiPolygon (((4.66588053986832119 51.86785522826647821, 4.6663037979652362 51.86837423556418969, 4.6687739950660232 51.86745602638227126, 4.67331952770890702 51.86762680158258831, 4.67390353254922708 51.86537624917898626, 4.6746803514130093 51.86506983797010406, 4.67100782334381037 51.8622259513923396, 4.66683791110083757 51.86442400418675192, 4.66828641632007013 51.8662229281903322, 4.66588053986832119 51.86785522826647821, 4.66588053986832119 51.86785522826647821)))</t>
  </si>
  <si>
    <t>MultiPolygon (((4.66934138824849487 51.87206283591722666, 4.67315886179901163 51.87174869723605042, 4.67331952770890702 51.86762680158258831, 4.6687739950660232 51.86745602638227126, 4.6663037979652362 51.86837423556418969, 4.66840504273685752 51.87096026532573489, 4.66934138824849487 51.87206283591722666, 4.66934138824849487 51.87206283591722666)))</t>
  </si>
  <si>
    <t>MultiPolygon (((4.65164524274689839 51.87175115575017514, 4.65747284263189698 51.8700238240822884, 4.65493019338616687 51.86687413098101018, 4.65348951559096413 51.86738960666017562, 4.64888937577512795 51.86948540648266004, 4.65164524274689839 51.87175115575017514, 4.65164524274689839 51.87175115575017514)))</t>
  </si>
  <si>
    <t>MultiPolygon (((4.65747284263189698 51.8700238240822884, 4.66148994382393944 51.8703609854673573, 4.66248596374941826 51.86861911119262203, 4.66016577403676457 51.86717439549441622, 4.66096412291997897 51.86670474072724346, 4.65938053085250203 51.8650422497635688, 4.65828660866286448 51.86549796646591659, 4.65493019338616687 51.86687413098101018, 4.65747284263189698 51.8700238240822884, 4.65747284263189698 51.8700238240822884)))</t>
  </si>
  <si>
    <t>MultiPolygon (((4.66248596374941826 51.86861911119262203, 4.66549225255853628 51.86740960431615122, 4.66404096861794493 51.86565201680168968, 4.66245337604177834 51.86403045718171967, 4.65938053085250203 51.8650422497635688, 4.66096412291997897 51.86670474072724346, 4.66016577403676457 51.86717439549441622, 4.66248596374941826 51.86861911119262203, 4.66248596374941826 51.86861911119262203)))</t>
  </si>
  <si>
    <t>MultiPolygon (((4.66148994382393944 51.8703609854673573, 4.66840504273685752 51.87096026532573489, 4.6663037979652362 51.86837423556418969, 4.66588053986832119 51.86785522826647821, 4.66549225255853628 51.86740960431615122, 4.66248596374941826 51.86861911119262203, 4.66148994382393944 51.8703609854673573, 4.66148994382393944 51.8703609854673573)))</t>
  </si>
  <si>
    <t>MultiPolygon (((4.66305471483291001 51.87290873529195068, 4.66934138824849487 51.87206283591722666, 4.66840504273685752 51.87096026532573489, 4.66148994382393944 51.8703609854673573, 4.66305471483291001 51.87290873529195068, 4.66305471483291001 51.87290873529195068)))</t>
  </si>
  <si>
    <t>MultiPolygon (((4.65911605472463108 51.87286532355578572, 4.66305471483291001 51.87290873529195068, 4.66148994382393944 51.8703609854673573, 4.65747284263189698 51.8700238240822884, 4.65911605472463108 51.87286532355578572, 4.65911605472463108 51.87286532355578572)))</t>
  </si>
  <si>
    <t>MultiPolygon (((4.65017866302084126 51.87217001621708334, 4.65172112070792476 51.87336963555368641, 4.65611124492791628 51.87376282489590551, 4.65911605472463108 51.87286532355578572, 4.65747284263189698 51.8700238240822884, 4.65164524274689839 51.87175115575017514, 4.65017866302084126 51.87217001621708334, 4.65017866302084126 51.87217001621708334)))</t>
  </si>
  <si>
    <t>MultiPolygon (((4.63711158543853674 51.87420558463352194, 4.64133183461360499 51.87269346321473051, 4.63937413728741799 51.8701931288488467, 4.63530866232013938 51.8735310162404204, 4.63601901827934082 51.8744881032895151, 4.63711158543853674 51.87420558463352194, 4.63711158543853674 51.87420558463352194)))</t>
  </si>
  <si>
    <t>MultiPolygon (((4.64133183461360499 51.87269346321473051, 4.64553285449474629 51.87127279776451871, 4.64547930021843758 51.87045396999475599, 4.64259370045541875 51.86842931737053419, 4.63937413728741799 51.8701931288488467, 4.64133183461360499 51.87269346321473051, 4.64133183461360499 51.87269346321473051)))</t>
  </si>
  <si>
    <t>MultiPolygon (((4.64547930021843758 51.87045396999475599, 4.64888937577512795 51.86948540648266004, 4.65348951559096413 51.86738960666017562, 4.65102318131046921 51.86563024319884363, 4.64732174565409384 51.86517249009795449, 4.64259370045541875 51.86842931737053419, 4.64547930021843758 51.87045396999475599, 4.64547930021843758 51.87045396999475599)))</t>
  </si>
  <si>
    <t>MultiPolygon (((4.64771448903142836 51.87298291144955442, 4.65017866302084126 51.87217001621708334, 4.65164524274689839 51.87175115575017514, 4.64888937577512795 51.86948540648266004, 4.64547930021843758 51.87045396999475599, 4.64553285449474629 51.87127279776451871, 4.64771448903142836 51.87298291144955442, 4.64771448903142836 51.87298291144955442)))</t>
  </si>
  <si>
    <t>MultiPolygon (((4.63711158543853674 51.87420558463352194, 4.63811980777352417 51.87584064315829124, 4.64771448903142836 51.87298291144955442, 4.64553285449474629 51.87127279776451871, 4.64133183461360499 51.87269346321473051, 4.63711158543853674 51.87420558463352194, 4.63711158543853674 51.87420558463352194)))</t>
  </si>
  <si>
    <t>MultiPolygon (((4.629396931202999 51.88083691730098224, 4.63707557549540628 51.87629445006213302, 4.63811980777352417 51.87584064315829124, 4.63711158543853674 51.87420558463352194, 4.63601901827934082 51.8744881032895151, 4.63530866232013938 51.8735310162404204, 4.63937413728741799 51.8701931288488467, 4.64259370045541875 51.86842931737053419, 4.64732174565409384 51.86517249009795449, 4.64568462938474802 51.86424256370561636, 4.63526095854366904 51.86971115520300657, 4.62639105403403139 51.88065776310207156, 4.6282357306198163 51.8807999138857241, 4.62877466363331624 51.88121215274075126, 4.629396931202999 51.88083691730098224, 4.629396931202999 51.88083691730098224)))</t>
  </si>
  <si>
    <t>MultiPolygon (((4.64783137183664419 51.86267262438555292, 4.65046429513316095 51.86444544062479878, 4.65691739863106235 51.86237180553690962, 4.66013433989894743 51.86157726681356905, 4.66009299402528665 51.8604699737424184, 4.66014845428970226 51.85800534811668427, 4.65310785763172419 51.85769615885804029, 4.64783137183664419 51.86267262438555292, 4.64783137183664419 51.86267262438555292)))</t>
  </si>
  <si>
    <t>MultiPolygon (((4.66009299402528665 51.8604699737424184, 4.66698491183391528 51.86085891394122172, 4.67100782334381037 51.8622259513923396, 4.674632291954115 51.86176795585872412, 4.67497603829482866 51.86038085904480255, 4.66889621871873306 51.86039523570611465, 4.66445400183176329 51.8594402738692537, 4.66273892396333345 51.85798816071269357, 4.66070369659306749 51.85801624585856473, 4.66014845428970226 51.85800534811668427, 4.66009299402528665 51.8604699737424184, 4.66009299402528665 51.8604699737424184)))</t>
  </si>
  <si>
    <t>MultiPolygon (((4.66404096861794493 51.86565201680168968, 4.66683791110083757 51.86442400418675192, 4.67100782334381037 51.8622259513923396, 4.66698491183391528 51.86085891394122172, 4.66009299402528665 51.8604699737424184, 4.66013433989894743 51.86157726681356905, 4.66245337604177834 51.86403045718171967, 4.66404096861794493 51.86565201680168968, 4.66404096861794493 51.86565201680168968)))</t>
  </si>
  <si>
    <t>MultiPolygon (((4.65828660866286448 51.86549796646591659, 4.65938053085250203 51.8650422497635688, 4.66245337604177834 51.86403045718171967, 4.66013433989894743 51.86157726681356905, 4.65691739863106235 51.86237180553690962, 4.65828660866286448 51.86549796646591659, 4.65828660866286448 51.86549796646591659)))</t>
  </si>
  <si>
    <t>MultiPolygon (((4.65348951559096413 51.86738960666017562, 4.65493019338616687 51.86687413098101018, 4.65828660866286448 51.86549796646591659, 4.65691739863106235 51.86237180553690962, 4.65046429513316095 51.86444544062479878, 4.64783137183664419 51.86267262438555292, 4.64568462938474802 51.86424256370561636, 4.64732174565409384 51.86517249009795449, 4.65102318131046921 51.86563024319884363, 4.65348951559096413 51.86738960666017562, 4.65348951559096413 51.86738960666017562)))</t>
  </si>
  <si>
    <t>MultiPolygon (((4.77100159866768525 52.48555091219348867, 4.78125559770842745 52.48714377627960914, 4.78223285415824861 52.48639176890077351, 4.78383109288284114 52.48400286253015423, 4.78500537053322628 52.47892882075510812, 4.78249797594380244 52.47832515537674425, 4.78357353913198935 52.47561495700006873, 4.7864178453425783 52.46974141414617776, 4.77576992124642707 52.47263551376334334, 4.77193729500264396 52.4720390562416199, 4.76852167600759369 52.47226924458909991, 4.77100159866768525 52.48555091219348867, 4.77100159866768525 52.48555091219348867)))</t>
  </si>
  <si>
    <t>MultiPolygon (((4.76852167600759369 52.47226924458909991, 4.77193729500264396 52.4720390562416199, 4.77576992124642707 52.47263551376334334, 4.7864178453425783 52.46974141414617776, 4.78735084795986321 52.46712902896282316, 4.78809287680765649 52.46401459449878502, 4.78241091296145804 52.46324214092181393, 4.76921638941069048 52.461312705138198, 4.76338003641936414 52.46119451265635547, 4.76503588263998079 52.46453275171838726, 4.76852167600759369 52.47226924458909991, 4.76852167600759369 52.47226924458909991)))</t>
  </si>
  <si>
    <t>MultiPolygon (((4.76338003641936414 52.46119451265635547, 4.76921638941069048 52.461312705138198, 4.78241091296145804 52.46324214092181393, 4.78590141114052781 52.45294982756107061, 4.78916937106112339 52.44440267906732345, 4.76630365316760951 52.44151157918027906, 4.76957785690690894 52.43528471683428194, 4.76431681966062825 52.4380903069190083, 4.75830726442080021 52.43974194591464055, 4.75364677837060512 52.43980986017785995, 4.75739523661075392 52.4506753876664007, 4.76338003641936414 52.46119451265635547, 4.76338003641936414 52.46119451265635547)))</t>
  </si>
  <si>
    <t>MultiPolygon (((4.78916937106112339 52.44440267906732345, 4.79223945201763701 52.43638912981561617, 4.79287572885570157 52.43226138721186658, 4.79047613805483241 52.43146766283014415, 4.78648728223584996 52.43128011542427913, 4.78426523274860926 52.43014835599775836, 4.78434387695250862 52.42904041404799642, 4.77479986109686916 52.43161233858690196, 4.77610320344165018 52.43566487644786633, 4.76957785690690894 52.43528471683428194, 4.76630365316760951 52.44151157918027906, 4.78916937106112339 52.44440267906732345, 4.78916937106112339 52.44440267906732345)))</t>
  </si>
  <si>
    <t>MultiPolygon (((4.75364677837060512 52.43980986017785995, 4.75830726442080021 52.43974194591464055, 4.76431681966062825 52.4380903069190083, 4.76957785690690894 52.43528471683428194, 4.77610320344165018 52.43566487644786633, 4.77479986109686916 52.43161233858690196, 4.78434387695250862 52.42904041404799642, 4.78348037025708539 52.42641336757431958, 4.76753787989295841 52.42849810342331551, 4.76718363635674081 52.42746813964317454, 4.75320515757331563 52.42924091087004967, 4.75008539213003278 52.42963655346252949, 4.75364677837060512 52.43980986017785995, 4.75364677837060512 52.43980986017785995)))</t>
  </si>
  <si>
    <t>MultiPolygon (((4.74377961359717659 52.48023971671272392, 4.74126071130075655 52.47906113132435024, 4.73355559576798068 52.48386742643587866, 4.72137386225431221 52.49513887378078181, 4.73157719483248584 52.49633144378292116, 4.73973950677052169 52.50162294523970274, 4.75027300522207874 52.49612028524119722, 4.75459890226833259 52.49494149767492246, 4.75797936440001656 52.49450073917923021, 4.75620232971847212 52.49330695671492464, 4.75779884796339747 52.49183583314867718, 4.75715221152124368 52.4913100488273443, 4.74377961359717659 52.48023971671272392, 4.74377961359717659 52.48023971671272392)))</t>
  </si>
  <si>
    <t>MultiPolygon (((4.75797936440001656 52.49450073917923021, 4.76058096338450731 52.49424442014859693, 4.77260172214223122 52.49310291106034754, 4.77107907827575861 52.48591952667506177, 4.76831091970533816 52.48648556000679122, 4.76198831568474379 52.49003520068096407, 4.76070662417363621 52.48927205287876774, 4.75715221152124368 52.4913100488273443, 4.75779884796339747 52.49183583314867718, 4.75620232971847212 52.49330695671492464, 4.75797936440001656 52.49450073917923021, 4.75797936440001656 52.49450073917923021)))</t>
  </si>
  <si>
    <t>MultiPolygon (((4.75715221152124368 52.4913100488273443, 4.76070662417363621 52.48927205287876774, 4.76198831568474379 52.49003520068096407, 4.76831091970533816 52.48648556000679122, 4.77107907827575861 52.48591952667506177, 4.77100159866768525 52.48555091219348867, 4.76852167600759369 52.47226924458909991, 4.76503588263998079 52.46453275171838726, 4.75373238563044875 52.47138903728589554, 4.74126071130075655 52.47906113132435024, 4.74377961359717659 52.48023971671272392, 4.75715221152124368 52.4913100488273443, 4.75715221152124368 52.4913100488273443)))</t>
  </si>
  <si>
    <t>MultiPolygon (((4.72611243616992027 52.46906506180664564, 4.72835815907000168 52.4605803055035409, 4.72408201178371367 52.4609447498575463, 4.71382587942933906 52.46360110233775487, 4.71274195560740061 52.46442234571993879, 4.70420356503090442 52.45942357768201703, 4.70467940473540835 52.45808896915293218, 4.70648024674949017 52.45685264166672823, 4.7033386339853287 52.45509567833353515, 4.70182237162476913 52.45494929343905, 4.69075853628811323 52.45609912240302464, 4.68858258468482791 52.45741719883367438, 4.68778138777897002 52.45972936850823487, 4.68453757486889888 52.46219075292052025, 4.68506935231661625 52.46255679118818449, 4.68426630190080751 52.46352103146196555, 4.69344705867296774 52.46734073577373181, 4.69781859710763161 52.47103382033127161, 4.69728015363137885 52.47200989449063968, 4.69927872829811477 52.47453268378657043, 4.69873489617597695 52.47713694442412447, 4.70072896076141511 52.48023676651393998, 4.70547202306942758 52.48185623159475455, 4.70615862231980575 52.48283945976660902, 4.70590628786578069 52.48444311149588515, 4.70796888334644326 52.48633243855487507, 4.7084450372672686 52.48862567756293629, 4.7146454263023756 52.49319503881638838, 4.72036709248590203 52.49495391256382248, 4.72137386225431221 52.49513887378078181, 4.73355559576798068 52.48386742643587866, 4.74126071130075655 52.47906113132435024, 4.72997853498859921 52.47426326969451793, 4.72615363417949119 52.47202712420207149, 4.72611243616992027 52.46906506180664564, 4.72611243616992027 52.46906506180664564)))</t>
  </si>
  <si>
    <t>MultiPolygon (((4.74126071130075655 52.47906113132435024, 4.75373238563044875 52.47138903728589554, 4.74058891840907659 52.45866734683772847, 4.73336959474852836 52.45478502454782443, 4.72835815907000168 52.4605803055035409, 4.72611243616992027 52.46906506180664564, 4.72615363417949119 52.47202712420207149, 4.72997853498859921 52.47426326969451793, 4.74126071130075655 52.47906113132435024, 4.74126071130075655 52.47906113132435024)))</t>
  </si>
  <si>
    <t>MultiPolygon (((4.76338003641936414 52.46119451265635547, 4.75739523661075392 52.4506753876664007, 4.75364677837060512 52.43980986017785995, 4.75008539213003278 52.42963655346252949, 4.73920809583993474 52.43106382971274115, 4.72198309401293947 52.43333616852789447, 4.71096571381985463 52.43619429216929007, 4.69081372651089978 52.4468769254459275, 4.67484802108523922 52.45552040778107283, 4.68299969730283827 52.46113211687653433, 4.68453757486889888 52.46219075292052025, 4.68778138777897002 52.45972936850823487, 4.68858258468482791 52.45741719883367438, 4.69075853628811323 52.45609912240302464, 4.70182237162476913 52.45494929343905, 4.7033386339853287 52.45509567833353515, 4.70648024674949017 52.45685264166672823, 4.70467940473540835 52.45808896915293218, 4.70420356503090442 52.45942357768201703, 4.71274195560740061 52.46442234571993879, 4.71382587942933906 52.46360110233775487, 4.72408201178371367 52.4609447498575463, 4.72835815907000168 52.4605803055035409, 4.73336959474852836 52.45478502454782443, 4.74058891840907659 52.45866734683772847, 4.75373238563044875 52.47138903728589554, 4.76503588263998079 52.46453275171838726, 4.76338003641936414 52.46119451265635547, 4.76338003641936414 52.46119451265635547)))</t>
  </si>
  <si>
    <t>MultiPolygon (((4.76848263392687954 52.5068626986105329, 4.77002569303720492 52.50824065343596914, 4.77067538027648652 52.5134431980111529, 4.7762819650715258 52.5135084836617736, 4.77674016277838387 52.50517575200712628, 4.76881415764502314 52.50677023932868082, 4.76848263392687954 52.5068626986105329, 4.76848263392687954 52.5068626986105329)))</t>
  </si>
  <si>
    <t>MultiPolygon (((4.76122765704560358 52.51855380425712383, 4.76361944837543305 52.51970718149582495, 4.76702692054584265 52.518866415151642, 4.76720320434540046 52.5197519240031454, 4.77556580915708562 52.51942158415243966, 4.7762819650715258 52.5135084836617736, 4.77067538027648652 52.5134431980111529, 4.77002569303720492 52.50824065343596914, 4.76848263392687954 52.5068626986105329, 4.76450071146320919 52.50797312188793597, 4.75225374382805832 52.51107955126768445, 4.748458849630107 52.51498202971286133, 4.74814252556866201 52.51705499070588701, 4.7497286872419231 52.52007465777739981, 4.75242807697536218 52.52123269902497071, 4.76122765704560358 52.51855380425712383)))</t>
  </si>
  <si>
    <t>MultiPolygon (((4.76450071146320919 52.50797312188793597, 4.75813645047713951 52.5027309991882376, 4.7461739004298229 52.50594861438316485, 4.74841042272503167 52.50766161381162789, 4.75067406660964053 52.50829092695318678, 4.75276780782711228 52.51059187875357281, 4.75225374382805832 52.51107955126768445, 4.76450071146320919 52.50797312188793597, 4.76450071146320919 52.50797312188793597)))</t>
  </si>
  <si>
    <t>MultiPolygon (((4.7461739004298229 52.50594861438316485, 4.75813645047713951 52.5027309991882376, 4.75563408955603606 52.49899352982539114, 4.75459890226833259 52.49494149767492246, 4.75027300522207874 52.49612028524119722, 4.73973950677052169 52.50162294523970274, 4.7461739004298229 52.50594861438316485, 4.7461739004298229 52.50594861438316485)))</t>
  </si>
  <si>
    <t>MultiPolygon (((4.76450071146320919 52.50797312188793597, 4.76848263392687954 52.5068626986105329, 4.76881415764502314 52.50677023932868082, 4.76875836748652393 52.504989822946456, 4.76595330759867419 52.50078046632272333, 4.75813645047713951 52.5027309991882376, 4.76450071146320919 52.50797312188793597, 4.76450071146320919 52.50797312188793597)))</t>
  </si>
  <si>
    <t>MultiPolygon (((4.75813645047713951 52.5027309991882376, 4.76595330759867419 52.50078046632272333, 4.7651622055601619 52.49988098218778987, 4.76058096338450731 52.49424442014859693, 4.75797936440001656 52.49450073917923021, 4.75459890226833259 52.49494149767492246, 4.75563408955603606 52.49899352982539114, 4.75813645047713951 52.5027309991882376, 4.75813645047713951 52.5027309991882376)))</t>
  </si>
  <si>
    <t>MultiPolygon (((4.76881415764502314 52.50677023932868082, 4.77674016277838387 52.50517575200712628, 4.77390841292120438 52.4977905611476956, 4.7651622055601619 52.49988098218778987, 4.76595330759867419 52.50078046632272333, 4.76875836748652393 52.504989822946456, 4.76881415764502314 52.50677023932868082, 4.76881415764502314 52.50677023932868082)))</t>
  </si>
  <si>
    <t>MultiPolygon (((4.7651622055601619 52.49988098218778987, 4.77390841292120438 52.4977905611476956, 4.77260172214223122 52.49310291106034754, 4.76058096338450731 52.49424442014859693, 4.7651622055601619 52.49988098218778987, 4.7651622055601619 52.49988098218778987)))</t>
  </si>
  <si>
    <t>MultiPolygon (((4.78247645770437835 52.51958096011077259, 4.7841737553573509 52.5194712232007177, 4.78381064521808597 52.51660876263681388, 4.78129940013681942 52.51161967029367617, 4.77822509057705336 52.50466942088996092, 4.77703611998166977 52.49722143861482238, 4.77455254859610978 52.49295529755175949, 4.77260172214223122 52.49310291106034754, 4.77390841292120438 52.4977905611476956, 4.77674016277838387 52.50517575200712628, 4.7762819650715258 52.5135084836617736, 4.77556580915708562 52.51942158415243966, 4.78247645770437835 52.51958096011077259, 4.78247645770437835 52.51958096011077259)))</t>
  </si>
  <si>
    <t>MultiPolygon (((4.78875614959611973 52.51110572278901856, 4.78129940013681942 52.51161967029367617, 4.78381064521808597 52.51660876263681388, 4.7841737553573509 52.5194712232007177, 4.78497155126834173 52.51941963182618878, 4.7898609197139761 52.51923588640847385, 4.78909455972096776 52.51839889462684141, 4.78875614959611973 52.51110572278901856)))</t>
  </si>
  <si>
    <t>MultiPolygon (((4.79461173577327493 52.50066059634834659, 4.78834104088387669 52.50197693671722021, 4.78437902759373124 52.50358852257828346, 4.77822509057705336 52.50466942088996092, 4.78129940013681942 52.51161967029367617, 4.78875614959611973 52.51110572278901856, 4.78975142779148833 52.50942618331929168, 4.79334561196190467 52.50700424133518851, 4.79399768550785232 52.50328743176589796, 4.79461173577327493 52.50066059634834659)))</t>
  </si>
  <si>
    <t>MultiPolygon (((4.77822509057705336 52.50466942088996092, 4.78437902759373124 52.50358852257828346, 4.78834104088387669 52.50197693671722021, 4.79461173577327493 52.50066059634834659, 4.79503315779559447 52.496031247505897, 4.79158905228232079 52.49214457144078239, 4.79235880418533444 52.49113163651710323, 4.79364344175563417 52.49088201887344241, 4.79321068087384017 52.48922108595545666, 4.77455254859610978 52.49295529755175949, 4.77703611998166977 52.49722143861482238, 4.77822509057705336 52.50466942088996092, 4.77822509057705336 52.50466942088996092)))</t>
  </si>
  <si>
    <t>MultiPolygon (((4.77260172214223122 52.49310291106034754, 4.77455254859610978 52.49295529755175949, 4.79321068087384017 52.48922108595545666, 4.7992950301770092 52.48695469533312519, 4.8017274893533104 52.48510441575545116, 4.80451281672852648 52.48034917257719911, 4.78357353913198935 52.47561495700006873, 4.78249797594380244 52.47832515537674425, 4.78500537053322628 52.47892882075510812, 4.78383109288284114 52.48400286253015423, 4.78223285415824861 52.48639176890077351, 4.78125559770842745 52.48714377627960914, 4.77100159866768525 52.48555091219348867, 4.77107907827575861 52.48591952667506177, 4.77260172214223122 52.49310291106034754, 4.77260172214223122 52.49310291106034754)))</t>
  </si>
  <si>
    <t>MultiPolygon (((4.81195424520326487 52.48182016368379976, 4.80451281672852648 52.48034917257719911, 4.8017274893533104 52.48510441575545116, 4.7992950301770092 52.48695469533312519, 4.79321068087384017 52.48922108595545666, 4.79364344175563417 52.49088201887344241, 4.7988428665292977 52.4911052583039961, 4.81156568153874176 52.4857466146343441, 4.8123648153590235 52.48396753050133157, 4.81195424520326487 52.48182016368379976, 4.81195424520326487 52.48182016368379976)))</t>
  </si>
  <si>
    <t>MultiPolygon (((4.80451281672852648 52.48034917257719911, 4.80476553055051347 52.47575000118489896, 4.79308551116236004 52.47318220036424918, 4.79316542121373335 52.47109131605540711, 4.79528531745625841 52.46967737381478258, 4.79703403284857544 52.46989150112995048, 4.79737880587238052 52.46874479947702241, 4.78735084795986321 52.46712902896282316, 4.7864178453425783 52.46974141414617776, 4.78357353913198935 52.47561495700006873, 4.80451281672852648 52.48034917257719911, 4.80451281672852648 52.48034917257719911)))</t>
  </si>
  <si>
    <t>MultiPolygon (((4.80476553055051347 52.47575000118489896, 4.80514421815242887 52.46982112931761577, 4.79737880587238052 52.46874479947702241, 4.79703403284857544 52.46989150112995048, 4.79528531745625841 52.46967737381478258, 4.79316542121373335 52.47109131605540711, 4.79308551116236004 52.47318220036424918, 4.80476553055051347 52.47575000118489896, 4.80476553055051347 52.47575000118489896)))</t>
  </si>
  <si>
    <t>MultiPolygon (((4.80451281672852648 52.48034917257719911, 4.81195424520326487 52.48182016368379976, 4.81085147865807183 52.4799942896999525, 4.81103769773183121 52.47832642926991298, 4.81602340016193864 52.47555098286500197, 4.81628179912866106 52.47474072192970596, 4.81375554209334844 52.47078106740407577, 4.80514421815242887 52.46982112931761577, 4.80476553055051347 52.47575000118489896, 4.80451281672852648 52.48034917257719911, 4.80451281672852648 52.48034917257719911)))</t>
  </si>
  <si>
    <t>MultiPolygon (((4.79737880587238052 52.46874479947702241, 4.80514421815242887 52.46982112931761577, 4.8058656692233388 52.45522154937398085, 4.78590141114052781 52.45294982756107061, 4.78241091296145804 52.46324214092181393, 4.78809287680765649 52.46401459449878502, 4.78735084795986321 52.46712902896282316, 4.79737880587238052 52.46874479947702241, 4.79737880587238052 52.46874479947702241)))</t>
  </si>
  <si>
    <t>MultiPolygon (((4.80514421815242887 52.46982112931761577, 4.81375554209334844 52.47078106740407577, 4.81530709141389313 52.46854904496595395, 4.81800863388341938 52.46647683427865871, 4.81273902657353236 52.46286573530237263, 4.8121445009740027 52.45575423770806367, 4.8058656692233388 52.45522154937398085, 4.80514421815242887 52.46982112931761577, 4.80514421815242887 52.46982112931761577)))</t>
  </si>
  <si>
    <t>MultiPolygon (((4.78590141114052781 52.45294982756107061, 4.8058656692233388 52.45522154937398085, 4.80718534833080469 52.44918219894327649, 4.80770943822206132 52.44819439987013254, 4.80831544462703153 52.44489460353315025, 4.8073555157576493 52.44302944516577014, 4.80923443510700022 52.43978962870972538, 4.80246627172618279 52.43777822457360571, 4.79223945201763701 52.43638912981561617, 4.78916937106112339 52.44440267906732345, 4.78590141114052781 52.45294982756107061, 4.78590141114052781 52.45294982756107061)))</t>
  </si>
  <si>
    <t>MultiPolygon (((4.80770943822206132 52.44819439987013254, 4.81379181043534121 52.43806200433195386, 4.81534191784856791 52.433660849896782, 4.81529871461887549 52.42898585038159354, 4.81081932626734776 52.42291010832688158, 4.80993955831353137 52.423024178006699, 4.78348037025708539 52.42641336757431958, 4.78434387695250862 52.42904041404799642, 4.78426523274860926 52.43014835599775836, 4.78648728223584996 52.43128011542427913, 4.79047613805483241 52.43146766283014415, 4.79287572885570157 52.43226138721186658, 4.79223945201763701 52.43638912981561617, 4.80246627172618279 52.43777822457360571, 4.80923443510700022 52.43978962870972538, 4.8073555157576493 52.44302944516577014, 4.80831544462703153 52.44489460353315025, 4.80770943822206132 52.44819439987013254, 4.80770943822206132 52.44819439987013254)))</t>
  </si>
  <si>
    <t>MultiPolygon (((4.8058656692233388 52.45522154937398085, 4.8121445009740027 52.45575423770806367, 4.81379395881299743 52.45412888239797411, 4.81926094927368354 52.45180540781149858, 4.81727798332942303 52.45070754573492877, 4.81150328987236175 52.44985621647127516, 4.80718534833080469 52.44918219894327649, 4.8058656692233388 52.45522154937398085, 4.8058656692233388 52.45522154937398085)))</t>
  </si>
  <si>
    <t>MultiPolygon (((4.80718534833080469 52.44918219894327649, 4.81150328987236175 52.44985621647127516, 4.81598480499682857 52.43936015499610193, 4.81379181043534121 52.43806200433195386, 4.80770943822206132 52.44819439987013254, 4.80718534833080469 52.44918219894327649, 4.80718534833080469 52.44918219894327649)))</t>
  </si>
  <si>
    <t>MultiPolygon (((4.81150328987236175 52.44985621647127516, 4.81727798332942303 52.45070754573492877, 4.81926094927368354 52.45180540781149858, 4.82089681572918849 52.45025380173726148, 4.82133064600044214 52.44519124501713492, 4.82483300332793963 52.44066404212853882, 4.81817879519740533 52.43919354313732129, 4.81598480499682857 52.43936015499610193, 4.81150328987236175 52.44985621647127516, 4.81150328987236175 52.44985621647127516)))</t>
  </si>
  <si>
    <t>MultiPolygon (((4.82483300332793963 52.44066404212853882, 4.82511754035481655 52.44031928822408872, 4.82643951212024369 52.43871746580845183, 4.82226864568282476 52.43429850786220214, 4.82312600528011259 52.43274713573035228, 4.82233861343633574 52.43200683737140366, 4.8211265826632097 52.43139021172921588, 4.81944361501474017 52.43186784440886328, 4.8176700349539745 52.4340941302435084, 4.81534191784856791 52.433660849896782, 4.81379181043534121 52.43806200433195386, 4.81598480499682857 52.43936015499610193, 4.81817879519740533 52.43919354313732129, 4.82483300332793963 52.44066404212853882, 4.82483300332793963 52.44066404212853882)))</t>
  </si>
  <si>
    <t>MultiPolygon (((4.82312600528011259 52.43274713573035228, 4.82226864568282476 52.43429850786220214, 4.82643951212024369 52.43871746580845183, 4.83194002992122051 52.43130945666482745, 4.83120243496283752 52.43096805431687812, 4.82312600528011259 52.43274713573035228, 4.82312600528011259 52.43274713573035228)))</t>
  </si>
  <si>
    <t>MultiPolygon (((4.81534191784856791 52.433660849896782, 4.8176700349539745 52.4340941302435084, 4.81944361501474017 52.43186784440886328, 4.8211265826632097 52.43139021172921588, 4.82233861343633574 52.43200683737140366, 4.82397701057992112 52.43121558149108097, 4.82711807148965377 52.42740561353431872, 4.82754983650636316 52.42348102900240292, 4.82681094599555216 52.42089544638020016, 4.81081932626734776 52.42291010832688158, 4.81529871461887549 52.42898585038159354, 4.81534191784856791 52.433660849896782, 4.81534191784856791 52.433660849896782)))</t>
  </si>
  <si>
    <t>MultiPolygon (((4.82233861343633574 52.43200683737140366, 4.82312600528011259 52.43274713573035228, 4.83120243496283752 52.43096805431687812, 4.83194002992122051 52.43130945666482745, 4.83470522630683419 52.42807640604217312, 4.84263794519026458 52.41879852377424953, 4.82772367341383379 52.42078407390450678, 4.82681094599555216 52.42089544638020016, 4.82754983650636316 52.42348102900240292, 4.82711807148965377 52.42740561353431872, 4.82397701057992112 52.43121558149108097, 4.82233861343633574 52.43200683737140366, 4.82233861343633574 52.43200683737140366)))</t>
  </si>
  <si>
    <t>MultiPolygon (((4.81195424520326487 52.48182016368379976, 4.8123648153590235 52.48396753050133157, 4.81684548215481279 52.48256093715144743, 4.83692470910342376 52.47987601874187646, 4.83754652742445757 52.47709385111424751, 4.84153616025913092 52.47302199720561333, 4.84239887235470956 52.4721107126371038, 4.82247574775102894 52.47014190890821794, 4.81530709141389313 52.46854904496595395, 4.81375554209334844 52.47078106740407577, 4.81628179912866106 52.47474072192970596, 4.81602340016193864 52.47555098286500197, 4.81103769773183121 52.47832642926991298, 4.81085147865807183 52.4799942896999525, 4.81195424520326487 52.48182016368379976, 4.81195424520326487 52.48182016368379976)))</t>
  </si>
  <si>
    <t>MultiPolygon (((4.84239887235470956 52.4721107126371038, 4.84647995109355989 52.4707243875674223, 4.85250493784779469 52.47036706622035496, 4.8485684378076801 52.45956869727294247, 4.84492442724589178 52.45648167856419519, 4.84442697628596353 52.4529214024206496, 4.84026041747400715 52.45650081626936867, 4.83225460081849789 52.46028402884266484, 4.8265460559634441 52.46140650613333634, 4.81809074313705121 52.46210345737137715, 4.81273902657353236 52.46286573530237263, 4.81800863388341938 52.46647683427865871, 4.81530709141389313 52.46854904496595395, 4.82247574775102894 52.47014190890821794, 4.84239887235470956 52.4721107126371038, 4.84239887235470956 52.4721107126371038)))</t>
  </si>
  <si>
    <t>MultiPolygon (((4.81273902657353236 52.46286573530237263, 4.81809074313705121 52.46210345737137715, 4.81834512857548347 52.45660486308189974, 4.82170763890712806 52.45405994250233306, 4.81926094927368354 52.45180540781149858, 4.81379395881299743 52.45412888239797411, 4.8121445009740027 52.45575423770806367, 4.81273902657353236 52.46286573530237263, 4.81273902657353236 52.46286573530237263)))</t>
  </si>
  <si>
    <t>MultiPolygon (((4.8288634624023361 52.45477621622542586, 4.82170763890712806 52.45405994250233306, 4.81834512857548347 52.45660486308189974, 4.81809074313705121 52.46210345737137715, 4.8265460559634441 52.46140650613333634, 4.83225460081849789 52.46028402884266484, 4.84026041747400715 52.45650081626936867, 4.84442697628596353 52.4529214024206496, 4.84406874545425392 52.45275351476525572, 4.83875658194632763 52.45439429872043746, 4.83419388866221311 52.45511123489862371, 4.8288634624023361 52.45477621622542586, 4.8288634624023361 52.45477621622542586)))</t>
  </si>
  <si>
    <t>MultiPolygon (((4.82170763890712806 52.45405994250233306, 4.8288634624023361 52.45477621622542586, 4.83152740330741359 52.44794690165716844, 4.83507690777136379 52.4428040265893145, 4.82889594448065118 52.44176037079395059, 4.82511754035481655 52.44031928822408872, 4.82483300332793963 52.44066404212853882, 4.82133064600044214 52.44519124501713492, 4.82089681572918849 52.45025380173726148, 4.81926094927368354 52.45180540781149858, 4.82170763890712806 52.45405994250233306, 4.82170763890712806 52.45405994250233306)))</t>
  </si>
  <si>
    <t>MultiPolygon (((4.8288634624023361 52.45477621622542586, 4.83419388866221311 52.45511123489862371, 4.83875658194632763 52.45439429872043746, 4.84013697581909419 52.4449113792919519, 4.84254408323107555 52.44096843174937561, 4.8384813379002205 52.43990355745119558, 4.83507690777136379 52.4428040265893145, 4.83152740330741359 52.44794690165716844, 4.8288634624023361 52.45477621622542586, 4.8288634624023361 52.45477621622542586)))</t>
  </si>
  <si>
    <t>MultiPolygon (((4.83875658194632763 52.45439429872043746, 4.84406874545425392 52.45275351476525572, 4.84295094748835986 52.45226082789626787, 4.8529332502105369 52.44295706365999621, 4.84254408323107555 52.44096843174937561, 4.84013697581909419 52.4449113792919519, 4.83875658194632763 52.45439429872043746, 4.83875658194632763 52.45439429872043746)))</t>
  </si>
  <si>
    <t>MultiPolygon (((4.8529332502105369 52.44295706365999621, 4.85397796467059628 52.44157813534359747, 4.85709076027152076 52.43646669065798704, 4.85757212588808684 52.43586435022005787, 4.85812168808531464 52.43505655340293004, 4.85993588822189615 52.43239287081271272, 4.84637554791524661 52.43122735755179065, 4.84106335299911716 52.43797159657508189, 4.8384813379002205 52.43990355745119558, 4.84254408323107555 52.44096843174937561, 4.8529332502105369 52.44295706365999621, 4.8529332502105369 52.44295706365999621)))</t>
  </si>
  <si>
    <t>MultiPolygon (((4.82511754035481655 52.44031928822408872, 4.82889594448065118 52.44176037079395059, 4.83507690777136379 52.4428040265893145, 4.8384813379002205 52.43990355745119558, 4.84106335299911716 52.43797159657508189, 4.83718963428806692 52.43606241023518777, 4.83194002992122051 52.43130945666482745, 4.82643951212024369 52.43871746580845183, 4.82511754035481655 52.44031928822408872, 4.82511754035481655 52.44031928822408872)))</t>
  </si>
  <si>
    <t>MultiPolygon (((4.83194002992122051 52.43130945666482745, 4.83718963428806692 52.43606241023518777, 4.84106335299911716 52.43797159657508189, 4.84637554791524661 52.43122735755179065, 4.84701959540768179 52.43039679201994119, 4.83470522630683419 52.42807640604217312, 4.83194002992122051 52.43130945666482745, 4.83194002992122051 52.43130945666482745)))</t>
  </si>
  <si>
    <t>MultiPolygon (((4.85993588822189615 52.43239287081271272, 4.86171194539088791 52.42977571894333977, 4.86267745344934621 52.42994131496621435, 4.86245372915953222 52.42877595115534461, 4.8579475785612054 52.42471710545429886, 4.85985771313814308 52.42047369610786234, 4.85607801084279966 52.41666216730576622, 4.84263794519026458 52.41879852377424953, 4.83470522630683419 52.42807640604217312, 4.84701959540768179 52.43039679201994119, 4.84637554791524661 52.43122735755179065, 4.85993588822189615 52.43239287081271272, 4.85993588822189615 52.43239287081271272)))</t>
  </si>
  <si>
    <t>MultiPolygon (((4.5372210042303287 52.3917023698559845, 4.54304322186829967 52.40109371171989494, 4.59165896607148127 52.39171569464139111, 4.59145900974098797 52.39136265439738338, 4.5797182261508329 52.37060240291951629, 4.57957033369617772 52.37034182994767662, 4.57789276753621444 52.37076693737362376, 4.57462461092253125 52.37011965296363769, 4.57147624707774813 52.36866554338364921, 4.57049999581586608 52.3665293640959888, 4.56634450020530736 52.36694543170979443, 4.56628746179742517 52.36637878013655722, 4.56336317381083134 52.36664281352956607, 4.56352857309641013 52.36733256506397538, 4.55143855803772635 52.36917808807294961, 4.5441197148851602 52.36909779098076001, 4.54330219548879022 52.3745953907005557, 4.54631369210810288 52.37475574882479634, 4.55748857840370825 52.37694442197255285, 4.55667024019467348 52.37842220289540052, 4.55489753143364151 52.38162305134692787, 4.55784958216531511 52.3822352650348293, 4.55901690320641606 52.38307477299834147, 4.55243530589378409 52.38503076702599515, 4.5549058284393924 52.38872380688160746, 4.54472691204839574 52.39165948467596223, 4.5372210042303287 52.3917023698559845, 4.5372210042303287 52.3917023698559845)))</t>
  </si>
  <si>
    <t>MultiPolygon (((4.56336317381083134 52.36664281352956607, 4.56628746179742517 52.36637878013655722, 4.57003550060008479 52.35336318191341576, 4.56500107783230735 52.34433914055604475, 4.54732226027154418 52.31399659818968928, 4.54337082228314859 52.31498861215101215, 4.49492652977943585 52.32794852843058209, 4.51734387302234452 52.36150256121144508, 4.51906950222441051 52.36108585308137009, 4.52172358124319285 52.36522834996360132, 4.52354931886672418 52.36518027517688978, 4.52495128052198314 52.36705459134309137, 4.52998001215880386 52.36815275761755828, 4.54123076459787089 52.36622351058129254, 4.5445466188309398 52.36726890712986204, 4.5504106585728632 52.36535847103295538, 4.55651764868312537 52.36474469641449048, 4.56336317381083134 52.36664281352956607, 4.56336317381083134 52.36664281352956607)))</t>
  </si>
  <si>
    <t>MultiPolygon (((4.52614684313683391 52.37734637797615278, 4.52793103768872296 52.37719565394718302, 4.52295703436614804 52.3698706508790508, 4.51734387302234452 52.36150256121144508, 4.49492652977943585 52.32794852843058209, 4.49397112847638169 52.32819808293768205, 4.52614684313683391 52.37734637797615278, 4.52614684313683391 52.37734637797615278)))</t>
  </si>
  <si>
    <t>MultiPolygon (((4.54156475835649598 52.40133635968553705, 4.54304322186829967 52.40109371171989494, 4.5372210042303287 52.3917023698559845, 4.53287399697983773 52.38517593171228981, 4.52821530329988331 52.37727330578452012, 4.52793103768872296 52.37719565394718302, 4.52614684313683391 52.37734637797615278, 4.54156475835649598 52.40133635968553705, 4.54156475835649598 52.40133635968553705)))</t>
  </si>
  <si>
    <t>MultiPolygon (((4.56628746179742517 52.36637878013655722, 4.57662385278758155 52.36517144850039074, 4.57450516874103918 52.36145042257187754, 4.57003550060008479 52.35336318191341576, 4.56628746179742517 52.36637878013655722, 4.56628746179742517 52.36637878013655722)))</t>
  </si>
  <si>
    <t>MultiPolygon (((4.56628746179742517 52.36637878013655722, 4.56634450020530736 52.36694543170979443, 4.57049999581586608 52.3665293640959888, 4.57147624707774813 52.36866554338364921, 4.57462461092253125 52.37011965296363769, 4.57789276753621444 52.37076693737362376, 4.57957033369617772 52.37034182994767662, 4.57662385278758155 52.36517144850039074, 4.56628746179742517 52.36637878013655722, 4.56628746179742517 52.36637878013655722)))</t>
  </si>
  <si>
    <t>MultiPolygon (((4.52935730103753897 52.37543446087930477, 4.53019756649930017 52.37576513352020413, 4.53438007465377968 52.37491699587599214, 4.5328140793594951 52.37459360654364815, 4.53638101599702992 52.37364971755913956, 4.53539160808248365 52.37166404439972212, 4.53377727277196474 52.37083626310072759, 4.52798855314729654 52.37065086956755522, 4.52560733433524565 52.37134647454479364, 4.52935730103753897 52.37543446087930477, 4.52935730103753897 52.37543446087930477)))</t>
  </si>
  <si>
    <t>MultiPolygon (((4.53438007465377968 52.37491699587599214, 4.53558695358354136 52.37461569212381818, 4.54330219548879022 52.3745953907005557, 4.5441197148851602 52.36909779098076001, 4.53902647750552646 52.36910374940112689, 4.53377727277196474 52.37083626310072759, 4.53539160808248365 52.37166404439972212, 4.53638101599702992 52.37364971755913956, 4.5328140793594951 52.37459360654364815, 4.53438007465377968 52.37491699587599214, 4.53438007465377968 52.37491699587599214)))</t>
  </si>
  <si>
    <t>MultiPolygon (((4.53902647750552646 52.36910374940112689, 4.5441197148851602 52.36909779098076001, 4.55143855803772635 52.36917808807294961, 4.56352857309641013 52.36733256506397538, 4.56336317381083134 52.36664281352956607, 4.55651764868312537 52.36474469641449048, 4.5504106585728632 52.36535847103295538, 4.5445466188309398 52.36726890712986204, 4.53902647750552646 52.36910374940112689, 4.53902647750552646 52.36910374940112689)))</t>
  </si>
  <si>
    <t>MultiPolygon (((4.52560733433524565 52.37134647454479364, 4.52798855314729654 52.37065086956755522, 4.53377727277196474 52.37083626310072759, 4.53902647750552646 52.36910374940112689, 4.5445466188309398 52.36726890712986204, 4.54123076459787089 52.36622351058129254, 4.52998001215880386 52.36815275761755828, 4.52495128052198314 52.36705459134309137, 4.52354931886672418 52.36518027517688978, 4.52172358124319285 52.36522834996360132, 4.52477459620728073 52.37042714715228442, 4.52560733433524565 52.37134647454479364, 4.52560733433524565 52.37134647454479364)))</t>
  </si>
  <si>
    <t>MultiPolygon (((4.52295703436614804 52.3698706508790508, 4.52477459620728073 52.37042714715228442, 4.52172358124319285 52.36522834996360132, 4.51906950222441051 52.36108585308137009, 4.51734387302234452 52.36150256121144508, 4.52295703436614804 52.3698706508790508, 4.52295703436614804 52.3698706508790508)))</t>
  </si>
  <si>
    <t>MultiPolygon (((4.52793103768872296 52.37719565394718302, 4.52821530329988331 52.37727330578452012, 4.52935730103753897 52.37543446087930477, 4.52560733433524565 52.37134647454479364, 4.52477459620728073 52.37042714715228442, 4.52295703436614804 52.3698706508790508, 4.52793103768872296 52.37719565394718302, 4.52793103768872296 52.37719565394718302)))</t>
  </si>
  <si>
    <t>MultiPolygon (((4.53279074801340354 52.37959094404278204, 4.53459026640956075 52.38326740173768314, 4.53660919057892276 52.3826402599002634, 4.53738858370528408 52.38370571937424813, 4.54254259612440592 52.38241657033073295, 4.54400111715165345 52.3808573964449522, 4.54097483034045624 52.37900814990555176, 4.53788520947960894 52.37933984522904751, 4.53744812830541555 52.37843820549096563, 4.53453460358254201 52.37916639388937057, 4.53279074801340354 52.37959094404278204, 4.53279074801340354 52.37959094404278204)))</t>
  </si>
  <si>
    <t>MultiPolygon (((4.53287399697983773 52.38517593171228981, 4.5372210042303287 52.3917023698559845, 4.54472691204839574 52.39165948467596223, 4.5549058284393924 52.38872380688160746, 4.55243530589378409 52.38503076702599515, 4.55901690320641606 52.38307477299834147, 4.55784958216531511 52.3822352650348293, 4.55489753143364151 52.38162305134692787, 4.54520646300705256 52.37962601681356745, 4.54329366382520217 52.37833275669417077, 4.54097483034045624 52.37900814990555176, 4.54400111715165345 52.3808573964449522, 4.54254259612440592 52.38241657033073295, 4.53738858370528408 52.38370571937424813, 4.53660919057892276 52.3826402599002634, 4.53459026640956075 52.38326740173768314, 4.53287399697983773 52.38517593171228981, 4.53287399697983773 52.38517593171228981)))</t>
  </si>
  <si>
    <t>MultiPolygon (((4.54329366382520217 52.37833275669417077, 4.54520646300705256 52.37962601681356745, 4.55489753143364151 52.38162305134692787, 4.55667024019467348 52.37842220289540052, 4.54960947291243301 52.37703440206360739, 4.54613401953061746 52.37792630535203386, 4.54447140785734494 52.37681488069932101, 4.54329366382520217 52.37833275669417077, 4.54329366382520217 52.37833275669417077)))</t>
  </si>
  <si>
    <t>MultiPolygon (((4.54447140785734494 52.37681488069932101, 4.54613401953061746 52.37792630535203386, 4.54960947291243301 52.37703440206360739, 4.55667024019467348 52.37842220289540052, 4.55748857840370825 52.37694442197255285, 4.54631369210810288 52.37475574882479634, 4.54447140785734494 52.37681488069932101, 4.54447140785734494 52.37681488069932101)))</t>
  </si>
  <si>
    <t>MultiPolygon (((4.53453460358254201 52.37916639388937057, 4.53744812830541555 52.37843820549096563, 4.53788520947960894 52.37933984522904751, 4.54097483034045624 52.37900814990555176, 4.54329366382520217 52.37833275669417077, 4.54447140785734494 52.37681488069932101, 4.54631369210810288 52.37475574882479634, 4.54330219548879022 52.3745953907005557, 4.53558695358354136 52.37461569212381818, 4.53607977413245944 52.37589818691631649, 4.53398049291545124 52.37643719605149073, 4.53453460358254201 52.37916639388937057, 4.53453460358254201 52.37916639388937057)))</t>
  </si>
  <si>
    <t>MultiPolygon (((4.53279074801340354 52.37959094404278204, 4.53453460358254201 52.37916639388937057, 4.53398049291545124 52.37643719605149073, 4.53607977413245944 52.37589818691631649, 4.53558695358354136 52.37461569212381818, 4.53438007465377968 52.37491699587599214, 4.53019756649930017 52.37576513352020413, 4.53279074801340354 52.37959094404278204, 4.53279074801340354 52.37959094404278204)))</t>
  </si>
  <si>
    <t>MultiPolygon (((4.53287399697983773 52.38517593171228981, 4.53459026640956075 52.38326740173768314, 4.53279074801340354 52.37959094404278204, 4.53019756649930017 52.37576513352020413, 4.52935730103753897 52.37543446087930477, 4.52821530329988331 52.37727330578452012, 4.53287399697983773 52.38517593171228981, 4.53287399697983773 52.38517593171228981)))</t>
  </si>
  <si>
    <t>MultiPolygon (((5.04395229058988903 52.32796018897007428, 5.04480136077654517 52.32747323175060217, 5.04439502876447587 52.32714885717125952, 5.04559479451679316 52.32676778726175115, 5.04906640351230163 52.32699160252472836, 5.06151356602789981 52.32367471757081034, 5.06146842472768288 52.3217470968480427, 5.05674179105006338 52.31959943448244843, 5.05909286284178439 52.31705231310331783, 5.05803485505640182 52.31668325942550979, 5.0583400307026487 52.31631729280044141, 5.05668381322506111 52.31645389755367859, 5.05318404795709597 52.31556201267147799, 5.05199475385269281 52.31487492368609793, 5.0520018358039902 52.31349856394373177, 5.04843404715909472 52.31398851115712745, 5.04856189601702532 52.31471440848789456, 5.03158841659369216 52.3184084255634545, 5.0297129908427527 52.3193436496967621, 5.01842400479279327 52.32433890966877499, 5.01727329057551685 52.3301867111144432, 5.02158736357608326 52.33086233328529602, 5.02861883495364648 52.33079092396224041, 5.03969813813557543 52.32904645821781742, 5.04395229058988903 52.32796018897007428)))</t>
  </si>
  <si>
    <t>MultiPolygon (((5.04843404715909472 52.31398851115712745, 5.0520018358039902 52.31349856394373177, 5.05663452985864659 52.31139229301579974, 5.05691985845214464 52.31068862742650083, 5.05487629443864073 52.31015011967183881, 5.04774444189913751 52.30997473206516446, 5.04578539117887281 52.3112092360598453, 5.04843404715909472 52.31398851115712745, 5.04843404715909472 52.31398851115712745)))</t>
  </si>
  <si>
    <t>MultiPolygon (((5.03158841659369216 52.3184084255634545, 5.04856189601702532 52.31471440848789456, 5.04843404715909472 52.31398851115712745, 5.04578539117887281 52.3112092360598453, 5.03158841659369216 52.3184084255634545, 5.03158841659369216 52.3184084255634545)))</t>
  </si>
  <si>
    <t>MultiPolygon (((5.06950842873614604 52.32179335719237656, 5.07751446775009629 52.31817710871825255, 5.09165314990879025 52.31464394911094473, 5.09307665840599988 52.31415028661428579, 5.09210689914804426 52.31302333748342903, 5.10056691691623598 52.31029639946642362, 5.09648274749694341 52.30729259588536451, 5.09577100236725222 52.30376174861906691, 5.09679369269149518 52.30043666122140422, 5.09894353111108334 52.29869662561364407, 5.10197181968458668 52.29780419410383274, 5.10626632691548021 52.29833605660144968, 5.10767436076006209 52.29729161009608873, 5.10606506037980346 52.29466848868185025, 5.10291868034794938 52.29446770528972621, 5.09935398160205633 52.29280350460432203, 5.09847354166337041 52.29163615027363932, 5.09871499744180312 52.29057370352468581, 5.10464601530970441 52.28538466483074387, 5.10422459178789456 52.28315102420555149, 5.10208773056943432 52.28170372341408267, 5.10206580657740183 52.27989083673558213, 5.08770417316408619 52.28168492519762367, 5.08461551714714854 52.2794075046108091, 5.07708195259331507 52.27797660913283551, 5.06487595987536832 52.27826534093266275, 5.06381253432831002 52.27857706766092605, 5.06532548811819705 52.27965934381913371, 5.06388558561202373 52.27997565960919957, 5.06441242514319967 52.28073760050876473, 5.06585851484452121 52.28053732744547943, 5.06586335177998404 52.28113987727387979, 5.06721619089054265 52.28116519361916659, 5.06961897552880547 52.28267600009368721, 5.07110651990586891 52.28781650072728837, 5.07440165736664195 52.29234273808931022, 5.07992462988386961 52.29383738243187452, 5.08104731288773159 52.29470930193878075, 5.08050796087448742 52.29659729263993029, 5.07665468231113692 52.2982013857480581, 5.07239430405700986 52.29679702210935943, 5.06277919317185621 52.29601691430931254, 5.05944454646342834 52.29874646242507907, 5.05404699907144384 52.30062878455703412, 5.05293525600986371 52.30308281505704571, 5.04834770457546167 52.30559869182463473, 5.04665274717929346 52.30961949075813777, 5.04774444189913751 52.30997473206516446, 5.05487629443864073 52.31015011967183881, 5.05691985845214464 52.31068862742650083, 5.05663452985864659 52.31139229301579974, 5.0520018358039902 52.31349856394373177, 5.05199475385269281 52.31487492368609793, 5.05318404795709597 52.31556201267147799, 5.05668381322506111 52.31645389755367859, 5.0583400307026487 52.31631729280044141, 5.0625361729999927 52.31764202290396071, 5.06525945598070848 52.31918151992251609, 5.06572087746510569 52.32048161667150765, 5.06468690437674152 52.32200593294538749, 5.06950842873614604 52.32179335719237656)))</t>
  </si>
  <si>
    <t>MultiPolygon (((5.03588712066179855 52.29723830664000417, 5.03638744552535744 52.29595951781870866, 5.04342825909103265 52.29682373293408659, 5.04706898914121815 52.29881541960176605, 5.05016777490249158 52.29968672461610879, 5.05404699907144384 52.30062878455703412, 5.05944454646342834 52.29874646242507907, 5.06277919317185621 52.29601691430931254, 5.07239430405700986 52.29679702210935943, 5.07665468231113692 52.2982013857480581, 5.08050796087448742 52.29659729263993029, 5.08104731288773159 52.29470930193878075, 5.07992462988386961 52.29383738243187452, 5.07440165736664195 52.29234273808931022, 5.07110651990586891 52.28781650072728837, 5.06961897552880547 52.28267600009368721, 5.06721619089054265 52.28116519361916659, 5.06586335177998404 52.28113987727387979, 5.06547148661425251 52.28519815713902119, 5.06479187426313082 52.28508054372535696, 5.06342582210257586 52.28705511150956653, 5.05954029928601656 52.28932013313657734, 5.05273804804233517 52.28650823849855556, 5.05040433066438421 52.2878719824101168, 5.04749181511366629 52.28502864456293509, 5.0427786574814446 52.28248813933359429, 5.04074224844649965 52.2838750287315861, 5.03952133151943205 52.28326330448452808, 5.03321245739465883 52.28625810435435284, 5.03052841783543681 52.28848718128803341, 5.0243816326693338 52.28135744674856511, 5.02282648502625051 52.28215043118947847, 5.02186720897998207 52.28265326889606968, 5.02154319639450808 52.30245685000956257, 5.02150108140282647 52.30280894141262849, 5.03667920958366544 52.30236644482128128, 5.03683387312650499 52.3016843814104746, 5.03588712066179855 52.29723830664000417, 5.03588712066179855 52.29723830664000417)))</t>
  </si>
  <si>
    <t>MultiPolygon (((5.04823613687104888 52.30097193542064105, 5.05016777490249158 52.29968672461610879, 5.04706898914121815 52.29881541960176605, 5.04342825909103265 52.29682373293408659, 5.03638744552535744 52.29595951781870866, 5.03588712066179855 52.29723830664000417, 5.03683387312650499 52.3016843814104746, 5.04044560930520991 52.29856991502304453, 5.04301219178601468 52.29819907669362777, 5.04517568272531136 52.29870057190144195, 5.04823613687104888 52.30097193542064105, 5.04823613687104888 52.30097193542064105)))</t>
  </si>
  <si>
    <t>MultiPolygon (((5.03667920958366544 52.30236644482128128, 5.04275987029133788 52.302517785050334, 5.04699919440960443 52.30153348164487426, 5.04823613687104888 52.30097193542064105, 5.04517568272531136 52.29870057190144195, 5.04301219178601468 52.29819907669362777, 5.04044560930520991 52.29856991502304453, 5.03683387312650499 52.3016843814104746, 5.03667920958366544 52.30236644482128128, 5.03667920958366544 52.30236644482128128)))</t>
  </si>
  <si>
    <t>MultiPolygon (((5.02412943761153752 52.30573044116265891, 5.02126803302074265 52.30417507288792933, 5.02052697912805623 52.30785793829563346, 5.01793284589400734 52.32319233820786764, 5.01842400479279327 52.32433890966877499, 5.0297129908427527 52.3193436496967621, 5.02755956669495152 52.31735285620518283, 5.02733866731797363 52.31379558585457801, 5.02733052043326989 52.31027845121364095, 5.02245322216071877 52.31026351331000512, 5.0232987415894641 52.30603010119979501, 5.02412943761153752 52.30573044116265891, 5.02412943761153752 52.30573044116265891)))</t>
  </si>
  <si>
    <t>MultiPolygon (((5.02733052043326989 52.31027845121364095, 5.03636959008912743 52.31028664412055207, 5.03715274030365734 52.30877964418985471, 5.03560315429359751 52.30849083106787134, 5.03277887341497721 52.30785955396015652, 5.02686015328988223 52.30778325308653365, 5.02412943761153752 52.30573044116265891, 5.0232987415894641 52.30603010119979501, 5.02245322216071877 52.31026351331000512, 5.02733052043326989 52.31027845121364095, 5.02733052043326989 52.31027845121364095)))</t>
  </si>
  <si>
    <t>MultiPolygon (((5.02733866731797363 52.31379558585457801, 5.0333948565391573 52.31430316160128768, 5.03636959008912743 52.31028664412055207, 5.02733052043326989 52.31027845121364095, 5.02733866731797363 52.31379558585457801, 5.02733866731797363 52.31379558585457801)))</t>
  </si>
  <si>
    <t>MultiPolygon (((5.0297129908427527 52.3193436496967621, 5.03158841659369216 52.3184084255634545, 5.0333948565391573 52.31430316160128768, 5.02733866731797363 52.31379558585457801, 5.02755956669495152 52.31735285620518283, 5.0297129908427527 52.3193436496967621, 5.0297129908427527 52.3193436496967621)))</t>
  </si>
  <si>
    <t>MultiPolygon (((5.0333948565391573 52.31430316160128768, 5.03449209083630311 52.31450766966726462, 5.04215022388960676 52.31129117990974464, 5.03636959008912743 52.31028664412055207, 5.0333948565391573 52.31430316160128768, 5.0333948565391573 52.31430316160128768)))</t>
  </si>
  <si>
    <t>MultiPolygon (((5.0333948565391573 52.31430316160128768, 5.03158841659369216 52.3184084255634545, 5.04578539117887281 52.3112092360598453, 5.04774444189913751 52.30997473206516446, 5.04665274717929346 52.30961949075813777, 5.04438906021120115 52.30994830277095531, 5.04215022388960676 52.31129117990974464, 5.03449209083630311 52.31450766966726462, 5.0333948565391573 52.31430316160128768, 5.0333948565391573 52.31430316160128768)))</t>
  </si>
  <si>
    <t>MultiPolygon (((5.04699919440960443 52.30153348164487426, 5.05293525600986371 52.30308281505704571, 5.05404699907144384 52.30062878455703412, 5.05016777490249158 52.29968672461610879, 5.04823613687104888 52.30097193542064105, 5.04699919440960443 52.30153348164487426, 5.04699919440960443 52.30153348164487426)))</t>
  </si>
  <si>
    <t>MultiPolygon (((5.04318324493984882 52.3033236091975624, 5.044940372060986 52.3042827384224509, 5.0476695729835761 52.30435446845915948, 5.04834770457546167 52.30559869182463473, 5.05293525600986371 52.30308281505704571, 5.04699919440960443 52.30153348164487426, 5.04275987029133788 52.302517785050334, 5.04318324493984882 52.3033236091975624, 5.04318324493984882 52.3033236091975624)))</t>
  </si>
  <si>
    <t>MultiPolygon (((5.03750242978163332 52.30445936933547557, 5.03976432576469513 52.30531816965176262, 5.04318324493984882 52.3033236091975624, 5.04275987029133788 52.302517785050334, 5.03667920958366544 52.30236644482128128, 5.03750242978163332 52.30445936933547557, 5.03750242978163332 52.30445936933547557)))</t>
  </si>
  <si>
    <t>MultiPolygon (((5.02412943761153752 52.30573044116265891, 5.02686015328988223 52.30778325308653365, 5.03277887341497721 52.30785955396015652, 5.03560315429359751 52.30849083106787134, 5.03750242978163332 52.30445936933547557, 5.03667920958366544 52.30236644482128128, 5.02150108140282647 52.30280894141262849, 5.02126803302074265 52.30417507288792933, 5.02412943761153752 52.30573044116265891, 5.02412943761153752 52.30573044116265891)))</t>
  </si>
  <si>
    <t>MultiPolygon (((5.03636959008912743 52.31028664412055207, 5.04215022388960676 52.31129117990974464, 5.04438906021120115 52.30994830277095531, 5.0429037984235352 52.30902546174939971, 5.03937385184614683 52.30850576960826714, 5.03715274030365734 52.30877964418985471, 5.03636959008912743 52.31028664412055207, 5.03636959008912743 52.31028664412055207)))</t>
  </si>
  <si>
    <t>MultiPolygon (((5.04438906021120115 52.30994830277095531, 5.04665274717929346 52.30961949075813777, 5.04834770457546167 52.30559869182463473, 5.0476695729835761 52.30435446845915948, 5.044940372060986 52.3042827384224509, 5.04318324493984882 52.3033236091975624, 5.03976432576469513 52.30531816965176262, 5.03750242978163332 52.30445936933547557, 5.03560315429359751 52.30849083106787134, 5.03715274030365734 52.30877964418985471, 5.03937385184614683 52.30850576960826714, 5.0429037984235352 52.30902546174939971, 5.04438906021120115 52.30994830277095531, 5.04438906021120115 52.30994830277095531)))</t>
  </si>
  <si>
    <t>MultiPolygon (((4.68247616859745985 52.41384869955997061, 4.68179840099601652 52.41778054099669504, 4.68186118635025039 52.42088366616031436, 4.67804363379895793 52.42748036989075189, 4.6777711613319708 52.4308131976131051, 4.6788057843399784 52.43100675476232908, 4.67890850058295804 52.43540320567794311, 4.69081372651089978 52.4468769254459275, 4.71096571381985463 52.43619429216929007, 4.72198309401293947 52.43333616852789447, 4.71065498025090168 52.42769275373639459, 4.70053722340152813 52.4255129175148511, 4.69148597229621522 52.4188139681340175, 4.68247616859745985 52.41384869955997061)))</t>
  </si>
  <si>
    <t>MultiPolygon (((4.6788057843399784 52.43100675476232908, 4.6777711613319708 52.4308131976131051, 4.67033606271416257 52.43788294467173472, 4.66582309254735161 52.44226268560347393, 4.66085949623616713 52.44724064784907824, 4.65826107738679163 52.45132735548867942, 4.65582375331783638 52.45799889066192634, 4.65943721066464978 52.458502941501294, 4.65936756276280128 52.46041454291648876, 4.66192474676619462 52.46175677252436031, 4.67484802108523922 52.45552040778107283, 4.69081372651089978 52.4468769254459275, 4.67890850058295804 52.43540320567794311, 4.6788057843399784 52.43100675476232908, 4.6788057843399784 52.43100675476232908)))</t>
  </si>
  <si>
    <t>MultiPolygon (((4.68186118635025039 52.42088366616031436, 4.68179840099601652 52.41778054099669504, 4.68064813050119799 52.41800592200097952, 4.68122717746452821 52.4193314486911035, 4.67749601779084578 52.41896209891869063, 4.67437240793981612 52.41863422565452169, 4.67212510522591806 52.42239848835500737, 4.66562521897724736 52.42548870355631863, 4.66484771599233383 52.42560357108330038, 4.67395293025082381 52.42932842731044474, 4.67216094061211606 52.43014076209299645, 4.66379169750041367 52.43795939043816645, 4.67033606271416257 52.43788294467173472, 4.6777711613319708 52.4308131976131051, 4.67804363379895793 52.42748036989075189, 4.68186118635025039 52.42088366616031436, 4.68186118635025039 52.42088366616031436)))</t>
  </si>
  <si>
    <t>MultiPolygon (((4.6640769318193076 52.42954717364118977, 4.66283260636971875 52.42585455549752993, 4.65314712737631186 52.427999550941081, 4.6596121325429749 52.43218921178615233, 4.6640769318193076 52.42954717364118977, 4.6640769318193076 52.42954717364118977)))</t>
  </si>
  <si>
    <t>MultiPolygon (((4.66863483563568415 52.430833466656658, 4.67216094061211606 52.43014076209299645, 4.67395293025082381 52.42932842731044474, 4.66484771599233383 52.42560357108330038, 4.66283260636971875 52.42585455549752993, 4.6640769318193076 52.42954717364118977, 4.66863483563568415 52.430833466656658, 4.66863483563568415 52.430833466656658)))</t>
  </si>
  <si>
    <t>MultiPolygon (((4.65826396334073056 52.43558869245017462, 4.66059708272318129 52.43675405571270431, 4.66863483563568415 52.430833466656658, 4.6640769318193076 52.42954717364118977, 4.6596121325429749 52.43218921178615233, 4.65669108088980721 52.43417712345704018, 4.65826396334073056 52.43558869245017462, 4.65826396334073056 52.43558869245017462)))</t>
  </si>
  <si>
    <t>MultiPolygon (((4.65622915133669668 52.4370927374066369, 4.65826396334073056 52.43558869245017462, 4.65669108088980721 52.43417712345704018, 4.65036510091285926 52.42868752867040882, 4.6490030446042363 52.42909058217133378, 4.64949487888475765 52.43132479095265808, 4.65622915133669668 52.4370927374066369, 4.65622915133669668 52.4370927374066369)))</t>
  </si>
  <si>
    <t>MultiPolygon (((4.65669108088980721 52.43417712345704018, 4.6596121325429749 52.43218921178615233, 4.65314712737631186 52.427999550941081, 4.65076861016971677 52.4285696619061099, 4.65036510091285926 52.42868752867040882, 4.65669108088980721 52.43417712345704018, 4.65669108088980721 52.43417712345704018)))</t>
  </si>
  <si>
    <t>MultiPolygon (((4.66059708272318129 52.43675405571270431, 4.66379169750041367 52.43795939043816645, 4.67216094061211606 52.43014076209299645, 4.66863483563568415 52.430833466656658, 4.66059708272318129 52.43675405571270431, 4.66059708272318129 52.43675405571270431)))</t>
  </si>
  <si>
    <t>MultiPolygon (((4.66582309254735161 52.44226268560347393, 4.67033606271416257 52.43788294467173472, 4.66379169750041367 52.43795939043816645, 4.66059708272318129 52.43675405571270431, 4.65826396334073056 52.43558869245017462, 4.65622915133669668 52.4370927374066369, 4.66146689856992413 52.44050868236012519, 4.66582309254735161 52.44226268560347393, 4.66582309254735161 52.44226268560347393)))</t>
  </si>
  <si>
    <t>MultiPolygon (((4.65518516007853034 52.44952855084228815, 4.65826107738679163 52.45132735548867942, 4.66085949623616713 52.44724064784907824, 4.66582309254735161 52.44226268560347393, 4.66146689856992413 52.44050868236012519, 4.65622915133669668 52.4370927374066369, 4.64949487888475765 52.43132479095265808, 4.6490030446042363 52.42909058217133378, 4.64602082984041509 52.43045929495130508, 4.64990236027155124 52.43803620425422451, 4.650038568621496 52.43852205028314728, 4.65518516007853034 52.44952855084228815, 4.65518516007853034 52.44952855084228815)))</t>
  </si>
  <si>
    <t>MultiPolygon (((4.63855207999291697 52.42284200116494475, 4.64501741513999722 52.42102574241465618, 4.64248929919658426 52.41786998005131437, 4.63937551354133682 52.41450790243292346, 4.63728588638805395 52.41212296199400811, 4.63612528862838325 52.41083120097086123, 4.63164759608074661 52.41166554341968009, 4.63161097320820581 52.41167118248464618, 4.63239969070940205 52.41435688188078501, 4.6317116650093606 52.41864195481541344, 4.63371857705929191 52.4204279577091512, 4.63855207999291697 52.42284200116494475, 4.63855207999291697 52.42284200116494475)))</t>
  </si>
  <si>
    <t>MultiPolygon (((4.6317116650093606 52.41864195481541344, 4.63239969070940205 52.41435688188078501, 4.63161097320820581 52.41167118248464618, 4.62999358068392386 52.41196542779851342, 4.62761796941528747 52.41259759869691237, 4.62884234840962172 52.41430832251840854, 4.62784207740606224 52.41470811120807838, 4.62873549793320294 52.41584441342396872, 4.62639906792781552 52.41652883815596908, 4.62705364567769362 52.41735965124605912, 4.6317116650093606 52.41864195481541344, 4.6317116650093606 52.41864195481541344)))</t>
  </si>
  <si>
    <t>MultiPolygon (((4.63196397483711397 52.42836723980754954, 4.63716621868074874 52.42884942872718312, 4.64110818217445864 52.42634675778661801, 4.63855207999291697 52.42284200116494475, 4.63371857705929191 52.4204279577091512, 4.6317116650093606 52.41864195481541344, 4.63196397483711397 52.42836723980754954, 4.63196397483711397 52.42836723980754954)))</t>
  </si>
  <si>
    <t>MultiPolygon (((4.63196397483711397 52.42836723980754954, 4.6317116650093606 52.41864195481541344, 4.62705364567769362 52.41735965124605912, 4.62543332046374545 52.42009556282953042, 4.62591397581232933 52.42055690533489809, 4.62448992508115975 52.42162026603395475, 4.62357632772555327 52.42207506738527201, 4.62499219370570014 52.42349222477207604, 4.62146840854100205 52.42490424749423283, 4.62084269947174064 52.42438449014944979, 4.61724835748971785 52.42512519759280565, 4.62344672679632129 52.42869027097054868, 4.63207427228537405 52.43007116576684012, 4.63196397483711397 52.42836723980754954, 4.63196397483711397 52.42836723980754954)))</t>
  </si>
  <si>
    <t>MultiPolygon (((4.61793809689385348 52.44409632159552359, 4.62133569358460239 52.44577925797436535, 4.62584924419838917 52.4460735565088001, 4.62594028248238409 52.44513455848306904, 4.6298148892709774 52.44240923059972204, 4.63202127665450725 52.43919330814317448, 4.63208211914114099 52.43687264680189486, 4.63257140936842582 52.43255032730637311, 4.63207427228537405 52.43007116576684012, 4.62344672679632129 52.42869027097054868, 4.61724835748971785 52.42512519759280565, 4.61504871024734697 52.4259352852087801, 4.587822871702258 52.43443643679032107, 4.58469039178843563 52.43484253766482084, 4.58596609973501224 52.43669774735454325, 4.58846171822435966 52.43737832681364353, 4.59019534576070676 52.43718368213387748, 4.59404375847307467 52.43520146900502965, 4.5974971055920193 52.43603337350793936, 4.598908734688953 52.44111767708657368, 4.59883533396008648 52.44289762734871374, 4.59590295497045354 52.44473583003568251, 4.59734445834379724 52.44572123268739006, 4.60738312350946 52.44573492854634367, 4.61173199344686324 52.44698584480921966, 4.61302920554972751 52.44644861246889889, 4.61402374571543206 52.44429657072275575, 4.61793809689385348 52.44409632159552359, 4.61793809689385348 52.44409632159552359)))</t>
  </si>
  <si>
    <t>MultiPolygon (((4.63257140936842582 52.43255032730637311, 4.63406081304986905 52.433513973288008, 4.64069947265451432 52.43283897786119496, 4.64256424438155335 52.42746601841053433, 4.64110818217445864 52.42634675778661801, 4.63716621868074874 52.42884942872718312, 4.63196397483711397 52.42836723980754954, 4.63207427228537405 52.43007116576684012, 4.63257140936842582 52.43255032730637311, 4.63257140936842582 52.43255032730637311)))</t>
  </si>
  <si>
    <t>MultiPolygon (((4.63208211914114099 52.43687264680189486, 4.63375390153883782 52.43666367064185607, 4.63931339223440542 52.43585682031307726, 4.64090887615347558 52.43287519635740068, 4.64069947265451432 52.43283897786119496, 4.63406081304986905 52.433513973288008, 4.63257140936842582 52.43255032730637311, 4.63208211914114099 52.43687264680189486, 4.63208211914114099 52.43687264680189486)))</t>
  </si>
  <si>
    <t>MultiPolygon (((4.64342671780555083 52.43675349684291831, 4.64351354081809031 52.43652168975209804, 4.64423810631848433 52.43448072340912347, 4.64465102242397787 52.43336861109342806, 4.64090887615347558 52.43287519635740068, 4.63931339223440542 52.43585682031307726, 4.64342671780555083 52.43675349684291831, 4.64342671780555083 52.43675349684291831)))</t>
  </si>
  <si>
    <t>MultiPolygon (((4.64501741513999722 52.42102574241465618, 4.63855207999291697 52.42284200116494475, 4.64110818217445864 52.42634675778661801, 4.64256424438155335 52.42746601841053433, 4.64069947265451432 52.43283897786119496, 4.64090887615347558 52.43287519635740068, 4.64465102242397787 52.43336861109342806, 4.64602082984041509 52.43045929495130508, 4.6490030446042363 52.42909058217133378, 4.65036510091285926 52.42868752867040882, 4.65076861016971677 52.4285696619061099, 4.64571848921194874 52.42197226657677334, 4.64501741513999722 52.42102574241465618)))</t>
  </si>
  <si>
    <t>MultiPolygon (((4.64423810631848433 52.43448072340912347, 4.64740472285279438 52.43540607899178241, 4.64990236027155124 52.43803620425422451, 4.64602082984041509 52.43045929495130508, 4.64465102242397787 52.43336861109342806, 4.64423810631848433 52.43448072340912347, 4.64423810631848433 52.43448072340912347)))</t>
  </si>
  <si>
    <t>MultiPolygon (((4.650038568621496 52.43852205028314728, 4.64990236027155124 52.43803620425422451, 4.64740472285279438 52.43540607899178241, 4.64423810631848433 52.43448072340912347, 4.64351354081809031 52.43652168975209804, 4.650038568621496 52.43852205028314728, 4.650038568621496 52.43852205028314728)))</t>
  </si>
  <si>
    <t>MultiPolygon (((4.64602034339470027 52.4451313688813201, 4.64938578713489292 52.44633289830716905, 4.65478693512002106 52.45136947523378979, 4.65518516007853034 52.44952855084228815, 4.650038568621496 52.43852205028314728, 4.64351354081809031 52.43652168975209804, 4.64342671780555083 52.43675349684291831, 4.64004092969386761 52.44320672943728567, 4.64602034339470027 52.4451313688813201, 4.64602034339470027 52.4451313688813201)))</t>
  </si>
  <si>
    <t>MultiPolygon (((4.63906527339391594 52.44270755102687787, 4.64004092969386761 52.44320672943728567, 4.64342671780555083 52.43675349684291831, 4.63931339223440542 52.43585682031307726, 4.63375390153883782 52.43666367064185607, 4.63528825177996584 52.43970404081505166, 4.63906527339391594 52.44270755102687787, 4.63906527339391594 52.44270755102687787)))</t>
  </si>
  <si>
    <t>MultiPolygon (((4.58051213176208982 52.48950858995997493, 4.59050680288007751 52.48724748411975582, 4.58327110989540287 52.48499124585741527, 4.57597425402312741 52.4741085455383427, 4.57596568964749029 52.47335675104770303, 4.57954155724632184 52.47281899334835487, 4.57915598455280737 52.46965723331592812, 4.56718440772006584 52.46768048641209958, 4.5572977240384791 52.46710090520386416, 4.54805291207373052 52.46838950116575973, 4.54224994237126811 52.46741180505162561, 4.54297556926254753 52.46833079347204887, 4.54802436937425547 52.46962330210519099, 4.55785191513434373 52.46805820843995605, 4.5648387549714613 52.46892564958753269, 4.57518036802169537 52.47920161727342503, 4.57735910057046702 52.48495102315847305, 4.58051213176208982 52.48950858995997493, 4.58051213176208982 52.48950858995997493)))</t>
  </si>
  <si>
    <t>MultiPolygon (((4.60272077268971991 52.48335060205145197, 4.60404961453721295 52.48146847536190762, 4.61355336533283289 52.48380308211272904, 4.61819121703494773 52.48328841018256696, 4.62095875442573956 52.48232812797350988, 4.63783737862151302 52.48013395932193248, 4.63548558157103585 52.4801027368418147, 4.6331585225847185 52.48000744202439449, 4.62804398391882277 52.47778411344362581, 4.62473724823039145 52.4781813928851264, 4.62529897710035609 52.4707598354482414, 4.62307285850751892 52.47051465279118077, 4.60888305156291711 52.47213804619704547, 4.60910252608918913 52.4729509902811202, 4.59975375182006907 52.47427007311089397, 4.59618884104491343 52.47328462057223675, 4.5955803764103571 52.47379861477688934, 4.58638697090366154 52.47167316833551354, 4.58561143518682446 52.4722276813550792, 4.58399599860443363 52.4718931085773761, 4.58243284198904544 52.47058716610193585, 4.57915598455280737 52.46965723331592812, 4.57954155724632184 52.47281899334835487, 4.57596568964749029 52.47335675104770303, 4.57597425402312741 52.4741085455383427, 4.58327110989540287 52.48499124585741527, 4.59050680288007751 52.48724748411975582, 4.59611883039547564 52.48597369484893704, 4.60272077268971991 52.48335060205145197, 4.60272077268971991 52.48335060205145197)))</t>
  </si>
  <si>
    <t>MultiPolygon (((4.65776017865728331 52.47234056044853645, 4.6625196841818104 52.47013121449938211, 4.66436807520758112 52.4705707619205981, 4.66760590501676376 52.4684262175324605, 4.66192474676619462 52.46175677252436031, 4.64771033424483981 52.46388955319414293, 4.64420863370522419 52.46399632024042603, 4.64440660581446885 52.46818752677272357, 4.64562973930364542 52.47112995760593179, 4.64989817551368567 52.47080512908765115, 4.64988296737725726 52.47143912595212356, 4.65776017865728331 52.47234056044853645, 4.65776017865728331 52.47234056044853645)))</t>
  </si>
  <si>
    <t>MultiPolygon (((4.65415816103996782 52.476660952082824, 4.66436807520758112 52.4705707619205981, 4.6625196841818104 52.47013121449938211, 4.65776017865728331 52.47234056044853645, 4.64988296737725726 52.47143912595212356, 4.64989817551368567 52.47080512908765115, 4.64562973930364542 52.47112995760593179, 4.64625943469121427 52.47306704133151101, 4.64929498346531922 52.47646847947417825, 4.64928998726337639 52.47653324515766826, 4.65333322738712241 52.47715473586105617, 4.65415816103996782 52.476660952082824, 4.65415816103996782 52.476660952082824)))</t>
  </si>
  <si>
    <t>MultiPolygon (((4.6395295927505229 52.47245940060093972, 4.64732436548947447 52.47619285342011608, 4.64929498346531922 52.47646847947417825, 4.64625943469121427 52.47306704133151101, 4.64562973930364542 52.47112995760593179, 4.63988773064667459 52.47210284188076201, 4.6395295927505229 52.47245940060093972, 4.6395295927505229 52.47245940060093972)))</t>
  </si>
  <si>
    <t>MultiPolygon (((4.63988773064667459 52.47210284188076201, 4.64562973930364542 52.47112995760593179, 4.64440660581446885 52.46818752677272357, 4.64420863370522419 52.46399632024042603, 4.63260822276632833 52.46420559533628136, 4.63406655483962382 52.46894021872390113, 4.63988773064667459 52.47210284188076201, 4.63988773064667459 52.47210284188076201)))</t>
  </si>
  <si>
    <t>MultiPolygon (((4.63548558157103585 52.4801027368418147, 4.63606577317345803 52.4756814787902286, 4.6395295927505229 52.47245940060093972, 4.63988773064667459 52.47210284188076201, 4.63406655483962382 52.46894021872390113, 4.63260822276632833 52.46420559533628136, 4.631081357288517 52.46423873028950879, 4.62610808107575711 52.46760847045604947, 4.62529897710035609 52.4707598354482414, 4.62473724823039145 52.4781813928851264, 4.62804398391882277 52.47778411344362581, 4.6331585225847185 52.48000744202439449, 4.63548558157103585 52.4801027368418147, 4.63548558157103585 52.4801027368418147)))</t>
  </si>
  <si>
    <t>MultiPolygon (((4.64069630265545552 52.47939066726180357, 4.64763573525347429 52.47842446162673014, 4.64673624761357207 52.47708157894150816, 4.64901477709079369 52.4766080328870288, 4.64928998726337639 52.47653324515766826, 4.64929498346531922 52.47646847947417825, 4.64732436548947447 52.47619285342011608, 4.6395295927505229 52.47245940060093972, 4.63606577317345803 52.4756814787902286, 4.63548558157103585 52.4801027368418147, 4.63783737862151302 52.48013395932193248, 4.64069630265545552 52.47939066726180357)))</t>
  </si>
  <si>
    <t>MultiPolygon (((4.58993621908740224 52.45285982293953708, 4.59152754571701571 52.45231305624370322, 4.59034505040430485 52.44996489843924792, 4.58726626104262003 52.44692512149708818, 4.57937509911315388 52.44716851360126242, 4.56989581142954293 52.44926238633111382, 4.567773110616967 52.44918182308968824, 4.56796958494508321 52.45316775056425485, 4.58993621908740224 52.45285982293953708, 4.58993621908740224 52.45285982293953708)))</t>
  </si>
  <si>
    <t>MultiPolygon (((4.59034505040430485 52.44996489843924792, 4.59539009426679712 52.44892659769721632, 4.60016103708749124 52.44648127241396907, 4.59734445834379724 52.44572123268739006, 4.59590295497045354 52.44473583003568251, 4.59883533396008648 52.44289762734871374, 4.598908734688953 52.44111767708657368, 4.5974971055920193 52.43603337350793936, 4.59404375847307467 52.43520146900502965, 4.59019534576070676 52.43718368213387748, 4.58846171822435966 52.43737832681364353, 4.58596609973501224 52.43669774735454325, 4.58469039178843563 52.43484253766482084, 4.56318532497723428 52.43764737725415159, 4.567773110616967 52.44918182308968824, 4.56989581142954293 52.44926238633111382, 4.57937509911315388 52.44716851360126242, 4.58726626104262003 52.44692512149708818, 4.59034505040430485 52.44996489843924792, 4.59034505040430485 52.44996489843924792)))</t>
  </si>
  <si>
    <t>MultiPolygon (((4.59152754571701571 52.45231305624370322, 4.59583563744333468 52.45009777878578916, 4.59539009426679712 52.44892659769721632, 4.59034505040430485 52.44996489843924792, 4.59152754571701571 52.45231305624370322, 4.59152754571701571 52.45231305624370322)))</t>
  </si>
  <si>
    <t>MultiPolygon (((4.59583563744333468 52.45009777878578916, 4.59641831472819717 52.45067915196246844, 4.60269581945483441 52.44836119278791386, 4.60016103708749124 52.44648127241396907, 4.59539009426679712 52.44892659769721632, 4.59583563744333468 52.45009777878578916, 4.59583563744333468 52.45009777878578916)))</t>
  </si>
  <si>
    <t>MultiPolygon (((4.60574982366281382 52.45674116043423396, 4.6061355156736763 52.45667124283244931, 4.61199061039892744 52.45095195555484935, 4.61458407860156505 52.45131657192940366, 4.61566765321200467 52.44669904013260009, 4.61793809689385348 52.44409632159552359, 4.61402374571543206 52.44429657072275575, 4.61302920554972751 52.44644861246889889, 4.61173199344686324 52.44698584480921966, 4.60738312350946 52.44573492854634367, 4.59734445834379724 52.44572123268739006, 4.60016103708749124 52.44648127241396907, 4.60269581945483441 52.44836119278791386, 4.59641831472819717 52.45067915196246844, 4.59794355494456575 52.45221527315748489, 4.60141765145843618 52.45564536948860024, 4.60368938839381947 52.45636961242898622, 4.60574982366281382 52.45674116043423396, 4.60574982366281382 52.45674116043423396)))</t>
  </si>
  <si>
    <t>MultiPolygon (((4.58993621908740224 52.45285982293953708, 4.59171056567732094 52.45459035360536149, 4.59794355494456575 52.45221527315748489, 4.59641831472819717 52.45067915196246844, 4.59583563744333468 52.45009777878578916, 4.59152754571701571 52.45231305624370322, 4.58993621908740224 52.45285982293953708, 4.58993621908740224 52.45285982293953708)))</t>
  </si>
  <si>
    <t>MultiPolygon (((4.59646341082786236 52.4568564701886757, 4.60141765145843618 52.45564536948860024, 4.59794355494456575 52.45221527315748489, 4.59171056567732094 52.45459035360536149, 4.59646341082786236 52.4568564701886757, 4.59646341082786236 52.4568564701886757)))</t>
  </si>
  <si>
    <t>MultiPolygon (((4.54060537763936001 52.45913161168812877, 4.55485581468620637 52.46247005725103918, 4.55834628446538836 52.46101605655757538, 4.55992722752005886 52.45699517240466747, 4.56509330834703242 52.45798320783183044, 4.56465112730691036 52.45908712653831429, 4.5622816090594922 52.45988369656122785, 4.56432030177570347 52.4623298114475034, 4.56875068273803642 52.46262725761724965, 4.56945431244193934 52.46225668829404043, 4.56763032154656035 52.45964826572092932, 4.5692464922299294 52.45922333951912719, 4.57135971345876602 52.46220078208453685, 4.5786144839736691 52.46284193633261594, 4.57879116101343886 52.46243408728268776, 4.57704105769925906 52.4615973836772298, 4.57934063156989524 52.45990780641420059, 4.57930630226422064 52.45878397453791564, 4.58058239700094028 52.45874856717423995, 4.58644505919497281 52.45654309146765826, 4.58721602354044133 52.45724499316406764, 4.58170545293915588 52.45935714472636135, 4.58027196226282829 52.46118631485178696, 4.58155404416451351 52.46245412575266442, 4.59429341071296271 52.45766517577875021, 4.59581671142017889 52.45797905872064604, 4.59621318078402563 52.45836618474704949, 4.58581409142194296 52.46226093422065162, 4.59341551928892056 52.46066502049451685, 4.60145042975730245 52.461113440714918, 4.59871563539688122 52.45779029201754895, 4.59646341082786236 52.4568564701886757, 4.59171056567732094 52.45459035360536149, 4.58993621908740224 52.45285982293953708, 4.56796958494508321 52.45316775056425485, 4.567773110616967 52.44918182308968824, 4.56318532497723428 52.43764737725415159, 4.5604427326858934 52.43800580689843827, 4.56225845840315891 52.44645414175850817, 4.55842662924319875 52.44718332319586551, 4.55482973162599425 52.45627676605946021, 4.55169480005433069 52.4607043304932219, 4.5403264073433327 52.45810062300618881, 4.53800310982879918 52.45806414721773336, 4.53356677841029931 52.46093274265337669, 4.5320778985508694 52.46383655734508267, 4.53360036223851015 52.46384630000355997, 4.53534497342879384 52.46071833424257846, 4.53803720726402826 52.45900495030632271, 4.54060537763936001 52.45913161168812877, 4.54060537763936001 52.45913161168812877)),((4.57789060953586802 52.46421062275539526, 4.57369744882749085 52.46397063251008319, 4.57390142596282256 52.46550631082999416, 4.5779626842252803 52.46608700130453684, 4.57877729711972847 52.46444219890664584, 4.57789060953586802 52.46421062275539526, 4.57789060953586802 52.46421062275539526)))</t>
  </si>
  <si>
    <t>MultiPolygon (((4.59781290364654716 52.47122127847812578, 4.59482832447082501 52.47132460724741776, 4.5983883506807901 52.47236189914684701, 4.60888305156291711 52.47213804619704547, 4.62307285850751892 52.47051465279118077, 4.62529897710035609 52.4707598354482414, 4.62610808107575711 52.46760847045604947, 4.631081357288517 52.46423873028950879, 4.6184096435804447 52.46415724075934861, 4.60559758996955093 52.46407347039997404, 4.60615972941489993 52.46277913596946263, 4.60161201531524622 52.46117662689601957, 4.60145042975730245 52.461113440714918, 4.59341551928892056 52.46066502049451685, 4.58581409142194296 52.46226093422065162, 4.58219541095734861 52.463275256915189, 4.59036058066083186 52.46366513726972869, 4.59044377596640629 52.4644976413623283, 4.58693611654736166 52.46477249229411655, 4.59657283678649708 52.46534111596774608, 4.59648477477789186 52.46632914749413601, 4.5915119976951253 52.46640679311662581, 4.59146143205984103 52.46729659931301626, 4.60013935837619137 52.46680002937332432, 4.60505824886259507 52.46710094308986072, 4.60509534580427449 52.46839591997414942, 4.59207496992209929 52.46976229957195414, 4.59359806608055443 52.47014961266089017, 4.6013602526047821 52.46979362445826922, 4.6014918237256488 52.47148502259460656, 4.60010368922083579 52.47179087286247778, 4.59781290364654716 52.47122127847812578, 4.59781290364654716 52.47122127847812578)))</t>
  </si>
  <si>
    <t>MultiPolygon (((4.60145042975730245 52.461113440714918, 4.60161201531524622 52.46117662689601957, 4.60328710555539189 52.45884205044583837, 4.6034840984032348 52.45777015111202246, 4.60368938839381947 52.45636961242898622, 4.60141765145843618 52.45564536948860024, 4.59646341082786236 52.4568564701886757, 4.59871563539688122 52.45779029201754895, 4.60145042975730245 52.461113440714918, 4.60145042975730245 52.461113440714918)))</t>
  </si>
  <si>
    <t>MultiPolygon (((4.6034840984032348 52.45777015111202246, 4.60574982366281382 52.45674116043423396, 4.60368938839381947 52.45636961242898622, 4.6034840984032348 52.45777015111202246, 4.6034840984032348 52.45777015111202246)))</t>
  </si>
  <si>
    <t>MultiPolygon (((4.6061355156736763 52.45667124283244931, 4.616683132253244 52.45802024156088095, 4.61744533735768226 52.45635497887020904, 4.61910781681292448 52.45470723256898538, 4.62041726654016127 52.45173749814657072, 4.62058274084965426 52.44800713283721194, 4.61793809689385348 52.44409632159552359, 4.61566765321200467 52.44669904013260009, 4.61458407860156505 52.45131657192940366, 4.61199061039892744 52.45095195555484935, 4.6061355156736763 52.45667124283244931, 4.6061355156736763 52.45667124283244931)))</t>
  </si>
  <si>
    <t>MultiPolygon (((4.61744533735768226 52.45635497887020904, 4.62103646880166163 52.45664354401714036, 4.62243005744896429 52.45466953662690912, 4.61910781681292448 52.45470723256898538, 4.61744533735768226 52.45635497887020904, 4.61744533735768226 52.45635497887020904)))</t>
  </si>
  <si>
    <t>MultiPolygon (((4.62542472709929608 52.45952343005227902, 4.6256725052112877 52.45895336520083418, 4.62032791187877212 52.45809984954986049, 4.62103646880166163 52.45664354401714036, 4.61744533735768226 52.45635497887020904, 4.616683132253244 52.45802024156088095, 4.61676227174435638 52.45803313204377361, 4.62542472709929608 52.45952343005227902, 4.62542472709929608 52.45952343005227902)))</t>
  </si>
  <si>
    <t>MultiPolygon (((4.62103646880166163 52.45664354401714036, 4.62032791187877212 52.45809984954986049, 4.6256725052112877 52.45895336520083418, 4.62760307204130861 52.45553061368757852, 4.62243005744896429 52.45466953662690912, 4.62103646880166163 52.45664354401714036, 4.62103646880166163 52.45664354401714036)))</t>
  </si>
  <si>
    <t>MultiPolygon (((4.62243005744896429 52.45466953662690912, 4.62760307204130861 52.45553061368757852, 4.62819184394508021 52.45445590024205984, 4.62950961629585578 52.45236259668337908, 4.62041726654016127 52.45173749814657072, 4.61910781681292448 52.45470723256898538, 4.62243005744896429 52.45466953662690912, 4.62243005744896429 52.45466953662690912)))</t>
  </si>
  <si>
    <t>MultiPolygon (((4.62819184394508021 52.45445590024205984, 4.63290734927019621 52.45503922067101144, 4.63311820030639065 52.45195352992038806, 4.63282696474602407 52.45095178900400157, 4.63283656804640209 52.45069654477962473, 4.62992656892932519 52.44938724766267768, 4.62584924419838917 52.4460735565088001, 4.62133569358460239 52.44577925797436535, 4.61793809689385348 52.44409632159552359, 4.62058274084965426 52.44800713283721194, 4.62041726654016127 52.45173749814657072, 4.62950961629585578 52.45236259668337908, 4.62819184394508021 52.45445590024205984, 4.62819184394508021 52.45445590024205984)))</t>
  </si>
  <si>
    <t>MultiPolygon (((4.62569159887977932 52.45974936098109964, 4.63255103122815548 52.46025769107413339, 4.63290734927019621 52.45503922067101144, 4.62819184394508021 52.45445590024205984, 4.62760307204130861 52.45553061368757852, 4.6256725052112877 52.45895336520083418, 4.62542472709929608 52.45952343005227902, 4.62569159887977932 52.45974936098109964, 4.62569159887977932 52.45974936098109964)))</t>
  </si>
  <si>
    <t>MultiPolygon (((4.6205288121730268 52.46075159211093819, 4.62461758430471992 52.46162300033140014, 4.62569159887977932 52.45974936098109964, 4.62542472709929608 52.45952343005227902, 4.61676227174435638 52.45803313204377361, 4.61615865887300281 52.45922372567367375, 4.61991842211419534 52.46023972843151029, 4.6205288121730268 52.46075159211093819, 4.6205288121730268 52.46075159211093819)))</t>
  </si>
  <si>
    <t>MultiPolygon (((4.60328710555539189 52.45884205044583837, 4.60653237641265889 52.4586747678881693, 4.60732562874348073 52.457954675196099, 4.61615865887300281 52.45922372567367375, 4.61676227174435638 52.45803313204377361, 4.616683132253244 52.45802024156088095, 4.6061355156736763 52.45667124283244931, 4.60574982366281382 52.45674116043423396, 4.6034840984032348 52.45777015111202246, 4.60328710555539189 52.45884205044583837, 4.60328710555539189 52.45884205044583837)))</t>
  </si>
  <si>
    <t>MultiPolygon (((4.61094536266083121 52.46203280254914603, 4.61991842211419534 52.46023972843151029, 4.61615865887300281 52.45922372567367375, 4.60732562874348073 52.457954675196099, 4.60653237641265889 52.4586747678881693, 4.61094536266083121 52.46203280254914603, 4.61094536266083121 52.46203280254914603)))</t>
  </si>
  <si>
    <t>MultiPolygon (((4.60615972941489993 52.46277913596946263, 4.61094536266083121 52.46203280254914603, 4.60653237641265889 52.4586747678881693, 4.60328710555539189 52.45884205044583837, 4.60161201531524622 52.46117662689601957, 4.60615972941489993 52.46277913596946263, 4.60615972941489993 52.46277913596946263)))</t>
  </si>
  <si>
    <t>MultiPolygon (((4.60615972941489993 52.46277913596946263, 4.60559758996955093 52.46407347039997404, 4.6184096435804447 52.46415724075934861, 4.6205288121730268 52.46075159211093819, 4.61991842211419534 52.46023972843151029, 4.61094536266083121 52.46203280254914603, 4.60615972941489993 52.46277913596946263, 4.60615972941489993 52.46277913596946263)))</t>
  </si>
  <si>
    <t>MultiPolygon (((4.6184096435804447 52.46415724075934861, 4.631081357288517 52.46423873028950879, 4.63133320778609203 52.46303233077424011, 4.62461758430471992 52.46162300033140014, 4.6205288121730268 52.46075159211093819, 4.6184096435804447 52.46415724075934861, 4.6184096435804447 52.46415724075934861)))</t>
  </si>
  <si>
    <t>MultiPolygon (((4.62461758430471992 52.46162300033140014, 4.63133320778609203 52.46303233077424011, 4.63255103122815548 52.46025769107413339, 4.62569159887977932 52.45974936098109964, 4.62461758430471992 52.46162300033140014, 4.62461758430471992 52.46162300033140014)))</t>
  </si>
  <si>
    <t>MultiPolygon (((4.62584924419838917 52.4460735565088001, 4.62992656892932519 52.44938724766267768, 4.63283656804640209 52.45069654477962473, 4.63260934517612721 52.44479457782692577, 4.63786509039615868 52.44898372644276208, 4.63906527339391594 52.44270755102687787, 4.63528825177996584 52.43970404081505166, 4.63375390153883782 52.43666367064185607, 4.63208211914114099 52.43687264680189486, 4.63202127665450725 52.43919330814317448, 4.6298148892709774 52.44240923059972204, 4.62594028248238409 52.44513455848306904, 4.62584924419838917 52.4460735565088001, 4.62584924419838917 52.4460735565088001)))</t>
  </si>
  <si>
    <t>MultiPolygon (((4.63283656804640209 52.45069654477962473, 4.63282696474602407 52.45095178900400157, 4.63786509039615868 52.44898372644276208, 4.63260934517612721 52.44479457782692577, 4.63283656804640209 52.45069654477962473, 4.63283656804640209 52.45069654477962473)))</t>
  </si>
  <si>
    <t>MultiPolygon (((4.63282696474602407 52.45095178900400157, 4.63311820030639065 52.45195352992038806, 4.63814867192790459 52.45347199783250147, 4.64602034339470027 52.4451313688813201, 4.64004092969386761 52.44320672943728567, 4.63906527339391594 52.44270755102687787, 4.63786509039615868 52.44898372644276208, 4.63282696474602407 52.45095178900400157, 4.63282696474602407 52.45095178900400157)))</t>
  </si>
  <si>
    <t>MultiPolygon (((4.64771033424483981 52.46388955319414293, 4.66192474676619462 52.46175677252436031, 4.65936756276280128 52.46041454291648876, 4.65943721066464978 52.458502941501294, 4.65582375331783638 52.45799889066192634, 4.65176760768416564 52.45784982033275412, 4.64672395603455168 52.4603112712808084, 4.64771033424483981 52.46388955319414293, 4.64771033424483981 52.46388955319414293)))</t>
  </si>
  <si>
    <t>MultiPolygon (((4.631081357288517 52.46423873028950879, 4.63260822276632833 52.46420559533628136, 4.64420863370522419 52.46399632024042603, 4.64672395603455168 52.4603112712808084, 4.65176760768416564 52.45784982033275412, 4.65582375331783638 52.45799889066192634, 4.65826107738679163 52.45132735548867942, 4.65518516007853034 52.44952855084228815, 4.65478693512002106 52.45136947523378979, 4.64938578713489292 52.44633289830716905, 4.64602034339470027 52.4451313688813201, 4.63814867192790459 52.45347199783250147, 4.63311820030639065 52.45195352992038806, 4.63290734927019621 52.45503922067101144, 4.63255103122815548 52.46025769107413339, 4.63133320778609203 52.46303233077424011, 4.631081357288517 52.46423873028950879, 4.631081357288517 52.46423873028950879)))</t>
  </si>
  <si>
    <t>MultiPolygon (((4.64420863370522419 52.46399632024042603, 4.64771033424483981 52.46388955319414293, 4.64672395603455168 52.4603112712808084, 4.64420863370522419 52.46399632024042603, 4.64420863370522419 52.46399632024042603)))</t>
  </si>
  <si>
    <t>MultiPolygon (((4.81453799296947604 52.23147152364059309, 4.81719277575191196 52.22832489218393448, 4.81410001090213502 52.22716933084595325, 4.80819825959944058 52.22711518609006021, 4.80527504607665179 52.22797416890117717, 4.80194256018320065 52.22692220455095224, 4.79457569770200998 52.22673066516719587, 4.78941001019442592 52.227875101677391, 4.78687508048500998 52.22788274775380302, 4.78493639810069737 52.22862617485601078, 4.78098562917489911 52.22874123571206439, 4.7764001581207669 52.22737266284006807, 4.7746502792923895 52.22458274703372894, 4.77122858093731939 52.22275277496179768, 4.76207448726245186 52.21813027116462536, 4.75984785507797525 52.21758649717012446, 4.75329850574864299 52.21746780239111985, 4.75066883620448355 52.21572055167460036, 4.74797156537958198 52.21486789898919056, 4.74362988260378948 52.21479282626706464, 4.73438914154968238 52.20655566389649493, 4.73283364001259166 52.20697206280470226, 4.72876599773108452 52.20981881328605567, 4.72956253094800427 52.21027114687225179, 4.72473895177563019 52.21258338117544895, 4.72537937174498879 52.21280391232006224, 4.72978173132185642 52.21081431197103484, 4.73258554738247561 52.2121431203530193, 4.73335701402903553 52.21480906722343462, 4.74615675933416092 52.22079422374366686, 4.74585279614008027 52.22173020619089101, 4.74832501696619858 52.22323674501935642, 4.7535806820081179 52.22126468373278385, 4.75809882628357617 52.22328070138829759, 4.76037480142290725 52.22254421451714279, 4.76810887949796136 52.22569282358135467, 4.77185607859149297 52.23038937906738255, 4.77193583424066148 52.23266101365008751, 4.77340582746267827 52.23148611440355893, 4.78471501364442808 52.2296612818441659, 4.78440567117849458 52.22905457671337359, 4.78632900942183337 52.2291077815989766, 4.79835087536540073 52.23930262969914651, 4.80408765952973393 52.24056395798680086, 4.80598418319887966 52.23989857500058775, 4.80651159911728154 52.23877071409353334, 4.8039674533459511 52.2325885107091068, 4.81453799296947604 52.23147152364059309, 4.81453799296947604 52.23147152364059309)))</t>
  </si>
  <si>
    <t>MultiPolygon (((4.78370015032612095 52.23990351207765315, 4.78188131696207996 52.23901002519421155, 4.77809949988281879 52.23956818620355591, 4.77285597850039789 52.23498662895327271, 4.77193583424066148 52.23266101365008751, 4.77185607859149297 52.23038937906738255, 4.76810887949796136 52.22569282358135467, 4.76037480142290725 52.22254421451714279, 4.75809882628357617 52.22328070138829759, 4.7535806820081179 52.22126468373278385, 4.74832501696619858 52.22323674501935642, 4.74585279614008027 52.22173020619089101, 4.74615675933416092 52.22079422374366686, 4.73335701402903553 52.21480906722343462, 4.73258554738247561 52.2121431203530193, 4.72978173132185642 52.21081431197103484, 4.72537937174498879 52.21280391232006224, 4.72473895177563019 52.21258338117544895, 4.72455878454783562 52.21322283529502783, 4.72376439995501496 52.2165736521099646, 4.77327152044337222 52.24103401868972441, 4.7680652501942431 52.24539430606063917, 4.7678883376201231 52.2469774709752528, 4.76899434041750592 52.24839810999909417, 4.76926907180641191 52.24791721911178399, 4.78803378127500512 52.24476055906808369, 4.78598371891106744 52.24473212097516495, 4.78295813993486263 52.24050133379209626, 4.78370015032612095 52.23990351207765315, 4.78370015032612095 52.23990351207765315)))</t>
  </si>
  <si>
    <t>MultiPolygon (((4.78803378127500512 52.24476055906808369, 4.79027405366671566 52.24439021651733839, 4.79230301857523777 52.24325898994081996, 4.79298806651883869 52.2419081101370395, 4.79850864507869712 52.2413663288467589, 4.80138001801748437 52.24245606092250682, 4.80716359134877358 52.24018017031864503, 4.80651159911728154 52.23877071409353334, 4.80598418319887966 52.23989857500058775, 4.80408765952973393 52.24056395798680086, 4.79835087536540073 52.23930262969914651, 4.78632900942183337 52.2291077815989766, 4.78440567117849458 52.22905457671337359, 4.78471501364442808 52.2296612818441659, 4.77340582746267827 52.23148611440355893, 4.77193583424066148 52.23266101365008751, 4.77285597850039789 52.23498662895327271, 4.77809949988281879 52.23956818620355591, 4.78188131696207996 52.23901002519421155, 4.78370015032612095 52.23990351207765315, 4.78295813993486263 52.24050133379209626, 4.78598371891106744 52.24473212097516495, 4.78803378127500512 52.24476055906808369, 4.78803378127500512 52.24476055906808369)))</t>
  </si>
  <si>
    <t>MultiPolygon (((4.85127314294974532 52.24189019873819007, 4.85215655257544309 52.23964121685521178, 4.85079212774606106 52.23860661820339857, 4.84732573131968891 52.23978137583854675, 4.84599513094446088 52.23765778566295381, 4.84299589773695605 52.23678997151127845, 4.8428452504379047 52.23534723765730092, 4.83963261874396888 52.23539129234757894, 4.83835486894006461 52.23770723487753287, 4.83349601630498249 52.23602716982648531, 4.82624093795367504 52.24021617504185144, 4.83115642551975455 52.24264929611115349, 4.83475494563207331 52.24054168906764062, 4.8437720878035142 52.24566543961165621, 4.85205325858766301 52.24201349017285878, 4.85127314294974532 52.24189019873819007, 4.85127314294974532 52.24189019873819007)))</t>
  </si>
  <si>
    <t>MultiPolygon (((4.80651159911728154 52.23877071409353334, 4.80716359134877358 52.24018017031864503, 4.81637923616349273 52.23637161476415969, 4.82235376524356418 52.23503014626728458, 4.82525215377162642 52.23340435478683474, 4.82704850325911572 52.23331742439946623, 4.82757806143509693 52.2329286041909242, 4.8286135978502891 52.23059309386945159, 4.82200262690207904 52.22919439365267635, 4.81719277575191196 52.22832489218393448, 4.81453799296947604 52.23147152364059309, 4.8039674533459511 52.2325885107091068, 4.80651159911728154 52.23877071409353334, 4.80651159911728154 52.23877071409353334)))</t>
  </si>
  <si>
    <t>MultiPolygon (((4.79469729887480334 52.26068175822467055, 4.79531887615561381 52.26098401024997742, 4.80752422539537605 52.25757350165203974, 4.80097329419214258 52.24859871711073112, 4.78088822536014302 52.25351974943959021, 4.78293107679944107 52.25514832487354511, 4.79460317045361162 52.26005503161249521, 4.79469729887480334 52.26068175822467055, 4.79469729887480334 52.26068175822467055)))</t>
  </si>
  <si>
    <t>MultiPolygon (((4.78088822536014302 52.25351974943959021, 4.80097329419214258 52.24859871711073112, 4.80741864157436538 52.24596460655580898, 4.80710930491014299 52.24554010030617235, 4.8139173613340116 52.23985459580031687, 4.81586433815470816 52.24107622045012533, 4.81657627571268154 52.23997442539189251, 4.82704850325911572 52.23331742439946623, 4.82525215377162642 52.23340435478683474, 4.82235376524356418 52.23503014626728458, 4.81637923616349273 52.23637161476415969, 4.80716359134877358 52.24018017031864503, 4.80138001801748437 52.24245606092250682, 4.79850864507869712 52.2413663288467589, 4.79298806651883869 52.2419081101370395, 4.79230301857523777 52.24325898994081996, 4.79027405366671566 52.24439021651733839, 4.78803378127500512 52.24476055906808369, 4.76926907180641191 52.24791721911178399, 4.76899434041750592 52.24839810999909417, 4.77086668768134281 52.24990888768794406, 4.77919718615685074 52.25353577354783141, 4.78088822536014302 52.25351974943959021, 4.78088822536014302 52.25351974943959021)))</t>
  </si>
  <si>
    <t>MultiPolygon (((4.80752422539537605 52.25757350165203974, 4.82483561419773821 52.25274858001375833, 4.81871765679731023 52.24440219834573895, 4.81586433815470816 52.24107622045012533, 4.8139173613340116 52.23985459580031687, 4.80710930491014299 52.24554010030617235, 4.80741864157436538 52.24596460655580898, 4.80097329419214258 52.24859871711073112, 4.80752422539537605 52.25757350165203974, 4.80752422539537605 52.25757350165203974)))</t>
  </si>
  <si>
    <t>MultiPolygon (((4.82483561419773821 52.25274858001375833, 4.83476345327208357 52.24982397008815127, 4.8437720878035142 52.24566543961165621, 4.83475494563207331 52.24054168906764062, 4.83115642551975455 52.24264929611115349, 4.82624093795367504 52.24021617504185144, 4.81871765679731023 52.24440219834573895, 4.82483561419773821 52.25274858001375833, 4.82483561419773821 52.25274858001375833)))</t>
  </si>
  <si>
    <t>MultiPolygon (((4.81586433815470816 52.24107622045012533, 4.81871765679731023 52.24440219834573895, 4.82624093795367504 52.24021617504185144, 4.83349601630498249 52.23602716982648531, 4.82757806143509693 52.2329286041909242, 4.82704850325911572 52.23331742439946623, 4.81657627571268154 52.23997442539189251, 4.81586433815470816 52.24107622045012533, 4.81586433815470816 52.24107622045012533)))</t>
  </si>
  <si>
    <t>MultiPolygon (((4.83349601630498249 52.23602716982648531, 4.83835486894006461 52.23770723487753287, 4.83963261874396888 52.23539129234757894, 4.8286135978502891 52.23059309386945159, 4.82757806143509693 52.2329286041909242, 4.83349601630498249 52.23602716982648531, 4.83349601630498249 52.23602716982648531)))</t>
  </si>
  <si>
    <t>MultiPolygon (((4.71878615990816019 52.5516228692043228, 4.71980446612080939 52.54385454116335552, 4.72372423735487068 52.54666921791859124, 4.73539017023494324 52.54382255377879574, 4.7504365099774315 52.53789552455052103, 4.75527555562883109 52.53573555082731161, 4.75947618454109467 52.5373788206545882, 4.76242794064359742 52.5375106006610082, 4.76801900006963919 52.53463451311827015, 4.77469581163579626 52.53454916975928057, 4.77773343274824658 52.53374487745031018, 4.77784562565547777 52.53177033861524592, 4.78247645770437835 52.51958096011077259, 4.77556580915708562 52.51942158415243966, 4.76720320434540046 52.5197519240031454, 4.76702692054584265 52.518866415151642, 4.76361944837543305 52.51970718149582495, 4.76122765704560358 52.51855380425712383, 4.75242807697536218 52.52123269902497071, 4.7497286872419231 52.52007465777739981, 4.74814252556866201 52.51705499070588701, 4.748458849630107 52.51498202971286133, 4.75225374382805832 52.51107955126768445, 4.75276780782711228 52.51059187875357281, 4.75067406660964053 52.50829092695318678, 4.74841042272503167 52.50766161381162789, 4.7461739004298229 52.50594861438316485, 4.73973950677052169 52.50162294523970274, 4.73157719483248584 52.49633144378292116, 4.72137386225431221 52.49513887378078181, 4.72036709248590203 52.49495391256382248, 4.71170386614667525 52.49681687492154225, 4.70542376056273071 52.50010752059113628, 4.70344272652521056 52.50310441193227717, 4.70585819304040864 52.50625110323462508, 4.70793756285160736 52.50614115437218743, 4.70915174017823457 52.50985641077403443, 4.70652674096591017 52.51039716395552404, 4.70385496137499892 52.50832887890574341, 4.70123574100800212 52.50886276543511855, 4.69708529784165307 52.50754790013111517, 4.69461180339424367 52.50762400232078164, 4.69511473479667973 52.50999840152609011, 4.69259980487401762 52.51100248478756782, 4.6906744501203379 52.51561836528703253, 4.69139522521449859 52.51688738063744921, 4.69058581073138559 52.51908252058649396, 4.69283034681819178 52.5222817157632349, 4.69573616487372547 52.52672806307518272, 4.6974674658805764 52.52916404913501935, 4.69940874830961874 52.52459881547471099, 4.69831292776321341 52.52342022542831046, 4.69700296893333569 52.52169262359135615, 4.69566328108827058 52.52123032264130131, 4.69585867433854975 52.51479408397307935, 4.69743314317764771 52.51375079232803955, 4.69894063382745486 52.51465265907060598, 4.70465618262025753 52.51087284608120598, 4.7062736432561314 52.51062751306378829, 4.70884331696342784 52.51359589481305079, 4.70803474814588174 52.51804174556244931, 4.71152436707271782 52.51658182657204321, 4.71261757415882787 52.52334411097417899, 4.71647859741487707 52.52749092148967947, 4.72027850405058569 52.52724179893755974, 4.72124367693191438 52.53369600917055493, 4.72051488535440367 52.53974805458421571, 4.71970805534548976 52.54070663081383685, 4.71718422903166257 52.5409171008799305, 4.71538521562476109 52.537087241051033, 4.71620806757024269 52.5323467091832228, 4.71371506836197707 52.53303336553230451, 4.71187334741774588 52.53685646835196366, 4.70748659061006869 52.53889370533278935, 4.70576863336015627 52.53370025139741273, 4.70300034979128867 52.53077612831067711, 4.69760435285003197 52.52924108319548679, 4.69559681399728035 52.53587368586808992, 4.69453449027627379 52.54418829969035443, 4.70369281841260722 52.54539639880253077, 4.70643110255700936 52.54629492986058636, 4.70589765121025927 52.54822339202659975, 4.71878615990816019 52.5516228692043228, 4.71878615990816019 52.5516228692043228)))</t>
  </si>
  <si>
    <t>MultiPolygon (((4.71620806757024269 52.5323467091832228, 4.71538521562476109 52.537087241051033, 4.71718422903166257 52.5409171008799305, 4.71970805534548976 52.54070663081383685, 4.72051488535440367 52.53974805458421571, 4.72124367693191438 52.53369600917055493, 4.72027850405058569 52.52724179893755974, 4.71555496778903027 52.52883765442328468, 4.71620806757024269 52.5323467091832228, 4.71620806757024269 52.5323467091832228)))</t>
  </si>
  <si>
    <t>MultiPolygon (((4.71371506836197707 52.53303336553230451, 4.71620806757024269 52.5323467091832228, 4.71555496778903027 52.52883765442328468, 4.72027850405058569 52.52724179893755974, 4.71647859741487707 52.52749092148967947, 4.71261757415882787 52.52334411097417899, 4.71152436707271782 52.51658182657204321, 4.70803474814588174 52.51804174556244931, 4.70675106887139627 52.51944965400646481, 4.70229438614323847 52.52108252771810015, 4.70457172379934985 52.52245674782542295, 4.70525975934766993 52.52592688609052374, 4.70813523784594956 52.52930772534825365, 4.71371506836197707 52.53303336553230451, 4.71371506836197707 52.53303336553230451)))</t>
  </si>
  <si>
    <t>MultiPolygon (((4.70675106887139627 52.51944965400646481, 4.70803474814588174 52.51804174556244931, 4.70884331696342784 52.51359589481305079, 4.7062736432561314 52.51062751306378829, 4.70465618262025753 52.51087284608120598, 4.69894063382745486 52.51465265907060598, 4.70120750223805839 52.51616615726410231, 4.70249682925334334 52.51556250202943943, 4.70376694702330589 52.51619790125474196, 4.70675106887139627 52.51944965400646481, 4.70675106887139627 52.51944965400646481)))</t>
  </si>
  <si>
    <t>MultiPolygon (((4.69831292776321341 52.52342022542831046, 4.70229438614323847 52.52108252771810015, 4.70675106887139627 52.51944965400646481, 4.70376694702330589 52.51619790125474196, 4.70249682925334334 52.51556250202943943, 4.70120750223805839 52.51616615726410231, 4.69894063382745486 52.51465265907060598, 4.69743314317764771 52.51375079232803955, 4.69585867433854975 52.51479408397307935, 4.69566328108827058 52.52123032264130131, 4.69700296893333569 52.52169262359135615, 4.69831292776321341 52.52342022542831046, 4.69831292776321341 52.52342022542831046)))</t>
  </si>
  <si>
    <t>MultiPolygon (((4.69760435285003197 52.52924108319548679, 4.70300034979128867 52.53077612831067711, 4.70576863336015627 52.53370025139741273, 4.70748659061006869 52.53889370533278935, 4.71187334741774588 52.53685646835196366, 4.71371506836197707 52.53303336553230451, 4.70813523784594956 52.52930772534825365, 4.70525975934766993 52.52592688609052374, 4.70457172379934985 52.52245674782542295, 4.70229438614323847 52.52108252771810015, 4.69831292776321341 52.52342022542831046, 4.69940874830961874 52.52459881547471099, 4.6974674658805764 52.52916404913501935, 4.69760435285003197 52.52924108319548679, 4.69760435285003197 52.52924108319548679)))</t>
  </si>
  <si>
    <t>MultiPolygon (((4.79605796230802461 53.10227084133174458, 4.79950703867373463 53.101164547268489, 4.80284861780396355 53.09882878311785248, 4.82759542017925103 53.09087686208524559, 4.83726603829818913 53.08761925756362388, 4.83743080239067513 53.0871038748259565, 4.83176711546366189 53.08390508946095565, 4.82298097338157561 53.08001403260944073, 4.82068941927103811 53.0759588928089272, 4.81941879886810476 53.07258659758349495, 4.81724871625827245 53.07115800350324264, 4.81601348283096442 53.070812890727602, 4.81205653660424293 53.07171952733858689, 4.80614785949964141 53.07442055010346849, 4.7965882531561963 53.07218958694422639, 4.7920047780838475 53.06826520806357905, 4.78635704572633713 53.0667071042202565, 4.78412008315967707 53.06685704859621211, 4.78039359071688619 53.06535269149573963, 4.77839000011096804 53.06790695733410956, 4.77810609175044387 53.0725193586218964, 4.78686007226569021 53.08449549780563359, 4.7885918697863552 53.09311793132994239, 4.79013061787618533 53.09585458027975591, 4.79612533017907161 53.10039925915773296, 4.79605796230802461 53.10227084133174458, 4.79605796230802461 53.10227084133174458)))</t>
  </si>
  <si>
    <t>MultiPolygon (((4.90024373670584268 53.12501434788355681, 4.89833570100839655 53.10014770929961969, 4.89136664083860317 53.09970182317594123, 4.88853369249673797 53.0965247350239764, 4.87678813701460978 53.09547276622429024, 4.8563038081794323 53.0897000547832576, 4.85408536596993745 53.08960483486837489, 4.84977636811483226 53.09067289706425896, 4.84517008141187944 53.09030617952673481, 4.83726603829818913 53.08761925756362388, 4.82759542017925103 53.09087686208524559, 4.83959187375711597 53.09918657350621629, 4.85527800695883016 53.10276460827420664, 4.86431073590491803 53.10800447072526964, 4.87790403901079106 53.11436894413328957, 4.88489485680478364 53.1253540383180578, 4.89794863697763283 53.12545296005664852, 4.90024373670584268 53.12501434788355681, 4.90024373670584268 53.12501434788355681)))</t>
  </si>
  <si>
    <t>MultiPolygon (((4.8611227808893327 53.18302094133238711, 4.87309315466033155 53.17232548617890586, 4.87479086319324484 53.16684232035441227, 4.87968723251334602 53.16400983330692753, 4.87685270643283619 53.16159200055705014, 4.87300774570166961 53.16128942793784518, 4.85710129161707727 53.15749890011588263, 4.85747772456522853 53.15116494609128495, 4.86305440766934449 53.15229977123237148, 4.86545684368666276 53.15165876933292566, 4.86771312549257917 53.1519718388186746, 4.87872365861853741 53.1569682630421454, 4.88106810385930245 53.15508387923212297, 4.88650598738525765 53.1560572584706108, 4.89335336606356108 53.15162264488328958, 4.907755071058018 53.13537370792855796, 4.90833692735761939 53.13302772531309159, 4.90592181036883712 53.13126444099345491, 4.90444056508863557 53.132161403239202, 4.90536215483349913 53.13028746528934931, 4.90465651662981461 53.12897027999967747, 4.90214038682249686 53.12781864730519743, 4.90296417526990869 53.12581091322403637, 4.90024373670584268 53.12501434788355681, 4.89794863697763283 53.12545296005664852, 4.88489485680478364 53.1253540383180578, 4.87790403901079106 53.11436894413328957, 4.86431073590491803 53.10800447072526964, 4.85527800695883016 53.10276460827420664, 4.83959187375711597 53.09918657350621629, 4.82759542017925103 53.09087686208524559, 4.80284861780396355 53.09882878311785248, 4.79950703867373463 53.101164547268489, 4.79605796230802461 53.10227084133174458, 4.79051277007205201 53.1049784930643014, 4.78532543516998565 53.10637852851492369, 4.79243162483250007 53.11041674573751692, 4.80123779661930783 53.11751024793829146, 4.83665459588593105 53.14783902824860462, 4.84163786360622872 53.15447993149095396, 4.84389705041576146 53.16875415525277759, 4.84674170561813344 53.16955439207315948, 4.85447746532203084 53.17671645559894955, 4.85757543116682644 53.17814993330249251, 4.85692947829317756 53.18118428718319279, 4.85969880580371782 53.18349961384676305, 4.8611227808893327 53.18302094133238711, 4.8611227808893327 53.18302094133238711)))</t>
  </si>
  <si>
    <t>MultiPolygon (((4.87685270643283619 53.16159200055705014, 4.87758957575135543 53.15782916919761902, 4.87872365861853741 53.1569682630421454, 4.86771312549257917 53.1519718388186746, 4.86545684368666276 53.15165876933292566, 4.86305440766934449 53.15229977123237148, 4.85747772456522853 53.15116494609128495, 4.85710129161707727 53.15749890011588263, 4.87300774570166961 53.16128942793784518, 4.87685270643283619 53.16159200055705014, 4.87685270643283619 53.16159200055705014)))</t>
  </si>
  <si>
    <t>MultiPolygon (((4.67444896728558046 52.97674027443269296, 4.67780874178351347 52.97649640332281962, 4.67913114867663271 52.97800902592166494, 4.68081019254100728 52.97861359543221482, 4.68550933573471085 52.97895678245347284, 4.69681822618506928 52.97669403437298996, 4.70312438101397134 52.97605515686638711, 4.70871402756659663 52.97469141048355112, 4.70242914991920102 52.97343589368486505, 4.69005416805043662 52.96881291306817729, 4.68374330062528887 52.96483326876025899, 4.67733582193194497 52.9592552652707127, 4.67131045163897163 52.95925620009441559, 4.6632921320725309 52.9615925651767725, 4.65960673699287753 52.96407776563849978, 4.65744508868981466 52.96883124235329632, 4.65754615836854668 52.97420705770648652, 4.65878713081910334 52.97731622161047227, 4.66306134381540538 52.98263593208869793, 4.66504060217392791 52.9840285366724828, 4.67041381044217729 52.98581306528856771, 4.67683176352571106 52.98581865380101874, 4.67968536454374906 52.98473529241686464, 4.67911294058964522 52.9840765905414699, 4.67440748057952948 52.98285937698433656, 4.66915944327125931 52.97919949982748733, 4.66988425966633081 52.97791750167686331, 4.67444896728558046 52.97674027443269296, 4.67444896728558046 52.97674027443269296)),((4.85969880580371782 53.18349961384676305, 4.85692947829317756 53.18118428718319279, 4.85757543116682644 53.17814993330249251, 4.85447746532203084 53.17671645559894955, 4.84674170561813344 53.16955439207315948, 4.84389705041576146 53.16875415525277759, 4.84163786360622872 53.15447993149095396, 4.83665459588593105 53.14783902824860462, 4.80123779661930783 53.11751024793829146, 4.79243162483250007 53.11041674573751692, 4.78532543516998565 53.10637852851492369, 4.79051277007205201 53.1049784930643014, 4.79605796230802461 53.10227084133174458, 4.79612533017907161 53.10039925915773296, 4.79013061787618533 53.09585458027975591, 4.7885918697863552 53.09311793132994239, 4.78686007226569021 53.08449549780563359, 4.77810609175044387 53.0725193586218964, 4.77839000011096804 53.06790695733410956, 4.78039359071688619 53.06535269149573963, 4.75890400499824384 53.05832864374209379, 4.74264586026070045 53.05148848517637816, 4.74234992252319021 53.05052255158241792, 4.74916778266901929 53.0424265050178505, 4.74997439158401136 53.03652568373374265, 4.75305042630295915 53.0305655660571702, 4.74067838047565449 53.02795342616568774, 4.74009721197416134 53.026942129544409, 4.7419485833197168 53.02260891757105554, 4.75085769523141099 53.02333790660050283, 4.75270362243027922 53.01970094009304546, 4.75050188028824838 53.01842048382670924, 4.74021387618504164 53.01699262572397231, 4.74062961358441548 53.01569185046723476, 4.74322855467788429 53.01356261946880011, 4.75205196585055045 53.01176702225523485, 4.76145030209148512 53.00859100743008412, 4.76754253009403861 53.01036158167737256, 4.78101968284338774 53.00549656024671918, 4.78463645649801617 53.00520087258382063, 4.78789610018448908 53.00270780571064222, 4.79310053738920328 53.00238534953685843, 4.78498896516328642 53.00175309434624893, 4.78242562215415923 53.00414533754815949, 4.78060436790770282 53.00317828579822077, 4.78225214973399915 53.00137026787263039, 4.7728186877839871 53.00595875061764417, 4.76937324289572029 53.00589420495361992, 4.75497981000063596 53.01017196276272614, 4.74856027198240316 53.01100558660016304, 4.74986255698800441 53.01038146105113924, 4.74651226106874891 53.01017109127408133, 4.7538013696357595 53.00434689770419538, 4.76241402788311863 53.00120612424490929, 4.76387166448115806 53.00154430243168235, 4.76355018429813715 53.00227315055244759, 4.76873128606136998 53.00006087625853013, 4.77006823102491317 53.00011745847913147, 4.77201511209733731 52.9985164804187221, 4.77295412169121924 52.99853147002128395, 4.77366015143685463 52.9963271829910525, 4.75415747223174545 52.99656629381182427, 4.75996515984325619 52.99349731929831364, 4.74766096551503569 52.99090476916598647, 4.74646448994306791 52.98984183036393603, 4.72706411393282711 52.98577971261283182, 4.72193803135672407 52.98359123711595942, 4.72016206497190893 52.98455139626093313, 4.72033158120345142 52.99126594304298976, 4.71753926717273497 52.99532188159472668, 4.71278140197872197 52.9998515390164755, 4.70977757259690133 53.01311209060530416, 4.70862808377991726 53.02238303075455406, 4.71016286958894703 53.03328445980056927, 4.71611170626724174 53.05158973050080817, 4.72353209415966724 53.06762808367827233, 4.73524956916473716 53.08232247725456432, 4.74746368396950569 53.09498667288227125, 4.76124267847772131 53.09074621324190701, 4.76479731657811456 53.08800149650339506, 4.77443025523962117 53.08791243859999298, 4.77564088178558777 53.08832693331722652, 4.77700313097515838 53.09803327937915896, 4.77473670723415911 53.10269168185516975, 4.7732926965988991 53.10418482288699238, 4.76111669766176604 53.10837199250251928, 4.77571090693078215 53.1219991808080394, 4.79750411196681092 53.14090547188389024, 4.81024054621263364 53.15501174343193469, 4.82060788957012232 53.16429826253291679, 4.8311376650488711 53.1718133927795904, 4.83795792155060855 53.17881814721701517, 4.84086120191159175 53.18331919655866358, 4.8448872340678486 53.18482577400612143, 4.85189327383590108 53.18543259759470487, 4.85492968722802143 53.18515017641307452, 4.85969880580371782 53.18349961384676305, 4.85969880580371782 53.18349961384676305)))</t>
  </si>
  <si>
    <t>MultiPolygon (((4.75270362243027922 53.01970094009304546, 4.768126212649479 53.02002155503897995, 4.77858357614253215 53.02181742819361432, 4.78076837957877565 53.02363252409340788, 4.78152989744291013 53.02781220475437607, 4.78846799378995946 53.03119339098763163, 4.79258633277185986 53.02958572082008004, 4.79924974046467234 53.02987756246883322, 4.80143438456021521 53.03047519226130646, 4.812781252540141 53.02943386893498712, 4.8168324833294669 53.02967397148897533, 4.81948899164888012 53.02901565412180673, 4.79266993255447193 53.00840872992792896, 4.79302336906708071 53.00602998427015677, 4.79613887510563686 53.00505111486877752, 4.79310053738920328 53.00238534953685843, 4.78789610018448908 53.00270780571064222, 4.78463645649801617 53.00520087258382063, 4.78101968284338774 53.00549656024671918, 4.76754253009403861 53.01036158167737256, 4.76145030209148512 53.00859100743008412, 4.75205196585055045 53.01176702225523485, 4.74322855467788429 53.01356261946880011, 4.74062961358441548 53.01569185046723476, 4.74021387618504164 53.01699262572397231, 4.75050188028824838 53.01842048382670924, 4.75270362243027922 53.01970094009304546, 4.75270362243027922 53.01970094009304546)))</t>
  </si>
  <si>
    <t>MultiPolygon (((4.83726603829818913 53.08761925756362388, 4.84517008141187944 53.09030617952673481, 4.84977636811483226 53.09067289706425896, 4.85408536596993745 53.08960483486837489, 4.8563038081794323 53.0897000547832576, 4.87678813701460978 53.09547276622429024, 4.88853369249673797 53.0965247350239764, 4.89136664083860317 53.09970182317594123, 4.89833570100839655 53.10014770929961969, 4.90039520049266475 53.08785650412087875, 4.89971131790550274 53.0834039949513965, 4.89715716944002732 53.07856586536478005, 4.88765787169310961 53.07258814181715678, 4.88057694399820363 53.0708854323850403, 4.87878113272232561 53.06690236289951912, 4.87674894742909348 53.06563709523695138, 4.87319707607354591 53.06486420161537865, 4.87314651343597038 53.0553620377510029, 4.86159896927513291 53.04810894627896545, 4.8600153455280628 53.04431147901608057, 4.85628390151334965 53.04090483192733529, 4.85384039576307025 53.04054035758214525, 4.8550574058892968 53.04194110331363987, 4.85657883578415195 53.04166551966181231, 4.85851464021516133 53.0433061515658224, 4.86046447119921776 53.0467534697127121, 4.85984038338307478 53.04689438701319659, 4.85676396959824519 53.04476675251849827, 4.85799038751117074 53.04408920234256897, 4.8568644521350377 53.04361990112352032, 4.85539522318271377 53.04480075435645148, 4.84430595844165346 53.04435400976951342, 4.84573852931540383 53.04336808711975237, 4.84560449617377298 53.04256114764124419, 4.8426501821615604 53.03754661662486569, 4.83212191656421997 53.0337284613494262, 4.83059814990309189 53.029724192610459, 4.81948899164888012 53.02901565412180673, 4.8168324833294669 53.02967397148897533, 4.812781252540141 53.02943386893498712, 4.80143438456021521 53.03047519226130646, 4.79924974046467234 53.02987756246883322, 4.79258633277185986 53.02958572082008004, 4.78846799378995946 53.03119339098763163, 4.78152989744291013 53.02781220475437607, 4.78076837957877565 53.02363252409340788, 4.77858357614253215 53.02181742819361432, 4.768126212649479 53.02002155503897995, 4.75270362243027922 53.01970094009304546, 4.75085769523141099 53.02333790660050283, 4.75796924034558355 53.0243044772906913, 4.75927747537596169 53.0271162059609722, 4.7586591353042671 53.02884956475544698, 4.75305042630295915 53.0305655660571702, 4.74997439158401136 53.03652568373374265, 4.74916778266901929 53.0424265050178505, 4.74234992252319021 53.05052255158241792, 4.74264586026070045 53.05148848517637816, 4.75890400499824384 53.05832864374209379, 4.78039359071688619 53.06535269149573963, 4.78412008315967707 53.06685704859621211, 4.78635704572633713 53.0667071042202565, 4.7920047780838475 53.06826520806357905, 4.7965882531561963 53.07218958694422639, 4.80614785949964141 53.07442055010346849, 4.81205653660424293 53.07171952733858689, 4.81601348283096442 53.070812890727602, 4.81724871625827245 53.07115800350324264, 4.8198438934224006 53.07055028284769804, 4.82629720182357058 53.0706239287508339, 4.8302311751844913 53.07240525899091921, 4.82953845185970287 53.0745272588601722, 4.82419607297342612 53.07583895175886113, 4.82068941927103811 53.0759588928089272, 4.82298097338157561 53.08001403260944073, 4.83176711546366189 53.08390508946095565, 4.83743080239067513 53.0871038748259565, 4.83726603829818913 53.08761925756362388, 4.83726603829818913 53.08761925756362388),(4.88553155229524716 53.08992935780716493, 4.88534810200769609 53.090818770946683, 4.87920197292416091 53.08910573262307508, 4.87573162484918221 53.08935324690411761, 4.8742000612053582 53.09037841092873578, 4.86817240435363452 53.08765381687559426, 4.86654100417275881 53.08317615906558729, 4.86844188061707683 53.08183705444854183, 4.87145827688685795 53.08118454786002616, 4.87959035832686094 53.08166859223872791, 4.88521780118513593 53.08505310098139773, 4.88613018831009605 53.08707485643549262, 4.88553155229524716 53.08992935780716493, 4.88553155229524716 53.08992935780716493),(4.80708873513378876 53.06530639734289423, 4.80607849035121149 53.06632648490366222, 4.80098139573519056 53.0627492878327871, 4.79844682627036168 53.06188316341822286, 4.79010970057732788 53.06187894610562239, 4.78427579773761291 53.0582147887152189, 4.79281477250486443 53.0474397551815926, 4.80309653557644367 53.0466726193632212, 4.81014516886468613 53.04824906718759792, 4.80998378741829669 53.05007586220825999, 4.80633903239031213 53.05487596796250216, 4.81407718474301571 53.05709747025516521, 4.81405506466049271 53.05753768805076476, 4.81252594614395779 53.06003525999814485, 4.80708873513378876 53.06530639734289423, 4.80708873513378876 53.06530639734289423)))</t>
  </si>
  <si>
    <t>MultiPolygon (((4.75305042630295915 53.0305655660571702, 4.7586591353042671 53.02884956475544698, 4.75927747537596169 53.0271162059609722, 4.75796924034558355 53.0243044772906913, 4.75085769523141099 53.02333790660050283, 4.7419485833197168 53.02260891757105554, 4.74009721197416134 53.026942129544409, 4.74067838047565449 53.02795342616568774, 4.75305042630295915 53.0305655660571702, 4.75305042630295915 53.0305655660571702)))</t>
  </si>
  <si>
    <t>MultiPolygon (((4.8568644521350377 53.04361990112352032, 4.85615923122804194 53.04262575399794599, 4.85597463173700294 53.04331241939269859, 4.85329859526792617 53.04335010024036023, 4.85134270419335323 53.03978976545702295, 4.84961783485154729 53.04006194277693709, 4.84941265230720742 53.03912401870383064, 4.85308411265643436 53.03891023599930321, 4.84716784005217427 53.03400113205331934, 4.83852487043880952 53.03081249117556695, 4.83059814990309189 53.029724192610459, 4.83212191656421997 53.0337284613494262, 4.8426501821615604 53.03754661662486569, 4.84560449617377298 53.04256114764124419, 4.84573852931540383 53.04336808711975237, 4.84430595844165346 53.04435400976951342, 4.85539522318271377 53.04480075435645148, 4.8568644521350377 53.04361990112352032, 4.8568644521350377 53.04361990112352032)))</t>
  </si>
  <si>
    <t>MultiPolygon (((4.81724871625827245 53.07115800350324264, 4.81941879886810476 53.07258659758349495, 4.82068941927103811 53.0759588928089272, 4.82419607297342612 53.07583895175886113, 4.82953845185970287 53.0745272588601722, 4.8302311751844913 53.07240525899091921, 4.82629720182357058 53.0706239287508339, 4.8198438934224006 53.07055028284769804, 4.81724871625827245 53.07115800350324264, 4.81724871625827245 53.07115800350324264)))</t>
  </si>
  <si>
    <t>MultiPolygon (((4.88553155229524716 53.08992935780716493, 4.88613018831009605 53.08707485643549262, 4.88521780118513593 53.08505310098139773, 4.87959035832686094 53.08166859223872791, 4.87145827688685795 53.08118454786002616, 4.86844188061707683 53.08183705444854183, 4.86654100417275881 53.08317615906558729, 4.86817240435363452 53.08765381687559426, 4.8742000612053582 53.09037841092873578, 4.87573162484918221 53.08935324690411761, 4.87920197292416091 53.08910573262307508, 4.88534810200769609 53.090818770946683, 4.88553155229524716 53.08992935780716493, 4.88553155229524716 53.08992935780716493)))</t>
  </si>
  <si>
    <t>MultiPolygon (((4.74746368396950569 53.09498667288227125, 4.75814078794913975 53.10589078395636164, 4.76111669766176604 53.10837199250251928, 4.7732926965988991 53.10418482288699238, 4.77473670723415911 53.10269168185516975, 4.77700313097515838 53.09803327937915896, 4.77564088178558777 53.08832693331722652, 4.77443025523962117 53.08791243859999298, 4.76479731657811456 53.08800149650339506, 4.76124267847772131 53.09074621324190701, 4.74746368396950569 53.09498667288227125, 4.74746368396950569 53.09498667288227125)))</t>
  </si>
  <si>
    <t>MultiPolygon (((4.80708873513378876 53.06530639734289423, 4.81252594614395779 53.06003525999814485, 4.81405506466049271 53.05753768805076476, 4.81407718474301571 53.05709747025516521, 4.80633903239031213 53.05487596796250216, 4.80998378741829669 53.05007586220825999, 4.81014516886468613 53.04824906718759792, 4.80309653557644367 53.0466726193632212, 4.79281477250486443 53.0474397551815926, 4.78427579773761291 53.0582147887152189, 4.79010970057732788 53.06187894610562239, 4.79844682627036168 53.06188316341822286, 4.80098139573519056 53.0627492878327871, 4.80607849035121149 53.06632648490366222, 4.80708873513378876 53.06530639734289423, 4.80708873513378876 53.06530639734289423)))</t>
  </si>
  <si>
    <t>MultiPolygon (((4.93470373428891484 52.51035334663785648, 4.94309862726531613 52.51096362631898273, 4.94173915876879377 52.50889984958279655, 4.94294540493824908 52.50761551951318751, 4.94585347079380178 52.49911780311127529, 4.93948084936525511 52.49798229325556775, 4.93767585546565968 52.50218018583121449, 4.9292468619524028 52.50740719582528726, 4.93470373428891484 52.51035334663785648, 4.93470373428891484 52.51035334663785648)))</t>
  </si>
  <si>
    <t>MultiPolygon (((4.94422946046046974 52.48846246456177767, 4.94897667711528033 52.48743951711666256, 4.94875278942048435 52.48661738334150328, 4.94342455592627505 52.48762328982936509, 4.94125445858044809 52.48542865429504189, 4.93006458784159651 52.48792144368301393, 4.93035684530414731 52.48867105486873186, 4.92239494670399935 52.49027999612103912, 4.92820932862651251 52.49385077490425999, 4.93948084936525511 52.49798229325556775, 4.94194711770311557 52.49029663074678353, 4.94422946046046974 52.48846246456177767, 4.94422946046046974 52.48846246456177767)))</t>
  </si>
  <si>
    <t>MultiPolygon (((4.92820932862651251 52.49385077490425999, 4.92239494670399935 52.49027999612103912, 4.92065089248952425 52.49043447685894392, 4.92378824695223116 52.49315989167637753, 4.92399230520459152 52.49688245793043251, 4.92620945989775727 52.50017902611664056, 4.92648116250828494 52.50428017067189757, 4.9255832146774372 52.50540382770920189, 4.9251176004998829 52.50553001991699631, 4.9292468619524028 52.50740719582528726, 4.93767585546565968 52.50218018583121449, 4.93948084936525511 52.49798229325556775, 4.92820932862651251 52.49385077490425999, 4.92820932862651251 52.49385077490425999)))</t>
  </si>
  <si>
    <t>MultiPolygon (((4.93948084936525511 52.49798229325556775, 4.94585347079380178 52.49911780311127529, 4.9494423557291789 52.48954570531597597, 4.94897667711528033 52.48743951711666256, 4.94422946046046974 52.48846246456177767, 4.94194711770311557 52.49029663074678353, 4.93948084936525511 52.49798229325556775, 4.93948084936525511 52.49798229325556775)))</t>
  </si>
  <si>
    <t>MultiPolygon (((4.93435205606687433 52.51164060624265773, 4.94347178600103287 52.51250210457666157, 4.94309862726531613 52.51096362631898273, 4.93470373428891484 52.51035334663785648, 4.93435205606687433 52.51164060624265773, 4.93435205606687433 52.51164060624265773)))</t>
  </si>
  <si>
    <t>MultiPolygon (((4.9951638576903612 52.49187261309059238, 4.97649422004142927 52.47274082957924435, 4.97401011115800173 52.47040436917022532, 4.96898922130184495 52.47048192093559038, 4.9639408513591281 52.4715821174727779, 4.95803612513722491 52.47122813509785288, 4.95361733989875752 52.47569402352959855, 4.95389601351894449 52.48295869880971765, 4.95486197797348815 52.48626578082610195, 4.96516227987667769 52.4834701391323577, 4.96802969146139883 52.48609031884968346, 4.97232039494702782 52.48449327813172971, 4.977554508123605 52.48944136377014757, 4.98291798692784749 52.4945104187177165, 4.9842893336224261 52.49585027814831761, 4.9951638576903612 52.49187261309059238, 4.9951638576903612 52.49187261309059238)))</t>
  </si>
  <si>
    <t>MultiPolygon (((4.95989268001963701 52.49297741171184839, 4.96171623949339669 52.49519571794329664, 4.977554508123605 52.48944136377014757, 4.97232039494702782 52.48449327813172971, 4.96802969146139883 52.48609031884968346, 4.96516227987667769 52.4834701391323577, 4.95486197797348815 52.48626578082610195, 4.95989268001963701 52.49297741171184839, 4.95989268001963701 52.49297741171184839)))</t>
  </si>
  <si>
    <t>MultiPolygon (((4.9673297576403721 52.50030175937755672, 4.97374678475144982 52.49880682224750217, 4.9779383172733338 52.49626527442850232, 4.98291798692784749 52.4945104187177165, 4.977554508123605 52.48944136377014757, 4.96171623949339669 52.49519571794329664, 4.9673297576403721 52.50030175937755672, 4.9673297576403721 52.50030175937755672)))</t>
  </si>
  <si>
    <t>MultiPolygon (((4.99952558953276416 52.51054320408443488, 5.0098046742244664 52.50680986858868238, 4.99796443229722964 52.49473276621613849, 4.9951638576903612 52.49187261309059238, 4.9842893336224261 52.49585027814831761, 4.99359565120202831 52.50482174347217779, 4.99952558953276416 52.51054320408443488, 4.99952558953276416 52.51054320408443488)))</t>
  </si>
  <si>
    <t>MultiPolygon (((5.02470005724459678 52.52240272619627603, 5.0098046742244664 52.50680986858868238, 4.99952558953276416 52.51054320408443488, 4.98664929339409202 52.51522817488347528, 4.99201903251986323 52.51983192407051604, 4.99739927188759303 52.52271289884472338, 5.00109489541865138 52.52691491815115654, 5.00876656502026929 52.52768756840544739, 5.02470005724459678 52.52240272619627603, 5.02470005724459678 52.52240272619627603)))</t>
  </si>
  <si>
    <t>MultiPolygon (((4.98664929339409202 52.51522817488347528, 4.99952558953276416 52.51054320408443488, 4.99359565120202831 52.50482174347217779, 4.98642126516283302 52.50747232553914756, 4.98694698986693652 52.50795913816586591, 4.9807050836044624 52.5101284565884896, 4.98313657395274312 52.51324143746132478, 4.98664929339409202 52.51522817488347528, 4.98664929339409202 52.51522817488347528)))</t>
  </si>
  <si>
    <t>MultiPolygon (((4.98575609023554467 52.50669407078905238, 4.98642126516283302 52.50747232553914756, 4.99359565120202831 52.50482174347217779, 4.9842893336224261 52.49585027814831761, 4.98291798692784749 52.4945104187177165, 4.9779383172733338 52.49626527442850232, 4.98062916927818833 52.49718955782625329, 4.98225041160146098 52.49873054653508575, 4.98186520448075942 52.49957376830364808, 4.98685182622460399 52.50458095831228178, 4.98575609023554467 52.50669407078905238, 4.98575609023554467 52.50669407078905238)))</t>
  </si>
  <si>
    <t>MultiPolygon (((4.98063977057922092 52.51004762308180318, 4.9807050836044624 52.5101284565884896, 4.98694698986693652 52.50795913816586591, 4.98642126516283302 52.50747232553914756, 4.98575609023554467 52.50669407078905238, 4.9823065221652314 52.50633128069654276, 4.97832172131401496 52.50186463658317848, 4.97556484218174067 52.50070359095359862, 4.97374678475144982 52.49880682224750217, 4.9673297576403721 52.50030175937755672, 4.97066945539261162 52.50343300603619667, 4.9742602223748813 52.50508913023248425, 4.98063977057922092 52.51004762308180318, 4.98063977057922092 52.51004762308180318)))</t>
  </si>
  <si>
    <t>MultiPolygon (((4.97374678475144982 52.49880682224750217, 4.97556484218174067 52.50070359095359862, 4.97832172131401496 52.50186463658317848, 4.9823065221652314 52.50633128069654276, 4.98575609023554467 52.50669407078905238, 4.98685182622460399 52.50458095831228178, 4.98186520448075942 52.49957376830364808, 4.98225041160146098 52.49873054653508575, 4.98062916927818833 52.49718955782625329, 4.9779383172733338 52.49626527442850232, 4.97374678475144982 52.49880682224750217, 4.97374678475144982 52.49880682224750217)))</t>
  </si>
  <si>
    <t>MultiPolygon (((4.95720921665070247 52.50722065729294741, 4.9650217240091532 52.50523468395286386, 4.96796488993745378 52.50474856470224694, 4.97066945539261162 52.50343300603619667, 4.9673297576403721 52.50030175937755672, 4.96171623949339669 52.49519571794329664, 4.95989268001963701 52.49297741171184839, 4.95337659364783711 52.49752359662239343, 4.95189682606763437 52.50130104456297886, 4.95442872420769653 52.50399333249166745, 4.95720921665070247 52.50722065729294741, 4.95720921665070247 52.50722065729294741)))</t>
  </si>
  <si>
    <t>MultiPolygon (((4.94585347079380178 52.49911780311127529, 4.95053525338382805 52.50023018787734941, 4.95189682606763437 52.50130104456297886, 4.95337659364783711 52.49752359662239343, 4.95989268001963701 52.49297741171184839, 4.95486197797348815 52.48626578082610195, 4.95389601351894449 52.48295869880971765, 4.94831632193687287 52.4840048283039593, 4.94875278942048435 52.48661738334150328, 4.94897667711528033 52.48743951711666256, 4.9494423557291789 52.48954570531597597, 4.94585347079380178 52.49911780311127529, 4.94585347079380178 52.49911780311127529)))</t>
  </si>
  <si>
    <t>MultiPolygon (((4.99164121128839255 52.5199843864982796, 4.99201903251986323 52.51983192407051604, 4.98664929339409202 52.51522817488347528, 4.98313657395274312 52.51324143746132478, 4.9807050836044624 52.5101284565884896, 4.98063977057922092 52.51004762308180318, 4.97801614983214602 52.51103869322147233, 4.97889218283465951 52.51199291491492716, 4.97800376794999 52.51237547813272499, 4.97118262158013469 52.51183759963590347, 4.97117332428007153 52.51236388441687097, 4.98357964113938223 52.51547956007590301, 4.99164121128839255 52.5199843864982796, 4.99164121128839255 52.5199843864982796)))</t>
  </si>
  <si>
    <t>MultiPolygon (((4.96632594662109472 52.51114685433380913, 4.97117332428007153 52.51236388441687097, 4.97118262158013469 52.51183759963590347, 4.97800376794999 52.51237547813272499, 4.97889218283465951 52.51199291491492716, 4.97801614983214602 52.51103869322147233, 4.98063977057922092 52.51004762308180318, 4.9742602223748813 52.50508913023248425, 4.97066945539261162 52.50343300603619667, 4.96796488993745378 52.50474856470224694, 4.9650217240091532 52.50523468395286386, 4.96815759152416181 52.5081004266185829, 4.96632594662109472 52.51114685433380913, 4.96632594662109472 52.51114685433380913)))</t>
  </si>
  <si>
    <t>MultiPolygon (((4.96327839461333742 52.51037629110136606, 4.96632594662109472 52.51114685433380913, 4.96815759152416181 52.5081004266185829, 4.9650217240091532 52.50523468395286386, 4.95720921665070247 52.50722065729294741, 4.95875438481497621 52.50885886554109305, 4.96327839461333742 52.51037629110136606, 4.96327839461333742 52.51037629110136606)))</t>
  </si>
  <si>
    <t>MultiPolygon (((4.97320025815376621 52.52541249685027935, 4.98655816595385559 52.52185060909072689, 4.98476117258206397 52.51878688643651572, 4.97058909312574215 52.51727697691482177, 4.96979942818633269 52.52039310500248348, 4.97320025815376621 52.52541249685027935, 4.97320025815376621 52.52541249685027935)))</t>
  </si>
  <si>
    <t>MultiPolygon (((4.95699874951507091 52.52911035641967885, 4.96725427842931389 52.52736729264300664, 4.97320025815376621 52.52541249685027935, 4.96979942818633269 52.52039310500248348, 4.97058909312574215 52.51727697691482177, 4.97026252606476415 52.51724409300442886, 4.96989600737318504 52.51863809689074003, 4.95435563079823993 52.5174169255720571, 4.95699874951507091 52.52911035641967885)))</t>
  </si>
  <si>
    <t>MultiPolygon (((4.95053836391100166 52.51021972054545017, 4.9515872721911478 52.51106361804869493, 4.96327839461333742 52.51037629110136606, 4.95875438481497621 52.50885886554109305, 4.95720921665070247 52.50722065729294741, 4.95144057709223517 52.5089836158107417, 4.95053836391100166 52.51021972054545017, 4.95053836391100166 52.51021972054545017)))</t>
  </si>
  <si>
    <t>MultiPolygon (((4.98655816595385559 52.52185060909072689, 4.99164121128839255 52.5199843864982796, 4.98357964113938223 52.51547956007590301, 4.97117332428007153 52.51236388441687097, 4.97026252606476415 52.51724409300442886, 4.97058909312574215 52.51727697691482177, 4.98476117258206397 52.51878688643651572, 4.98655816595385559 52.52185060909072689, 4.98655816595385559 52.52185060909072689)))</t>
  </si>
  <si>
    <t>MultiPolygon (((4.96632594662109472 52.51114685433380913, 4.96327839461333742 52.51037629110136606, 4.9515872721911478 52.51106361804869493, 4.95053836391100166 52.51021972054545017, 4.94760556183169165 52.51271898103972546, 4.94981124404687911 52.51473059980398972, 4.95410055188348686 52.51635231578489993, 4.95435563079823993 52.5174169255720571, 4.96989600737318504 52.51863809689074003, 4.97026252606476415 52.51724409300442886, 4.97117332428007153 52.51236388441687097, 4.96632594662109472 52.51114685433380913, 4.96632594662109472 52.51114685433380913)))</t>
  </si>
  <si>
    <t>MultiPolygon (((4.94294540493824908 52.50761551951318751, 4.95044455339208689 52.50574027086189943, 4.95442872420769653 52.50399333249166745, 4.95189682606763437 52.50130104456297886, 4.95053525338382805 52.50023018787734941, 4.94585347079380178 52.49911780311127529, 4.94294540493824908 52.50761551951318751, 4.94294540493824908 52.50761551951318751)))</t>
  </si>
  <si>
    <t>MultiPolygon (((4.95144057709223517 52.5089836158107417, 4.95720921665070247 52.50722065729294741, 4.95442872420769653 52.50399333249166745, 4.95044455339208689 52.50574027086189943, 4.95144057709223517 52.5089836158107417, 4.95144057709223517 52.5089836158107417)))</t>
  </si>
  <si>
    <t>MultiPolygon (((4.94760556183169165 52.51271898103972546, 4.95053836391100166 52.51021972054545017, 4.95144057709223517 52.5089836158107417, 4.95044455339208689 52.50574027086189943, 4.94294540493824908 52.50761551951318751, 4.94173915876879377 52.50889984958279655, 4.94309862726531613 52.51096362631898273, 4.94347178600103287 52.51250210457666157, 4.94618504152812477 52.51210291368126803, 4.94760556183169165 52.51271898103972546, 4.94760556183169165 52.51271898103972546)))</t>
  </si>
  <si>
    <t>MultiPolygon (((4.92369290642346513 52.28251871675357165, 4.92778086578215824 52.28102190313011022, 4.93346466463662736 52.28221676636532322, 4.9393418000492213 52.28041014739181946, 4.94395064725923472 52.28009215624265238, 4.94742094076077787 52.2808126269890181, 4.95387404644820784 52.28003027716269457, 4.95524052492510236 52.27830490173320754, 4.95376491796347906 52.27802965052542561, 4.94666750060878258 52.27899155122057095, 4.94269151947004559 52.27818395998696133, 4.93375507646634492 52.28089576741019329, 4.92858719383954291 52.27961128047244443, 4.92640267741991256 52.27970926318862865, 4.91676870240030972 52.28652410632417258, 4.91612501704916127 52.28834776160338293, 4.91821574780680226 52.29036766244265522, 4.91766840029907115 52.29264390822014974, 4.921808575558833 52.29369556005822517, 4.92302374706311596 52.28877949519318946, 4.92721440194339522 52.2852052286623632, 4.92331981663262486 52.28372331060176492, 4.92369290642346513 52.28251871675357165, 4.92369290642346513 52.28251871675357165)))</t>
  </si>
  <si>
    <t>MultiPolygon (((4.94319831647954455 52.29235698486869666, 4.95387404644820784 52.28003027716269457, 4.94742094076077787 52.2808126269890181, 4.94395064725923472 52.28009215624265238, 4.9393418000492213 52.28041014739181946, 4.93346466463662736 52.28221676636532322, 4.92778086578215824 52.28102190313011022, 4.92369290642346513 52.28251871675357165, 4.92331981663262486 52.28372331060176492, 4.92721440194339522 52.2852052286623632, 4.92302374706311596 52.28877949519318946, 4.921808575558833 52.29369556005822517, 4.92464495552736548 52.29481865166339816, 4.92286876057413103 52.29759061393637865, 4.92503952447433324 52.29916580736970388, 4.92129459504871924 52.30273528754232615, 4.92080916519063738 52.30414361926344924, 4.92942568411392301 52.30862735542734754, 4.93025624244258776 52.30642977370540336, 4.93924343110175279 52.29693958124784103, 4.94319831647954455 52.29235698486869666, 4.94319831647954455 52.29235698486869666)))</t>
  </si>
  <si>
    <t>MultiPolygon (((4.91953707662404938 52.32387495679972744, 4.92437640248550945 52.32328646976893083, 4.93390187296802729 52.32616797658474184, 4.94022225403075765 52.31933837674120014, 4.94020676072874565 52.31933306305220555, 4.93958477754559944 52.3191197736939273, 4.9403314675380825 52.31830229984394975, 4.93983036005086351 52.3171195824196289, 4.93804157835585666 52.31650549112779203, 4.93872388334035772 52.31509106555702004, 4.93522903911485589 52.31388877048270558, 4.93611228607865993 52.31258072246250634, 4.93413764754406969 52.31190349758811209, 4.92942568411392301 52.30862735542734754, 4.92080916519063738 52.30414361926344924, 4.91149243789519474 52.29995694916519966, 4.90982576651301805 52.3025350757083487, 4.9067135593579172 52.30236687075908009, 4.90409171706064839 52.30371278413896619, 4.90781192455293969 52.30700292708569776, 4.90525520609149712 52.31068428236041967, 4.90606662359345425 52.31391410096512118, 4.90541207813758184 52.3160052898082597, 4.90913528219866979 52.31825319718976175, 4.91237560588230426 52.31824801066657926, 4.9142814976782363 52.32040797820726397, 4.91080706652314802 52.32188302798234503, 4.91134335727854499 52.32288412491340779, 4.91033416853571314 52.32356632411568853, 4.91388130586505945 52.32455153592581354, 4.913592503871544 52.3263331147554851, 4.91953707662404938 52.32387495679972744, 4.91953707662404938 52.32387495679972744)))</t>
  </si>
  <si>
    <t>MultiPolygon (((4.91097024713703778 52.25268223881956686, 4.90854705412741321 52.25268261461996389, 4.90293074088937431 52.253181805832142, 4.89856854463082403 52.25093224087822819, 4.8917594825732591 52.25326766858595562, 4.88758566892259605 52.25098923044971144, 4.88271883800421858 52.25371151620988286, 4.87772887148858203 52.25281610606546678, 4.87385293821103804 52.25074263401520369, 4.8722896678383556 52.25118204774419439, 4.87012126627845365 52.25328215519233055, 4.87066978171798848 52.2548496039380268, 4.8736455750666785 52.25805286280758821, 4.87327350613909971 52.26059985061764479, 4.87908032107364864 52.26171254846573078, 4.88234483122944418 52.26403950340743876, 4.87947015159076702 52.26707560853429868, 4.88157823459376061 52.27208050376640358, 4.88162963257606464 52.27446285594118081, 4.87878347696141912 52.27890253852439884, 4.88454208954255176 52.28417952300091542, 4.88532605223817118 52.28649651628506234, 4.88867154919278502 52.28689847078899788, 4.88977086863152444 52.28791828844008904, 4.88748104726709087 52.28896730194230003, 4.887074571134435 52.28973844317851416, 4.89091330978288497 52.29149400918584689, 4.89146934044783421 52.29446615375152874, 4.90814859478606724 52.28960659488719642, 4.91612501704916127 52.28834776160338293, 4.91676870240030972 52.28652410632417258, 4.92640267741991256 52.27970926318862865, 4.92598569599724101 52.27807831272516381, 4.92765493270487287 52.27380831749791668, 4.9266514257436711 52.27244479130089871, 4.92801465590284948 52.27174215600535945, 4.92929998137113401 52.26995832238281992, 4.9293905103798874 52.26835333169634623, 4.92471362987109451 52.26693726045819943, 4.92313670311349494 52.26302317713367529, 4.91808687098425157 52.26166513574685268, 4.9185535566988916 52.25858617188879407, 4.91730328263891536 52.25681724349648505, 4.91097024713703778 52.25268223881956686)))</t>
  </si>
  <si>
    <t>MultiPolygon (((4.92376528381490086 52.33544267366073655, 4.92522389377009606 52.33537935180425649, 4.92536269244787484 52.33538138284713881, 4.93390187296802729 52.32616797658474184, 4.92437640248550945 52.32328646976893083, 4.91953707662404938 52.32387495679972744, 4.913592503871544 52.3263331147554851, 4.91326556463357544 52.32840083531088027, 4.91293171901790071 52.33051041494324096, 4.91748325548921805 52.33153652355263574, 4.9225504634510111 52.33308419514433751, 4.92376528381490086 52.33544267366073655, 4.92376528381490086 52.33544267366073655)))</t>
  </si>
  <si>
    <t>MultiPolygon (((4.95044839964826977 52.33777267117113752, 4.94800553411503596 52.33500363570606595, 4.9460059950731079 52.33376760241790748, 4.94867096254779781 52.3317136216246368, 4.94269355459966153 52.32933426461401893, 4.94471619037000476 52.32712971521229406, 4.9418375656954705 52.32614018198932371, 4.93796102887345789 52.32412235316524374, 4.93761907801407229 52.32329938329843344, 4.9399269350875521 52.32193600306356274, 4.94104284619012812 52.31961978872973873, 4.94022225403075765 52.31933837674120014, 4.93390187296802729 52.32616797658474184, 4.92536269244787484 52.33538138284713881, 4.92849332124570161 52.33655481496217732, 4.93562371435205716 52.33551395462684042, 4.93651166657878271 52.33459198772242615, 4.93967461965820753 52.33560753674592547, 4.9417055517418822 52.33553287192093251, 4.94172113842703986 52.33640698902389232, 4.94259701767729087 52.33652111529073636, 4.94300586914240547 52.33657438767492209, 4.94986018044794474 52.33852824618746524, 4.95044839964826977 52.33777267117113752, 4.95044839964826977 52.33777267117113752)))</t>
  </si>
  <si>
    <t>MultiPolygon (((4.92129459504871924 52.30273528754232615, 4.92503952447433324 52.29916580736970388, 4.92286876057413103 52.29759061393637865, 4.92464495552736548 52.29481865166339816, 4.921808575558833 52.29369556005822517, 4.91766840029907115 52.29264390822014974, 4.91821574780680226 52.29036766244265522, 4.91612501704916127 52.28834776160338293, 4.90814859478606724 52.28960659488719642, 4.89146934044783421 52.29446615375152874, 4.89177956638749833 52.29470278081289081, 4.89297163997625617 52.29522393179497897, 4.90101809232876562 52.29607550269034277, 4.90117563650249366 52.29698571054979794, 4.89856617579413278 52.29934202151427769, 4.89960586889979766 52.30098105023208888, 4.90409171706064839 52.30371278413896619, 4.9067135593579172 52.30236687075908009, 4.90982576651301805 52.3025350757083487, 4.91149243789519474 52.29995694916519966, 4.92080916519063738 52.30414361926344924, 4.92129459504871924 52.30273528754232615, 4.92129459504871924 52.30273528754232615)))</t>
  </si>
  <si>
    <t>MultiPolygon (((5.00284438276161492 52.73154212840776012, 5.00757989389770319 52.7248548021995731, 5.01104724858902806 52.72624148607660288, 5.01104838398160801 52.72621695088093219, 5.01116355792194046 52.722907372607132, 4.99787203494323951 52.71742207218147058, 4.98653950121996736 52.7276901094574626, 4.97119574131361031 52.72212120438961591, 4.97035616814992309 52.72589166040846465, 4.96575690801775771 52.73346606191842056, 4.96231822205172257 52.74136233123580553, 4.98710156790657333 52.74722672008185498, 4.98744058821444813 52.75241704347870808, 4.99686045152288472 52.75206533072229576, 4.99631270707932984 52.74726800559405149, 4.99840394133235932 52.74464309510674553, 4.99521537755072931 52.74369565553129746, 4.99838260046061311 52.74028859107370693, 4.99655840901469439 52.73964773475378109, 4.99742077524384154 52.73898555641840602, 4.99638653466857363 52.73861963628236538, 4.99902236813457623 52.73485812462264732, 5.00284438276161492 52.73154212840776012, 5.00284438276161492 52.73154212840776012)))</t>
  </si>
  <si>
    <t>MultiPolygon (((4.9499032753740897 52.7378214903442597, 4.96231822205172257 52.74136233123580553, 4.96575690801775771 52.73346606191842056, 4.97035616814992309 52.72589166040846465, 4.97119574131361031 52.72212120438961591, 4.95545574157204882 52.71644214768559067, 4.95400558001108404 52.71882797534294696, 4.95319599978344804 52.7276558320601012, 4.9499032753740897 52.7378214903442597, 4.9499032753740897 52.7378214903442597)))</t>
  </si>
  <si>
    <t>MultiPolygon (((4.91739910644560485 52.70457340229827281, 4.89988096174860743 52.69948504227800612, 4.89866940886416113 52.70683194117476233, 4.90392037404123649 52.71163406230439819, 4.92736316109386685 52.7373484448937262, 4.93142448002622746 52.74199917905693979, 4.93277613509784363 52.74888177031505165, 4.94279764721735138 52.74512233631340052, 4.9425306342788744 52.73786159647807636, 4.92607957017375853 52.73402003472575927, 4.92917108874476284 52.7296087008893295, 4.92596115609281604 52.72500397688989437, 4.92557995397255954 52.72254512580855845, 4.92057722711601198 52.72016148979735561, 4.92095154687478153 52.7157166459180857, 4.91892503117209756 52.71201728515256235, 4.92012970298439889 52.70922031974360777, 4.91719967263216429 52.70773154911751135, 4.91739910644560485 52.70457340229827281)))</t>
  </si>
  <si>
    <t>MultiPolygon (((4.94438607519727658 52.75365900166206501, 4.94641922021885705 52.75395230597955276, 4.95434216734473143 52.75529633282095432, 4.95582156504116167 52.7532785987103523, 4.98744058821444813 52.75241704347870808, 4.98710156790657333 52.74722672008185498, 4.96231822205172257 52.74136233123580553, 4.9499032753740897 52.7378214903442597, 4.9451666491316697 52.73664469196153703, 4.9425306342788744 52.73786159647807636, 4.94279764721735138 52.74512233631340052, 4.93277613509784363 52.74888177031505165, 4.94032778406041917 52.75042134640062841, 4.94461387346310399 52.75278346465488966, 4.94438607519727658 52.75365900166206501)))</t>
  </si>
  <si>
    <t>MultiPolygon (((4.9425306342788744 52.73786159647807636, 4.9451666491316697 52.73664469196153703, 4.9499032753740897 52.7378214903442597, 4.95319599978344804 52.7276558320601012, 4.95400558001108404 52.71882797534294696, 4.95545574157204882 52.71644214768559067, 4.92325633072935975 52.70627806799652859, 4.91739910644560485 52.70457340229827281, 4.91719967263216429 52.70773154911751135, 4.92012970298439889 52.70922031974360777, 4.91892503117209756 52.71201728515256235, 4.92095154687478153 52.7157166459180857, 4.92057722711601198 52.72016148979735561, 4.92557995397255954 52.72254512580855845, 4.92596115609281604 52.72500397688989437, 4.92917108874476284 52.7296087008893295, 4.92607957017375853 52.73402003472575927, 4.9425306342788744 52.73786159647807636, 4.9425306342788744 52.73786159647807636)))</t>
  </si>
  <si>
    <t>MultiPolygon (((4.91739910644560485 52.70457340229827281, 4.92325633072935975 52.70627806799652859, 4.93198413266546609 52.6975915496008156, 4.93031486306536681 52.69694510974482426, 4.92861912242598343 52.69742220305666081, 4.92277521297536502 52.69539178555214676, 4.91999959749401139 52.69363125918360424, 4.91734095062808763 52.69305875911070558, 4.91812399649370136 52.69687457773794392, 4.91586194297552215 52.69934112859331066, 4.91084683907685182 52.69990944646801267, 4.89986011255024678 52.69758659571289172, 4.89988096174860743 52.69948504227800612, 4.91739910644560485 52.70457340229827281, 4.91739910644560485 52.70457340229827281)))</t>
  </si>
  <si>
    <t>MultiPolygon (((4.93115559406543902 52.68307514962558002, 4.92814491504002561 52.68026483665799731, 4.91876792224260218 52.68256884210029511, 4.9181009235401465 52.68280344532109893, 4.90561821221223049 52.68641909511617172, 4.90497937523490357 52.68726849081857466, 4.91734095062808763 52.69305875911070558, 4.91999959749401139 52.69363125918360424, 4.92277521297536502 52.69539178555214676, 4.92861912242598343 52.69742220305666081, 4.93031486306536681 52.69694510974482426, 4.9411380860474452 52.69219354891022533, 4.94075506625264804 52.69116562568144957, 4.93662477106806108 52.69052096856451328, 4.93391272959997362 52.68773732505913898, 4.92803989964900424 52.68490354902044004, 4.93115559406543902 52.68307514962558002, 4.93115559406543902 52.68307514962558002)))</t>
  </si>
  <si>
    <t>MultiPolygon (((4.98157480670629838 52.69101754107691704, 4.98158214888081652 52.69093677285249555, 4.98158753159178147 52.69093689005315184, 4.98151449683984371 52.69034075719767429, 4.98045566598824152 52.69035013870063011, 4.97920470985301211 52.67967916322281496, 4.97675944528628555 52.67742003942878171, 4.97062253195327042 52.6796313567368415, 4.96957529920343433 52.67891608022139138, 4.96650594104295529 52.67854441450290892, 4.96632051196571567 52.67719532386649917, 4.96473792299923655 52.67705029066833333, 4.96474202824893585 52.67628460829392623, 4.96341085527366577 52.67559743375488068, 4.96213079928361189 52.67602733820745442, 4.96167064113359935 52.67461189359710261, 4.95825003222886718 52.67642128587940675, 4.95503375595925011 52.67630629703525358, 4.95363046947897523 52.6767775063211019, 4.95767986104938529 52.68045245049717096, 4.95950196614417038 52.68527887633134554, 4.96129437244896998 52.68710686380303798, 4.98002369629332442 52.69843145175025967, 4.98381882549972932 52.69764511154112796, 4.98446927677596729 52.69752324846859892, 4.98115739340975505 52.69275970581269064, 4.98157480670629838 52.69101754107691704, 4.98157480670629838 52.69101754107691704)))</t>
  </si>
  <si>
    <t>MultiPolygon (((4.9411380860474452 52.69219354891022533, 4.95147392381384499 52.68774365735905008, 4.95204861512563888 52.68809625435259392, 4.95950196614417038 52.68527887633134554, 4.95767986104938529 52.68045245049717096, 4.95363046947897523 52.6767775063211019, 4.95503375595925011 52.67630629703525358, 4.95825003222886718 52.67642128587940675, 4.96167064113359935 52.67461189359710261, 4.96176589621423769 52.67370890072129441, 4.9527427242776465 52.67176547510288742, 4.94941204481607144 52.67448290030817049, 4.93385371348985746 52.67865007222809481, 4.92814491504002561 52.68026483665799731, 4.93115559406543902 52.68307514962558002, 4.92803989964900424 52.68490354902044004, 4.93391272959997362 52.68773732505913898, 4.93662477106806108 52.69052096856451328, 4.94075506625264804 52.69116562568144957, 4.9411380860474452 52.69219354891022533, 4.9411380860474452 52.69219354891022533)))</t>
  </si>
  <si>
    <t>MultiPolygon (((4.93198413266546609 52.6975915496008156, 4.95372930362063801 52.70558634155313626, 4.98002369629332442 52.69843145175025967, 4.96129437244896998 52.68710686380303798, 4.95950196614417038 52.68527887633134554, 4.95204861512563888 52.68809625435259392, 4.95147392381384499 52.68774365735905008, 4.9411380860474452 52.69219354891022533, 4.93031486306536681 52.69694510974482426, 4.93198413266546609 52.6975915496008156, 4.93198413266546609 52.6975915496008156)))</t>
  </si>
  <si>
    <t>MultiPolygon (((4.97119574131361031 52.72212120438961591, 4.98653950121996736 52.7276901094574626, 4.99787203494323951 52.71742207218147058, 4.98827129144405923 52.71338226598866328, 4.98452344075800902 52.71691806899534072, 4.97188814329884998 52.71213815247798351, 4.97658822431474146 52.70821397269980935, 4.97781057485968237 52.70519154732730982, 4.98444943311918554 52.70095139557034969, 4.98610682365234315 52.69892566191284544, 4.98381882549972932 52.69764511154112796, 4.98002369629332442 52.69843145175025967, 4.95372930362063801 52.70558634155313626, 4.93198413266546609 52.6975915496008156, 4.92325633072935975 52.70627806799652859, 4.95545574157204882 52.71644214768559067, 4.97119574131361031 52.72212120438961591, 4.97119574131361031 52.72212120438961591)))</t>
  </si>
  <si>
    <t>MultiPolygon (((4.90646964212110248 52.47982647495597064, 4.90609401483071572 52.47910477823712228, 4.90243895205430036 52.47059923872920706, 4.89331897265654803 52.45727606991004421, 4.89307743347082358 52.45411459052525061, 4.89507638652966204 52.44980882695113422, 4.88812475871287067 52.44799605616012883, 4.85397796467059628 52.44157813534359747, 4.8529332502105369 52.44295706365999621, 4.84295094748835986 52.45226082789626787, 4.84406874545425392 52.45275351476525572, 4.84442697628596353 52.4529214024206496, 4.84492442724589178 52.45648167856419519, 4.8485684378076801 52.45956869727294247, 4.85250493784779469 52.47036706622035496, 4.86258669631349871 52.46849752303201342, 4.86722632410768696 52.47057703952403784, 4.88243786064272722 52.47480183775707019, 4.89053245124679936 52.47895918700500317, 4.8956309644300724 52.478227508041428, 4.90646964212110248 52.47982647495597064, 4.90646964212110248 52.47982647495597064)))</t>
  </si>
  <si>
    <t>MultiPolygon (((4.85709076027152076 52.43646669065798704, 4.87517608482182307 52.44087378422238288, 4.87539393993260628 52.43996894377333007, 4.86986333893163525 52.43789828972171563, 4.85812168808531464 52.43505655340293004, 4.85757212588808684 52.43586435022005787, 4.85709076027152076 52.43646669065798704, 4.85709076027152076 52.43646669065798704)))</t>
  </si>
  <si>
    <t>MultiPolygon (((4.89809520114157326 52.43416890566666666, 4.8992817142664018 52.43143345824576329, 4.89874101751553326 52.42448976391425219, 4.89873971382939821 52.42446133971984068, 4.88774778617149508 52.4255899410446915, 4.87899345759392045 52.42569632751582986, 4.8765735475269123 52.42622792343871652, 4.87146158059368162 52.43010128088777577, 4.88042129297300598 52.43131301868717742, 4.88869177492875728 52.43356803229598739, 4.89355760592810185 52.43343645244600282, 4.89809520114157326 52.43416890566666666, 4.89809520114157326 52.43416890566666666)))</t>
  </si>
  <si>
    <t>MultiPolygon (((4.89647597029281911 52.44623697788254191, 4.89654531313331454 52.43985352678824086, 4.89445572472749024 52.43711966110976164, 4.89809520114157326 52.43416890566666666, 4.89355760592810185 52.43343645244600282, 4.88869177492875728 52.43356803229598739, 4.88042129297300598 52.43131301868717742, 4.87146158059368162 52.43010128088777577, 4.86954412258499403 52.42984645362817275, 4.86597048049996683 52.4306786640908129, 4.86267745344934621 52.42994131496621435, 4.86171194539088791 52.42977571894333977, 4.85993588822189615 52.43239287081271272, 4.85812168808531464 52.43505655340293004, 4.86986333893163525 52.43789828972171563, 4.87539393993260628 52.43996894377333007, 4.87517608482182307 52.44087378422238288, 4.85709076027152076 52.43646669065798704, 4.85397796467059628 52.44157813534359747, 4.88812475871287067 52.44799605616012883, 4.89507638652966204 52.44980882695113422, 4.89647597029281911 52.44623697788254191, 4.89647597029281911 52.44623697788254191)))</t>
  </si>
  <si>
    <t>MultiPolygon (((5.21438257365752111 52.74422814186901576, 5.21719210313837589 52.73841967971140576, 5.22407107978063667 52.73849336780092756, 5.22510546193700343 52.73588582681815495, 5.22756503397436045 52.735941092214496, 5.2272395064838646 52.7385669326246358, 5.23473544658888645 52.73878265734714432, 5.23430266188331839 52.74233498066950432, 5.2345888423756417 52.74315080057318994, 5.25159260570701658 52.74026076292292942, 5.25143630155988728 52.74210760449464885, 5.2550664796609281 52.74215936896229806, 5.25734007020898186 52.71984905323323289, 5.25750140668199961 52.7161807737785324, 5.23025111899761441 52.71736986401567293, 5.22013356106705295 52.71769637400260677, 5.2103856742781014 52.71677626936678962, 5.18537341832868037 52.71022807934514987, 5.17262026454876001 52.73217336055551385, 5.17230497316016624 52.73383724595980482, 5.17463555290444166 52.73480747338243191, 5.19343971064436261 52.73906546069515144, 5.2118025300059232 52.74377934351243624, 5.21438257365752111 52.74422814186901576)))</t>
  </si>
  <si>
    <t>MultiPolygon (((5.23256525251428073 52.74974801204623276, 5.22953739059998668 52.75257290978826319, 5.25826835151124072 52.75346352443554565, 5.26112919137622104 52.7526390166918091, 5.26998748476657042 52.74752985648423476, 5.25907787893145784 52.74648509465976787, 5.25837177036363368 52.74567914464773111, 5.26655819839080852 52.7454165499156673, 5.27196572884073333 52.74632700689102194, 5.26990352279059948 52.74517153648534418, 5.25943221889563173 52.74486170426235532, 5.25431562965764165 52.7469767523042492, 5.244379176666639 52.74360468942333569, 5.2367018991637968 52.74595194923342234, 5.23256525251428073 52.74974801204623276, 5.23256525251428073 52.74974801204623276)))</t>
  </si>
  <si>
    <t>MultiPolygon (((5.23142985537487171 52.74340348096971809, 5.23430266188331839 52.74233498066950432, 5.23473544658888645 52.73878265734714432, 5.2272395064838646 52.7385669326246358, 5.22756503397436045 52.735941092214496, 5.22510546193700343 52.73588582681815495, 5.22407107978063667 52.73849336780092756, 5.22309087009134032 52.74282730451154322, 5.22613525354416719 52.74375411580230377, 5.23142985537487171 52.74340348096971809, 5.23142985537487171 52.74340348096971809)))</t>
  </si>
  <si>
    <t>MultiPolygon (((5.18650794410766736 52.74755192625230649, 5.18714270646091258 52.74725782711274036, 5.18736340045755817 52.74678400388069122, 5.17108873400089841 52.73387682240979757, 5.16935759393904881 52.73378444401460996, 5.16796060111363786 52.73572787277388585, 5.16499364110422299 52.73705207565354414, 5.1630653719496582 52.73890712963558514, 5.16449993623457271 52.73940305999566647, 5.16513046982536217 52.74110298590625234, 5.16959240082794658 52.74097639005325533, 5.16848631911844159 52.73971025963539461, 5.16988607544692869 52.73863766302248735, 5.17140494325038169 52.73866348178583507, 5.17290140199756099 52.73947047869793181, 5.17272628705778459 52.74009289971549919, 5.17074250665038804 52.74045798924942829, 5.17087416601921124 52.74089644135238331, 5.17478771774857993 52.73954204727569106, 5.17603722486612661 52.73958307406591217, 5.18028286236220037 52.74137849590456995, 5.18463063759467779 52.7465824498157474, 5.18268423621152685 52.74696057889234879, 5.18363021946579039 52.74719978726161429, 5.18575305132390252 52.7466026503357881, 5.18650794410766736 52.74755192625230649, 5.18650794410766736 52.74755192625230649)))</t>
  </si>
  <si>
    <t>MultiPolygon (((5.18650794410766736 52.74755192625230649, 5.1928606184831434 52.75503023965450211, 5.20379833299643924 52.75501038883185601, 5.20348142176003581 52.75331222453428381, 5.20194962346478729 52.75179369199611301, 5.19614912473381452 52.74961154608173786, 5.18714270646091258 52.74725782711274036, 5.18650794410766736 52.74755192625230649, 5.18650794410766736 52.74755192625230649)))</t>
  </si>
  <si>
    <t>MultiPolygon (((5.18736340045755817 52.74678400388069122, 5.1904541286705328 52.74399022232699963, 5.19343971064436261 52.73906546069515144, 5.17463555290444166 52.73480747338243191, 5.17230497316016624 52.73383724595980482, 5.17108873400089841 52.73387682240979757, 5.18736340045755817 52.74678400388069122, 5.18736340045755817 52.74678400388069122)))</t>
  </si>
  <si>
    <t>MultiPolygon (((5.21438257365752111 52.74422814186901576, 5.22954592435899723 52.74635650106834817, 5.23040128641819813 52.74693332280095603, 5.23142985537487171 52.74340348096971809, 5.22613525354416719 52.74375411580230377, 5.22309087009134032 52.74282730451154322, 5.22407107978063667 52.73849336780092756, 5.21719210313837589 52.73841967971140576, 5.21438257365752111 52.74422814186901576, 5.21438257365752111 52.74422814186901576)))</t>
  </si>
  <si>
    <t>MultiPolygon (((5.20379833299643924 52.75501038883185601, 5.21379203208619302 52.75462098474347528, 5.22289232587592522 52.75365984644365369, 5.225713998052675 52.75245713148269289, 5.22953739059998668 52.75257290978826319, 5.23256525251428073 52.74974801204623276, 5.22995529758610367 52.74996409060152303, 5.22390856564759343 52.75112318669152245, 5.22386815648743141 52.75190746337798942, 5.22150958016121969 52.75276195177149674, 5.21875003057903974 52.75294142116001694, 5.21937614033065067 52.74964327171413458, 5.2082290279887431 52.74912670386822811, 5.2118025300059232 52.74377934351243624, 5.19343971064436261 52.73906546069515144, 5.1904541286705328 52.74399022232699963, 5.18736340045755817 52.74678400388069122, 5.18714270646091258 52.74725782711274036, 5.19614912473381452 52.74961154608173786, 5.20194962346478729 52.75179369199611301, 5.20348142176003581 52.75331222453428381, 5.20379833299643924 52.75501038883185601, 5.20379833299643924 52.75501038883185601)))</t>
  </si>
  <si>
    <t>MultiPolygon (((5.22995529758610367 52.74996409060152303, 5.23256525251428073 52.74974801204623276, 5.2367018991637968 52.74595194923342234, 5.244379176666639 52.74360468942333569, 5.25431562965764165 52.7469767523042492, 5.2550664796609281 52.74215936896229806, 5.25143630155988728 52.74210760449464885, 5.25159260570701658 52.74026076292292942, 5.2345888423756417 52.74315080057318994, 5.23430266188331839 52.74233498066950432, 5.23142985537487171 52.74340348096971809, 5.23040128641819813 52.74693332280095603, 5.22995529758610367 52.74996409060152303, 5.22995529758610367 52.74996409060152303)))</t>
  </si>
  <si>
    <t>MultiPolygon (((5.23040128641819813 52.74693332280095603, 5.22954592435899723 52.74635650106834817, 5.21438257365752111 52.74422814186901576, 5.2118025300059232 52.74377934351243624, 5.2082290279887431 52.74912670386822811, 5.21937614033065067 52.74964327171413458, 5.21875003057903974 52.75294142116001694, 5.22150958016121969 52.75276195177149674, 5.22386815648743141 52.75190746337798942, 5.22390856564759343 52.75112318669152245, 5.22995529758610367 52.74996409060152303, 5.23040128641819813 52.74693332280095603, 5.23040128641819813 52.74693332280095603)))</t>
  </si>
  <si>
    <t>MultiPolygon (((5.11902704736710312 52.75505667084063788, 5.1196148039469529 52.75572605610238952, 5.12066778330820771 52.75540791739891944, 5.12722955556815396 52.74788593586960417, 5.13149154722396972 52.74879117093986025, 5.13491290994096694 52.74289615777390594, 5.13233615537559285 52.74223187707116978, 5.13304823982015979 52.7398427194292978, 5.13740745755554151 52.73577376497061664, 5.12357782029454345 52.72878340764652449, 5.11052766472159536 52.74035137138933038, 5.10265799931500297 52.74800652881165064, 5.10579094584496396 52.74910914005720031, 5.107514378425833 52.75074155571207513, 5.10951745178196592 52.74723468345600708, 5.11242109975746306 52.7493904708635668, 5.12166034488802513 52.75296790433583993, 5.11902704736710312 52.75505667084063788, 5.11902704736710312 52.75505667084063788)))</t>
  </si>
  <si>
    <t>MultiPolygon (((5.107514378425833 52.75074155571207513, 5.11859241822902611 52.75460671365187437, 5.11902704736710312 52.75505667084063788, 5.12166034488802513 52.75296790433583993, 5.11242109975746306 52.7493904708635668, 5.10951745178196592 52.74723468345600708, 5.107514378425833 52.75074155571207513, 5.107514378425833 52.75074155571207513)))</t>
  </si>
  <si>
    <t>MultiPolygon (((5.1196148039469529 52.75572605610238952, 5.12049104901138641 52.75695934131334042, 5.12335013594963851 52.75305365511289324, 5.13145333725437514 52.75058556335837068, 5.14486604667427372 52.7412812851990509, 5.14643876278312895 52.73958145909241324, 5.1438256872305379 52.73832257247515543, 5.1427866880753248 52.73813425357140261, 5.13740745755554151 52.73577376497061664, 5.13304823982015979 52.7398427194292978, 5.13233615537559285 52.74223187707116978, 5.13491290994096694 52.74289615777390594, 5.13149154722396972 52.74879117093986025, 5.12722955556815396 52.74788593586960417, 5.12066778330820771 52.75540791739891944, 5.1196148039469529 52.75572605610238952, 5.1196148039469529 52.75572605610238952)))</t>
  </si>
  <si>
    <t>MultiPolygon (((5.13740745755554151 52.73577376497061664, 5.1427866880753248 52.73813425357140261, 5.14395359011150166 52.73168602431177021, 5.14254450898935289 52.73022445767772837, 5.14427461968956212 52.72817947262338123, 5.14897380233211166 52.72665529194898681, 5.15139192331427065 52.72664430686723591, 5.15521995529952815 52.72826294979356021, 5.16127522470822875 52.72930497066488442, 5.16538633404777769 52.73036992376837873, 5.16738913311035475 52.72765276530983414, 5.16877452258397696 52.72791979121521422, 5.16964003707990827 52.73281111494445383, 5.17119327104476856 52.73353580756110404, 5.17262026454876001 52.73217336055551385, 5.18537341832868037 52.71022807934514987, 5.18702310539804667 52.70745180008073305, 5.16012176638444497 52.70100766774243795, 5.15846910541139447 52.70490761312944983, 5.15974111078479858 52.70523343453175613, 5.15650607631408509 52.71178548716344636, 5.15671070411869525 52.71351010929647174, 5.1504971503934831 52.71529952534264396, 5.14728220216718846 52.71500614121006834, 5.13671138741422251 52.70981732619424776, 5.13194493671720409 52.71366798532605458, 5.12617910528950116 52.70657228304428799, 5.11988805823647208 52.70997181887742045, 5.12701856800295541 52.71442800560286202, 5.134496326771397 52.71909977603633735, 5.12869380151200982 52.72424822161649161, 5.12408427477640593 52.72252471683098207, 5.12164860826254031 52.72440640401513434, 5.12587083648809561 52.7267506017066907, 5.12357782029454345 52.72878340764652449, 5.13740745755554151 52.73577376497061664, 5.13740745755554151 52.73577376497061664)))</t>
  </si>
  <si>
    <t>MultiPolygon (((5.14656830409923494 52.74559415384901939, 5.14891167490338209 52.7436456996012808, 5.14256288989034882 52.74585251947879527, 5.1415273633802796 52.74765452955895739, 5.14656830409923494 52.74559415384901939, 5.14656830409923494 52.74559415384901939)),((5.16176368206722813 52.7401592880459944, 5.16499364110422299 52.73705207565354414, 5.16796060111363786 52.73572787277388585, 5.16935759393904881 52.73378444401460996, 5.17108873400089841 52.73387682240979757, 5.16905576238504061 52.73329038098106736, 5.16759189960478249 52.73536029253047985, 5.16405334637387181 52.73671151098227483, 5.15233234002500318 52.73675415110057685, 5.14474915426982093 52.73745222827499646, 5.1438256872305379 52.73832257247515543, 5.14643876278312895 52.73958145909241324, 5.14486604667427372 52.7412812851990509, 5.13145333725437514 52.75058556335837068, 5.12335013594963851 52.75305365511289324, 5.12049104901138641 52.75695934131334042, 5.12317779375843152 52.75730352592398731, 5.12354149402968417 52.75568708903645643, 5.13000190703527092 52.75168899965385094, 5.13239063754968772 52.75086422404965703, 5.1455568173010473 52.74189575994201817, 5.14892484200016387 52.74310765399143719, 5.14793571670978878 52.74076798681576861, 5.14844657826485186 52.73962043107400177, 5.14999762189365562 52.74049147746907096, 5.15285010354849327 52.74101915344282077, 5.15172084318864432 52.74004451126968007, 5.15440741210962372 52.73850609548430413, 5.15512068471990492 52.73943661614309519, 5.16176368206722813 52.7401592880459944, 5.16176368206722813 52.7401592880459944)))</t>
  </si>
  <si>
    <t>MultiPolygon (((5.1427866880753248 52.73813425357140261, 5.1438256872305379 52.73832257247515543, 5.14474915426982093 52.73745222827499646, 5.14978674767489952 52.72773694643485953, 5.14897380233211166 52.72665529194898681, 5.14427461968956212 52.72817947262338123, 5.14254450898935289 52.73022445767772837, 5.14395359011150166 52.73168602431177021, 5.1427866880753248 52.73813425357140261, 5.1427866880753248 52.73813425357140261)))</t>
  </si>
  <si>
    <t>MultiPolygon (((5.17108873400089841 52.73387682240979757, 5.17230497316016624 52.73383724595980482, 5.17262026454876001 52.73217336055551385, 5.17119327104476856 52.73353580756110404, 5.16964003707990827 52.73281111494445383, 5.16877452258397696 52.72791979121521422, 5.16738913311035475 52.72765276530983414, 5.16538633404777769 52.73036992376837873, 5.16127522470822875 52.72930497066488442, 5.15710586945847282 52.73040254072172672, 5.15459377270866348 52.73479454506431097, 5.15338724503129519 52.73485591186501154, 5.15233234002500318 52.73675415110057685, 5.16405334637387181 52.73671151098227483, 5.16759189960478249 52.73536029253047985, 5.16905576238504061 52.73329038098106736, 5.17108873400089841 52.73387682240979757, 5.17108873400089841 52.73387682240979757)))</t>
  </si>
  <si>
    <t>MultiPolygon (((5.14474915426982093 52.73745222827499646, 5.15233234002500318 52.73675415110057685, 5.15338724503129519 52.73485591186501154, 5.15459377270866348 52.73479454506431097, 5.15710586945847282 52.73040254072172672, 5.16127522470822875 52.72930497066488442, 5.15521995529952815 52.72826294979356021, 5.15139192331427065 52.72664430686723591, 5.14897380233211166 52.72665529194898681, 5.14978674767489952 52.72773694643485953, 5.14474915426982093 52.73745222827499646, 5.14474915426982093 52.73745222827499646)))</t>
  </si>
  <si>
    <t>MultiPolygon (((5.11988805823647208 52.70997181887742045, 5.12617910528950116 52.70657228304428799, 5.13194493671720409 52.71366798532605458, 5.13671138741422251 52.70981732619424776, 5.14728220216718846 52.71500614121006834, 5.1504971503934831 52.71529952534264396, 5.15671070411869525 52.71351010929647174, 5.15650607631408509 52.71178548716344636, 5.15974111078479858 52.70523343453175613, 5.15846910541139447 52.70490761312944983, 5.15380826420226157 52.7106843342132052, 5.147950304161097 52.70849751247163795, 5.14600110290334278 52.71030127628902306, 5.13920281412543201 52.70729233054724716, 5.12908692477302264 52.70376899512568514, 5.12853558227065776 52.70421908524107835, 5.12742216670938689 52.70377473747596753, 5.12545629864231334 52.70151999771743334, 5.12865768872833083 52.69812873754845839, 5.13032184017687598 52.69934305950943099, 5.12913740722093703 52.70060028663162655, 5.13073322050738945 52.70352918908102424, 5.13634835727659844 52.70504133820808335, 5.14579543614635515 52.69667678891614315, 5.14449752442022223 52.69632481646398503, 5.12517957549049274 52.69107580647789035, 5.09175230420984448 52.67892372303617066, 5.08938644799668261 52.68056280564953653, 5.08673039946571137 52.68436548025187705, 5.08418598304442071 52.6864837860845725, 5.09034067978010718 52.69161800377386129, 5.0945203289037444 52.69324033562156728, 5.101407453982155 52.69841272998895931, 5.11988805823647208 52.70997181887742045)))</t>
  </si>
  <si>
    <t>MultiPolygon (((5.147950304161097 52.70849751247163795, 5.15380826420226157 52.7106843342132052, 5.15846910541139447 52.70490761312944983, 5.16012176638444497 52.70100766774243795, 5.15317439535706701 52.69891471128396176, 5.14579543614635515 52.69667678891614315, 5.13634835727659844 52.70504133820808335, 5.14607323601458955 52.70856670579916425, 5.147950304161097 52.70849751247163795)))</t>
  </si>
  <si>
    <t>MultiPolygon (((5.147950304161097 52.70849751247163795, 5.14607323601458955 52.70856670579916425, 5.13634835727659844 52.70504133820808335, 5.13073322050738945 52.70352918908102424, 5.12913740722093703 52.70060028663162655, 5.13032184017687598 52.69934305950943099, 5.12865768872833083 52.69812873754845839, 5.12545629864231334 52.70151999771743334, 5.12742216670938689 52.70377473747596753, 5.12853558227065776 52.70421908524107835, 5.12908692477302264 52.70376899512568514, 5.13920281412543201 52.70729233054724716, 5.14600110290334278 52.71030127628902306, 5.147950304161097 52.70849751247163795, 5.147950304161097 52.70849751247163795)))</t>
  </si>
  <si>
    <t>MultiPolygon (((5.12701856800295541 52.71442800560286202, 5.11988805823647208 52.70997181887742045, 5.101407453982155 52.69841272998895931, 5.0945203289037444 52.69324033562156728, 5.09034067978010718 52.69161800377386129, 5.081117086691604 52.69712585094773516, 5.07299798676722435 52.70080849341223939, 5.0776459960938265 52.70386517675685667, 5.07698865584117431 52.70884988579036445, 5.07923330383587945 52.70937918309638093, 5.08890253488962152 52.71328675017714005, 5.09130906463787003 52.71369463090770324, 5.09222146097025874 52.71107754049275229, 5.118982467652331 52.72609508605417261, 5.12823491254636821 52.71889056540874918, 5.12392984532671658 52.71661345513848573, 5.12701856800295541 52.71442800560286202, 5.12701856800295541 52.71442800560286202)))</t>
  </si>
  <si>
    <t>MultiPolygon (((5.07061731531042081 52.73985760965924641, 5.07338320514133212 52.74048079269721967, 5.07556278818414608 52.74191169487669129, 5.07730983055820495 52.74459447760994379, 5.08052657811741426 52.74483463463068489, 5.08316448844466606 52.74248015204510409, 5.0739120156304951 52.73901879095501499, 5.073827742095812 52.73788775216279845, 5.07886691414296276 52.73888162855915596, 5.09086255377057384 52.74357919468907596, 5.09569843621916352 52.74418684434880333, 5.09246430060156374 52.74117962624283251, 5.09510027311149383 52.73144646318915818, 5.10361228364250419 52.73395306842154895, 5.10476767668085607 52.73616785722136768, 5.10403373545367423 52.73838517646159119, 5.11052766472159536 52.74035137138933038, 5.12357782029454345 52.72878340764652449, 5.12587083648809561 52.7267506017066907, 5.12164860826254031 52.72440640401513434, 5.12408427477640593 52.72252471683098207, 5.12869380151200982 52.72424822161649161, 5.134496326771397 52.71909977603633735, 5.12701856800295541 52.71442800560286202, 5.12392984532671658 52.71661345513848573, 5.12823491254636821 52.71889056540874918, 5.118982467652331 52.72609508605417261, 5.09222146097025874 52.71107754049275229, 5.09130906463787003 52.71369463090770324, 5.08890253488962152 52.71328675017714005, 5.07923330383587945 52.70937918309638093, 5.07876954523033053 52.71248071887351472, 5.08223531127812489 52.71264874683647861, 5.08170145958732888 52.71672001247729611, 5.08152148376091883 52.72292570013116375, 5.08774566661580963 52.72341961120908849, 5.09307013143703546 52.72239122626161389, 5.0940606667656434 52.72507755923828654, 5.09722975758553165 52.72747305342546298, 5.09480247072647519 52.72748754957365236, 5.08967879565012105 52.72572759817604293, 5.07521033389645737 52.72540095754096257, 5.06932810822909108 52.72711596528619538, 5.02863529189359149 52.71878182758398879, 5.02732284223490833 52.72123638586673877, 5.03584609186775189 52.72109278446156111, 5.04045315948392414 52.72299992066452035, 5.0441230322039079 52.726350803017624, 5.04255122094596064 52.72958496434347353, 5.0542901786123533 52.7299186954207002, 5.05388892963288328 52.73300798441354686, 5.05678626480564386 52.73345470628665765, 5.06048544666772493 52.73293414459401873, 5.06065996082612379 52.73174466986937148, 5.06289072270423723 52.73187891734214361, 5.06244866193778442 52.73616121895137354, 5.06599839993443535 52.73631741914309146, 5.06610324784321531 52.732876255732819, 5.07150324415947829 52.73314685700599824, 5.07061731531042081 52.73985760965924641, 5.07061731531042081 52.73985760965924641)))</t>
  </si>
  <si>
    <t>MultiPolygon (((5.07521033389645737 52.72540095754096257, 5.08967879565012105 52.72572759817604293, 5.09480247072647519 52.72748754957365236, 5.09722975758553165 52.72747305342546298, 5.0940606667656434 52.72507755923828654, 5.09307013143703546 52.72239122626161389, 5.08774566661580963 52.72341961120908849, 5.08152148376091883 52.72292570013116375, 5.08144041862721174 52.72361238391410154, 5.07525031580967934 52.72462165583657878, 5.07521033389645737 52.72540095754096257, 5.07521033389645737 52.72540095754096257)))</t>
  </si>
  <si>
    <t>MultiPolygon (((5.07521033389645737 52.72540095754096257, 5.07525031580967934 52.72462165583657878, 5.07527409019488829 52.7235523052251196, 5.0722333116999252 52.72127518983975847, 5.0704369281365107 52.71708308260315334, 5.07001117141460966 52.71212098402004642, 5.07221771727455817 52.71217920077462082, 5.07705646201001226 52.71398961129003169, 5.07798275909821495 52.71657510429252369, 5.08170145958732888 52.71672001247729611, 5.08223531127812489 52.71264874683647861, 5.07876954523033053 52.71248071887351472, 5.07923330383587945 52.70937918309638093, 5.07698865584117431 52.70884988579036445, 5.0776459960938265 52.70386517675685667, 5.07299798676722435 52.70080849341223939, 5.07207105342612152 52.70296686551518661, 5.0587752470176337 52.69827919275211769, 5.05818443841117116 52.70323413768608134, 5.05634672449853451 52.7035172565586052, 5.05494093470689254 52.71540818364608327, 5.03606671449157162 52.71467775793252031, 5.03611431462131609 52.71398078173793778, 5.02959671436098521 52.71386639468772728, 5.02586999269572487 52.7184237427017095, 5.02863529189359149 52.71878182758398879, 5.06932810822909108 52.72711596528619538, 5.07521033389645737 52.72540095754096257, 5.07521033389645737 52.72540095754096257)))</t>
  </si>
  <si>
    <t>MultiPolygon (((5.07525031580967934 52.72462165583657878, 5.08144041862721174 52.72361238391410154, 5.08152148376091883 52.72292570013116375, 5.08170145958732888 52.71672001247729611, 5.07798275909821495 52.71657510429252369, 5.07705646201001226 52.71398961129003169, 5.07221771727455817 52.71217920077462082, 5.07001117141460966 52.71212098402004642, 5.0704369281365107 52.71708308260315334, 5.0722333116999252 52.72127518983975847, 5.07527409019488829 52.7235523052251196, 5.07525031580967934 52.72462165583657878, 5.07525031580967934 52.72462165583657878)))</t>
  </si>
  <si>
    <t>MultiPolygon (((5.0587752470176337 52.69827919275211769, 5.07207105342612152 52.70296686551518661, 5.07299798676722435 52.70080849341223939, 5.081117086691604 52.69712585094773516, 5.09034067978010718 52.69161800377386129, 5.08418598304442071 52.6864837860845725, 5.07313324516985098 52.68447296655822498, 5.06238451245066035 52.68072125560278351, 5.05250669122984508 52.68540163220219341, 5.05396937208808783 52.68691252670626568, 5.0605951603702497 52.68849985786702206, 5.06606050345038383 52.69187073107495678, 5.06877902571661121 52.69050496364017988, 5.06959526511718472 52.69106370763121561, 5.0663637877308183 52.6932431270887065, 5.05799006400372875 52.69452950386288848, 5.05767843057627964 52.69712333211715816, 5.05167433583132652 52.69499846974830604, 5.05236350233805087 52.69043538521936654, 5.05413315051799561 52.69070765341822238, 5.056855703558778 52.68945121857791491, 5.05295392960933221 52.68707186770870976, 5.05157538579377619 52.68779296898604514, 5.04943948589299119 52.68628018528738721, 5.04137532224079443 52.68879487850982457, 5.04073348782081787 52.69136523714474407, 5.03768061452529459 52.69147561966121174, 5.03584056598084295 52.69084629878155113, 5.03447217843716732 52.6913343917252277, 5.0351444142525974 52.69233912285607602, 5.03647497977168079 52.69235515618370158, 5.03638837054322952 52.69500369700455167, 5.03332976446301572 52.69496471723998354, 5.03331668045698777 52.69658929935059177, 5.04003122290514227 52.69569949898480843, 5.0587752470176337 52.69827919275211769, 5.0587752470176337 52.69827919275211769)))</t>
  </si>
  <si>
    <t>MultiPolygon (((5.0351444142525974 52.69233912285607602, 5.03447217843716732 52.6913343917252277, 5.03584056598084295 52.69084629878155113, 5.03768061452529459 52.69147561966121174, 5.04073348782081787 52.69136523714474407, 5.04137532224079443 52.68879487850982457, 5.03772199724858805 52.68878273953087898, 5.032759726099167 52.68668874479412523, 5.03245983451429257 52.69181511083397851, 5.03294361320675154 52.69229606128114085, 5.0351444142525974 52.69233912285607602, 5.0351444142525974 52.69233912285607602)))</t>
  </si>
  <si>
    <t>MultiPolygon (((5.04943948589299119 52.68628018528738721, 5.05157538579377619 52.68779296898604514, 5.05295392960933221 52.68707186770870976, 5.056855703558778 52.68945121857791491, 5.05413315051799561 52.69070765341822238, 5.05236350233805087 52.69043538521936654, 5.05167433583132652 52.69499846974830604, 5.05767843057627964 52.69712333211715816, 5.05799006400372875 52.69452950386288848, 5.0663637877308183 52.6932431270887065, 5.06959526511718472 52.69106370763121561, 5.06877902571661121 52.69050496364017988, 5.06606050345038383 52.69187073107495678, 5.0605951603702497 52.68849985786702206, 5.05396937208808783 52.68691252670626568, 5.05250669122984508 52.68540163220219341, 5.05075755034450857 52.68565667202810943, 5.04943948589299119 52.68628018528738721, 5.04943948589299119 52.68628018528738721)))</t>
  </si>
  <si>
    <t>MultiPolygon (((5.08673039946571137 52.68436548025187705, 5.08300234399576389 52.68320083272697474, 5.08260666306539566 52.68400320344417764, 5.06229181255803962 52.67670763091035013, 5.06334631396728163 52.67579718231520047, 5.06213943503002106 52.67525107637732162, 5.06010056712522527 52.67689880422715021, 5.05729282363151089 52.67705259448744926, 5.04946020358604475 52.67337858699657005, 5.05064915232761891 52.67271311434184611, 5.05990179536638074 52.67375778098235628, 5.06249423325037995 52.67488152571066706, 5.06345546897864818 52.6731333878064234, 5.05153941923772187 52.67220798248719404, 5.04888283118128456 52.67203021357529735, 5.04545929259986359 52.67174269133411713, 5.03830649557502142 52.67080610278307518, 5.03659375349202953 52.67293808109521791, 5.04054731713194837 52.67227979796460602, 5.0488781813818866 52.67723045907541035, 5.06238451245066035 52.68072125560278351, 5.07313324516985098 52.68447296655822498, 5.08418598304442071 52.6864837860845725, 5.08673039946571137 52.68436548025187705, 5.08673039946571137 52.68436548025187705)))</t>
  </si>
  <si>
    <t>MultiPolygon (((5.06213943503002106 52.67525107637732162, 5.06235995563837804 52.675073259357724, 5.06249423325037995 52.67488152571066706, 5.05990179536638074 52.67375778098235628, 5.05064915232761891 52.67271311434184611, 5.04946020358604475 52.67337858699657005, 5.05729282363151089 52.67705259448744926, 5.06010056712522527 52.67689880422715021, 5.06213943503002106 52.67525107637732162, 5.06213943503002106 52.67525107637732162)))</t>
  </si>
  <si>
    <t>MultiPolygon (((5.01920542319046081 52.69612331598862909, 5.02552636607648662 52.69449072838835235, 5.02716124618722482 52.69568382648930083, 5.02741430979545445 52.69739655722849392, 5.03002836439116408 52.69702492253071568, 5.03020437280627331 52.69135383456866606, 5.02759157469595763 52.69134749291340114, 5.02340671559656382 52.69126940756031985, 5.01988425455796339 52.68916975996463492, 5.01425673179395037 52.68960106378346353, 5.0131722998153263 52.68987711715695355, 5.01139856797176275 52.68759093590676912, 5.01063509498992055 52.6843953661557407, 5.01238719257058829 52.68358164791776943, 5.01717451667844649 52.67911827258833313, 5.01545889116132848 52.67908194302526681, 5.01571357820376296 52.676539388290891, 5.0244438312754891 52.67607918236506492, 5.02632487441490294 52.6778095940987896, 5.02626501013587212 52.6792883021927878, 5.02754015923581843 52.67948961740633251, 5.02999561276557472 52.67694139125932651, 5.03056014148941166 52.67943530343526959, 5.03408432311808873 52.67984952615777416, 5.03887708821432589 52.68135718357154929, 5.04117732219973202 52.68116377987333721, 5.04508099767364993 52.6839029894319637, 5.04927016642384796 52.68451013929730209, 5.05075755034450857 52.68565667202810943, 5.05250669122984508 52.68540163220219341, 5.06238451245066035 52.68072125560278351, 5.0488781813818866 52.67723045907541035, 5.04054731713194837 52.67227979796460602, 5.03659375349202953 52.67293808109521791, 5.03830649557502142 52.67080610278307518, 5.03553999037543942 52.6704529602955418, 5.03476267063294625 52.66655635192183382, 5.02131438909285599 52.66440920102665046, 5.0126539237211416 52.66827721453079647, 5.00610395474917969 52.67026892167801577, 5.00341442140449466 52.67048913229503171, 5.00353912108292942 52.6733564018220477, 5.00149261713172955 52.67372065405390202, 5.00235303378032636 52.67492679563490299, 4.98300935820999591 52.6750999924718144, 4.97920470985301211 52.67967916322281496, 4.98045566598824152 52.69035013870063011, 4.98151449683984371 52.69034075719767429, 4.98158753159178147 52.69093689005315184, 4.98572019845961734 52.68961102804883012, 4.98994171144497756 52.68998636306692163, 4.99013981541793861 52.69149367554240371, 4.98614285970415594 52.69167057748137495, 4.98157480670629838 52.69101754107691704, 4.98115739340975505 52.69275970581269064, 4.98446927677596729 52.69752324846859892, 4.98381882549972932 52.69764511154112796, 4.98610682365234315 52.69892566191284544, 4.99255154797708833 52.70241051699651536, 4.99445226653345298 52.70213794578183553, 5.00042884774586671 52.69800775554808325, 5.00269894221192235 52.69759990184905973, 5.0152442714874983 52.6975100982392064, 5.01930081358808522 52.69679529794109385, 5.01920542319046081 52.69612331598862909, 5.01920542319046081 52.69612331598862909)))</t>
  </si>
  <si>
    <t>MultiPolygon (((4.98158753159178147 52.69093689005315184, 4.98158214888081652 52.69093677285249555, 4.98157480670629838 52.69101754107691704, 4.98614285970415594 52.69167057748137495, 4.99013981541793861 52.69149367554240371, 4.98994171144497756 52.68998636306692163, 4.98572019845961734 52.68961102804883012, 4.98158753159178147 52.69093689005315184, 4.98158753159178147 52.69093689005315184)))</t>
  </si>
  <si>
    <t>MultiPolygon (((5.03002836439116408 52.69702492253071568, 5.03331668045698777 52.69658929935059177, 5.03332976446301572 52.69496471723998354, 5.03638837054322952 52.69500369700455167, 5.03647497977168079 52.69235515618370158, 5.0351444142525974 52.69233912285607602, 5.03294361320675154 52.69229606128114085, 5.03245983451429257 52.69181511083397851, 5.032759726099167 52.68668874479412523, 5.03361149980326505 52.68224197272655829, 5.03047684472730339 52.68232079625462205, 5.03028230019328326 52.6888331395935694, 5.02757046058548429 52.68730986149921591, 5.02744121859634951 52.68942181886443166, 5.02759157469595763 52.69134749291340114, 5.03020437280627331 52.69135383456866606, 5.03002836439116408 52.69702492253071568, 5.03002836439116408 52.69702492253071568)))</t>
  </si>
  <si>
    <t>MultiPolygon (((5.032759726099167 52.68668874479412523, 5.03772199724858805 52.68878273953087898, 5.04137532224079443 52.68879487850982457, 5.04943948589299119 52.68628018528738721, 5.05075755034450857 52.68565667202810943, 5.04927016642384796 52.68451013929730209, 5.04508099767364993 52.6839029894319637, 5.04117732219973202 52.68116377987333721, 5.03887708821432589 52.68135718357154929, 5.03408432311808873 52.67984952615777416, 5.03056014148941166 52.67943530343526959, 5.03047684472730339 52.68232079625462205, 5.03361149980326505 52.68224197272655829, 5.032759726099167 52.68668874479412523, 5.032759726099167 52.68668874479412523)))</t>
  </si>
  <si>
    <t>MultiPolygon (((5.02759157469595763 52.69134749291340114, 5.02744121859634951 52.68942181886443166, 5.02579868111761829 52.68945344878328285, 5.0211020723612716 52.68722646926809716, 5.01992820170372234 52.68807002154869679, 5.01988425455796339 52.68916975996463492, 5.02340671559656382 52.69126940756031985, 5.02759157469595763 52.69134749291340114, 5.02759157469595763 52.69134749291340114)))</t>
  </si>
  <si>
    <t>MultiPolygon (((5.01608356651534937 52.6851085235503831, 5.01238719257058829 52.68358164791776943, 5.01063509498992055 52.6843953661557407, 5.01139856797176275 52.68759093590676912, 5.0131722998153263 52.68987711715695355, 5.01425673179395037 52.68960106378346353, 5.01378948856301854 52.688749336809515, 5.01714241883260392 52.68789323697271954, 5.01842956119010086 52.68666417004331493, 5.01608356651534937 52.6851085235503831, 5.01608356651534937 52.6851085235503831)))</t>
  </si>
  <si>
    <t>MultiPolygon (((5.01717451667844649 52.67911827258833313, 5.02401876213580056 52.67969330030523167, 5.02632487441490294 52.6778095940987896, 5.0244438312754891 52.67607918236506492, 5.01571357820376296 52.676539388290891, 5.01545889116132848 52.67908194302526681, 5.01717451667844649 52.67911827258833313, 5.01717451667844649 52.67911827258833313)))</t>
  </si>
  <si>
    <t>MultiPolygon (((5.01238719257058829 52.68358164791776943, 5.01608356651534937 52.6851085235503831, 5.01973416555066532 52.68630247349274498, 5.02511589614864018 52.68062333339143066, 5.02401876213580056 52.67969330030523167, 5.01717451667844649 52.67911827258833313, 5.01238719257058829 52.68358164791776943, 5.01238719257058829 52.68358164791776943)))</t>
  </si>
  <si>
    <t>MultiPolygon (((5.01425673179395037 52.68960106378346353, 5.01988425455796339 52.68916975996463492, 5.01992820170372234 52.68807002154869679, 5.0211020723612716 52.68722646926809716, 5.02579868111761829 52.68945344878328285, 5.02744121859634951 52.68942181886443166, 5.02757046058548429 52.68730986149921591, 5.03028230019328326 52.6888331395935694, 5.03047684472730339 52.68232079625462205, 5.03056014148941166 52.67943530343526959, 5.02999561276557472 52.67694139125932651, 5.02754015923581843 52.67948961740633251, 5.02626501013587212 52.6792883021927878, 5.02632487441490294 52.6778095940987896, 5.02401876213580056 52.67969330030523167, 5.02511589614864018 52.68062333339143066, 5.01973416555066532 52.68630247349274498, 5.01608356651534937 52.6851085235503831, 5.01842956119010086 52.68666417004331493, 5.01714241883260392 52.68789323697271954, 5.01378948856301854 52.688749336809515, 5.01425673179395037 52.68960106378346353, 5.01425673179395037 52.68960106378346353)))</t>
  </si>
  <si>
    <t>MultiPolygon (((5.02518622725781494 52.71842334655953266, 5.02586999269572487 52.7184237427017095, 5.02959671436098521 52.71386639468772728, 5.03611431462131609 52.71398078173793778, 5.03606671449157162 52.71467775793252031, 5.05494093470689254 52.71540818364608327, 5.05634672449853451 52.7035172565586052, 5.05818443841117116 52.70323413768608134, 5.0587752470176337 52.69827919275211769, 5.04003122290514227 52.69569949898480843, 5.03331668045698777 52.69658929935059177, 5.03002836439116408 52.69702492253071568, 5.02741430979545445 52.69739655722849392, 5.02716124618722482 52.69568382648930083, 5.02552636607648662 52.69449072838835235, 5.01920542319046081 52.69612331598862909, 5.01930081358808522 52.69679529794109385, 5.0152442714874983 52.6975100982392064, 5.00269894221192235 52.69759990184905973, 5.00683126065460726 52.70091938055606562, 5.01009235803399555 52.70225922127364271, 5.00897102690076323 52.70100371354553914, 5.01004331530550484 52.70012304586483509, 5.01540382753418879 52.70435018756437273, 5.01500073149293168 52.70552319642597183, 5.02519860748524128 52.71139061961561367, 5.02606169869778441 52.71319223797108577, 5.02482659383486396 52.71832071838037592, 5.02518622725781494 52.71842334655953266, 5.02518622725781494 52.71842334655953266)))</t>
  </si>
  <si>
    <t>MultiPolygon (((5.0136257909747215 52.70494191340332435, 5.01500073149293168 52.70552319642597183, 5.01540382753418879 52.70435018756437273, 5.01004331530550484 52.70012304586483509, 5.00897102690076323 52.70100371354553914, 5.01009235803399555 52.70225922127364271, 5.0136257909747215 52.70494191340332435, 5.0136257909747215 52.70494191340332435)))</t>
  </si>
  <si>
    <t>MultiPolygon (((4.99787203494323951 52.71742207218147058, 5.01116355792194046 52.722907372607132, 5.01325570899295503 52.71930100803898966, 5.0198788515749877 52.71567514607384197, 5.02482659383486396 52.71832071838037592, 5.02606169869778441 52.71319223797108577, 5.02519860748524128 52.71139061961561367, 5.01500073149293168 52.70552319642597183, 5.0136257909747215 52.70494191340332435, 5.01007485752551851 52.70559764370630518, 5.00601257926933396 52.70381356611899548, 5.00517295130777828 52.70235317406443443, 5.00683126065460726 52.70091938055606562, 5.00269894221192235 52.69759990184905973, 5.00042884774586671 52.69800775554808325, 4.99445226653345298 52.70213794578183553, 4.99255154797708833 52.70241051699651536, 4.98610682365234315 52.69892566191284544, 4.98444943311918554 52.70095139557034969, 4.97781057485968237 52.70519154732730982, 4.97658822431474146 52.70821397269980935, 4.97188814329884998 52.71213815247798351, 4.98452344075800902 52.71691806899534072, 4.98827129144405923 52.71338226598866328, 4.99787203494323951 52.71742207218147058, 4.99787203494323951 52.71742207218147058)))</t>
  </si>
  <si>
    <t>MultiPolygon (((5.01009235803399555 52.70225922127364271, 5.00683126065460726 52.70091938055606562, 5.00517295130777828 52.70235317406443443, 5.00601257926933396 52.70381356611899548, 5.01007485752551851 52.70559764370630518, 5.0136257909747215 52.70494191340332435, 5.01009235803399555 52.70225922127364271, 5.01009235803399555 52.70225922127364271)))</t>
  </si>
  <si>
    <t>MultiPolygon (((4.99902236813457623 52.73485812462264732, 5.03277318121607919 52.7473891074672494, 5.03386492774567529 52.74681234729133195, 5.02597072225435415 52.73021368746407944, 5.0247100889009948 52.72331349037793302, 5.02518622725781494 52.71842334655953266, 5.02482659383486396 52.71832071838037592, 5.0198788515749877 52.71567514607384197, 5.01325570899295503 52.71930100803898966, 5.01116355792194046 52.722907372607132, 5.01104838398160801 52.72621695088093219, 5.01713301373290044 52.7286812568815364, 5.01999341664017162 52.72811932375469013, 5.0238185742604875 52.7290936183863721, 5.02600035491041641 52.73101930031725715, 5.02353460589966616 52.7330237484366009, 5.02137012038858188 52.7325986183028661, 5.02035990205555827 52.73435669160797801, 5.02149651394555185 52.73518842336493151, 5.02004360170835895 52.73805695402261051, 5.0172484706640752 52.73712177198900974, 5.01727727506304699 52.73573690942846071, 5.01868526011669491 52.73447725798492769, 5.00836034164559507 52.73070293772069306, 5.00834818654281566 52.7287098832702128, 5.01104724858902806 52.72624148607660288, 5.00757989389770319 52.7248548021995731, 5.00284438276161492 52.73154212840776012, 4.99902236813457623 52.73485812462264732, 4.99902236813457623 52.73485812462264732)))</t>
  </si>
  <si>
    <t>MultiPolygon (((5.01104724858902806 52.72624148607660288, 5.00834818654281566 52.7287098832702128, 5.00836034164559507 52.73070293772069306, 5.01868526011669491 52.73447725798492769, 5.01727727506304699 52.73573690942846071, 5.0172484706640752 52.73712177198900974, 5.02004360170835895 52.73805695402261051, 5.02149651394555185 52.73518842336493151, 5.02035990205555827 52.73435669160797801, 5.02137012038858188 52.7325986183028661, 5.02353460589966616 52.7330237484366009, 5.02600035491041641 52.73101930031725715, 5.0238185742604875 52.7290936183863721, 5.01999341664017162 52.72811932375469013, 5.01713301373290044 52.7286812568815364, 5.01104838398160801 52.72621695088093219, 5.01104724858902806 52.72624148607660288, 5.01104724858902806 52.72624148607660288)))</t>
  </si>
  <si>
    <t>MultiPolygon (((5.04499869262487888 52.75313302573028551, 5.04794419563661112 52.7515127721828847, 5.0496364591670444 52.74751492621301452, 5.04654912807483136 52.74546881860390357, 5.04534455944052329 52.74491842800767216, 5.0408923777416792 52.74624002856045024, 5.03932175757204615 52.74783268711500739, 5.03670765446991187 52.74784362839073282, 5.03386492774567529 52.74681234729133195, 5.03277318121607919 52.7473891074672494, 4.99902236813457623 52.73485812462264732, 4.99638653466857363 52.73861963628236538, 4.99742077524384154 52.73898555641840602, 4.99655840901469439 52.73964773475378109, 4.99838260046061311 52.74028859107370693, 4.99521537755072931 52.74369565553129746, 4.99840394133235932 52.74464309510674553, 4.99631270707932984 52.74726800559405149, 4.99686045152288472 52.75206533072229576, 5.02592630827393094 52.75157109353689577, 5.03992671100471767 52.75238979676640838, 5.04499869262487888 52.75313302573028551)))</t>
  </si>
  <si>
    <t>MultiPolygon (((5.04499869262487888 52.75313302573028551, 5.05692052204475839 52.7574980600875989, 5.06172466020707112 52.76066335208594893, 5.06266924534931917 52.76025182460381302, 5.06361765643578288 52.75740384694103113, 5.06953121780569305 52.75750334436094846, 5.07132098276831567 52.75057017113366697, 5.07064462895068502 52.74902379014586273, 5.06862965128827447 52.74873354583040452, 5.06414711779530613 52.74783966831380866, 5.06248535825665869 52.74787265404050629, 5.06207161972795383 52.74878022797292942, 5.06019389842854128 52.74850352296500233, 5.06155893931204304 52.7452269419686175, 5.05630923148866884 52.74210422309617741, 5.05396215955531503 52.74176534140797656, 5.05244196256251765 52.74248007617744349, 5.04967133880360741 52.74188962851668805, 5.04791719657468896 52.73653687402476464, 5.04989913249139999 52.73631117215821718, 5.0533275786470444 52.73777414957996967, 5.05635946578006124 52.74067695557891966, 5.06134945580241169 52.74236864401827063, 5.06768229309293705 52.74695251248919448, 5.06951125482283604 52.74708442334399905, 5.07061731531042081 52.73985760965924641, 5.07150324415947829 52.73314685700599824, 5.06610324784321531 52.732876255732819, 5.06599839993443535 52.73631741914309146, 5.06244866193778442 52.73616121895137354, 5.06289072270423723 52.73187891734214361, 5.06065996082612379 52.73174466986937148, 5.06048544666772493 52.73293414459401873, 5.05678626480564386 52.73345470628665765, 5.05388892963288328 52.73300798441354686, 5.0542901786123533 52.7299186954207002, 5.04255122094596064 52.72958496434347353, 5.0441230322039079 52.726350803017624, 5.04045315948392414 52.72299992066452035, 5.03584609186775189 52.72109278446156111, 5.02732284223490833 52.72123638586673877, 5.02863529189359149 52.71878182758398879, 5.02586999269572487 52.7184237427017095, 5.02518622725781494 52.71842334655953266, 5.0247100889009948 52.72331349037793302, 5.02597072225435415 52.73021368746407944, 5.03386492774567529 52.74681234729133195, 5.03670765446991187 52.74784362839073282, 5.03932175757204615 52.74783268711500739, 5.0408923777416792 52.74624002856045024, 5.04534455944052329 52.74491842800767216, 5.04654912807483136 52.74546881860390357, 5.0496364591670444 52.74751492621301452, 5.04794419563661112 52.7515127721828847, 5.04499869262487888 52.75313302573028551, 5.04499869262487888 52.75313302573028551)))</t>
  </si>
  <si>
    <t>MultiPolygon (((5.06862965128827447 52.74873354583040452, 5.06940638993589854 52.74777123293734604, 5.06951125482283604 52.74708442334399905, 5.06768229309293705 52.74695251248919448, 5.06134945580241169 52.74236864401827063, 5.05635946578006124 52.74067695557891966, 5.0533275786470444 52.73777414957996967, 5.04989913249139999 52.73631117215821718, 5.04791719657468896 52.73653687402476464, 5.04967133880360741 52.74188962851668805, 5.05244196256251765 52.74248007617744349, 5.05396215955531503 52.74176534140797656, 5.05630923148866884 52.74210422309617741, 5.06155893931204304 52.7452269419686175, 5.06019389842854128 52.74850352296500233, 5.06207161972795383 52.74878022797292942, 5.06248535825665869 52.74787265404050629, 5.06414711779530613 52.74783966831380866, 5.06862965128827447 52.74873354583040452, 5.06862965128827447 52.74873354583040452)))</t>
  </si>
  <si>
    <t>MultiPolygon (((5.08358243996741432 52.76961480178978547, 5.08667801731735114 52.76539907048068301, 5.08469287127584391 52.76420958386793103, 5.07914853778995212 52.76246929575095379, 5.07415959533003846 52.7617562755109617, 5.07252860410421036 52.76437263837559044, 5.06981622559952161 52.76364581849669122, 5.07085984847713966 52.76016637477377458, 5.07028458375959978 52.75548328798313946, 5.07505190214337443 52.75397578750887106, 5.07806220536552555 52.7549588512959815, 5.07756918113883859 52.75596039648851132, 5.08065079493192506 52.75999564726676994, 5.08227096076366447 52.75850774575179969, 5.08343579965232006 52.75841161760691733, 5.08619011852669267 52.76019129002400376, 5.08417587170378571 52.76266941992336967, 5.08481212418369388 52.76337161116549623, 5.0903659724928918 52.7567283973922585, 5.08753879645319884 52.75430409192743042, 5.07957803157126619 52.75227837832485278, 5.08040832392892927 52.74666971353062905, 5.08445569887801074 52.74298147609138709, 5.08316448844466606 52.74248015204510409, 5.08052657811741426 52.74483463463068489, 5.07730983055820495 52.74459447760994379, 5.07556278818414608 52.74191169487669129, 5.07338320514133212 52.74048079269721967, 5.07061731531042081 52.73985760965924641, 5.06951125482283604 52.74708442334399905, 5.06940638993589854 52.74777123293734604, 5.06862965128827447 52.74873354583040452, 5.07064462895068502 52.74902379014586273, 5.07132098276831567 52.75057017113366697, 5.06953121780569305 52.75750334436094846, 5.06361765643578288 52.75740384694103113, 5.06266924534931917 52.76025182460381302, 5.06172466020707112 52.76066335208594893, 5.06429257493964347 52.76258764761172415, 5.06746078999120453 52.76667085246049993, 5.06972297669858385 52.76810316765509867, 5.0762114404602352 52.76924538473948445, 5.08358243996741432 52.76961480178978547, 5.08358243996741432 52.76961480178978547)))</t>
  </si>
  <si>
    <t>MultiPolygon (((5.08469287127584391 52.76420958386793103, 5.08456766128506743 52.76400929620476177, 5.08481212418369388 52.76337161116549623, 5.08417587170378571 52.76266941992336967, 5.08619011852669267 52.76019129002400376, 5.08343579965232006 52.75841161760691733, 5.08227096076366447 52.75850774575179969, 5.08065079493192506 52.75999564726676994, 5.07756918113883859 52.75596039648851132, 5.07806220536552555 52.7549588512959815, 5.07505190214337443 52.75397578750887106, 5.07028458375959978 52.75548328798313946, 5.07085984847713966 52.76016637477377458, 5.06981622559952161 52.76364581849669122, 5.07252860410421036 52.76437263837559044, 5.07415959533003846 52.7617562755109617, 5.07914853778995212 52.76246929575095379, 5.08469287127584391 52.76420958386793103, 5.08469287127584391 52.76420958386793103)))</t>
  </si>
  <si>
    <t>MultiPolygon (((5.08469287127584391 52.76420958386793103, 5.08667801731735114 52.76539907048068301, 5.0929621659441997 52.75855362295360607, 5.09903550603627842 52.75361723544848047, 5.10292218630851124 52.75534193389495385, 5.10234403191040631 52.75642541446421063, 5.10594974491073739 52.75835473107270701, 5.10932274230638139 52.75952693333081811, 5.10995285763863549 52.76048377778982257, 5.11334779109656523 52.76082821580195059, 5.11586250293123079 52.75846461468770343, 5.11914173524442884 52.75947681280668888, 5.12049104901138641 52.75695934131334042, 5.1196148039469529 52.75572605610238952, 5.11902704736710312 52.75505667084063788, 5.11859241822902611 52.75460671365187437, 5.107514378425833 52.75074155571207513, 5.10579094584496396 52.74910914005720031, 5.10265799931500297 52.74800652881165064, 5.11052766472159536 52.74035137138933038, 5.10403373545367423 52.73838517646159119, 5.10476767668085607 52.73616785722136768, 5.10361228364250419 52.73395306842154895, 5.09510027311149383 52.73144646318915818, 5.09246430060156374 52.74117962624283251, 5.09569843621916352 52.74418684434880333, 5.09086255377057384 52.74357919468907596, 5.07886691414296276 52.73888162855915596, 5.073827742095812 52.73788775216279845, 5.0739120156304951 52.73901879095501499, 5.08316448844466606 52.74248015204510409, 5.08445569887801074 52.74298147609138709, 5.08040832392892927 52.74666971353062905, 5.07957803157126619 52.75227837832485278, 5.08753879645319884 52.75430409192743042, 5.0903659724928918 52.7567283973922585, 5.08481212418369388 52.76337161116549623, 5.08456766128506743 52.76400929620476177, 5.08469287127584391 52.76420958386793103, 5.08469287127584391 52.76420958386793103)))</t>
  </si>
  <si>
    <t>MultiPolygon (((5.11140978872795237 52.76503664179915631, 5.11695024301755019 52.765795591059657, 5.11914173524442884 52.75947681280668888, 5.11586250293123079 52.75846461468770343, 5.11334779109656523 52.76082821580195059, 5.11140978872795237 52.76503664179915631, 5.11140978872795237 52.76503664179915631)))</t>
  </si>
  <si>
    <t>MultiPolygon (((5.11770419915574148 52.76967509480491003, 5.11813328341344853 52.76792299900375127, 5.12040180741387552 52.76802132792931133, 5.11845451566817555 52.76730220694145856, 5.11924245123372401 52.76609450013341274, 5.11790886502891684 52.76582559368489456, 5.11846209813975683 52.76456397867234216, 5.119552400577426 52.76448077889689614, 5.11987000146370441 52.76529140961014264, 5.12018817064585274 52.76468857742043639, 5.12349637688145609 52.76517449957778183, 5.12386717352653953 52.76486789492025764, 5.12048536594888937 52.76412546749998711, 5.12010072703022256 52.76107030299342426, 5.12164630551983002 52.76121236092295419, 5.11990349323441141 52.75998791070856697, 5.12106607346246268 52.75862474001009872, 5.12389696876460476 52.75799330831747369, 5.12317779375843152 52.75730352592398731, 5.12049104901138641 52.75695934131334042, 5.11914173524442884 52.75947681280668888, 5.11695024301755019 52.765795591059657, 5.11486737197730168 52.77071238496827021, 5.11291110178953101 52.77351922595203604, 5.11364285842878452 52.77410949397353335, 5.11651299878444643 52.7707495298999163, 5.11539839609094216 52.77067363638826691, 5.11770419915574148 52.76967509480491003, 5.11770419915574148 52.76967509480491003)))</t>
  </si>
  <si>
    <t>MultiPolygon (((5.08358243996741432 52.76961480178978547, 5.09210784630835267 52.76928520752794327, 5.09366588713396329 52.76969187826484387, 5.09861198980275176 52.76726320991513575, 5.10061430590422749 52.76721742484600952, 5.10214860525154013 52.76792201315157627, 5.10361053330141168 52.76675746173395964, 5.09847304955539027 52.76482263886006052, 5.09497015747265714 52.76214754789413064, 5.09628702244563225 52.76075195307954147, 5.0929621659441997 52.75855362295360607, 5.08667801731735114 52.76539907048068301, 5.08358243996741432 52.76961480178978547, 5.08358243996741432 52.76961480178978547)))</t>
  </si>
  <si>
    <t>MultiPolygon (((5.0929621659441997 52.75855362295360607, 5.09628702244563225 52.76075195307954147, 5.09497015747265714 52.76214754789413064, 5.09847304955539027 52.76482263886006052, 5.1018459546142978 52.76317167650370976, 5.10594974491073739 52.75835473107270701, 5.10234403191040631 52.75642541446421063, 5.10292218630851124 52.75534193389495385, 5.09903550603627842 52.75361723544848047, 5.0929621659441997 52.75855362295360607, 5.0929621659441997 52.75855362295360607)))</t>
  </si>
  <si>
    <t>MultiPolygon (((5.09847304955539027 52.76482263886006052, 5.10361053330141168 52.76675746173395964, 5.10451724017129216 52.76700556327597269, 5.10995285763863549 52.76048377778982257, 5.10932274230638139 52.75952693333081811, 5.10594974491073739 52.75835473107270701, 5.1018459546142978 52.76317167650370976, 5.09847304955539027 52.76482263886006052, 5.09847304955539027 52.76482263886006052)))</t>
  </si>
  <si>
    <t>MultiPolygon (((5.10214860525154013 52.76792201315157627, 5.10233042960443406 52.76803987547029351, 5.10913376893144822 52.76839005965961604, 5.11140978872795237 52.76503664179915631, 5.11334779109656523 52.76082821580195059, 5.10995285763863549 52.76048377778982257, 5.10451724017129216 52.76700556327597269, 5.10361053330141168 52.76675746173395964, 5.10214860525154013 52.76792201315157627, 5.10214860525154013 52.76792201315157627)))</t>
  </si>
  <si>
    <t>MultiPolygon (((5.10913376893144822 52.76839005965961604, 5.11122502866535111 52.76816072616979625, 5.11486737197730168 52.77071238496827021, 5.11695024301755019 52.765795591059657, 5.11140978872795237 52.76503664179915631, 5.10913376893144822 52.76839005965961604, 5.10913376893144822 52.76839005965961604)))</t>
  </si>
  <si>
    <t>MultiPolygon (((5.10214860525154013 52.76792201315157627, 5.10061430590422749 52.76721742484600952, 5.09861198980275176 52.76726320991513575, 5.09366588713396329 52.76969187826484387, 5.09867295808223631 52.77235475864564052, 5.10234295772447677 52.77101732044553728, 5.10233042960443406 52.76803987547029351, 5.10214860525154013 52.76792201315157627, 5.10214860525154013 52.76792201315157627)))</t>
  </si>
  <si>
    <t>MultiPolygon (((5.11222389957043166 52.77464333061683277, 5.11264960639252131 52.77389346207264964, 5.1082549625665381 52.77095732821796759, 5.10877263422778682 52.77065449879752634, 5.11173785144529003 52.77233909912396115, 5.11210929339087272 52.77158260743316021, 5.10899170602297925 52.770060597001887, 5.1093910664863742 52.76947967137392226, 5.11291867032891556 52.77092392667992726, 5.11224023404641414 52.77267015706264175, 5.11291110178953101 52.77351922595203604, 5.11486737197730168 52.77071238496827021, 5.11122502866535111 52.76816072616979625, 5.10913376893144822 52.76839005965961604, 5.10233042960443406 52.76803987547029351, 5.10234295772447677 52.77101732044553728, 5.09867295808223631 52.77235475864564052, 5.09963176454662559 52.7733095343865557, 5.10414829091746913 52.77445227409697992, 5.11222389957043166 52.77464333061683277),(5.10320458029529256 52.77097733355079612, 5.1039176659702763 52.76985571446745382, 5.10872809534633632 52.7696448282321029, 5.10786692189869562 52.77039656219991315, 5.10320458029529256 52.77097733355079612)))</t>
  </si>
  <si>
    <t>MultiPolygon (((5.22598064835382381 52.26819768594170768, 5.22958081531273411 52.26546369862636965, 5.230134885927054 52.2656183403222272, 5.23059301024781576 52.26469495151241063, 5.2320483187033533 52.26446717796585517, 5.22819761856111231 52.26078923910237251, 5.22411877737535058 52.26271607541881536, 5.22208395984833196 52.26007377690853417, 5.21829807482634855 52.26246903309166925, 5.20924444343925863 52.26593451449598859, 5.21164372251880703 52.26734368795618479, 5.21686767279633656 52.26899349837805175, 5.22550790324866643 52.27290887253021623, 5.22598064835382381 52.26819768594170768, 5.22598064835382381 52.26819768594170768)))</t>
  </si>
  <si>
    <t>MultiPolygon (((5.24509312329424127 52.25443106810774196, 5.23840771838644592 52.24566031841776237, 5.23519165627321925 52.24672966674911123, 5.23121873039035368 52.24586866789814366, 5.22811964815114028 52.24546129280783902, 5.22768672662624923 52.25139755199499803, 5.2278301836483978 52.25304274333966248, 5.23294126267431192 52.25578936610244796, 5.24406431174959842 52.25466413901624918, 5.24408112886221822 52.2546627842357978, 5.24509312329424127 52.25443106810774196, 5.24509312329424127 52.25443106810774196)))</t>
  </si>
  <si>
    <t>MultiPolygon (((5.2076924723999003 52.26626821199198503, 5.20924444343925863 52.26593451449598859, 5.21829807482634855 52.26246903309166925, 5.22208395984833196 52.26007377690853417, 5.21840508424175198 52.26057797755018441, 5.21755996240969022 52.25983343971820716, 5.21791052699926716 52.25466045200639797, 5.2132457247501387 52.25080646776091697, 5.2095976070512755 52.25606519114045057, 5.20956698941376573 52.2617328843090192, 5.20753611835555663 52.26498783041225238, 5.2076924723999003 52.26626821199198503, 5.2076924723999003 52.26626821199198503)))</t>
  </si>
  <si>
    <t>MultiPolygon (((5.20735661122638316 52.24654303544576806, 5.2132457247501387 52.25080646776091697, 5.21495737509114399 52.24766859098028959, 5.22106977360477043 52.24284715690114922, 5.21935997036564814 52.24010980730719922, 5.21348117092168373 52.24139082360141373, 5.20735661122638316 52.24654303544576806, 5.20735661122638316 52.24654303544576806)))</t>
  </si>
  <si>
    <t>MultiPolygon (((5.20753611835555663 52.26498783041225238, 5.20956698941376573 52.2617328843090192, 5.2095976070512755 52.25606519114045057, 5.2132457247501387 52.25080646776091697, 5.20735661122638316 52.24654303544576806, 5.20312281181788183 52.25203384688042973, 5.20239889145181778 52.25515819492766667, 5.20462037697009006 52.2612686812619458, 5.20753611835555663 52.26498783041225238, 5.20753611835555663 52.26498783041225238)))</t>
  </si>
  <si>
    <t>MultiPolygon (((5.23121873039035368 52.24586866789814366, 5.23519165627321925 52.24672966674911123, 5.23840771838644592 52.24566031841776237, 5.2373688001541252 52.24427655752312916, 5.23121873039035368 52.24586866789814366, 5.23121873039035368 52.24586866789814366)))</t>
  </si>
  <si>
    <t>MultiPolygon (((5.21791052699926716 52.25466045200639797, 5.22158234039231939 52.2546430532236954, 5.22412251954472406 52.25356272827932003, 5.22547371553904494 52.25196948614735959, 5.22768672662624923 52.25139755199499803, 5.22811964815114028 52.24546129280783902, 5.22784754260672191 52.24398627020534747, 5.2242712085927403 52.24139870690660814, 5.22106977360477043 52.24284715690114922, 5.21495737509114399 52.24766859098028959, 5.2132457247501387 52.25080646776091697, 5.21791052699926716 52.25466045200639797, 5.21791052699926716 52.25466045200639797)))</t>
  </si>
  <si>
    <t>MultiPolygon (((5.22819761856111231 52.26078923910237251, 5.2320483187033533 52.26446717796585517, 5.24406431174959842 52.25466413901624918, 5.23294126267431192 52.25578936610244796, 5.22873761794096836 52.2592806872712643, 5.22819761856111231 52.26078923910237251, 5.22819761856111231 52.26078923910237251)))</t>
  </si>
  <si>
    <t>MultiPolygon (((5.20382197643963096 52.26711508855309773, 5.2076924723999003 52.26626821199198503, 5.20753611835555663 52.26498783041225238, 5.20462037697009006 52.2612686812619458, 5.20239889145181778 52.25515819492766667, 5.20312281181788183 52.25203384688042973, 5.20735661122638316 52.24654303544576806, 5.21348117092168373 52.24139082360141373, 5.21935997036564814 52.24010980730719922, 5.22106977360477043 52.24284715690114922, 5.2242712085927403 52.24139870690660814, 5.22784754260672191 52.24398627020534747, 5.22811964815114028 52.24546129280783902, 5.23121873039035368 52.24586866789814366, 5.2373688001541252 52.24427655752312916, 5.23187964306894493 52.2370776600835427, 5.22290124681282908 52.22526095050992012, 5.22473024132694253 52.22519709437526814, 5.2205774994773444 52.21597137070281747, 5.21896032236996454 52.21212871443328396, 5.21579930362157018 52.21667383174795418, 5.19980955330848449 52.23961649317910627, 5.19939818031597412 52.24020391755238535, 5.18885285805755547 52.24765056299436594, 5.19959036053843526 52.2616185132176625, 5.20382197643963096 52.26711508855309773, 5.20382197643963096 52.26711508855309773)))</t>
  </si>
  <si>
    <t>MultiPolygon (((5.22208395984833196 52.26007377690853417, 5.22411877737535058 52.26271607541881536, 5.22819761856111231 52.26078923910237251, 5.22873761794096836 52.2592806872712643, 5.23294126267431192 52.25578936610244796, 5.2278301836483978 52.25304274333966248, 5.22768672662624923 52.25139755199499803, 5.22547371553904494 52.25196948614735959, 5.22412251954472406 52.25356272827932003, 5.22158234039231939 52.2546430532236954, 5.21791052699926716 52.25466045200639797, 5.21755996240969022 52.25983343971820716, 5.21840508424175198 52.26057797755018441, 5.22208395984833196 52.26007377690853417, 5.22208395984833196 52.26007377690853417)))</t>
  </si>
  <si>
    <t>MultiPolygon (((4.76742508109886298 52.69820597290095066, 4.76893037500198425 52.6888251124595044, 4.76912717533633934 52.68303222785615247, 4.77177145436906613 52.67880230768438565, 4.77171257098404844 52.67787104634999906, 4.74974856181173077 52.68240581333984807, 4.74690781673975071 52.68230214484018603, 4.74357640039054473 52.68130854406547314, 4.74174160752266083 52.68080686745726382, 4.73838029631313518 52.68436257416958313, 4.72885382060110082 52.69140378592108931, 4.73203651975140094 52.69280908641352568, 4.73431474208199354 52.69280603204811797, 4.75184723027804079 52.69707220239060774, 4.76742508109886298 52.69820597290095066, 4.76742508109886298 52.69820597290095066)))</t>
  </si>
  <si>
    <t>MultiPolygon (((4.80050946717102978 52.66024091730539425, 4.77366937239094469 52.64835444960920086, 4.77560780477815072 52.65264595932546854, 4.77300532835262903 52.65340812752940991, 4.77403319990707597 52.65522153899991764, 4.77804204117048403 52.66431776645006124, 4.77449030358246151 52.66534282211851803, 4.77597017278018043 52.66784885805518712, 4.77857755271410234 52.67230459050629321, 4.77899991850185923 52.67394086459822233, 4.7895582587651031 52.67076858061224698, 4.79936175284021083 52.66908823795911587, 4.80155071164944136 52.66701969545230355, 4.79954800635090262 52.66396436171125828, 4.80050946717102978 52.66024091730539425)))</t>
  </si>
  <si>
    <t>MultiPolygon (((4.82417262358375165 52.7112225365286875, 4.81949714858894218 52.70918862204442235, 4.81741282283827221 52.71102988459531957, 4.81794039107727823 52.71550694645194568, 4.8272562858091197 52.71756267126225737, 4.83173542421329394 52.71689690592332767, 4.83376739899669339 52.7138044726277073, 4.82417262358375165 52.7112225365286875, 4.82417262358375165 52.7112225365286875)))</t>
  </si>
  <si>
    <t>MultiPolygon (((4.82571661678833852 52.68497724902135815, 4.82727457510049263 52.68039697178676306, 4.82698237939562524 52.67594434194944597, 4.82510987702642957 52.67352701073657784, 4.82219068449775889 52.67241446697281049, 4.8092315520009592 52.67321738561403066, 4.80695691826341598 52.67017732630967686, 4.80155071164944136 52.66701969545230355, 4.79936175284021083 52.66908823795911587, 4.7895582587651031 52.67076858061224698, 4.77899991850185923 52.67394086459822233, 4.77902577307747745 52.67648395939812644, 4.77171257098404844 52.67787104634999906, 4.77177145436906613 52.67880230768438565, 4.77556309118364641 52.67962508724951931, 4.77744151776532444 52.67895001799413279, 4.78325690106320778 52.68015980558956102, 4.78570865869312456 52.6813439243306405, 4.80357031842934923 52.68466290968718369, 4.80299638338526869 52.68578682814945324, 4.80857637929002291 52.68672007839347771, 4.80837941005419367 52.68460832365217072, 4.82593920968320322 52.6879079715577987, 4.82571661678833852 52.68497724902135815, 4.82571661678833852 52.68497724902135815)))</t>
  </si>
  <si>
    <t>MultiPolygon (((4.8247873883124317 52.70100082093970428, 4.82531241298965607 52.69627121548518289, 4.82672724842369316 52.69079657660377336, 4.82593920968320322 52.6879079715577987, 4.80837941005419367 52.68460832365217072, 4.80857637929002291 52.68672007839347771, 4.80299638338526869 52.68578682814945324, 4.80357031842934923 52.68466290968718369, 4.78570865869312456 52.6813439243306405, 4.78325690106320778 52.68015980558956102, 4.77744151776532444 52.67895001799413279, 4.77556309118364641 52.67962508724951931, 4.77177145436906613 52.67880230768438565, 4.76912717533633934 52.68303222785615247, 4.76893037500198425 52.6888251124595044, 4.8247873883124317 52.70100082093970428, 4.8247873883124317 52.70100082093970428)))</t>
  </si>
  <si>
    <t>MultiPolygon (((4.8247873883124317 52.70100082093970428, 4.76893037500198425 52.6888251124595044, 4.76742508109886298 52.69820597290095066, 4.76848474136710099 52.69841984288572689, 4.76916848134368454 52.69776518340923133, 4.79124374855944435 52.702708336468163, 4.79031543538124982 52.70460895020732295, 4.81157289785465991 52.70916674265895097, 4.81741282283827221 52.71102988459531957, 4.81949714858894218 52.70918862204442235, 4.82066542791783714 52.7085612474074523, 4.8237374298357949 52.70435824049397411, 4.8247873883124317 52.70100082093970428, 4.8247873883124317 52.70100082093970428)))</t>
  </si>
  <si>
    <t>MultiPolygon (((4.77881225518661257 52.73134687810648558, 4.78176890445705727 52.72986670901796913, 4.78656602340969339 52.72794571086718918, 4.78687298268695915 52.72637229641377843, 4.78541199053114319 52.7224512563769494, 4.78662606616855868 52.72099828295662149, 4.78821884877933446 52.72104336909820432, 4.79037398642043755 52.7206413438617929, 4.79270241365308802 52.72049298704122577, 4.79361242524179509 52.72010550638799486, 4.79407548333245881 52.72007776671605939, 4.79403834030001175 52.72071368574147954, 4.79548585760744572 52.7204319902880485, 4.79566587629187957 52.72052667373014145, 4.79736628478627924 52.72087663564976623, 4.79760246893288489 52.72084753703864379, 4.7975418956458542 52.71963606934330215, 4.79985025260362619 52.71796226716066514, 4.80173930601238919 52.71615196457722163, 4.80335446908282027 52.71542100952105869, 4.80452909812316076 52.71567442689331529, 4.80501126376124699 52.71506993425722243, 4.80392399460962061 52.71477959665099178, 4.80502584928860443 52.7142087841569591, 4.80967167656347172 52.71514725628848907, 4.8132074906278417 52.71494112626995587, 4.81794039107727823 52.71550694645194568, 4.81741282283827221 52.71102988459531957, 4.81157289785465991 52.70916674265895097, 4.79031543538124982 52.70460895020732295, 4.79124374855944435 52.702708336468163, 4.76916848134368454 52.69776518340923133, 4.76848474136710099 52.69841984288572689, 4.76964702154674747 52.69879348866673752, 4.77068716268426662 52.70148683050630467, 4.77045945222160306 52.70872462530306279, 4.77290181722195417 52.7199819981318285, 4.77768986686490837 52.72856184871456975, 4.77881225518661257 52.73134687810648558)))</t>
  </si>
  <si>
    <t>MultiPolygon (((4.90609401483071572 52.47910477823712228, 4.94693897680179617 52.47399456432654574, 4.94687722863378987 52.46888310692067847, 4.95066078445686308 52.45859522050498214, 4.9480016071419195 52.45238869257959635, 4.94878613299034686 52.44797399567669061, 4.93425230271381476 52.44379984138344497, 4.92790419882870978 52.44409812470131271, 4.91374566308311334 52.4442831205589215, 4.89647597029281911 52.44623697788254191, 4.89507638652966204 52.44980882695113422, 4.89307743347082358 52.45411459052525061, 4.89331897265654803 52.45727606991004421, 4.90243895205430036 52.47059923872920706, 4.90609401483071572 52.47910477823712228, 4.90609401483071572 52.47910477823712228)))</t>
  </si>
  <si>
    <t>MultiPolygon (((4.94125445858044809 52.48542865429504189, 4.94342455592627505 52.48762328982936509, 4.94875278942048435 52.48661738334150328, 4.94831632193687287 52.4840048283039593, 4.94693897680179617 52.47399456432654574, 4.90609401483071572 52.47910477823712228, 4.90646964212110248 52.47982647495597064, 4.90770343059085157 52.48088647537434781, 4.90822090021744195 52.48309687403526169, 4.91612695507217357 52.48654520796623757, 4.92065089248952425 52.49043447685894392, 4.92239494670399935 52.49027999612103912, 4.93035684530414731 52.48867105486873186, 4.93006458784159651 52.48792144368301393, 4.94125445858044809 52.48542865429504189)))</t>
  </si>
  <si>
    <t>MultiPolygon (((4.92790419882870978 52.44409812470131271, 4.93425230271381476 52.44379984138344497, 4.94878613299034686 52.44797399567669061, 4.95086129714169232 52.43714072432768347, 4.95068965720141563 52.42359613093972825, 4.94778857418794349 52.42156224111933227, 4.94148107535816994 52.42220567734526782, 4.93578479810792814 52.42376593149160158, 4.93220071541558358 52.42547082093973643, 4.93132149757120697 52.42632744188563976, 4.93207188958258769 52.42770177501838447, 4.93182817485263314 52.43239066954762961, 4.92833127805109239 52.43382586840706949, 4.92852289814046696 52.43435800043442896, 4.92817914070306884 52.43758573576050708, 4.92790419882870978 52.44409812470131271, 4.92790419882870978 52.44409812470131271)))</t>
  </si>
  <si>
    <t>MultiPolygon (((4.89874101751553326 52.42448976391425219, 4.8992817142664018 52.43143345824576329, 4.90581449714412443 52.43143545137220229, 4.90843687159221176 52.43033919515912089, 4.91370218462786124 52.43012891683511612, 4.90935301439141103 52.42296856748036049, 4.90736400158657826 52.42132369261602065, 4.89874101751553326 52.42448976391425219, 4.89874101751553326 52.42448976391425219)))</t>
  </si>
  <si>
    <t>MultiPolygon (((4.92297240381182455 52.42882250831518576, 4.91832316918498513 52.42578240992713035, 4.91783314228008361 52.42444215938731844, 4.91205579512150514 52.42563808032491579, 4.9146775297741252 52.42904390812792315, 4.92297240381182455 52.42882250831518576, 4.92297240381182455 52.42882250831518576)))</t>
  </si>
  <si>
    <t>MultiPolygon (((4.92817914070306884 52.43758573576050708, 4.92852289814046696 52.43435800043442896, 4.92833127805109239 52.43382586840706949, 4.92432677145760156 52.42993580782092522, 4.91525030762597659 52.43007442648303851, 4.91617987093820474 52.43446687437037923, 4.9157972892652575 52.43753348768138522, 4.92817914070306884 52.43758573576050708, 4.92817914070306884 52.43758573576050708)))</t>
  </si>
  <si>
    <t>MultiPolygon (((4.89647597029281911 52.44623697788254191, 4.91374566308311334 52.4442831205589215, 4.92790419882870978 52.44409812470131271, 4.92817914070306884 52.43758573576050708, 4.9157972892652575 52.43753348768138522, 4.91617987093820474 52.43446687437037923, 4.91525030762597659 52.43007442648303851, 4.92432677145760156 52.42993580782092522, 4.92833127805109239 52.43382586840706949, 4.93182817485263314 52.43239066954762961, 4.93207188958258769 52.42770177501838447, 4.93132149757120697 52.42632744188563976, 4.93220071541558358 52.42547082093973643, 4.93578479810792814 52.42376593149160158, 4.94148107535816994 52.42220567734526782, 4.94778857418794349 52.42156224111933227, 4.94477987890025084 52.41501817929481177, 4.94264680848918747 52.41385998187404027, 4.93514230090094674 52.41203977132429515, 4.93071588321283372 52.41160758232974359, 4.9227457296432755 52.41552968336785057, 4.92045031001908306 52.41660703493619167, 4.90796219977948045 52.42087368157186944, 4.90736400158657826 52.42132369261602065, 4.90935301439141103 52.42296856748036049, 4.91370218462786124 52.43012891683511612, 4.90843687159221176 52.43033919515912089, 4.90581449714412443 52.43143545137220229, 4.8992817142664018 52.43143345824576329, 4.89809520114157326 52.43416890566666666, 4.89445572472749024 52.43711966110976164, 4.89654531313331454 52.43985352678824086, 4.89647597029281911 52.44623697788254191, 4.89647597029281911 52.44623697788254191),(4.92297240381182455 52.42882250831518576, 4.9146775297741252 52.42904390812792315, 4.91205579512150514 52.42563808032491579, 4.91783314228008361 52.42444215938731844, 4.91832316918498513 52.42578240992713035, 4.92297240381182455 52.42882250831518576, 4.92297240381182455 52.42882250831518576)))</t>
  </si>
  <si>
    <t>MultiPolygon (((5.27800197045680619 52.30235926152118964, 5.27881974883950011 52.30238706580659169, 5.28112662579099723 52.30059356501869416, 5.27894475412007047 52.29911455463961545, 5.27573222678772691 52.3008625538117613, 5.27800197045680619 52.30235926152118964, 5.27800197045680619 52.30235926152118964)))</t>
  </si>
  <si>
    <t>MultiPolygon (((5.28780991484419527 52.29760305285379474, 5.28091178991227039 52.29378073467905352, 5.2777433930612272 52.29607395553643556, 5.27440817833311737 52.29340756677405011, 5.27254665439834014 52.29452098441745989, 5.27660298890295554 52.2971596449790681, 5.27894475412007047 52.29911455463961545, 5.28112662579099723 52.30059356501869416, 5.28780991484419527 52.29760305285379474, 5.28780991484419527 52.29760305285379474)))</t>
  </si>
  <si>
    <t>MultiPolygon (((5.27116127313378779 52.29099847100376763, 5.26617181367191911 52.29428517086032713, 5.2715398728199343 52.29819737979389771, 5.27660298890295554 52.2971596449790681, 5.27254665439834014 52.29452098441745989, 5.27440817833311737 52.29340756677405011, 5.27116127313378779 52.29099847100376763)))</t>
  </si>
  <si>
    <t>MultiPolygon (((5.26778459940318466 52.30032247672721724, 5.2715398728199343 52.29819737979389771, 5.26617181367191911 52.29428517086032713, 5.26284398205765314 52.29393457136232826, 5.26705513953258553 52.29780745068714509, 5.26778459940318466 52.30032247672721724, 5.26778459940318466 52.30032247672721724)))</t>
  </si>
  <si>
    <t>MultiPolygon (((5.26473332038205655 52.30645362671923948, 5.27406446660331518 52.30414494270663539, 5.27800197045680619 52.30235926152118964, 5.27573222678772691 52.3008625538117613, 5.27894475412007047 52.29911455463961545, 5.27660298890295554 52.2971596449790681, 5.2715398728199343 52.29819737979389771, 5.26778459940318466 52.30032247672721724, 5.26410191080583445 52.30177513088968766, 5.26473332038205655 52.30645362671923948, 5.26473332038205655 52.30645362671923948)))</t>
  </si>
  <si>
    <t>MultiPolygon (((5.25840160631507203 52.28919610331438861, 5.26560988945329367 52.2908543974161546, 5.2683160140926919 52.29009247034203156, 5.25756300555467604 52.28674234038791724, 5.25840160631507203 52.28919610331438861, 5.25840160631507203 52.28919610331438861)))</t>
  </si>
  <si>
    <t>MultiPolygon (((5.26168370591939727 52.29425606130857318, 5.26284398205765314 52.29393457136232826, 5.26617181367191911 52.29428517086032713, 5.27116127313378779 52.29099847100376763, 5.27098905239738436 52.29092148765525394, 5.2683160140926919 52.29009247034203156, 5.26560988945329367 52.2908543974161546, 5.25840160631507203 52.28919610331438861, 5.26173925677917609 52.29323685795831267, 5.26168370591939727 52.29425606130857318, 5.26168370591939727 52.29425606130857318)))</t>
  </si>
  <si>
    <t>MultiPolygon (((5.255054887829675 52.3061530574997704, 5.25635801667731339 52.3068330278892617, 5.25988118252440273 52.3061136755353715, 5.26427406671927312 52.30676576240117015, 5.26473332038205655 52.30645362671923948, 5.26410191080583445 52.30177513088968766, 5.26778459940318466 52.30032247672721724, 5.26705513953258553 52.29780745068714509, 5.26215323357799303 52.30044908734302567, 5.25694274521765692 52.3014259377027102, 5.25454958167145492 52.30504981487648308, 5.255054887829675 52.3061530574997704, 5.255054887829675 52.3061530574997704)))</t>
  </si>
  <si>
    <t>MultiPolygon (((5.25694274521765692 52.3014259377027102, 5.26215323357799303 52.30044908734302567, 5.26705513953258553 52.29780745068714509, 5.26284398205765314 52.29393457136232826, 5.26168370591939727 52.29425606130857318, 5.25833160896338647 52.29596995504306989, 5.25350176403812874 52.29702964169822366, 5.25694274521765692 52.3014259377027102, 5.25694274521765692 52.3014259377027102)))</t>
  </si>
  <si>
    <t>MultiPolygon (((5.2494647449041647 52.30694659014451986, 5.255054887829675 52.3061530574997704, 5.25454958167145492 52.30504981487648308, 5.25694274521765692 52.3014259377027102, 5.25350176403812874 52.29702964169822366, 5.2506445221568816 52.29694572420329024, 5.244374762579322 52.29942114456370916, 5.2494647449041647 52.30694659014451986, 5.2494647449041647 52.30694659014451986)))</t>
  </si>
  <si>
    <t>MultiPolygon (((5.25350176403812874 52.29702964169822366, 5.25833160896338647 52.29596995504306989, 5.26168370591939727 52.29425606130857318, 5.26173925677917609 52.29323685795831267, 5.25840160631507203 52.28919610331438861, 5.25756300555467604 52.28674234038791724, 5.25010486032894352 52.28441929229266805, 5.24705316245829589 52.28631443993918282, 5.25005337735790611 52.29198808277859456, 5.25350176403812874 52.29702964169822366, 5.25350176403812874 52.29702964169822366)))</t>
  </si>
  <si>
    <t>MultiPolygon (((5.24489411947400352 52.29285576774692146, 5.25005337735790611 52.29198808277859456, 5.24705316245829589 52.28631443993918282, 5.24275312672601146 52.28771472510189255, 5.24525410079747445 52.29157994421879607, 5.24489411947400352 52.29285576774692146, 5.24489411947400352 52.29285576774692146)))</t>
  </si>
  <si>
    <t>MultiPolygon (((5.24027013275904707 52.29979223879817596, 5.244374762579322 52.29942114456370916, 5.2506445221568816 52.29694572420329024, 5.25350176403812874 52.29702964169822366, 5.25005337735790611 52.29198808277859456, 5.24489411947400352 52.29285576774692146, 5.24076129438386573 52.29842310762175117, 5.24027013275904707 52.29979223879817596, 5.24027013275904707 52.29979223879817596)))</t>
  </si>
  <si>
    <t>MultiPolygon (((5.24529662754497483 52.30840459895033234, 5.2494647449041647 52.30694659014451986, 5.244374762579322 52.29942114456370916, 5.24027013275904707 52.29979223879817596, 5.23627871069257633 52.3013724651584937, 5.2349529565539461 52.30535344166464284, 5.23890032872909117 52.30566852849180037, 5.24072583579456275 52.30877492556984976, 5.24205365415266389 52.30936974851838528, 5.24400837691324107 52.30897797488996304, 5.2413729748701936 52.30590043885050022, 5.24218809069214142 52.30573085826136293, 5.24422692149796354 52.3086384792408623, 5.24529662754497483 52.30840459895033234, 5.24529662754497483 52.30840459895033234)))</t>
  </si>
  <si>
    <t>MultiPolygon (((5.24516153725051204 52.31079500171272656, 5.24524090707817248 52.30972115293481295, 5.24400837691324107 52.30897797488996304, 5.24205365415266389 52.30936974851838528, 5.24072583579456275 52.30877492556984976, 5.23890032872909117 52.30566852849180037, 5.2349529565539461 52.30535344166464284, 5.23035243522094273 52.30544693672770507, 5.22848845093318637 52.31125397490764328, 5.23094450526022126 52.31183306909706943, 5.24018372686453393 52.31171173068050706, 5.24250370810581678 52.31128450677226027, 5.24374294729362145 52.31210922025884003, 5.24424455125717248 52.31186319241375315, 5.24282904883958167 52.31059984194448731, 5.24402336313670858 52.31009013484090531, 5.24516153725051204 52.31079500171272656, 5.24516153725051204 52.31079500171272656)))</t>
  </si>
  <si>
    <t>MultiPolygon (((5.25635801667731339 52.3068330278892617, 5.255054887829675 52.3061530574997704, 5.2494647449041647 52.30694659014451986, 5.24529662754497483 52.30840459895033234, 5.24497805542014817 52.30916670428021575, 5.24723335951118042 52.31213323410724314, 5.24631102263158322 52.31032365358493763, 5.25162119389701054 52.30904114106203195, 5.25130794173642723 52.31010169286948042, 5.24815963290191689 52.31258627383318327, 5.24787039096993446 52.31385311402583937, 5.24911874748871554 52.31583384641103152, 5.24995639588196106 52.31591354698001339, 5.2496079292862543 52.31367898842958652, 5.2521216246756115 52.31206368530356343, 5.25272212359199031 52.31013658814529066, 5.25635801667731339 52.3068330278892617)))</t>
  </si>
  <si>
    <t>MultiPolygon (((5.22649346879552379 52.29463509043575442, 5.23434680274974617 52.29481261023910577, 5.23895245932748654 52.29243307179921629, 5.23959551451593342 52.29017037502639909, 5.23588051130333731 52.28630854492374169, 5.23558611310235023 52.28856717752503869, 5.22648106637947585 52.28798724930415887, 5.22536272802970991 52.28631878075512418, 5.22236728663441063 52.28612113003348583, 5.21868146596267746 52.28779523876863067, 5.22067378769959056 52.28981524259613423, 5.22433207062225247 52.29218579077274143, 5.22649346879552379 52.29463509043575442, 5.22649346879552379 52.29463509043575442)))</t>
  </si>
  <si>
    <t>MultiPolygon (((5.21505257110408493 52.29226421721878637, 5.21940743373721805 52.29398179118288681, 5.22649346879552379 52.29463509043575442, 5.22433207062225247 52.29218579077274143, 5.22067378769959056 52.28981524259613423, 5.21973996815056651 52.29167578841067154, 5.21505257110408493 52.29226421721878637, 5.21505257110408493 52.29226421721878637)))</t>
  </si>
  <si>
    <t>MultiPolygon (((5.23563988139417091 52.28353833055881239, 5.23972302634232978 52.28348226106409413, 5.24132972413456599 52.28132239957809446, 5.24123003429959411 52.28131431081051517, 5.23635512177479612 52.281188867222113, 5.23563988139417091 52.28353833055881239, 5.23563988139417091 52.28353833055881239)))</t>
  </si>
  <si>
    <t>MultiPolygon (((5.23920099513738524 52.28842682664861741, 5.24275312672601146 52.28771472510189255, 5.24705316245829589 52.28631443993918282, 5.25010486032894352 52.28441929229266805, 5.24980291018214107 52.28432535826935634, 5.24622578143771001 52.28319545561792125, 5.24638272158707597 52.28233279314694926, 5.24132972413456599 52.28132239957809446, 5.23972302634232978 52.28348226106409413, 5.23920099513738524 52.28842682664861741, 5.23920099513738524 52.28842682664861741)))</t>
  </si>
  <si>
    <t>MultiPolygon (((5.21429201930932695 52.2817637523992147, 5.21450489067105405 52.282018248306251, 5.22388744439032315 52.28260060695118483, 5.22592658594293091 52.28168581261760295, 5.23563988139417091 52.28353833055881239, 5.23635512177479612 52.281188867222113, 5.2324922789790449 52.2812702274031551, 5.22760056438318887 52.27712905396265342, 5.21095739339787478 52.27735049824122626, 5.21429201930932695 52.2817637523992147, 5.21429201930932695 52.2817637523992147)))</t>
  </si>
  <si>
    <t>MultiPolygon (((5.23959551451593342 52.29017037502639909, 5.23920099513738524 52.28842682664861741, 5.23972302634232978 52.28348226106409413, 5.23563988139417091 52.28353833055881239, 5.22592658594293091 52.28168581261760295, 5.22388744439032315 52.28260060695118483, 5.21450489067105405 52.282018248306251, 5.21868146596267746 52.28779523876863067, 5.22236728663441063 52.28612113003348583, 5.22536272802970991 52.28631878075512418, 5.22648106637947585 52.28798724930415887, 5.23558611310235023 52.28856717752503869, 5.23588051130333731 52.28630854492374169, 5.23959551451593342 52.29017037502639909, 5.23959551451593342 52.29017037502639909)))</t>
  </si>
  <si>
    <t>MultiPolygon (((5.21465956956504151 52.29213506824721946, 5.21505257110408493 52.29226421721878637, 5.21973996815056651 52.29167578841067154, 5.22067378769959056 52.28981524259613423, 5.21868146596267746 52.28779523876863067, 5.21450489067105405 52.282018248306251, 5.21429201930932695 52.2817637523992147, 5.21300625460500466 52.28406722130024775, 5.20973027731637028 52.28588124566696393, 5.20640408682271172 52.28640480070517782, 5.20377819491632199 52.29018178524196969, 5.20576021354742124 52.29093868691320068, 5.21465956956504151 52.29213506824721946, 5.21465956956504151 52.29213506824721946)))</t>
  </si>
  <si>
    <t>MultiPolygon (((5.2117595270256869 52.3000952753719659, 5.21412656137656061 52.29849803337030778, 5.21306595523015126 52.29847800230806598, 5.21064973375669371 52.29533405861353401, 5.21770421483221103 52.29647738650858457, 5.21817970390648522 52.2955747247949887, 5.2164036823551081 52.29527228878583145, 5.21428775893963703 52.29275763351472506, 5.21465956956504151 52.29213506824721946, 5.20576021354742124 52.29093868691320068, 5.2070702860364273 52.29482057639332737, 5.20323350816684194 52.29430153115566071, 5.20182408830631626 52.2976924757893471, 5.20224628769860331 52.29971821947409438, 5.20872169950820574 52.30025737387646956, 5.20901001220648929 52.3020203249794946, 5.21048943057172931 52.30186068369696528, 5.2117595270256869 52.3000952753719659, 5.2117595270256869 52.3000952753719659)))</t>
  </si>
  <si>
    <t>MultiPolygon (((5.2068970396474743 52.27209262863979689, 5.20382197643963096 52.26711508855309773, 5.20111709526025301 52.26813994518961692, 5.19622284171823612 52.27089293616232624, 5.19117987482140464 52.27374243548941735, 5.18759827230353032 52.27524438029276865, 5.18470282454235942 52.27800968371148116, 5.18998731022849658 52.27909864351611446, 5.19501975006848316 52.28092317961856139, 5.19434740477166734 52.28242847106545099, 5.21087650922447754 52.27733929311900596, 5.20722237006670952 52.27434897912282707, 5.20702533467880446 52.27341838354848846, 5.2068970396474743 52.27209262863979689, 5.2068970396474743 52.27209262863979689)))</t>
  </si>
  <si>
    <t>MultiPolygon (((5.20973027731637028 52.28588124566696393, 5.21300625460500466 52.28406722130024775, 5.21429201930932695 52.2817637523992147, 5.21095739339787478 52.27735049824122626, 5.21087650922447754 52.27733929311900596, 5.19434740477166734 52.28242847106545099, 5.19466217218914483 52.28347855983339798, 5.19213739595335433 52.2841156999712382, 5.19380286342577424 52.2855278908992176, 5.19568315616099508 52.28476537417373038, 5.19538335700325948 52.28858077757143263, 5.20377819491632199 52.29018178524196969, 5.20640408682271172 52.28640480070517782, 5.20973027731637028 52.28588124566696393, 5.20973027731637028 52.28588124566696393)))</t>
  </si>
  <si>
    <t>MultiPolygon (((5.20182408830631626 52.2976924757893471, 5.20323350816684194 52.29430153115566071, 5.2070702860364273 52.29482057639332737, 5.20576021354742124 52.29093868691320068, 5.20377819491632199 52.29018178524196969, 5.19538335700325948 52.28858077757143263, 5.19323218047006741 52.28822297288824217, 5.19237947461422333 52.29032929306784894, 5.18716388625510394 52.29263749161769681, 5.18766253928440602 52.29295557348611112, 5.188208670592517 52.29254760559685167, 5.19591712865504451 52.29507667519681036, 5.19499164937055191 52.29710737090048411, 5.19585519927617501 52.29925024678033907, 5.19779807060435139 52.3003345495184675, 5.20224628769860331 52.29971821947409438, 5.20182408830631626 52.2976924757893471, 5.20182408830631626 52.2976924757893471)))</t>
  </si>
  <si>
    <t>MultiPolygon (((5.22717364908088111 52.30116685832304313, 5.22735766522709255 52.2963467353043967, 5.23129382768256068 52.29713279365426359, 5.23343803867250124 52.29611998748021051, 5.23434680274974617 52.29481261023910577, 5.22649346879552379 52.29463509043575442, 5.21940743373721805 52.29398179118288681, 5.21505257110408493 52.29226421721878637, 5.21465956956504151 52.29213506824721946, 5.21428775893963703 52.29275763351472506, 5.2164036823551081 52.29527228878583145, 5.21817970390648522 52.2955747247949887, 5.21770421483221103 52.29647738650858457, 5.21064973375669371 52.29533405861353401, 5.21306595523015126 52.29847800230806598, 5.21412656137656061 52.29849803337030778, 5.21948022973496251 52.29915711556059676, 5.22717364908088111 52.30116685832304313, 5.22717364908088111 52.30116685832304313)))</t>
  </si>
  <si>
    <t>MultiPolygon (((5.23343803867250124 52.29611998748021051, 5.24076129438386573 52.29842310762175117, 5.24489411947400352 52.29285576774692146, 5.24525410079747445 52.29157994421879607, 5.24275312672601146 52.28771472510189255, 5.23920099513738524 52.28842682664861741, 5.23959551451593342 52.29017037502639909, 5.23895245932748654 52.29243307179921629, 5.23434680274974617 52.29481261023910577, 5.23343803867250124 52.29611998748021051, 5.23343803867250124 52.29611998748021051)))</t>
  </si>
  <si>
    <t>MultiPolygon (((5.24076129438386573 52.29842310762175117, 5.23343803867250124 52.29611998748021051, 5.23129382768256068 52.29713279365426359, 5.22735766522709255 52.2963467353043967, 5.22717364908088111 52.30116685832304313, 5.22956071193401684 52.30172389400907207, 5.22913441216350439 52.3028030631022105, 5.23008052060349904 52.30292443448094986, 5.23035243522094273 52.30544693672770507, 5.2349529565539461 52.30535344166464284, 5.23627871069257633 52.3013724651584937, 5.24027013275904707 52.29979223879817596, 5.24076129438386573 52.29842310762175117, 5.24076129438386573 52.29842310762175117)))</t>
  </si>
  <si>
    <t>MultiPolygon (((5.08673039946571137 52.68436548025187705, 5.08938644799668261 52.68056280564953653, 5.08400382411656171 52.6782120764466768, 5.07857856801029595 52.67631071750120952, 5.07057383802394934 52.67428023973207019, 5.06489415460844583 52.67332112247642328, 5.06345546897864818 52.6731333878064234, 5.06249423325037995 52.67488152571066706, 5.06235995563837804 52.675073259357724, 5.06213943503002106 52.67525107637732162, 5.06334631396728163 52.67579718231520047, 5.06229181255803962 52.67670763091035013, 5.08260666306539566 52.68400320344417764, 5.08300234399576389 52.68320083272697474, 5.08673039946571137 52.68436548025187705, 5.08673039946571137 52.68436548025187705)))</t>
  </si>
  <si>
    <t>MultiPolygon (((5.09874960518535669 52.66743637215834184, 5.10088877020911724 52.66581995676755668, 5.10141975593817509 52.66603188889464349, 5.10278369060727854 52.66477261526095788, 5.10309982928173422 52.66489598937965155, 5.10341152342969639 52.66456755564974657, 5.09802584213298182 52.66338080486790574, 5.09220090286417193 52.66883152306878912, 5.09666960744676079 52.67034600827291513, 5.09693403517355659 52.67010764309307547, 5.0962077871085727 52.66981365675701454, 5.09626610236928723 52.66972285976412849, 5.09874960518535669 52.66743637215834184)))</t>
  </si>
  <si>
    <t>MultiPolygon (((5.0858176503166348 52.66661860558446762, 5.09220090286417193 52.66883152306878912, 5.09802584213298182 52.66338080486790574, 5.09545220291196888 52.66277615718949789, 5.09293976447856966 52.66480574758310951, 5.08774035556531512 52.66461177731250842, 5.0858176503166348 52.66661860558446762, 5.0858176503166348 52.66661860558446762)))</t>
  </si>
  <si>
    <t>MultiPolygon (((5.08881959513424409 52.67269582110530735, 5.09610517403399665 52.67488900189761836, 5.09648450800543795 52.67433037595483825, 5.09881827286268585 52.67126186030611734, 5.09666960744676079 52.67034600827291513, 5.09220090286417193 52.66883152306878912, 5.08881959513424409 52.67269582110530735)))</t>
  </si>
  <si>
    <t>MultiPolygon (((5.08160727109395438 52.67053627514235359, 5.08881959513424409 52.67269582110530735, 5.09220090286417193 52.66883152306878912, 5.0858176503166348 52.66661860558446762, 5.08502575202493023 52.66632902149093098, 5.08269494199033822 52.66909579154270915, 5.08128357661914443 52.66868940933220955, 5.08016852929125751 52.67009170285362529, 5.08160727109395438 52.67053627514235359, 5.08160727109395438 52.67053627514235359)))</t>
  </si>
  <si>
    <t>MultiPolygon (((5.08938644799668261 52.68056280564953653, 5.09175230420984448 52.67892372303617066, 5.09610517403399665 52.67488900189761836, 5.08881959513424409 52.67269582110530735, 5.08400382411656171 52.6782120764466768, 5.08938644799668261 52.68056280564953653, 5.08938644799668261 52.68056280564953653)))</t>
  </si>
  <si>
    <t>MultiPolygon (((5.07857856801029595 52.67631071750120952, 5.08400382411656171 52.6782120764466768, 5.08881959513424409 52.67269582110530735, 5.08160727109395438 52.67053627514235359, 5.07857856801029595 52.67631071750120952, 5.07857856801029595 52.67631071750120952)))</t>
  </si>
  <si>
    <t>MultiPolygon (((5.10604522722974963 52.63558981925557845, 5.10075439602889702 52.63473710155274432, 5.09320052563857573 52.63989299793266241, 5.1036050846397405 52.64173657788197147, 5.10604522722974963 52.63558981925557845, 5.10604522722974963 52.63558981925557845)))</t>
  </si>
  <si>
    <t>MultiPolygon (((5.09658500436870643 52.64576210098181264, 5.10196412693094459 52.64702846361098665, 5.1036050846397405 52.64173657788197147, 5.09320052563857573 52.63989299793266241, 5.09274786892084741 52.640277676428191, 5.08998123507665845 52.64466463984128097, 5.09658500436870643 52.64576210098181264, 5.09658500436870643 52.64576210098181264)))</t>
  </si>
  <si>
    <t>MultiPolygon (((5.08426164226209032 52.64384873487694705, 5.08998123507665845 52.64466463984128097, 5.09242623129299066 52.64078773582650683, 5.089835938037929 52.64023315282238968, 5.08865733405038867 52.64251076117832895, 5.08344833608262192 52.64158620346509565, 5.08834283276954924 52.63834223660746403, 5.08775593345728616 52.63781574754474235, 5.08569601169145979 52.63966080984223339, 5.08166652434363808 52.64129033803980917, 5.08426164226209032 52.64384873487694705, 5.08426164226209032 52.64384873487694705)))</t>
  </si>
  <si>
    <t>MultiPolygon (((5.10486191684733281 52.664295833166058, 5.10627133926784538 52.66300451384099546, 5.10655406364969355 52.66314988375508932, 5.1076346836778308 52.6621574741061238, 5.10723291974557458 52.66199570666763208, 5.10832514293093354 52.66079580736731458, 5.10803998763608913 52.6606928213821206, 5.10823152564283323 52.66040162355567844, 5.10800394967143401 52.66026951068597128, 5.10807237891251997 52.65994856466998897, 5.107591186260386 52.65972005132157818, 5.10472061034275182 52.65934143611724494, 5.10143775598891391 52.66249667202365004, 5.10405275945914827 52.66395549430931311, 5.10486191684733281 52.664295833166058)))</t>
  </si>
  <si>
    <t>MultiPolygon (((5.10143775598891391 52.66249667202365004, 5.10472061034275182 52.65934143611724494, 5.09600045532387824 52.65610794285551322, 5.09392772046026376 52.65831641369994287, 5.09566725955839317 52.65928263421551492, 5.10143775598891391 52.66249667202365004, 5.10143775598891391 52.66249667202365004)))</t>
  </si>
  <si>
    <t>MultiPolygon (((5.11133964110120598 52.65722196091651597, 5.11068537951798341 52.65670546079626035, 5.10865008977921331 52.65630452693095265, 5.10779468110594514 52.65683835532245638, 5.10286164412144672 52.65349540474825574, 5.09952845259577803 52.65339006300324343, 5.09600045532387824 52.65610794285551322, 5.10472061034275182 52.65934143611724494, 5.107591186260386 52.65972005132157818, 5.11133964110120598 52.65722196091651597, 5.11133964110120598 52.65722196091651597)))</t>
  </si>
  <si>
    <t>MultiPolygon (((5.10779468110594514 52.65683835532245638, 5.10865008977921331 52.65630452693095265, 5.11068537951798341 52.65670546079626035, 5.11475898723087052 52.65378291530824839, 5.11611565039783667 52.65431163920047197, 5.11941404110163312 52.65116322804460935, 5.11644118438237427 52.65062295195588149, 5.11707837811608979 52.64998580324416366, 5.10519221929938016 52.64779064061332292, 5.10525647270045102 52.64864032409780492, 5.10228603320735541 52.65081069345487919, 5.10286164412144672 52.65349540474825574, 5.10779468110594514 52.65683835532245638)))</t>
  </si>
  <si>
    <t>MultiPolygon (((5.09952845259577803 52.65339006300324343, 5.10286164412144672 52.65349540474825574, 5.10228603320735541 52.65081069345487919, 5.10525647270045102 52.64864032409780492, 5.10519221929938016 52.64779064061332292, 5.10196412693094459 52.64702846361098665, 5.09658500436870643 52.64576210098181264, 5.09526206954848604 52.64905969170124678, 5.09615962218539398 52.64938588426566213, 5.09751722274550723 52.65258845400302334, 5.09952845259577803 52.65339006300324343, 5.09952845259577803 52.65339006300324343)))</t>
  </si>
  <si>
    <t>MultiPolygon (((5.08938165973246281 52.64966117927999534, 5.09337515032300736 52.65112774986938149, 5.09526206954848604 52.64905969170124678, 5.09658500436870643 52.64576210098181264, 5.08998123507665845 52.64466463984128097, 5.08426164226209032 52.64384873487694705, 5.08118426210591156 52.64565399953168878, 5.08895904838065061 52.64876464086788843, 5.08938165973246281 52.64966117927999534, 5.08938165973246281 52.64966117927999534)))</t>
  </si>
  <si>
    <t>MultiPolygon (((5.08855968560112881 52.65391190971391211, 5.09600045532387824 52.65610794285551322, 5.09952845259577803 52.65339006300324343, 5.09751722274550723 52.65258845400302334, 5.09615962218539398 52.64938588426566213, 5.09526206954848604 52.64905969170124678, 5.09337515032300736 52.65112774986938149, 5.08938165973246281 52.64966117927999534, 5.08732955894179817 52.65144672687800664, 5.08855968560112881 52.65391190971391211, 5.08855968560112881 52.65391190971391211)))</t>
  </si>
  <si>
    <t>MultiPolygon (((5.09392772046026376 52.65831641369994287, 5.09600045532387824 52.65610794285551322, 5.08855968560112881 52.65391190971391211, 5.08748799962141884 52.65472647002216888, 5.09392772046026376 52.65831641369994287, 5.09392772046026376 52.65831641369994287)))</t>
  </si>
  <si>
    <t>MultiPolygon (((5.08748799962141884 52.65472647002216888, 5.08855968560112881 52.65391190971391211, 5.08732955894179817 52.65144672687800664, 5.08298985877917531 52.65221926770121286, 5.08748799962141884 52.65472647002216888, 5.08748799962141884 52.65472647002216888)))</t>
  </si>
  <si>
    <t>MultiPolygon (((5.08113572286577853 52.65118429859185056, 5.08298985877917531 52.65221926770121286, 5.08732955894179817 52.65144672687800664, 5.08938165973246281 52.64966117927999534, 5.08895904838065061 52.64876464086788843, 5.08118426210591156 52.64565399953168878, 5.07742363597907964 52.64912666458611312, 5.08113572286577853 52.65118429859185056, 5.08113572286577853 52.65118429859185056)))</t>
  </si>
  <si>
    <t>MultiPolygon (((5.09456578582280351 52.65950739211393739, 5.09566725955839317 52.65928263421551492, 5.09392772046026376 52.65831641369994287, 5.08748799962141884 52.65472647002216888, 5.08612211004976533 52.65580802750268674, 5.08517026700945962 52.65765119446347597, 5.08553906891980123 52.65763452450772064, 5.09456578582280351 52.65950739211393739, 5.09456578582280351 52.65950739211393739)))</t>
  </si>
  <si>
    <t>MultiPolygon (((5.08612211004976533 52.65580802750268674, 5.08748799962141884 52.65472647002216888, 5.08298985877917531 52.65221926770121286, 5.08191184579248034 52.65326627418417615, 5.08289138162609344 52.65471075716433802, 5.08612211004976533 52.65580802750268674, 5.08612211004976533 52.65580802750268674)))</t>
  </si>
  <si>
    <t>MultiPolygon (((5.07632514741952434 52.65580547858039751, 5.0823786270600575 52.65796607167857246, 5.08517026700945962 52.65765119446347597, 5.08612211004976533 52.65580802750268674, 5.08289138162609344 52.65471075716433802, 5.08191184579248034 52.65326627418417615, 5.08298985877917531 52.65221926770121286, 5.08113572286577853 52.65118429859185056, 5.07628576254496178 52.65577383021419422, 5.07632514741952434 52.65580547858039751, 5.07632514741952434 52.65580547858039751)))</t>
  </si>
  <si>
    <t>MultiPolygon (((5.07322961928709404 52.65311313207765664, 5.07628576254496178 52.65577383021419422, 5.08113572286577853 52.65118429859185056, 5.07742363597907964 52.64912666458611312, 5.07322961928709404 52.65311313207765664, 5.07322961928709404 52.65311313207765664)))</t>
  </si>
  <si>
    <t>MultiPolygon (((5.08502575202493023 52.66632902149093098, 5.0858176503166348 52.66661860558446762, 5.08774035556531512 52.66461177731250842, 5.09293976447856966 52.66480574758310951, 5.09545220291196888 52.66277615718949789, 5.09087727105991839 52.66168907733371896, 5.08373330929662792 52.65932292920661695, 5.07975659782877997 52.6580044579533606, 5.07900861843131324 52.66039547450645841, 5.08218125345296112 52.66182353095025093, 5.08313572597529539 52.66350764546079688, 5.08164468133929148 52.66512463659437771, 5.08502575202493023 52.66632902149093098, 5.08502575202493023 52.66632902149093098)))</t>
  </si>
  <si>
    <t>MultiPolygon (((5.07921829003466652 52.66431778053560464, 5.08164468133929148 52.66512463659437771, 5.08313572597529539 52.66350764546079688, 5.08218125345296112 52.66182353095025093, 5.07900861843131324 52.66039547450645841, 5.07975659782877997 52.6580044579533606, 5.07561792334917072 52.65654418832879458, 5.07033952237635166 52.66028355164709751, 5.07262096503025983 52.66200434276350251, 5.07921829003466652 52.66431778053560464, 5.07921829003466652 52.66431778053560464)))</t>
  </si>
  <si>
    <t>MultiPolygon (((5.10341152342969639 52.66456755564974657, 5.10405275945914827 52.66395549430931311, 5.10143775598891391 52.66249667202365004, 5.09566725955839317 52.65928263421551492, 5.09456578582280351 52.65950739211393739, 5.09087727105991839 52.66168907733371896, 5.09545220291196888 52.66277615718949789, 5.09802584213298182 52.66338080486790574, 5.10341152342969639 52.66456755564974657, 5.10341152342969639 52.66456755564974657)))</t>
  </si>
  <si>
    <t>MultiPolygon (((5.09087727105991839 52.66168907733371896, 5.09456578582280351 52.65950739211393739, 5.08553906891980123 52.65763452450772064, 5.08373330929662792 52.65932292920661695, 5.09087727105991839 52.66168907733371896, 5.09087727105991839 52.66168907733371896)))</t>
  </si>
  <si>
    <t>MultiPolygon (((5.07975659782877997 52.6580044579533606, 5.08373330929662792 52.65932292920661695, 5.08553906891980123 52.65763452450772064, 5.08517026700945962 52.65765119446347597, 5.0823786270600575 52.65796607167857246, 5.07632514741952434 52.65580547858039751, 5.07561792334917072 52.65654418832879458, 5.07975659782877997 52.6580044579533606, 5.07975659782877997 52.6580044579533606)))</t>
  </si>
  <si>
    <t>MultiPolygon (((5.07057383802394934 52.67428023973207019, 5.07857856801029595 52.67631071750120952, 5.08160727109395438 52.67053627514235359, 5.08016852929125751 52.67009170285362529, 5.07577661477341291 52.66872447224859144, 5.07423510441442627 52.66822008444190573, 5.07057383802394934 52.67428023973207019, 5.07057383802394934 52.67428023973207019)))</t>
  </si>
  <si>
    <t>MultiPolygon (((5.06489415460844583 52.67332112247642328, 5.07057383802394934 52.67428023973207019, 5.07423510441442627 52.66822008444190573, 5.06965109508728773 52.66682996790047611, 5.06866146227493264 52.66657362791302432, 5.06489415460844583 52.67332112247642328, 5.06489415460844583 52.67332112247642328)))</t>
  </si>
  <si>
    <t>MultiPolygon (((5.06345546897864818 52.6731333878064234, 5.06489415460844583 52.67332112247642328, 5.06866146227493264 52.66657362791302432, 5.06965109508728773 52.66682996790047611, 5.06389758246418076 52.66489341522394341, 5.06065511280737557 52.66407588914951532, 5.05833917467895144 52.66808614883839823, 5.05153941923772187 52.67220798248719404, 5.06345546897864818 52.6731333878064234, 5.06345546897864818 52.6731333878064234)))</t>
  </si>
  <si>
    <t>MultiPolygon (((5.07577661477341291 52.66872447224859144, 5.08016852929125751 52.67009170285362529, 5.08128357661914443 52.66868940933220955, 5.08269494199033822 52.66909579154270915, 5.08502575202493023 52.66632902149093098, 5.08164468133929148 52.66512463659437771, 5.07921829003466652 52.66431778053560464, 5.07577661477341291 52.66872447224859144, 5.07577661477341291 52.66872447224859144)))</t>
  </si>
  <si>
    <t>MultiPolygon (((5.07423510441442627 52.66822008444190573, 5.07577661477341291 52.66872447224859144, 5.07921829003466652 52.66431778053560464, 5.07262096503025983 52.66200434276350251, 5.07033952237635166 52.66028355164709751, 5.06668934188116626 52.66003638173339851, 5.06389758246418076 52.66489341522394341, 5.06965109508728773 52.66682996790047611, 5.07423510441442627 52.66822008444190573, 5.07423510441442627 52.66822008444190573)))</t>
  </si>
  <si>
    <t>MultiPolygon (((5.06065511280737557 52.66407588914951532, 5.06389758246418076 52.66489341522394341, 5.06668934188116626 52.66003638173339851, 5.06405976655008772 52.65873711213468056, 5.06065511280737557 52.66407588914951532, 5.06065511280737557 52.66407588914951532)))</t>
  </si>
  <si>
    <t>MultiPolygon (((5.05997536720508823 52.65583442700538797, 5.06406846890541829 52.65872946083106854, 5.07001936627906957 52.65366492248882935, 5.06508070059906412 52.65294534249301961, 5.06113533339406807 52.65514118687666922, 5.05997536720508823 52.65583442700538797, 5.05997536720508823 52.65583442700538797)))</t>
  </si>
  <si>
    <t>MultiPolygon (((5.06668934188116626 52.66003638173339851, 5.07033952237635166 52.66028355164709751, 5.07561792334917072 52.65654418832879458, 5.07632514741952434 52.65580547858039751, 5.07628576254496178 52.65577383021419422, 5.07322961928709404 52.65311313207765664, 5.07001936627906957 52.65366492248882935, 5.06406846890541829 52.65872946083106854, 5.06405976655008772 52.65873711213468056, 5.06668934188116626 52.66003638173339851, 5.06668934188116626 52.66003638173339851)))</t>
  </si>
  <si>
    <t>MultiPolygon (((5.04117790320658177 52.66270677973487579, 5.03658387490765858 52.66206293343759626, 5.03476267063294625 52.66655635192183382, 5.03553999037543942 52.6704529602955418, 5.03830649557502142 52.67080610278307518, 5.04545929259986359 52.67174269133411713, 5.04277689692092412 52.66999937960630263, 5.03877254428946042 52.66818668271744031, 5.04117790320658177 52.66270677973487579, 5.04117790320658177 52.66270677973487579)))</t>
  </si>
  <si>
    <t>MultiPolygon (((5.04277689692092412 52.66999937960630263, 5.04487478556040436 52.66637808540343713, 5.04790677852033731 52.66354380034041327, 5.04117790320658177 52.66270677973487579, 5.03877254428946042 52.66818668271744031, 5.04277689692092412 52.66999937960630263, 5.04277689692092412 52.66999937960630263)))</t>
  </si>
  <si>
    <t>MultiPolygon (((5.04545929259986359 52.67174269133411713, 5.04888283118128456 52.67203021357529735, 5.05416846083125471 52.66376643319845385, 5.04790677852033731 52.66354380034041327, 5.04487478556040436 52.66637808540343713, 5.04277689692092412 52.66999937960630263, 5.04545929259986359 52.67174269133411713, 5.04545929259986359 52.67174269133411713)))</t>
  </si>
  <si>
    <t>MultiPolygon (((5.03658387490765858 52.66206293343759626, 5.04117790320658177 52.66270677973487579, 5.04260389757360272 52.65903312897229682, 5.03892951215276419 52.65614051253245975, 5.03658387490765858 52.66206293343759626, 5.03658387490765858 52.66206293343759626)))</t>
  </si>
  <si>
    <t>MultiPolygon (((5.04790677852033731 52.66354380034041327, 5.05416846083125471 52.66376643319845385, 5.05439629165647908 52.66239860200663259, 5.05454161544666203 52.66225337875117418, 5.05249961928500735 52.66188231681304899, 5.04270123025700556 52.65936226610982374, 5.04266044497491084 52.6588520238146387, 5.04260389757360272 52.65903312897229682, 5.04117790320658177 52.66270677973487579, 5.04790677852033731 52.66354380034041327, 5.04790677852033731 52.66354380034041327)))</t>
  </si>
  <si>
    <t>MultiPolygon (((5.04888283118128456 52.67203021357529735, 5.05153941923772187 52.67220798248719404, 5.05833917467895144 52.66808614883839823, 5.06065511280737557 52.66407588914951532, 5.05439629165647908 52.66239860200663259, 5.05416846083125471 52.66376643319845385, 5.04888283118128456 52.67203021357529735, 5.04888283118128456 52.67203021357529735)))</t>
  </si>
  <si>
    <t>MultiPolygon (((5.04266044497491084 52.6588520238146387, 5.04270123025700556 52.65936226610982374, 5.05249961928500735 52.66188231681304899, 5.05318199209248498 52.65917071189450382, 5.04619713785881974 52.65818574973961574, 5.04603977059266384 52.65657604887883281, 5.04358363167626766 52.65615444281097979, 5.04266044497491084 52.6588520238146387, 5.04266044497491084 52.6588520238146387)))</t>
  </si>
  <si>
    <t>MultiPolygon (((5.05249961928500735 52.66188231681304899, 5.05454161544666203 52.66225337875117418, 5.05750817425685018 52.65691459885306358, 5.05184980683155693 52.65572759991556495, 5.04693150227669829 52.65502603390512348, 5.04603977059266384 52.65657604887883281, 5.04619713785881974 52.65818574973961574, 5.05318199209248498 52.65917071189450382, 5.05249961928500735 52.66188231681304899, 5.05249961928500735 52.66188231681304899)))</t>
  </si>
  <si>
    <t>MultiPolygon (((5.05439629165647908 52.66239860200663259, 5.06065511280737557 52.66407588914951532, 5.06405976655008772 52.65873711213468056, 5.06406846890541829 52.65872946083106854, 5.05997536720508823 52.65583442700538797, 5.05750817425685018 52.65691459885306358, 5.05454161544666203 52.66225337875117418, 5.05439629165647908 52.66239860200663259, 5.05439629165647908 52.66239860200663259)))</t>
  </si>
  <si>
    <t>MultiPolygon (((5.03959727132434487 52.65086913240039479, 5.03814344341694742 52.64896105609865629, 5.03767840136424283 52.65022965921019704, 5.03892951215276419 52.65614051253245975, 5.04260389757360272 52.65903312897229682, 5.04266044497491084 52.6588520238146387, 5.04358363167626766 52.65615444281097979, 5.0449329922148678 52.65248784325057585, 5.03959727132434487 52.65086913240039479, 5.03959727132434487 52.65086913240039479)))</t>
  </si>
  <si>
    <t>MultiPolygon (((5.04358363167626766 52.65615444281097979, 5.04603977059266384 52.65657604887883281, 5.04693150227669829 52.65502603390512348, 5.05184980683155693 52.65572759991556495, 5.05393332375094584 52.65290726552493084, 5.05391853801445556 52.65261549496277382, 5.0459046526266409 52.65009516680429158, 5.0449329922148678 52.65248784325057585, 5.04358363167626766 52.65615444281097979, 5.04358363167626766 52.65615444281097979)))</t>
  </si>
  <si>
    <t>MultiPolygon (((5.05750817425685018 52.65691459885306358, 5.05997536720508823 52.65583442700538797, 5.06113533339406807 52.65514118687666922, 5.05393332375094584 52.65290726552493084, 5.05184980683155693 52.65572759991556495, 5.05750817425685018 52.65691459885306358, 5.05750817425685018 52.65691459885306358)))</t>
  </si>
  <si>
    <t>MultiPolygon (((5.0449329922148678 52.65248784325057585, 5.0459046526266409 52.65009516680429158, 5.04702267206561395 52.64771332489824829, 5.0467693047772908 52.64757419900651314, 5.04068671178179351 52.64625926056318406, 5.03713935785394629 52.64765778691281639, 5.03814344341694742 52.64896105609865629, 5.03959727132434487 52.65086913240039479, 5.0449329922148678 52.65248784325057585, 5.0449329922148678 52.65248784325057585)))</t>
  </si>
  <si>
    <t>MultiPolygon (((5.0459046526266409 52.65009516680429158, 5.05391853801445556 52.65261549496277382, 5.05404125778316171 52.64967196243333092, 5.04702267206561395 52.64771332489824829, 5.0459046526266409 52.65009516680429158, 5.0459046526266409 52.65009516680429158)))</t>
  </si>
  <si>
    <t>MultiPolygon (((5.06113533339406807 52.65514118687666922, 5.06508070059906412 52.65294534249301961, 5.06453139463154667 52.65261654237652778, 5.05586766956706324 52.65013146887715578, 5.05404125778316171 52.64967196243333092, 5.05391853801445556 52.65261549496277382, 5.05393332375094584 52.65290726552493084, 5.06113533339406807 52.65514118687666922, 5.06113533339406807 52.65514118687666922)))</t>
  </si>
  <si>
    <t>MultiPolygon (((5.02310813516082355 52.63278808778643025, 5.01890375136440703 52.62991887167765981, 5.01686154365305281 52.63027803641327296, 5.01649387957806248 52.63085434355112824, 5.0135366469799294 52.63043138033616941, 5.01487466330583054 52.63499569010506463, 5.01829206405130979 52.63826343942782415, 5.02234542402941653 52.63540949840847816, 5.02310813516082355 52.63278808778643025, 5.02310813516082355 52.63278808778643025)))</t>
  </si>
  <si>
    <t>MultiPolygon (((5.02638776570500756 52.64174099193676426, 5.02720382025243495 52.64110789067981955, 5.02865319247178011 52.63756181845587889, 5.02979116149907401 52.6355371035527142, 5.02736231779853782 52.63403219846510694, 5.02310813516082355 52.63278808778643025, 5.02234542402941653 52.63540949840847816, 5.01829206405130979 52.63826343942782415, 5.02638776570500756 52.64174099193676426, 5.02638776570500756 52.64174099193676426)))</t>
  </si>
  <si>
    <t>MultiPolygon (((5.02865319247178011 52.63756181845587889, 5.0339128689697219 52.63856582726666034, 5.03486721153698724 52.63645476408841972, 5.02979116149907401 52.6355371035527142, 5.02865319247178011 52.63756181845587889, 5.02865319247178011 52.63756181845587889)))</t>
  </si>
  <si>
    <t>MultiPolygon (((5.02720382025243495 52.64110789067981955, 5.03201301874167495 52.6422141623394424, 5.03397107865005999 52.63858556509520525, 5.0339128689697219 52.63856582726666034, 5.02865319247178011 52.63756181845587889, 5.02720382025243495 52.64110789067981955, 5.02720382025243495 52.64110789067981955)))</t>
  </si>
  <si>
    <t>MultiPolygon (((5.03691302817758668 52.63984644843667127, 5.03749861365013807 52.63986173322955153, 5.03996285794808863 52.63803946077825913, 5.03899671687251871 52.63661399966872523, 5.03486721153698724 52.63645476408841972, 5.0339128689697219 52.63856582726666034, 5.03397107865005999 52.63858556509520525, 5.03691302817758668 52.63984644843667127, 5.03691302817758668 52.63984644843667127)))</t>
  </si>
  <si>
    <t>MultiPolygon (((5.03201301874167495 52.6422141623394424, 5.03524388448791704 52.64286679367805277, 5.03691302817758668 52.63984644843667127, 5.03397107865005999 52.63858556509520525, 5.03201301874167495 52.6422141623394424, 5.03201301874167495 52.6422141623394424)))</t>
  </si>
  <si>
    <t>MultiPolygon (((5.03407202422163547 52.64574606490181452, 5.03847464506090414 52.64473801310006706, 5.0430116855239655 52.6446071206684465, 5.03524388448791704 52.64286679367805277, 5.03201301874167495 52.6422141623394424, 5.02720382025243495 52.64110789067981955, 5.02638776570500756 52.64174099193676426, 5.02703301129190017 52.64198900280762672, 5.02992158847404713 52.64350911214656037, 5.03407202422163547 52.64574606490181452, 5.03407202422163547 52.64574606490181452)))</t>
  </si>
  <si>
    <t>MultiPolygon (((5.04901472380814909 52.64551533782569948, 5.04915802828761429 52.6455230067454707, 5.05133101849889332 52.64391435868791547, 5.04012592611603427 52.64114412342601668, 5.03749861365013807 52.63986173322955153, 5.03691302817758668 52.63984644843667127, 5.03524388448791704 52.64286679367805277, 5.0430116855239655 52.6446071206684465, 5.04901472380814909 52.64551533782569948, 5.04901472380814909 52.64551533782569948)))</t>
  </si>
  <si>
    <t>MultiPolygon (((5.05133101849889332 52.64391435868791547, 5.05223600093589731 52.64186107389286207, 5.05221664884422506 52.64142213661091318, 5.04566210544694105 52.64163685154758809, 5.03996285794808863 52.63803946077825913, 5.03749861365013807 52.63986173322955153, 5.04012592611603427 52.64114412342601668, 5.05133101849889332 52.64391435868791547, 5.05133101849889332 52.64391435868791547)))</t>
  </si>
  <si>
    <t>MultiPolygon (((5.03713935785394629 52.64765778691281639, 5.04068671178179351 52.64625926056318406, 5.0467693047772908 52.64757419900651314, 5.04901472380814909 52.64551533782569948, 5.0430116855239655 52.6446071206684465, 5.03847464506090414 52.64473801310006706, 5.03407202422163547 52.64574606490181452, 5.03713935785394629 52.64765778691281639, 5.03713935785394629 52.64765778691281639)))</t>
  </si>
  <si>
    <t>MultiPolygon (((5.05404125778316171 52.64967196243333092, 5.05586766956706324 52.65013146887715578, 5.05745251917585836 52.64717962793183403, 5.05894317395047288 52.64457780451262181, 5.05894079636889327 52.64456813683833758, 5.04915802828761429 52.6455230067454707, 5.04901472380814909 52.64551533782569948, 5.0467693047772908 52.64757419900651314, 5.04702267206561395 52.64771332489824829, 5.05404125778316171 52.64967196243333092, 5.05404125778316171 52.64967196243333092)))</t>
  </si>
  <si>
    <t>MultiPolygon (((5.05745251917585836 52.64717962793183403, 5.06705976392216417 52.64984936511796576, 5.06821953823286275 52.64637718150033407, 5.05894317395047288 52.64457780451262181, 5.05745251917585836 52.64717962793183403, 5.05745251917585836 52.64717962793183403)))</t>
  </si>
  <si>
    <t>MultiPolygon (((5.05586766956706324 52.65013146887715578, 5.06453139463154667 52.65261654237652778, 5.06705976392216417 52.64984936511796576, 5.05745251917585836 52.64717962793183403, 5.05586766956706324 52.65013146887715578, 5.05586766956706324 52.65013146887715578)))</t>
  </si>
  <si>
    <t>MultiPolygon (((5.07001936627906957 52.65366492248882935, 5.07322961928709404 52.65311313207765664, 5.07742363597907964 52.64912666458611312, 5.0753390608027944 52.6481854935341218, 5.06821953823286275 52.64637718150033407, 5.06705976392216417 52.64984936511796576, 5.06453139463154667 52.65261654237652778, 5.06508070059906412 52.65294534249301961, 5.07001936627906957 52.65366492248882935, 5.07001936627906957 52.65366492248882935)))</t>
  </si>
  <si>
    <t>MultiPolygon (((5.06821953823286275 52.64637718150033407, 5.06743257492306842 52.64464865120648795, 5.06408244163468524 52.64333095299024734, 5.05894079636889327 52.64456813683833758, 5.05894317395047288 52.64457780451262181, 5.06821953823286275 52.64637718150033407, 5.06821953823286275 52.64637718150033407)))</t>
  </si>
  <si>
    <t>MultiPolygon (((5.06743257492306842 52.64464865120648795, 5.07541810139217198 52.64421220176714655, 5.078676478594776 52.6448673088498893, 5.08161117311340504 52.64218757906775181, 5.08141242297987716 52.64154439597289326, 5.07947658719349082 52.64063947757220063, 5.07850481796662567 52.64148282450259586, 5.07688745482641401 52.64132786662662511, 5.07523986180318154 52.64047451014580048, 5.07538578126659523 52.63954121639827122, 5.0713104142493064 52.64007819842880309, 5.06402739690439052 52.64321554411257864, 5.06408244163468524 52.64333095299024734, 5.06743257492306842 52.64464865120648795, 5.06743257492306842 52.64464865120648795)))</t>
  </si>
  <si>
    <t>MultiPolygon (((5.06821953823286275 52.64637718150033407, 5.0753390608027944 52.6481854935341218, 5.078676478594776 52.6448673088498893, 5.07541810139217198 52.64421220176714655, 5.06743257492306842 52.64464865120648795, 5.06821953823286275 52.64637718150033407, 5.06821953823286275 52.64637718150033407)))</t>
  </si>
  <si>
    <t>MultiPolygon (((5.0753390608027944 52.6481854935341218, 5.07742363597907964 52.64912666458611312, 5.08118426210591156 52.64565399953168878, 5.08426164226209032 52.64384873487694705, 5.08166652434363808 52.64129033803980917, 5.08141242297987716 52.64154439597289326, 5.08161117311340504 52.64218757906775181, 5.078676478594776 52.6448673088498893, 5.0753390608027944 52.6481854935341218, 5.0753390608027944 52.6481854935341218)))</t>
  </si>
  <si>
    <t>MultiPolygon (((5.04915802828761429 52.6455230067454707, 5.05894079636889327 52.64456813683833758, 5.06408244163468524 52.64333095299024734, 5.06402739690439052 52.64321554411257864, 5.06195355368071453 52.64193423756591983, 5.05599753925193962 52.64260936241979749, 5.05223600093589731 52.64186107389286207, 5.05133101849889332 52.64391435868791547, 5.04915802828761429 52.6455230067454707, 5.04915802828761429 52.6455230067454707)))</t>
  </si>
  <si>
    <t>MultiPolygon (((5.06195355368071453 52.64193423756591983, 5.06194277099850076 52.64191431965807766, 5.0580098385516834 52.63777494614854646, 5.05694071349535257 52.63800891885422573, 5.05221664884422506 52.64142213661091318, 5.05223600093589731 52.64186107389286207, 5.05599753925193962 52.64260936241979749, 5.06195355368071453 52.64193423756591983, 5.06195355368071453 52.64193423756591983)))</t>
  </si>
  <si>
    <t>MultiPolygon (((5.06194277099850076 52.64191431965807766, 5.06491963126114531 52.64151444790708467, 5.06629940789676869 52.64072160273973111, 5.06613923201211414 52.63926514255272338, 5.06468004738768496 52.63903548203720817, 5.06297926715297208 52.63788813273478695, 5.06298220345569838 52.63727308460450161, 5.06357236995613125 52.63731075988864916, 5.06297452722675967 52.63348739603251403, 5.06180580136879321 52.63358747300358687, 5.06196942128148031 52.63649902511483702, 5.05823972878379191 52.63684645921782845, 5.05777847631338151 52.63459369700154866, 5.0604658039549566 52.63384019125018654, 5.0604381506274434 52.63309947444457038, 5.05554475547078219 52.63395068124891196, 5.05554464510685531 52.63583401758592828, 5.05721040838090907 52.63750585887215294, 5.05694071349535257 52.63800891885422573, 5.0580098385516834 52.63777494614854646, 5.06194277099850076 52.64191431965807766, 5.06194277099850076 52.64191431965807766)))</t>
  </si>
  <si>
    <t>MultiPolygon (((5.06195355368071453 52.64193423756591983, 5.06402739690439052 52.64321554411257864, 5.0713104142493064 52.64007819842880309, 5.07538578126659523 52.63954121639827122, 5.06807481134009308 52.63483794639798674, 5.06440203824426938 52.63698373371384065, 5.06702827602456729 52.63728211521218725, 5.06695189014098624 52.63840213095328124, 5.06392131383623756 52.63747348020229566, 5.06368842458149171 52.63781687293633382, 5.06547327879469034 52.63880161320915363, 5.06847945892475771 52.6392548097791817, 5.06831310001493662 52.64020454806939853, 5.06698674956760264 52.64005492643237005, 5.06629940789676869 52.64072160273973111, 5.06491963126114531 52.64151444790708467, 5.06194277099850076 52.64191431965807766, 5.06195355368071453 52.64193423756591983, 5.06195355368071453 52.64193423756591983)))</t>
  </si>
  <si>
    <t>MultiPolygon (((5.12539597076808118 52.27878518318300394, 5.13098229056826494 52.27836744294801008, 5.13309972697487193 52.27865937722457801, 5.13440535469362125 52.27781641735652585, 5.13690689425810287 52.27857850792442918, 5.14163615669665841 52.28236311090254418, 5.14263395340546126 52.28487581970981068, 5.1467142817516125 52.28292403608131167, 5.14689687400530183 52.282002326324438, 5.14418089914922305 52.27954039534357378, 5.1436603113571433 52.27971048745014571, 5.14129679773251524 52.27744597413192906, 5.14327895124560985 52.27667694222201078, 5.14166626301171004 52.2751924387556528, 5.13629622338015235 52.27715678815301459, 5.13373074466974355 52.27619401126439413, 5.13047258700757336 52.27244931813557827, 5.12983120872634935 52.26978833188685059, 5.13100614337026517 52.26708105726453368, 5.13574979336218274 52.26196437190142774, 5.13274327415870424 52.25973620038897849, 5.12733143243355549 52.2595785660032135, 5.1255740588862615 52.26021764149230364, 5.12053417925288556 52.27136251993023564, 5.11915149150252535 52.27353799959112024, 5.10844430796101179 52.27564244227665569, 5.10292875029245518 52.27764927766700254, 5.10206580657740183 52.27989083673558213, 5.10208773056943432 52.28170372341408267, 5.10422459178789456 52.28315102420555149, 5.10464601530970441 52.28538466483074387, 5.10781599682825771 52.28533167193759823, 5.11184557459194444 52.28341675193553328, 5.12180017300800827 52.28172180366897237, 5.12539597076808118 52.27878518318300394, 5.12539597076808118 52.27878518318300394)))</t>
  </si>
  <si>
    <t>MultiPolygon (((5.14136192335948561 52.23684732670288611, 5.14551440830276974 52.23253919499772735, 5.15208774070296016 52.23269514458753804, 5.15222422115076384 52.23186614412567508, 5.15827086764204434 52.23202960112473647, 5.15517101690888602 52.22800303308853387, 5.1551387977186689 52.2250051193258642, 5.15357048601408074 52.22401614192263963, 5.14025516196809384 52.22464350046463721, 5.14179130359663361 52.22549347150057741, 5.14136192335948561 52.23684732670288611, 5.14136192335948561 52.23684732670288611)))</t>
  </si>
  <si>
    <t>MultiPolygon (((5.17842115147701065 52.19442012930949915, 5.17719302513438695 52.18890163052716957, 5.17451384210153087 52.18925586633260139, 5.1743798568351318 52.18889484252535027, 5.17647106760834497 52.1865208592797174, 5.17656500445395462 52.18386006701406643, 5.1752771939942166 52.18377767285026181, 5.17271826739001916 52.18557637849292519, 5.16997019903124677 52.18421033480860416, 5.16970481513673086 52.17880269795828241, 5.16674020664277833 52.17897579151645004, 5.12411058786028928 52.18082739193828701, 5.12193900296123861 52.18558027412205291, 5.12920423883781584 52.18737708370529305, 5.13589181568920505 52.19030637434002529, 5.14125387791286936 52.19326415888940573, 5.1453012372013367 52.19685590352259652, 5.14561163417532086 52.20050443748605318, 5.1405808667323134 52.2072873113099547, 5.14243744634516009 52.20781551742700799, 5.14243602297123115 52.20870695847676046, 5.14840876020336946 52.21014520837819362, 5.15656906828057515 52.20799853301447513, 5.16138077220250491 52.2052309066659106, 5.17820029097311085 52.20101959726379448, 5.17728495032986036 52.19665014150010052, 5.17842115147701065 52.19442012930949915, 5.17842115147701065 52.19442012930949915),(5.15075539520874504 52.18526783149309978, 5.15258789795313632 52.18448419882101774, 5.15445007228207608 52.18632248823872288, 5.15363177933182293 52.18787505318888265, 5.15075539520874504 52.18526783149309978, 5.15075539520874504 52.18526783149309978)))</t>
  </si>
  <si>
    <t>MultiPolygon (((5.17820029097311085 52.20101959726379448, 5.18543670089888131 52.19988299705829604, 5.18381802694500493 52.18596095784035782, 5.17943166784766529 52.17821338777841333, 5.16970481513673086 52.17880269795828241, 5.16997019903124677 52.18421033480860416, 5.17271826739001916 52.18557637849292519, 5.1752771939942166 52.18377767285026181, 5.17656500445395462 52.18386006701406643, 5.17647106760834497 52.1865208592797174, 5.1743798568351318 52.18889484252535027, 5.17451384210153087 52.18925586633260139, 5.17719302513438695 52.18890163052716957, 5.17842115147701065 52.19442012930949915, 5.17728495032986036 52.19665014150010052, 5.17820029097311085 52.20101959726379448, 5.17820029097311085 52.20101959726379448)))</t>
  </si>
  <si>
    <t>MultiPolygon (((5.21896032236996454 52.21212871443328396, 5.21652930120258063 52.20545073535818403, 5.21550072665735076 52.20427342551224115, 5.19258596492610192 52.17783294560829432, 5.1841855680682789 52.17795466607392285, 5.17943166784766529 52.17821338777841333, 5.18381802694500493 52.18596095784035782, 5.18543670089888131 52.19988299705829604, 5.18663023869933681 52.21032548682320851, 5.19419717057475694 52.20978637795337107, 5.19765639966745763 52.20670536381585691, 5.20738969349462355 52.20978855758362158, 5.19817662894243782 52.21315166421103271, 5.19826788607892976 52.21358684042144205, 5.2008894600777964 52.2191550034598464, 5.21579930362157018 52.21667383174795418, 5.21896032236996454 52.21212871443328396, 5.21896032236996454 52.21212871443328396)))</t>
  </si>
  <si>
    <t>MultiPolygon (((5.20424070232559366 52.22625362016988504, 5.20514692280032865 52.22871356386300334, 5.20225974400438851 52.23345996663933022, 5.19790961960538311 52.23818194990135311, 5.19980955330848449 52.23961649317910627, 5.21579930362157018 52.21667383174795418, 5.2008894600777964 52.2191550034598464, 5.20059195829052623 52.21920412093479058, 5.20110065294784274 52.22128062017034011, 5.20754460180808199 52.22124719788066471, 5.20749102207387349 52.22333335608005456, 5.2059040409420767 52.22605346973860208, 5.20424070232559366 52.22625362016988504, 5.20424070232559366 52.22625362016988504)))</t>
  </si>
  <si>
    <t>MultiPolygon (((5.19351306330899654 52.26637124810836355, 5.19959036053843526 52.2616185132176625, 5.18885285805755547 52.24765056299436594, 5.19939818031597412 52.24020391755238535, 5.19534509842926262 52.23713801495699016, 5.19176523168952819 52.23940913449731482, 5.1927864816127407 52.24017989682138108, 5.1914193887025899 52.24106741632724038, 5.19042838561320519 52.24048647037227511, 5.17200771941723936 52.24563313396641462, 5.17103479854489656 52.24475495739433484, 5.16993591177587852 52.2475349129952491, 5.16760358348713034 52.24716704585697613, 5.16804842178845547 52.24465152673855783, 5.1660416159584539 52.24345492653534961, 5.16144390228537819 52.24292632599482289, 5.1613732835241013 52.24155253861643899, 5.1595275495381836 52.2424268384227517, 5.15463447064892577 52.24214020833389327, 5.1458856117928633 52.2409042635509735, 5.14562528098408567 52.23968218721217482, 5.14202019313560665 52.23931258142649625, 5.14227724773231909 52.2433168404830397, 5.14004796209010539 52.24577423422218203, 5.13960452105846421 52.25401478916370479, 5.13691575036248338 52.253953286143485, 5.13649953116027014 52.25958304676780131, 5.13760932865830089 52.25960390067429984, 5.14134891888398382 52.25967369775906946, 5.14138986875657 52.25922061820077857, 5.16212883770806918 52.25579579964329469, 5.16594705194184112 52.25770620147967804, 5.17388413918288759 52.26167779891076037, 5.17693905463927884 52.26288645397563215, 5.18313135924171497 52.26460315721115535, 5.18313925876523385 52.26396920269581869, 5.19351306330899654 52.26637124810836355, 5.19351306330899654 52.26637124810836355)))</t>
  </si>
  <si>
    <t>MultiPolygon (((5.13760932865830089 52.25960390067429984, 5.13649953116027014 52.25958304676780131, 5.13274327415870424 52.25973620038897849, 5.13574979336218274 52.26196437190142774, 5.13100614337026517 52.26708105726453368, 5.12983120872634935 52.26978833188685059, 5.13047258700757336 52.27244931813557827, 5.13373074466974355 52.27619401126439413, 5.13629622338015235 52.27715678815301459, 5.14166626301171004 52.2751924387556528, 5.143945676425143 52.27430124833072256, 5.14389522981230307 52.27290918223676641, 5.14395737434919997 52.27053536631996167, 5.14033857120737192 52.26483520496457658, 5.13772369688320651 52.26306357110861711, 5.13760932865830089 52.25960390067429984)))</t>
  </si>
  <si>
    <t>MultiPolygon (((5.20111709526025301 52.26813994518961692, 5.20382197643963096 52.26711508855309773, 5.19959036053843526 52.2616185132176625, 5.19351306330899654 52.26637124810836355, 5.20111709526025301 52.26813994518961692, 5.20111709526025301 52.26813994518961692)))</t>
  </si>
  <si>
    <t>MultiPolygon (((5.17103479854489656 52.24475495739433484, 5.17200771941723936 52.24563313396641462, 5.19042838561320519 52.24048647037227511, 5.18827259537305441 52.23944819304478671, 5.19171306929282306 52.23657273529939715, 5.17570033266847496 52.23476343135498468, 5.1747004100304963 52.23660082498346924, 5.17103479854489656 52.24475495739433484, 5.17103479854489656 52.24475495739433484)))</t>
  </si>
  <si>
    <t>MultiPolygon (((5.19042838561320519 52.24048647037227511, 5.1914193887025899 52.24106741632724038, 5.1927864816127407 52.24017989682138108, 5.19176523168952819 52.23940913449731482, 5.19534509842926262 52.23713801495699016, 5.19078098013092504 52.23232596998699506, 5.19011355343972802 52.23287107718773115, 5.18774686271246921 52.23424486031758107, 5.18798008745220596 52.23514783798495387, 5.19113672528465209 52.23590924348930997, 5.19171306929282306 52.23657273529939715, 5.18827259537305441 52.23944819304478671, 5.19042838561320519 52.24048647037227511, 5.19042838561320519 52.24048647037227511)))</t>
  </si>
  <si>
    <t>MultiPolygon (((5.17570033266847496 52.23476343135498468, 5.19171306929282306 52.23657273529939715, 5.19113672528465209 52.23590924348930997, 5.18798008745220596 52.23514783798495387, 5.18774686271246921 52.23424486031758107, 5.18185045712199877 52.23091736461269363, 5.18001124661964241 52.23155624473724146, 5.17766128995255759 52.23139928279174882, 5.17593325760028744 52.23433569383539066, 5.17570033266847496 52.23476343135498468, 5.17570033266847496 52.23476343135498468)))</t>
  </si>
  <si>
    <t>MultiPolygon (((5.20424070232559366 52.22625362016988504, 5.2059040409420767 52.22605346973860208, 5.20749102207387349 52.22333335608005456, 5.20754460180808199 52.22124719788066471, 5.20110065294784274 52.22128062017034011, 5.20262734284140116 52.22642713765947065, 5.20424070232559366 52.22625362016988504, 5.20424070232559366 52.22625362016988504)))</t>
  </si>
  <si>
    <t>MultiPolygon (((5.19939818031597412 52.24020391755238535, 5.19980955330848449 52.23961649317910627, 5.19790961960538311 52.23818194990135311, 5.20225974400438851 52.23345996663933022, 5.20514692280032865 52.22871356386300334, 5.20424070232559366 52.22625362016988504, 5.20262734284140116 52.22642713765947065, 5.20089970110369038 52.22765048916072317, 5.19604349022089451 52.22812203831168887, 5.1933119872454192 52.22777946676114169, 5.19327836161733725 52.22788170214712267, 5.19078098013092504 52.23232596998699506, 5.19534509842926262 52.23713801495699016, 5.19939818031597412 52.24020391755238535, 5.19939818031597412 52.24020391755238535)))</t>
  </si>
  <si>
    <t>MultiPolygon (((5.1933119872454192 52.22777946676114169, 5.19604349022089451 52.22812203831168887, 5.20089970110369038 52.22765048916072317, 5.20262734284140116 52.22642713765947065, 5.20110065294784274 52.22128062017034011, 5.20059195829052623 52.21920412093479058, 5.19460122007142999 52.22019299663686098, 5.1929333310441077 52.22384658479256103, 5.1933119872454192 52.22777946676114169, 5.1933119872454192 52.22777946676114169)))</t>
  </si>
  <si>
    <t>MultiPolygon (((5.19327836161733725 52.22788170214712267, 5.1933119872454192 52.22777946676114169, 5.1929333310441077 52.22384658479256103, 5.19460122007142999 52.22019299663686098, 5.18914097097797278 52.22110240312724017, 5.18432490259726286 52.22330470450602036, 5.18318399752778358 52.22456245957753396, 5.18091526540485692 52.22723112781250165, 5.18386869094915426 52.22777563292829939, 5.18527093384831073 52.22669075937176331, 5.19327836161733725 52.22788170214712267, 5.19327836161733725 52.22788170214712267)))</t>
  </si>
  <si>
    <t>MultiPolygon (((5.19011355343972802 52.23287107718773115, 5.19078098013092504 52.23232596998699506, 5.19327836161733725 52.22788170214712267, 5.18527093384831073 52.22669075937176331, 5.18386869094915426 52.22777563292829939, 5.19011355343972802 52.23287107718773115, 5.19011355343972802 52.23287107718773115)))</t>
  </si>
  <si>
    <t>MultiPolygon (((5.18774686271246921 52.23424486031758107, 5.19011355343972802 52.23287107718773115, 5.18386869094915426 52.22777563292829939, 5.18091526540485692 52.22723112781250165, 5.17766128995255759 52.23139928279174882, 5.18001124661964241 52.23155624473724146, 5.18185045712199877 52.23091736461269363, 5.18774686271246921 52.23424486031758107, 5.18774686271246921 52.23424486031758107)))</t>
  </si>
  <si>
    <t>MultiPolygon (((5.15363177933182293 52.18787505318888265, 5.15445007228207608 52.18632248823872288, 5.15258789795313632 52.18448419882101774, 5.15075539520874504 52.18526783149309978, 5.15363177933182293 52.18787505318888265, 5.15363177933182293 52.18787505318888265)))</t>
  </si>
  <si>
    <t>MultiPolygon (((5.18914097097797278 52.22110240312724017, 5.19460122007142999 52.22019299663686098, 5.20059195829052623 52.21920412093479058, 5.2008894600777964 52.2191550034598464, 5.19826788607892976 52.21358684042144205, 5.19048220323066367 52.21583229896094025, 5.18815155063346545 52.2198374816504014, 5.18914097097797278 52.22110240312724017, 5.18914097097797278 52.22110240312724017)))</t>
  </si>
  <si>
    <t>MultiPolygon (((5.19419717057475694 52.20978637795337107, 5.19784822194235918 52.21326229127070917, 5.19817662894243782 52.21315166421103271, 5.20738969349462355 52.20978855758362158, 5.19765639966745763 52.20670536381585691, 5.19419717057475694 52.20978637795337107, 5.19419717057475694 52.20978637795337107)))</t>
  </si>
  <si>
    <t>MultiPolygon (((5.18432490259726286 52.22330470450602036, 5.18914097097797278 52.22110240312724017, 5.18815155063346545 52.2198374816504014, 5.19048220323066367 52.21583229896094025, 5.19826788607892976 52.21358684042144205, 5.19817662894243782 52.21315166421103271, 5.19784822194235918 52.21326229127070917, 5.19419717057475694 52.20978637795337107, 5.18663023869933681 52.21032548682320851, 5.18664687788157064 52.21047096568269552, 5.18739890136630866 52.21732389135180341, 5.18672549655179527 52.22004622263874296, 5.18432490259726286 52.22330470450602036, 5.18432490259726286 52.22330470450602036)))</t>
  </si>
  <si>
    <t>MultiPolygon (((5.17330360914214094 52.21129659369127296, 5.18664687788157064 52.21047096568269552, 5.18663023869933681 52.21032548682320851, 5.18543670089888131 52.19988299705829604, 5.17820029097311085 52.20101959726379448, 5.16138077220250491 52.2052309066659106, 5.15656906828057515 52.20799853301447513, 5.16160318159257336 52.20720744056812634, 5.17210351808677959 52.20771898649593368, 5.17330360914214094 52.21129659369127296, 5.17330360914214094 52.21129659369127296)))</t>
  </si>
  <si>
    <t>MultiPolygon (((5.18013989603152858 52.22062768780013187, 5.18672549655179527 52.22004622263874296, 5.18739890136630866 52.21732389135180341, 5.18664687788157064 52.21047096568269552, 5.17330360914214094 52.21129659369127296, 5.17449784611445907 52.21541558544246442, 5.17501367866263884 52.21851542712047234, 5.17709160308967231 52.21812496957843308, 5.17709766256302917 52.21941599565220571, 5.18013989603152858 52.22062768780013187, 5.18013989603152858 52.22062768780013187)))</t>
  </si>
  <si>
    <t>MultiPolygon (((5.16347867525843895 52.2111833429043557, 5.16160318159257336 52.20720744056812634, 5.15656906828057515 52.20799853301447513, 5.14840876020336946 52.21014520837819362, 5.14243602297123115 52.20870695847676046, 5.14201555429413748 52.20816632844514515, 5.14110652930323564 52.20847711769108912, 5.13973967223454409 52.20809706536181238, 5.1395111245688474 52.20838058905312806, 5.15185436524454143 52.2141897526841845, 5.16347867525843895 52.2111833429043557, 5.16347867525843895 52.2111833429043557)))</t>
  </si>
  <si>
    <t>MultiPolygon (((5.1549614533938195 52.21872608048479236, 5.16338535087115602 52.21550142140407758, 5.16546304102478704 52.21525633086639573, 5.16347867525843895 52.2111833429043557, 5.15185436524454143 52.2141897526841845, 5.1549614533938195 52.21872608048479236, 5.1549614533938195 52.21872608048479236)))</t>
  </si>
  <si>
    <t>MultiPolygon (((5.15657141290638688 52.22229525563841435, 5.15784682650484871 52.22135340125981884, 5.16347065486222689 52.21968300553696452, 5.16728532997966017 52.2191046616108423, 5.16546304102478704 52.21525633086639573, 5.16338535087115602 52.21550142140407758, 5.1549614533938195 52.21872608048479236, 5.15657141290638688 52.22229525563841435, 5.15657141290638688 52.22229525563841435)))</t>
  </si>
  <si>
    <t>MultiPolygon (((5.16546304102478704 52.21525633086639573, 5.16987412503578714 52.21596601989282505, 5.17449784611445907 52.21541558544246442, 5.17330360914214094 52.21129659369127296, 5.17210351808677959 52.20771898649593368, 5.16160318159257336 52.20720744056812634, 5.16347867525843895 52.2111833429043557, 5.16546304102478704 52.21525633086639573, 5.16546304102478704 52.21525633086639573)))</t>
  </si>
  <si>
    <t>MultiPolygon (((5.16728532997966017 52.2191046616108423, 5.17381165871949644 52.22073241747886385, 5.17501367866263884 52.21851542712047234, 5.17449784611445907 52.21541558544246442, 5.16987412503578714 52.21596601989282505, 5.16546304102478704 52.21525633086639573, 5.16728532997966017 52.2191046616108423, 5.16728532997966017 52.2191046616108423)))</t>
  </si>
  <si>
    <t>MultiPolygon (((5.15185436524454143 52.2141897526841845, 5.1395111245688474 52.20838058905312806, 5.13394314329860002 52.21429483201143995, 5.12252675737763408 52.21882509544609263, 5.12265539490924926 52.21965027840984419, 5.12252285973087762 52.21993240195342167, 5.14365265939170335 52.22139841109224534, 5.14504840201409586 52.21978102117292053, 5.15185436524454143 52.2141897526841845, 5.15185436524454143 52.2141897526841845)))</t>
  </si>
  <si>
    <t>MultiPolygon (((5.14504840201409586 52.21978102117292053, 5.15145272432138945 52.22078188080008232, 5.1549614533938195 52.21872608048479236, 5.15185436524454143 52.2141897526841845, 5.14504840201409586 52.21978102117292053, 5.14504840201409586 52.21978102117292053)))</t>
  </si>
  <si>
    <t>MultiPolygon (((5.152554834802201 52.22349538757748633, 5.15657141290638688 52.22229525563841435, 5.1549614533938195 52.21872608048479236, 5.15145272432138945 52.22078188080008232, 5.152554834802201 52.22349538757748633, 5.152554834802201 52.22349538757748633)))</t>
  </si>
  <si>
    <t>MultiPolygon (((5.152554834802201 52.22349538757748633, 5.15145272432138945 52.22078188080008232, 5.14504840201409586 52.21978102117292053, 5.14365265939170335 52.22139841109224534, 5.12252285973087762 52.21993240195342167, 5.12233693267096601 52.22081456324502824, 5.12330983688347796 52.22138884743964837, 5.13000831803719048 52.22149102486531547, 5.12995507061594758 52.22239240046299358, 5.12806262296373472 52.22238339383046934, 5.12794469491809757 52.22440382176035456, 5.14023256518081961 52.22453595670497606, 5.152554834802201 52.22349538757748633, 5.152554834802201 52.22349538757748633)))</t>
  </si>
  <si>
    <t>MultiPolygon (((5.1613732835241013 52.24155253861643899, 5.16144390228537819 52.24292632599482289, 5.1660416159584539 52.24345492653534961, 5.16804842178845547 52.24465152673855783, 5.16760358348713034 52.24716704585697613, 5.16993591177587852 52.2475349129952491, 5.17103479854489656 52.24475495739433484, 5.1747004100304963 52.23660082498346924, 5.17381091523435899 52.23428869568267885, 5.16792447371047903 52.23385508030985136, 5.16874983150919221 52.23597229877837123, 5.1682088124077028 52.23797681334406917, 5.16552172085614014 52.24197792929077622, 5.16136700975903118 52.24148758063851261, 5.1613732835241013 52.24155253861643899, 5.1613732835241013 52.24155253861643899)))</t>
  </si>
  <si>
    <t>MultiPolygon (((5.16044874825105726 52.23427573317856343, 5.16136700975903118 52.24148758063851261, 5.16552172085614014 52.24197792929077622, 5.1682088124077028 52.23797681334406917, 5.16874983150919221 52.23597229877837123, 5.16792447371047903 52.23385508030985136, 5.16762742780476358 52.23389393150475968, 5.16044874825105726 52.23427573317856343, 5.16044874825105726 52.23427573317856343)))</t>
  </si>
  <si>
    <t>MultiPolygon (((5.16044874825105726 52.23427573317856343, 5.15868885948121125 52.23231915328152297, 5.15827086764204434 52.23202960112473647, 5.15222422115076384 52.23186614412567508, 5.15208774070296016 52.23269514458753804, 5.14551440830276974 52.23253919499772735, 5.14136192335948561 52.23684732670288611, 5.14202019313560665 52.23931258142649625, 5.14562528098408567 52.23968218721217482, 5.1458856117928633 52.2409042635509735, 5.15463447064892577 52.24214020833389327, 5.1595275495381836 52.2424268384227517, 5.1613732835241013 52.24155253861643899, 5.16136700975903118 52.24148758063851261, 5.16044874825105726 52.23427573317856343, 5.16044874825105726 52.23427573317856343)))</t>
  </si>
  <si>
    <t>MultiPolygon (((5.16044874825105726 52.23427573317856343, 5.16762742780476358 52.23389393150475968, 5.16837271439204216 52.2285381492925822, 5.17017504408512085 52.22638060779294022, 5.1663074244698608 52.22812022027734713, 5.16225562075222655 52.23101869682020038, 5.15868885948121125 52.23231915328152297, 5.16044874825105726 52.23427573317856343, 5.16044874825105726 52.23427573317856343)))</t>
  </si>
  <si>
    <t>MultiPolygon (((5.1747004100304963 52.23660082498346924, 5.17570033266847496 52.23476343135498468, 5.17593325760028744 52.23433569383539066, 5.1759283458765033 52.22770874019573029, 5.17056028913619592 52.22623376120063909, 5.17017504408512085 52.22638060779294022, 5.16837271439204216 52.2285381492925822, 5.16762742780476358 52.23389393150475968, 5.16792447371047903 52.23385508030985136, 5.17381091523435899 52.23428869568267885, 5.1747004100304963 52.23660082498346924, 5.1747004100304963 52.23660082498346924)))</t>
  </si>
  <si>
    <t>MultiPolygon (((5.15827086764204434 52.23202960112473647, 5.15868885948121125 52.23231915328152297, 5.16225562075222655 52.23101869682020038, 5.1663074244698608 52.22812022027734713, 5.17017504408512085 52.22638060779294022, 5.17056028913619592 52.22623376120063909, 5.1687259784104409 52.22283378737984805, 5.16557810860467548 52.22243798789442337, 5.16347065486222689 52.21968300553696452, 5.15784682650484871 52.22135340125981884, 5.15657141290638688 52.22229525563841435, 5.152554834802201 52.22349538757748633, 5.14023256518081961 52.22453595670497606, 5.14025516196809384 52.22464350046463721, 5.15357048601408074 52.22401614192263963, 5.1551387977186689 52.2250051193258642, 5.15517101690888602 52.22800303308853387, 5.15827086764204434 52.23202960112473647, 5.15827086764204434 52.23202960112473647)))</t>
  </si>
  <si>
    <t>MultiPolygon (((5.17593325760028744 52.23433569383539066, 5.17766128995255759 52.23139928279174882, 5.18091526540485692 52.22723112781250165, 5.17749658761631348 52.22557007228352433, 5.17415708612689507 52.22514046641067864, 5.17137726302309098 52.22557573701570988, 5.17056028913619592 52.22623376120063909, 5.1759283458765033 52.22770874019573029, 5.17593325760028744 52.23433569383539066, 5.17593325760028744 52.23433569383539066)))</t>
  </si>
  <si>
    <t>MultiPolygon (((5.18318399752778358 52.22456245957753396, 5.18432490259726286 52.22330470450602036, 5.18672549655179527 52.22004622263874296, 5.18013989603152858 52.22062768780013187, 5.17834164488818516 52.22171165760800449, 5.17772249719308775 52.22350363726576461, 5.18318399752778358 52.22456245957753396, 5.18318399752778358 52.22456245957753396)))</t>
  </si>
  <si>
    <t>MultiPolygon (((5.1687259784104409 52.22283378737984805, 5.17302477415110218 52.22300910824852593, 5.17433019979597564 52.22218559152324957, 5.17381165871949644 52.22073241747886385, 5.16728532997966017 52.2191046616108423, 5.16347065486222689 52.21968300553696452, 5.16557810860467548 52.22243798789442337, 5.1687259784104409 52.22283378737984805, 5.1687259784104409 52.22283378737984805)))</t>
  </si>
  <si>
    <t>MultiPolygon (((5.17056028913619592 52.22623376120063909, 5.17137726302309098 52.22557573701570988, 5.17415708612689507 52.22514046641067864, 5.17749658761631348 52.22557007228352433, 5.18091526540485692 52.22723112781250165, 5.18318399752778358 52.22456245957753396, 5.17772249719308775 52.22350363726576461, 5.17834164488818516 52.22171165760800449, 5.18013989603152858 52.22062768780013187, 5.17709766256302917 52.21941599565220571, 5.17709160308967231 52.21812496957843308, 5.17501367866263884 52.21851542712047234, 5.17381165871949644 52.22073241747886385, 5.17433019979597564 52.22218559152324957, 5.17302477415110218 52.22300910824852593, 5.1687259784104409 52.22283378737984805, 5.17056028913619592 52.22623376120063909, 5.17056028913619592 52.22623376120063909)))</t>
  </si>
  <si>
    <t>MultiPolygon (((4.75051456102099845 52.8857215958864586, 4.75262692947665411 52.88563960482705539, 4.77343966628278693 52.88395164391470615, 4.76936714001011719 52.87892266999077151, 4.74980725860968711 52.88045518180462778, 4.75051456102099845 52.8857215958864586, 4.75051456102099845 52.8857215958864586)))</t>
  </si>
  <si>
    <t>MultiPolygon (((4.72801037016404546 52.88664809290022362, 4.73547444935594442 52.88549210577138382, 4.73496113394675877 52.88491083425504513, 4.73417317337765375 52.88165838754470371, 4.7267898794111689 52.88220778575034586, 4.72801037016404546 52.88664809290022362, 4.72801037016404546 52.88664809290022362)))</t>
  </si>
  <si>
    <t>MultiPolygon (((4.73496113394675877 52.88491083425504513, 4.73820513565165324 52.88596198489855027, 4.74378658388493513 52.88545574338092337, 4.74447822539565145 52.88536587518779442, 4.74408957517488261 52.88151403102227732, 4.74254047307496585 52.88101956441673224, 4.73417317337765375 52.88165838754470371, 4.73496113394675877 52.88491083425504513, 4.73496113394675877 52.88491083425504513)))</t>
  </si>
  <si>
    <t>MultiPolygon (((4.74407293612370573 52.88620492674746743, 4.75051456102099845 52.8857215958864586, 4.74980725860968711 52.88045518180462778, 4.74254047307496585 52.88101956441673224, 4.74408957517488261 52.88151403102227732, 4.74447822539565145 52.88536587518779442, 4.74378658388493513 52.88545574338092337, 4.74407293612370573 52.88620492674746743, 4.74407293612370573 52.88620492674746743)))</t>
  </si>
  <si>
    <t>MultiPolygon (((4.73321699846767707 52.89106617075512418, 4.73689849886216408 52.89145281981402036, 4.73802205934221732 52.88849394516706326, 4.73547444935594442 52.88549210577138382, 4.72801037016404546 52.88664809290022362, 4.73064771990663147 52.8896922698106664, 4.73321699846767707 52.89106617075512418, 4.73321699846767707 52.89106617075512418)))</t>
  </si>
  <si>
    <t>MultiPolygon (((4.74007018587569906 52.89274358325378245, 4.74591922153606571 52.89210563385980635, 4.74386576915186176 52.88826928593441323, 4.74407293612370573 52.88620492674746743, 4.74378658388493513 52.88545574338092337, 4.73820513565165324 52.88596198489855027, 4.73496113394675877 52.88491083425504513, 4.73547444935594442 52.88549210577138382, 4.73802205934221732 52.88849394516706326, 4.73689849886216408 52.89145281981402036, 4.74007018587569906 52.89274358325378245, 4.74007018587569906 52.89274358325378245)))</t>
  </si>
  <si>
    <t>MultiPolygon (((4.74591922153606571 52.89210563385980635, 4.74816627648093981 52.89198007318541528, 4.75133424100164525 52.89207618102373942, 4.75371356725943439 52.89184169611766606, 4.75262692947665411 52.88563960482705539, 4.75051456102099845 52.8857215958864586, 4.74407293612370573 52.88620492674746743, 4.74386576915186176 52.88826928593441323, 4.74591922153606571 52.89210563385980635, 4.74591922153606571 52.89210563385980635)))</t>
  </si>
  <si>
    <t>MultiPolygon (((4.73668765418100257 52.89926469685743626, 4.74303058905165376 52.89865822129709727, 4.74183966428817882 52.89477347818719011, 4.74007018587569906 52.89274358325378245, 4.73689849886216408 52.89145281981402036, 4.73321699846767707 52.89106617075512418, 4.73668765418100257 52.89926469685743626, 4.73668765418100257 52.89926469685743626)))</t>
  </si>
  <si>
    <t>MultiPolygon (((4.74007018587569906 52.89274358325378245, 4.74183966428817882 52.89477347818719011, 4.74303058905165376 52.89865822129709727, 4.74757413955762164 52.89831980824642699, 4.74852677975712378 52.89607992542671866, 4.74816627648093981 52.89198007318541528, 4.74591922153606571 52.89210563385980635, 4.74007018587569906 52.89274358325378245, 4.74007018587569906 52.89274358325378245)))</t>
  </si>
  <si>
    <t>MultiPolygon (((4.73697060291446803 52.91290011513505931, 4.75003109845867133 52.91213924198653018, 4.75017821038344135 52.91285783360783057, 4.75377909584011427 52.91273432212292249, 4.75766431945723678 52.91247852426709386, 4.75529316418129788 52.89800144113368674, 4.75206197107196093 52.89843868516406644, 4.75133424100164525 52.89207618102373942, 4.74816627648093981 52.89198007318541528, 4.74852677975712378 52.89607992542671866, 4.74757413955762164 52.89831980824642699, 4.74303058905165376 52.89865822129709727, 4.73668765418100257 52.89926469685743626, 4.73697060291446803 52.91290011513505931, 4.73697060291446803 52.91290011513505931)))</t>
  </si>
  <si>
    <t>MultiPolygon (((4.71198133220825266 52.9015616107128821, 4.73668765418100257 52.89926469685743626, 4.73321699846767707 52.89106617075512418, 4.73064771990663147 52.8896922698106664, 4.72801037016404546 52.88664809290022362, 4.7267898794111689 52.88220778575034586, 4.70898156767693266 52.88362696549589259, 4.71143595013277672 52.8934083608860135, 4.71198133220825266 52.9015616107128821, 4.71198133220825266 52.9015616107128821)))</t>
  </si>
  <si>
    <t>MultiPolygon (((4.73668765418100257 52.89926469685743626, 4.71198133220825266 52.9015616107128821, 4.71290170259128072 52.91586591533162931, 4.73707763327037146 52.91469690139228987, 4.73697060291446803 52.91290011513505931, 4.73668765418100257 52.89926469685743626, 4.73668765418100257 52.89926469685743626)))</t>
  </si>
  <si>
    <t>MultiPolygon (((4.73403995773828967 52.93627581153253914, 4.7362036794393223 52.93602221412352549, 4.73721946343882649 52.93422220109969345, 4.73863355292993749 52.93054426206077778, 4.73802380348561236 52.92914634439655686, 4.73707763327037146 52.91469690139228987, 4.71290170259128072 52.91586591533162931, 4.71337348105111786 52.93229288068510385, 4.72740086093208678 52.93269233586159572, 4.72948609826349653 52.93327672860767308, 4.73403995773828967 52.93627581153253914, 4.73403995773828967 52.93627581153253914)))</t>
  </si>
  <si>
    <t>MultiPolygon (((4.77736496792032383 52.9284061187545305, 4.77873984360541026 52.92834966133175101, 4.78841352762629313 52.92846593713242953, 4.7924493747437813 52.92161193689189957, 4.78898745342114118 52.92099367322548886, 4.78864864513314092 52.92151600579082782, 4.78074436012575799 52.92001469466588759, 4.78167329992536416 52.91811368907931978, 4.77493158997333911 52.91836857973182617, 4.77736496792032383 52.9284061187545305, 4.77736496792032383 52.9284061187545305)))</t>
  </si>
  <si>
    <t>MultiPolygon (((4.76626571983198044 52.89627515264486846, 4.78229600424544543 52.89468578892002881, 4.77208593396383218 52.88024892174772162, 4.77093891953755822 52.87862622477847907, 4.76936714001011719 52.87892266999077151, 4.77343966628278693 52.88395164391470615, 4.75262692947665411 52.88563960482705539, 4.75371356725943439 52.89184169611766606, 4.76215832211915924 52.89119029787253368, 4.76626571983198044 52.89627515264486846)))</t>
  </si>
  <si>
    <t>MultiPolygon (((4.75377909584011427 52.91273432212292249, 4.75415423832438311 52.91403094635930415, 4.7743008775494058 52.91299191925051559, 4.77899350434228687 52.90578617551597063, 4.78245244435567241 52.9038401639940119, 4.78765491972075186 52.90234642089485817, 4.78229600424544543 52.89468578892002881, 4.76626571983198044 52.89627515264486846, 4.76341973195341062 52.89660799028600024, 4.76371806026808464 52.89725321769027033, 4.75529316418129788 52.89800144113368674, 4.75766431945723678 52.91247852426709386, 4.75377909584011427 52.91273432212292249, 4.75377909584011427 52.91273432212292249)))</t>
  </si>
  <si>
    <t>MultiPolygon (((4.73802380348561236 52.92914634439655686, 4.74225967159305117 52.92730625327241256, 4.74794828243995592 52.92717169957067114, 4.75375034033479515 52.92731044423992159, 4.75391619690900491 52.92900248649349493, 4.75840634439218313 52.92897115988296264, 4.75828552717582465 52.92734226859614921, 4.76711640926472136 52.92688686791711916, 4.77355220822903448 52.91453826387726167, 4.7743008775494058 52.91299191925051559, 4.75415423832438311 52.91403094635930415, 4.75377909584011427 52.91273432212292249, 4.75017821038344135 52.91285783360783057, 4.75003109845867133 52.91213924198653018, 4.73697060291446803 52.91290011513505931, 4.73707763327037146 52.91469690139228987, 4.73802380348561236 52.92914634439655686, 4.73802380348561236 52.92914634439655686)))</t>
  </si>
  <si>
    <t>MultiPolygon (((4.77355220822903448 52.91453826387726167, 4.78533767465282711 52.9148088559222316, 4.7934011244255661 52.91318501025067178, 4.79392546508903461 52.91486249179303059, 4.79533776140870405 52.91585015957576132, 4.79730016648891677 52.91211403243850242, 4.79490920061880033 52.91257827258462498, 4.78765491972075186 52.90234642089485817, 4.78245244435567241 52.9038401639940119, 4.77899350434228687 52.90578617551597063, 4.7743008775494058 52.91299191925051559, 4.77355220822903448 52.91453826387726167, 4.77355220822903448 52.91453826387726167)))</t>
  </si>
  <si>
    <t>MultiPolygon (((4.77265670883789817 52.92914697413091574, 4.77736496792032383 52.9284061187545305, 4.77493158997333911 52.91836857973182617, 4.78167329992536416 52.91811368907931978, 4.78074436012575799 52.92001469466588759, 4.78864864513314092 52.92151600579082782, 4.78898745342114118 52.92099367322548886, 4.7924493747437813 52.92161193689189957, 4.79533776140870405 52.91585015957576132, 4.79392546508903461 52.91486249179303059, 4.7934011244255661 52.91318501025067178, 4.78533767465282711 52.9148088559222316, 4.77355220822903448 52.91453826387726167, 4.76711640926472136 52.92688686791711916, 4.7715348082456277 52.92697543413207484, 4.77161547982563139 52.92916239505299814, 4.77265670883789817 52.92914697413091574, 4.77265670883789817 52.92914697413091574)))</t>
  </si>
  <si>
    <t>MultiPolygon (((4.78687595948384814 52.93386194718507909, 4.790551249890453 52.93385395899780832, 4.79130268988702124 52.93623041064638812, 4.79215630336213572 52.93528049493713894, 4.79212361280820875 52.93295257268758292, 4.79418133640562871 52.9328131687271366, 4.79473497851250219 52.9293428405670241, 4.80327018015296137 52.91738930252017781, 4.8090891609065789 52.91544253048963498, 4.8099886073089575 52.91435314200359841, 4.80805097154235117 52.91357298627481498, 4.80607682091625499 52.91410623764407006, 4.80672504971656434 52.91271434931154971, 4.80453178542579806 52.91048704583803897, 4.79730016648891677 52.91211403243850242, 4.79533776140870405 52.91585015957576132, 4.7924493747437813 52.92161193689189957, 4.78841352762629313 52.92846593713242953, 4.78682196265234694 52.93108202391369588, 4.78687595948384814 52.93386194718507909, 4.78687595948384814 52.93386194718507909)))</t>
  </si>
  <si>
    <t>MultiPolygon (((4.75529316418129788 52.89800144113368674, 4.76371806026808464 52.89725321769027033, 4.76341973195341062 52.89660799028600024, 4.76626571983198044 52.89627515264486846, 4.76215832211915924 52.89119029787253368, 4.75371356725943439 52.89184169611766606, 4.75133424100164525 52.89207618102373942, 4.75206197107196093 52.89843868516406644, 4.75529316418129788 52.89800144113368674, 4.75529316418129788 52.89800144113368674)))</t>
  </si>
  <si>
    <t>MultiPolygon (((4.77748074729774697 52.93491073106947908, 4.7868508434235979 52.93482562785479928, 4.78687595948384814 52.93386194718507909, 4.78682196265234694 52.93108202391369588, 4.78841352762629313 52.92846593713242953, 4.77873984360541026 52.92834966133175101, 4.77924792791102426 52.9303073869904992, 4.77743226081763606 52.93327549286446043, 4.77748074729774697 52.93491073106947908, 4.77748074729774697 52.93491073106947908)))</t>
  </si>
  <si>
    <t>MultiPolygon (((4.77285314554621909 52.93325765185051068, 4.77743226081763606 52.93327549286446043, 4.77924792791102426 52.9303073869904992, 4.77873984360541026 52.92834966133175101, 4.77736496792032383 52.9284061187545305, 4.77265670883789817 52.92914697413091574, 4.77285314554621909 52.93325765185051068, 4.77285314554621909 52.93325765185051068)))</t>
  </si>
  <si>
    <t>MultiPolygon (((4.77103222897992385 52.93318536907138849, 4.77285314554621909 52.93325765185051068, 4.77265670883789817 52.92914697413091574, 4.77161547982563139 52.92916239505299814, 4.7715348082456277 52.92697543413207484, 4.76711640926472136 52.92688686791711916, 4.76446952274686364 52.9318842380941561, 4.77103222897992385 52.93318536907138849, 4.77103222897992385 52.93318536907138849)))</t>
  </si>
  <si>
    <t>MultiPolygon (((4.77100642618018611 52.93848280846402332, 4.77757398802119759 52.93834912202202503, 4.77748074729774697 52.93491073106947908, 4.77743226081763606 52.93327549286446043, 4.77285314554621909 52.93325765185051068, 4.77103222897992385 52.93318536907138849, 4.76891270218022179 52.93745177977378802, 4.77100642618018611 52.93848280846402332, 4.77100642618018611 52.93848280846402332)))</t>
  </si>
  <si>
    <t>MultiPolygon (((4.76210916414046626 52.93641678192248889, 4.76891270218022179 52.93745177977378802, 4.77103222897992385 52.93318536907138849, 4.76446952274686364 52.9318842380941561, 4.76210916414046626 52.93641678192248889, 4.76210916414046626 52.93641678192248889)))</t>
  </si>
  <si>
    <t>MultiPolygon (((4.77769089024820026 52.94308056715850341, 4.78684164347030006 52.94348859738376945, 4.78685173837998512 52.94242599457263765, 4.7868508434235979 52.93482562785479928, 4.77748074729774697 52.93491073106947908, 4.77757398802119759 52.93834912202202503, 4.77769089024820026 52.94308056715850341, 4.77769089024820026 52.94308056715850341)))</t>
  </si>
  <si>
    <t>MultiPolygon (((4.76937727506755937 52.94187187052508392, 4.77769089024820026 52.94308056715850341, 4.77757398802119759 52.93834912202202503, 4.77100642618018611 52.93848280846402332, 4.76937727506755937 52.94187187052508392, 4.76937727506755937 52.94187187052508392)))</t>
  </si>
  <si>
    <t>MultiPolygon (((4.7604927681205238 52.94056861161551808, 4.76937727506755937 52.94187187052508392, 4.77100642618018611 52.93848280846402332, 4.76891270218022179 52.93745177977378802, 4.76210916414046626 52.93641678192248889, 4.7604927681205238 52.94056861161551808, 4.7604927681205238 52.94056861161551808)))</t>
  </si>
  <si>
    <t>MultiPolygon (((4.77801372030353821 52.94905829345105275, 4.78663432117219223 52.94612004355333568, 4.78684164347030006 52.94348859738376945, 4.77769089024820026 52.94308056715850341, 4.77539591614345671 52.94644047155138367, 4.77652735208055645 52.94873225791638305, 4.77801372030353821 52.94905829345105275, 4.77801372030353821 52.94905829345105275)))</t>
  </si>
  <si>
    <t>MultiPolygon (((4.77812845852461354 52.95030346599383364, 4.77801372030353821 52.94905829345105275, 4.77652735208055645 52.94873225791638305, 4.77539591614345671 52.94644047155138367, 4.77769089024820026 52.94308056715850341, 4.76937727506755937 52.94187187052508392, 4.7604927681205238 52.94056861161551808, 4.76166823597004463 52.94386103720636783, 4.76251492593109838 52.94717082566982214, 4.76871280022494659 52.94792310802091606, 4.77333761318950689 52.94828844110395494, 4.77324074309547353 52.94977745855777584, 4.77812845852461354 52.95030346599383364, 4.77812845852461354 52.95030346599383364)))</t>
  </si>
  <si>
    <t>MultiPolygon (((4.75056393649160213 52.94267177395446566, 4.75153019590042813 52.94383562098645513, 4.75728410916570699 52.94283544532036956, 4.76166823597004463 52.94386103720636783, 4.7604927681205238 52.94056861161551808, 4.76210916414046626 52.93641678192248889, 4.76446952274686364 52.9318842380941561, 4.76711640926472136 52.92688686791711916, 4.75828552717582465 52.92734226859614921, 4.75840634439218313 52.92897115988296264, 4.75391619690900491 52.92900248649349493, 4.75375034033479515 52.92731044423992159, 4.74794828243995592 52.92717169957067114, 4.74884697032911784 52.93293297278003706, 4.74513668029474278 52.93400439981161298, 4.74736862261822701 52.93769412610457437, 4.74922484688403035 52.94065388989891119, 4.75056393649160213 52.94267177395446566, 4.75056393649160213 52.94267177395446566)))</t>
  </si>
  <si>
    <t>MultiPolygon (((4.73721946343882649 52.93422220109969345, 4.74513668029474278 52.93400439981161298, 4.74884697032911784 52.93293297278003706, 4.74794828243995592 52.92717169957067114, 4.74225967159305117 52.92730625327241256, 4.73802380348561236 52.92914634439655686, 4.73863355292993749 52.93054426206077778, 4.73721946343882649 52.93422220109969345, 4.73721946343882649 52.93422220109969345)))</t>
  </si>
  <si>
    <t>MultiPolygon (((4.73927970452668834 52.93830206428402363, 4.74321703123744598 52.93870752455163853, 4.74736862261822701 52.93769412610457437, 4.74513668029474278 52.93400439981161298, 4.73721946343882649 52.93422220109969345, 4.7362036794393223 52.93602221412352549, 4.73927970452668834 52.93830206428402363, 4.73927970452668834 52.93830206428402363)))</t>
  </si>
  <si>
    <t>MultiPolygon (((4.74527072400472161 52.9412841513882384, 4.74560070893831298 52.9416949000636734, 4.74922484688403035 52.94065388989891119, 4.74736862261822701 52.93769412610457437, 4.74321703123744598 52.93870752455163853, 4.74527072400472161 52.9412841513882384, 4.74527072400472161 52.9412841513882384)))</t>
  </si>
  <si>
    <t>MultiPolygon (((4.7409969039187434 52.94219527102038825, 4.74527072400472161 52.9412841513882384, 4.74321703123744598 52.93870752455163853, 4.73927970452668834 52.93830206428402363, 4.7409969039187434 52.94219527102038825, 4.7409969039187434 52.94219527102038825)))</t>
  </si>
  <si>
    <t>MultiPolygon (((4.73791619280735343 52.94305423074671779, 4.74104961809961445 52.94242772740864922, 4.7409969039187434 52.94219527102038825, 4.73927970452668834 52.93830206428402363, 4.7362036794393223 52.93602221412352549, 4.73403995773828967 52.93627581153253914, 4.7347527897727506 52.93764163093079134, 4.73791619280735343 52.94305423074671779, 4.73791619280735343 52.94305423074671779)))</t>
  </si>
  <si>
    <t>MultiPolygon (((4.74560070893831298 52.9416949000636734, 4.74695430797503359 52.94392633205129073, 4.75056393649160213 52.94267177395446566, 4.74922484688403035 52.94065388989891119, 4.74560070893831298 52.9416949000636734, 4.74560070893831298 52.9416949000636734)))</t>
  </si>
  <si>
    <t>MultiPolygon (((4.74504195143085283 52.94771513222107728, 4.75217852588224776 52.94549315370743869, 4.75153019590042813 52.94383562098645513, 4.75056393649160213 52.94267177395446566, 4.74695430797503359 52.94392633205129073, 4.74560070893831298 52.9416949000636734, 4.74527072400472161 52.9412841513882384, 4.7409969039187434 52.94219527102038825, 4.74104961809961445 52.94242772740864922, 4.74504195143085283 52.94771513222107728, 4.74504195143085283 52.94771513222107728)))</t>
  </si>
  <si>
    <t>MultiPolygon (((4.74094784723930474 52.94869506297091988, 4.74504195143085283 52.94771513222107728, 4.74104961809961445 52.94242772740864922, 4.73791619280735343 52.94305423074671779, 4.73832147964557038 52.94372025574253371, 4.74094784723930474 52.94869506297091988, 4.74094784723930474 52.94869506297091988)))</t>
  </si>
  <si>
    <t>MultiPolygon (((4.74907291909865581 52.9526562898539126, 4.7542013105444294 52.94921925522015016, 4.75605957367631138 52.94788840535961327, 4.75162677663120192 52.94649895875927115, 4.75217852588224776 52.94549315370743869, 4.74504195143085283 52.94771513222107728, 4.74094784723930474 52.94869506297091988, 4.74111030871596384 52.94887791796454479, 4.7426645391304616 52.95012645366937676, 4.74907291909865581 52.9526562898539126, 4.74907291909865581 52.9526562898539126)))</t>
  </si>
  <si>
    <t>MultiPolygon (((4.71453592857243375 52.93830020043156992, 4.72349007580290436 52.93899498569701478, 4.73116625773586641 52.93973720714134856, 4.73192203123881683 52.93864386889370621, 4.7347527897727506 52.93764163093079134, 4.73403995773828967 52.93627581153253914, 4.72948609826349653 52.93327672860767308, 4.72740086093208678 52.93269233586159572, 4.71337348105111786 52.93229288068510385, 4.71453592857243375 52.93830020043156992, 4.71453592857243375 52.93830020043156992)))</t>
  </si>
  <si>
    <t>MultiPolygon (((4.72899033375409328 52.94464651111717046, 4.73300766491909108 52.94470957264966415, 4.73832147964557038 52.94372025574253371, 4.73791619280735343 52.94305423074671779, 4.7347527897727506 52.93764163093079134, 4.73192203123881683 52.93864386889370621, 4.73116625773586641 52.93973720714134856, 4.72349007580290436 52.93899498569701478, 4.72899033375409328 52.94464651111717046, 4.72899033375409328 52.94464651111717046)))</t>
  </si>
  <si>
    <t>MultiPolygon (((4.72899033375409328 52.94464651111717046, 4.73531523143659516 52.94777929599066368, 4.74094784723930474 52.94869506297091988, 4.73832147964557038 52.94372025574253371, 4.73300766491909108 52.94470957264966415, 4.72899033375409328 52.94464651111717046, 4.72899033375409328 52.94464651111717046)))</t>
  </si>
  <si>
    <t>MultiPolygon (((4.73374234689471152 52.9572329683226215, 4.73800356604050954 52.95678271096006284, 4.74082679591784295 52.95555843463482404, 4.74152291755563304 52.95758416449851325, 4.74900911151173855 52.95275086932177544, 4.74907291909865581 52.9526562898539126, 4.7426645391304616 52.95012645366937676, 4.74111030871596384 52.94887791796454479, 4.73555463338512705 52.95027829960486798, 4.73374234689471152 52.9572329683226215, 4.73374234689471152 52.9572329683226215)))</t>
  </si>
  <si>
    <t>MultiPolygon (((4.73374234689471152 52.9572329683226215, 4.73555463338512705 52.95027829960486798, 4.74111030871596384 52.94887791796454479, 4.74094784723930474 52.94869506297091988, 4.73531523143659516 52.94777929599066368, 4.72899033375409328 52.94464651111717046, 4.72349007580290436 52.93899498569701478, 4.71453592857243375 52.93830020043156992, 4.71723860807600115 52.94745377942709297, 4.71941900152000393 52.95113436531285345, 4.72965269098981178 52.96152725799057492, 4.73374234689471152 52.9572329683226215, 4.73374234689471152 52.9572329683226215)))</t>
  </si>
  <si>
    <t>MultiPolygon (((4.75605957367631138 52.94788840535961327, 4.7575703264966025 52.94825471325884791, 4.76252613095284882 52.9476381837275909, 4.76251492593109838 52.94717082566982214, 4.76166823597004463 52.94386103720636783, 4.75728410916570699 52.94283544532036956, 4.75153019590042813 52.94383562098645513, 4.75217852588224776 52.94549315370743869, 4.75162677663120192 52.94649895875927115, 4.75605957367631138 52.94788840535961327, 4.75605957367631138 52.94788840535961327)))</t>
  </si>
  <si>
    <t>MultiPolygon (((4.72965269098981178 52.96152725799057492, 4.73083913306541248 52.96257367133813432, 4.73968674839330451 52.96380191358241518, 4.74311614926231151 52.95903172634464795, 4.74152291755563304 52.95758416449851325, 4.74082679591784295 52.95555843463482404, 4.73800356604050954 52.95678271096006284, 4.73374234689471152 52.9572329683226215, 4.72965269098981178 52.96152725799057492, 4.72965269098981178 52.96152725799057492)))</t>
  </si>
  <si>
    <t>MultiPolygon (((4.7575703264966025 52.94825471325884791, 4.76166764665835096 52.95230331413368674, 4.76252613095284882 52.9476381837275909, 4.7575703264966025 52.94825471325884791, 4.7575703264966025 52.94825471325884791)))</t>
  </si>
  <si>
    <t>MultiPolygon (((4.76130302114297788 52.95407399604194154, 4.76166764665835096 52.95230331413368674, 4.7575703264966025 52.94825471325884791, 4.75605957367631138 52.94788840535961327, 4.7542013105444294 52.94921925522015016, 4.75623177714709122 52.95045107300084197, 4.75438357893302843 52.95212925882277233, 4.75757042424764531 52.95373013217871261, 4.76130302114297788 52.95407399604194154, 4.76130302114297788 52.95407399604194154)))</t>
  </si>
  <si>
    <t>MultiPolygon (((4.75829124459037267 52.95737420823846975, 4.75914610395229332 52.95753540540469828, 4.76049860343403974 52.95703083455265414, 4.76130302114297788 52.95407399604194154, 4.75757042424764531 52.95373013217871261, 4.75438357893302843 52.95212925882277233, 4.75623177714709122 52.95045107300084197, 4.7542013105444294 52.94921925522015016, 4.74907291909865581 52.9526562898539126, 4.75829124459037267 52.95737420823846975, 4.75829124459037267 52.95737420823846975)))</t>
  </si>
  <si>
    <t>MultiPolygon (((4.74900911151173855 52.95275086932177544, 4.74782441424319135 52.95661997455151493, 4.75829124459037267 52.95737420823846975, 4.74907291909865581 52.9526562898539126, 4.74900911151173855 52.95275086932177544, 4.74900911151173855 52.95275086932177544)))</t>
  </si>
  <si>
    <t>MultiPolygon (((4.74311614926231151 52.95903172634464795, 4.74807895931415658 52.95874889289009246, 4.75239894426010512 52.9600906837210843, 4.758709090770461 52.95791391142613236, 4.75914610395229332 52.95753540540469828, 4.75829124459037267 52.95737420823846975, 4.74782441424319135 52.95661997455151493, 4.74900911151173855 52.95275086932177544, 4.74152291755563304 52.95758416449851325, 4.74311614926231151 52.95903172634464795, 4.74311614926231151 52.95903172634464795)))</t>
  </si>
  <si>
    <t>MultiPolygon (((4.75998267246860074 52.9629996559947358, 4.7593578348855452 52.96039927907352052, 4.758709090770461 52.95791391142613236, 4.75239894426010512 52.9600906837210843, 4.75474492285887695 52.9624098415680038, 4.75998267246860074 52.9629996559947358, 4.75998267246860074 52.9629996559947358)))</t>
  </si>
  <si>
    <t>MultiPolygon (((4.73968674839330451 52.96380191358241518, 4.74829684841143163 52.96437685666562345, 4.75550376083330839 52.96382680404543919, 4.75927293743932722 52.96460440881354259, 4.75998267246860074 52.9629996559947358, 4.75474492285887695 52.9624098415680038, 4.75239894426010512 52.9600906837210843, 4.74807895931415658 52.95874889289009246, 4.74311614926231151 52.95903172634464795, 4.73968674839330451 52.96380191358241518, 4.73968674839330451 52.96380191358241518)))</t>
  </si>
  <si>
    <t>MultiPolygon (((4.77205521768115215 52.95229039395717052, 4.77581987919267359 52.95280958561180285, 4.77812845852461354 52.95030346599383364, 4.77324074309547353 52.94977745855777584, 4.77333761318950689 52.94828844110395494, 4.76871280022494659 52.94792310802091606, 4.7681579478515026 52.95011350776446335, 4.77260897932733474 52.9506930823690567, 4.77205521768115215 52.95229039395717052, 4.77205521768115215 52.95229039395717052)))</t>
  </si>
  <si>
    <t>MultiPolygon (((4.76130302114297788 52.95407399604194154, 4.76504384717394025 52.95365880417401172, 4.77205521768115215 52.95229039395717052, 4.77260897932733474 52.9506930823690567, 4.7681579478515026 52.95011350776446335, 4.76871280022494659 52.94792310802091606, 4.76251492593109838 52.94717082566982214, 4.76252613095284882 52.9476381837275909, 4.76166764665835096 52.95230331413368674, 4.76130302114297788 52.95407399604194154, 4.76130302114297788 52.95407399604194154)))</t>
  </si>
  <si>
    <t>MultiPolygon (((4.77162150601466095 52.95760817011881016, 4.77247646523071811 52.96124479617557057, 4.77109436312108848 52.96215823440654447, 4.77135147843438912 52.96418769574559349, 4.77703673158264674 52.96356645308678424, 4.77478898243723826 52.96060755822801269, 4.77919584635129802 52.95453679902464472, 4.78803847068626443 52.94917938202761576, 4.79047676322925842 52.94969297433958388, 4.78946211208561223 52.94687822506103458, 4.79028814416017834 52.94677077549607702, 4.78685173837998512 52.94242599457263765, 4.78684164347030006 52.94348859738376945, 4.78663432117219223 52.94612004355333568, 4.77801372030353821 52.94905829345105275, 4.77812845852461354 52.95030346599383364, 4.78028025109203814 52.94953876388422032, 4.78275926710461441 52.94951369740508795, 4.7825934265014256 52.95096137100267697, 4.77162150601466095 52.95760817011881016, 4.77162150601466095 52.95760817011881016)))</t>
  </si>
  <si>
    <t>MultiPolygon (((4.76659804378644036 52.95768048274933193, 4.77162150601466095 52.95760817011881016, 4.7825934265014256 52.95096137100267697, 4.78275926710461441 52.94951369740508795, 4.78028025109203814 52.94953876388422032, 4.77812845852461354 52.95030346599383364, 4.77581987919267359 52.95280958561180285, 4.77654168255386136 52.95322272332401781, 4.77599971018923775 52.95367208639055434, 4.77183188448618179 52.95609671363933302, 4.76745917187131241 52.95698624958726697, 4.76659804378644036 52.95768048274933193, 4.76659804378644036 52.95768048274933193)))</t>
  </si>
  <si>
    <t>MultiPolygon (((4.76504384717394025 52.95365880417401172, 4.76745917187131241 52.95698624958726697, 4.77183188448618179 52.95609671363933302, 4.77599971018923775 52.95367208639055434, 4.77654168255386136 52.95322272332401781, 4.77581987919267359 52.95280958561180285, 4.77205521768115215 52.95229039395717052, 4.76504384717394025 52.95365880417401172, 4.76504384717394025 52.95365880417401172)))</t>
  </si>
  <si>
    <t>MultiPolygon (((4.76049860343403974 52.95703083455265414, 4.76161357399885521 52.95752138590206215, 4.76659804378644036 52.95768048274933193, 4.76745917187131241 52.95698624958726697, 4.76504384717394025 52.95365880417401172, 4.76130302114297788 52.95407399604194154, 4.76049860343403974 52.95703083455265414, 4.76049860343403974 52.95703083455265414)))</t>
  </si>
  <si>
    <t>MultiPolygon (((4.75927293743932722 52.96460440881354259, 4.76321016709682166 52.96538332672961502, 4.77955890346088363 52.96522896501935662, 4.77782156760948773 52.96396280604805185, 4.77824164667373275 52.96288971232381471, 4.78132629712000767 52.96475832613370471, 4.78235969533332561 52.96444693182588281, 4.78424155893745695 52.9660963195299459, 4.78497258962448324 52.96579556017956492, 4.78332696363220489 52.96404861262184482, 4.78469057940364806 52.96291772985161117, 4.78359571819045204 52.96230312387947237, 4.78113750596578502 52.96334181118538709, 4.77774584085103449 52.96091644428476286, 4.77478898243723826 52.96060755822801269, 4.77703673158264674 52.96356645308678424, 4.77135147843438912 52.96418769574559349, 4.77109436312108848 52.96215823440654447, 4.77247646523071811 52.96124479617557057, 4.77162150601466095 52.95760817011881016, 4.76659804378644036 52.95768048274933193, 4.76699648945990617 52.96137206819241072, 4.76723772868532691 52.96324531613764464, 4.76571849081533383 52.9639456744381576, 4.75998267246860074 52.9629996559947358, 4.75927293743932722 52.96460440881354259, 4.75927293743932722 52.96460440881354259)))</t>
  </si>
  <si>
    <t>MultiPolygon (((4.7593578348855452 52.96039927907352052, 4.76699648945990617 52.96137206819241072, 4.76659804378644036 52.95768048274933193, 4.76161357399885521 52.95752138590206215, 4.76049860343403974 52.95703083455265414, 4.75914610395229332 52.95753540540469828, 4.758709090770461 52.95791391142613236, 4.7593578348855452 52.96039927907352052, 4.7593578348855452 52.96039927907352052)))</t>
  </si>
  <si>
    <t>MultiPolygon (((4.75998267246860074 52.9629996559947358, 4.76571849081533383 52.9639456744381576, 4.76723772868532691 52.96324531613764464, 4.76699648945990617 52.96137206819241072, 4.7593578348855452 52.96039927907352052, 4.75998267246860074 52.9629996559947358, 4.75998267246860074 52.9629996559947358)))</t>
  </si>
  <si>
    <t>MultiPolygon (((4.80342061135745713 52.95918210192755993, 4.80169745491582756 52.95309401652945525, 4.79283941142915193 52.94412399182355244, 4.79130268988702124 52.93623041064638812, 4.790551249890453 52.93385395899780832, 4.78687595948384814 52.93386194718507909, 4.7868508434235979 52.93482562785479928, 4.78685173837998512 52.94242599457263765, 4.79028814416017834 52.94677077549607702, 4.78946211208561223 52.94687822506103458, 4.79047676322925842 52.94969297433958388, 4.78044624234225157 52.95556948382213847, 4.77823128656282758 52.95939579480292991, 4.77932131968557172 52.95831355511463556, 4.78102331040431139 52.95876943455662911, 4.78273686708931933 52.95633719195507183, 4.78508809449818351 52.95690628197936434, 4.78555699874060725 52.9543057018270531, 4.79438823378102263 52.95549546323188395, 4.79375166765055738 52.95654011654082183, 4.79647807846218921 52.95709367629153519, 4.79537428072279592 52.95905945357583988, 4.79815060524156944 52.9596210134300307, 4.79657249034390798 52.96187705236294363, 4.79430110131324128 52.96144962296538949, 4.79480605068204113 52.96020368115802768, 4.79336484959526832 52.95991200928898479, 4.7916401841634082 52.96220024140562543, 4.78970035376395309 52.9627634007377921, 4.79587640205692534 52.96447736308385146, 4.80132518276857656 52.96452263112582415, 4.80342061135745713 52.95918210192755993, 4.80342061135745713 52.95918210192755993)))</t>
  </si>
  <si>
    <t>MultiPolygon (((4.69831632810063127 52.58185498176960238, 4.69658749229368411 52.57897791627750195, 4.6910856434324355 52.57957822206716259, 4.69130490378721898 52.58004875039792836, 4.68542543790485055 52.58095699852078297, 4.68624370295386772 52.58295689929283157, 4.68552214495814567 52.58313102943201756, 4.69224952569058207 52.59041340066602288, 4.70240216916270359 52.58794102825261518, 4.69831632810063127 52.58185498176960238, 4.69831632810063127 52.58185498176960238)))</t>
  </si>
  <si>
    <t>MultiPolygon (((4.69224952569058207 52.59041340066602288, 4.68552214495814567 52.58313102943201756, 4.67927380593508602 52.58387323799119173, 4.67765409945906896 52.58433720070166828, 4.67773841617898078 52.5854835589984404, 4.67164131881733358 52.58729802762646699, 4.67061539284182192 52.58872930522184674, 4.67397969400988789 52.58994717165740695, 4.67258136474952046 52.59090410094186296, 4.672400868838956 52.59229681409288304, 4.67386281022961025 52.59292861862029156, 4.67317506738940303 52.59621087310141974, 4.68069740717827987 52.59409738146396052, 4.69224952569058207 52.59041340066602288, 4.69224952569058207 52.59041340066602288)))</t>
  </si>
  <si>
    <t>MultiPolygon (((4.7521386243671575 52.59189088850737193, 4.75096846520306748 52.58911878987029809, 4.74445586622481219 52.59028840444715769, 4.73999272822725182 52.57892813687747235, 4.72670778447834117 52.57963710583280914, 4.72488331049064225 52.57873712068991523, 4.72333911979954646 52.57976564028095368, 4.71846798741670082 52.58006145593542868, 4.72221421745023573 52.59030857919073298, 4.72463881219656212 52.59412997259498468, 4.72663802294914692 52.59690281530047429, 4.72990893225194498 52.60182054191539436, 4.73389891500066629 52.60729539022360512, 4.73618661997391577 52.60544460583489723, 4.73540996847400653 52.60382438556284512, 4.7379092763985371 52.59729055577937373, 4.73696619866129787 52.59576203862742716, 4.73746190890553454 52.59385829369612253, 4.7521386243671575 52.59189088850737193, 4.7521386243671575 52.59189088850737193)))</t>
  </si>
  <si>
    <t>MultiPolygon (((4.70656035146724516 52.59555179668127778, 4.70931555709782579 52.59455144930895187, 4.71098191194319771 52.59071079019032169, 4.7102577411917812 52.58058755086964453, 4.70375588251921872 52.58033853552340275, 4.7033600834675493 52.58155099038758351, 4.69831632810063127 52.58185498176960238, 4.70240216916270359 52.58794102825261518, 4.70506799021652444 52.59349383954574364, 4.70656035146724516 52.59555179668127778, 4.70656035146724516 52.59555179668127778)))</t>
  </si>
  <si>
    <t>MultiPolygon (((4.70931555709782579 52.59455144930895187, 4.71223087468475121 52.59451584126217227, 4.71709638985182078 52.59308167943408563, 4.72221421745023573 52.59030857919073298, 4.71846798741670082 52.58006145593542868, 4.7181824200641751 52.58008085067762494, 4.7102577411917812 52.58058755086964453, 4.71098191194319771 52.59071079019032169, 4.70931555709782579 52.59455144930895187, 4.70931555709782579 52.59455144930895187)))</t>
  </si>
  <si>
    <t>MultiPolygon (((4.71918390244033237 52.59563520257093217, 4.72463881219656212 52.59412997259498468, 4.72221421745023573 52.59030857919073298, 4.71709638985182078 52.59308167943408563, 4.71918390244033237 52.59563520257093217, 4.71918390244033237 52.59563520257093217)))</t>
  </si>
  <si>
    <t>MultiPolygon (((4.70881548200673361 52.59837200138547786, 4.71918390244033237 52.59563520257093217, 4.71709638985182078 52.59308167943408563, 4.71223087468475121 52.59451584126217227, 4.70931555709782579 52.59455144930895187, 4.70656035146724516 52.59555179668127778, 4.70881548200673361 52.59837200138547786, 4.70881548200673361 52.59837200138547786)))</t>
  </si>
  <si>
    <t>MultiPolygon (((4.6968907150601833 52.5955221924639531, 4.70506799021652444 52.59349383954574364, 4.70240216916270359 52.58794102825261518, 4.69224952569058207 52.59041340066602288, 4.6968907150601833 52.5955221924639531, 4.6968907150601833 52.5955221924639531)))</t>
  </si>
  <si>
    <t>MultiPolygon (((4.68241451339197745 52.59724879745827764, 4.69159223553482008 52.59624324897423264, 4.6968907150601833 52.5955221924639531, 4.69224952569058207 52.59041340066602288, 4.68069740717827987 52.59409738146396052, 4.68039581637222568 52.59497409690678182, 4.68241451339197745 52.59724879745827764, 4.68241451339197745 52.59724879745827764)))</t>
  </si>
  <si>
    <t>MultiPolygon (((4.70183193137821753 52.60089902735786183, 4.70881548200673361 52.59837200138547786, 4.70656035146724516 52.59555179668127778, 4.70506799021652444 52.59349383954574364, 4.6968907150601833 52.5955221924639531, 4.70183193137821753 52.60089902735786183, 4.70183193137821753 52.60089902735786183)))</t>
  </si>
  <si>
    <t>MultiPolygon (((4.69373567161268834 52.60214691214205374, 4.69653768142553041 52.60464112002707537, 4.70183193137821753 52.60089902735786183, 4.6968907150601833 52.5955221924639531, 4.69159223553482008 52.59624324897423264, 4.6921303902406466 52.59985725227849684, 4.69373567161268834 52.60214691214205374, 4.69373567161268834 52.60214691214205374)))</t>
  </si>
  <si>
    <t>MultiPolygon (((4.68241451339197745 52.59724879745827764, 4.68488617529959583 52.60329138346662603, 4.69373567161268834 52.60214691214205374, 4.6921303902406466 52.59985725227849684, 4.69159223553482008 52.59624324897423264, 4.68241451339197745 52.59724879745827764, 4.68241451339197745 52.59724879745827764)))</t>
  </si>
  <si>
    <t>MultiPolygon (((4.68037391592964092 52.60846045678772498, 4.68867586359802324 52.60649926567719348, 4.69653768142553041 52.60464112002707537, 4.69373567161268834 52.60214691214205374, 4.68488617529959583 52.60329138346662603, 4.68241451339197745 52.59724879745827764, 4.68039581637222568 52.59497409690678182, 4.68069740717827987 52.59409738146396052, 4.67317506738940303 52.59621087310141974, 4.67388020775392476 52.60095892093754344, 4.67444262387784004 52.60377146039893859, 4.68037391592964092 52.60846045678772498, 4.68037391592964092 52.60846045678772498)))</t>
  </si>
  <si>
    <t>MultiPolygon (((4.70881548200673361 52.59837200138547786, 4.71188049895007222 52.60164016101594342, 4.72663802294914692 52.59690281530047429, 4.72463881219656212 52.59412997259498468, 4.71918390244033237 52.59563520257093217, 4.70881548200673361 52.59837200138547786, 4.70881548200673361 52.59837200138547786)))</t>
  </si>
  <si>
    <t>MultiPolygon (((4.71538597257531045 52.60619997484096189, 4.71785993348393262 52.60813947201031482, 4.72500825486732268 52.60531942575057229, 4.72717869542105262 52.60253397269622155, 4.72990893225194498 52.60182054191539436, 4.72663802294914692 52.59690281530047429, 4.71188049895007222 52.60164016101594342, 4.71538597257531045 52.60619997484096189, 4.71538597257531045 52.60619997484096189)))</t>
  </si>
  <si>
    <t>MultiPolygon (((4.70462959564999927 52.60398553081725481, 4.71188049895007222 52.60164016101594342, 4.70881548200673361 52.59837200138547786, 4.70183193137821753 52.60089902735786183, 4.70462959564999927 52.60398553081725481, 4.70462959564999927 52.60398553081725481)))</t>
  </si>
  <si>
    <t>MultiPolygon (((4.70938946421318594 52.6091779589772699, 4.71538597257531045 52.60619997484096189, 4.71188049895007222 52.60164016101594342, 4.70462959564999927 52.60398553081725481, 4.70938946421318594 52.6091779589772699, 4.70938946421318594 52.6091779589772699)))</t>
  </si>
  <si>
    <t>MultiPolygon (((4.69856707013070185 52.61295745677269764, 4.69987799611684665 52.6134659202569992, 4.70130107647229334 52.61322913138860002, 4.70938946421318594 52.6091779589772699, 4.70462959564999927 52.60398553081725481, 4.70183193137821753 52.60089902735786183, 4.69653768142553041 52.60464112002707537, 4.68867586359802324 52.60649926567719348, 4.68909589018699169 52.60939266257705071, 4.69316691165810429 52.60914570683737423, 4.69856707013070185 52.61295745677269764, 4.69856707013070185 52.61295745677269764)))</t>
  </si>
  <si>
    <t>MultiPolygon (((4.68551099860341047 52.61931107400589269, 4.69124730428887204 52.61811638895716214, 4.69856707013070185 52.61295745677269764, 4.69316691165810429 52.60914570683737423, 4.68909589018699169 52.60939266257705071, 4.68867586359802324 52.60649926567719348, 4.68037391592964092 52.60846045678772498, 4.68076732005724327 52.61027944484226282, 4.68369286831648068 52.61267229090891107, 4.68580611443342843 52.61777012658161823, 4.68551099860341047 52.61931107400589269, 4.68551099860341047 52.61931107400589269)))</t>
  </si>
  <si>
    <t>MultiPolygon (((4.72152989343048901 52.62250900433653555, 4.73126415344469553 52.61868485488942326, 4.73318813099138946 52.61765487541035213, 4.73945107509912766 52.61386817333627874, 4.7378795763630448 52.61216134537311007, 4.73334783450349139 52.60754718788902551, 4.73389891500066629 52.60729539022360512, 4.72990893225194498 52.60182054191539436, 4.72717869542105262 52.60253397269622155, 4.72500825486732268 52.60531942575057229, 4.71785993348393262 52.60813947201031482, 4.71538597257531045 52.60619997484096189, 4.70938946421318594 52.6091779589772699, 4.70130107647229334 52.61322913138860002, 4.69987799611684665 52.6134659202569992, 4.69856707013070185 52.61295745677269764, 4.69124730428887204 52.61811638895716214, 4.68551099860341047 52.61931107400589269, 4.68999318187659853 52.62375103585787883, 4.70570011049925618 52.62135426372412184, 4.70795506999965241 52.62034832009943131, 4.71458652325136729 52.62478189825845476, 4.7163080249755831 52.62498510561848519, 4.72152989343048901 52.62250900433653555)))</t>
  </si>
  <si>
    <t>MultiPolygon (((4.86273270155694348 52.65365454390467193, 4.86507478111391478 52.64943636877884359, 4.87523616162122853 52.64242510212521609, 4.87672021351867802 52.64053214015047644, 4.87726328450054503 52.63955798575892686, 4.87652976273562633 52.63630538512948931, 4.875828168560564 52.63521059665627178, 4.87328278653653069 52.63472893609223036, 4.87340182792606935 52.63444059481899728, 4.86388199110156449 52.63535950172029487, 4.86297237901957313 52.63745107633171472, 4.86055472008738221 52.63913548643539286, 4.85160647634182762 52.64056446777462384, 4.84742150441548691 52.64205957334167607, 4.8427293585761646 52.64593729568965585, 4.83854929743499884 52.64613782140468601, 4.83553106353950124 52.64243879159537443, 4.83441160357457633 52.63742868698222566, 4.83022461250462065 52.63267785971417112, 4.82421034750871591 52.63382290665303032, 4.8160637965465245 52.63386183057070866, 4.81813224298977882 52.63497855425937644, 4.82449404860879216 52.63840864359693938, 4.82380275544051518 52.63887085521017184, 4.82859476120833886 52.64191339931231539, 4.82934020084071935 52.64138251645220379, 4.83502983340621295 52.64441345492618751, 4.84219212244109798 52.64822791466114893, 4.84287652751674269 52.64778086558105485, 4.8462900650963272 52.64964223705607793, 4.84921133836848384 52.64792045262107223, 4.84750439316900028 52.64664491879050701, 4.85054504138402987 52.64522052292107901, 4.85463961201609084 52.64431600761462704, 4.85702036160921846 52.64631233778748509, 4.84986787945643183 52.65065492781403123, 4.84875664044562171 52.65005730460504196, 4.84769015478601428 52.65086692563198056, 4.85093069494874118 52.65259916519387673, 4.85867101838150361 52.65662627601210488, 4.86273270155694348 52.65365454390467193)))</t>
  </si>
  <si>
    <t>MultiPolygon (((4.84037324911592748 52.65510520511131176, 4.84606309488571796 52.65307553707734911, 4.84936874262249162 52.65395949167336198, 4.85093069494874118 52.65259916519387673, 4.84769015478601428 52.65086692563198056, 4.84875664044562171 52.65005730460504196, 4.84986787945643183 52.65065492781403123, 4.85702036160921846 52.64631233778748509, 4.85463961201609084 52.64431600761462704, 4.85054504138402987 52.64522052292107901, 4.84750439316900028 52.64664491879050701, 4.84921133836848384 52.64792045262107223, 4.8462900650963272 52.64964223705607793, 4.84287652751674269 52.64778086558105485, 4.84219212244109798 52.64822791466114893, 4.83883091286536615 52.651407833730417, 4.83936754139787872 52.65454629760736083, 4.84037324911592748 52.65510520511131176, 4.84037324911592748 52.65510520511131176)))</t>
  </si>
  <si>
    <t>MultiPolygon (((4.87770335264261412 52.71198823808914824, 4.89866940886416113 52.70683194117476233, 4.89988096174860743 52.69948504227800612, 4.89986011255024678 52.69758659571289172, 4.89141941759523835 52.69517576796773994, 4.88870384030445138 52.6904555207621712, 4.88198544059920625 52.68809567447946307, 4.87938285352544643 52.68801640352134541, 4.87629332932303949 52.6863427452021611, 4.87939550726513893 52.68008047514814507, 4.87762906116689265 52.67877931560852289, 4.86090761463278653 52.6790130945664572, 4.85015023088855202 52.67941789913112416, 4.8503632004855719 52.68219939125224727, 4.85138866629976473 52.68278404280253113, 4.85252801825287072 52.69717232416715547, 4.85415910287357022 52.69765130223764515, 4.85505529523997481 52.70612123971844909, 4.85677882349024692 52.70607664074444187, 4.85785469112065371 52.70722869373128106, 4.85357869776413864 52.71003479668208769, 4.84297412248633474 52.7103818833437785, 4.84392399050290745 52.70709616290199762, 4.84973978672408634 52.70373022151130726, 4.84935618578961325 52.69945266655683014, 4.85073504908756181 52.69733213755643675, 4.85030229086166287 52.69674803323199086, 4.84695643766971784 52.69663399505733281, 4.84323896084920236 52.69678373938162252, 4.84325071102534199 52.69735322336642724, 4.83945469311929077 52.69725940815131082, 4.82531241298965607 52.69627121548518289, 4.8247873883124317 52.70100082093970428, 4.8237374298357949 52.70435824049397411, 4.82066542791783714 52.7085612474074523, 4.81949714858894218 52.70918862204442235, 4.82417262358375165 52.7112225365286875, 4.83376739899669339 52.7138044726277073, 4.83173542421329394 52.71689690592332767, 4.8272562858091197 52.71756267126225737, 4.82858688204802622 52.71806594814880498, 4.84114876941338768 52.71930166241796201, 4.84374684531605304 52.7196545269494834, 4.84768531286956428 52.72025936718061701, 4.85215204286220292 52.72244772173395688, 4.85547102093131411 52.72307287116383634, 4.85809264993643808 52.72334534244753712, 4.86121083193830916 52.72072638569961356, 4.87201304917546008 52.71628958096537332, 4.87770335264261412 52.71198823808914824)))</t>
  </si>
  <si>
    <t>MultiPolygon (((4.85073504908756181 52.69733213755643675, 4.84935618578961325 52.69945266655683014, 4.84973978672408634 52.70373022151130726, 4.84392399050290745 52.70709616290199762, 4.84297412248633474 52.7103818833437785, 4.85357869776413864 52.71003479668208769, 4.85785469112065371 52.70722869373128106, 4.85677882349024692 52.70607664074444187, 4.85505529523997481 52.70612123971844909, 4.85415910287357022 52.69765130223764515, 4.85252801825287072 52.69717232416715547, 4.85119872655503315 52.69761030941914015, 4.85073504908756181 52.69733213755643675, 4.85073504908756181 52.69733213755643675)))</t>
  </si>
  <si>
    <t>MultiPolygon (((4.80155071164944136 52.66701969545230355, 4.80695691826341598 52.67017732630967686, 4.8092315520009592 52.67321738561403066, 4.82219068449775889 52.67241446697281049, 4.80182931529938184 52.66138558971429262, 4.80171479233416232 52.66076671478281668, 4.80050946717102978 52.66024091730539425, 4.79954800635090262 52.66396436171125828, 4.80155071164944136 52.66701969545230355, 4.80155071164944136 52.66701969545230355)))</t>
  </si>
  <si>
    <t>MultiPolygon (((4.85224406064638725 52.66394374265401268, 4.85925538399476586 52.66771314989693309, 4.86681947621442745 52.66382668838382841, 4.86809662361811579 52.66389426787458206, 4.86675404984079396 52.66039990077773325, 4.8631786705198019 52.65646865464192672, 4.86273270155694348 52.65365454390467193, 4.85867101838150361 52.65662627601210488, 4.85959941554859398 52.65929198325132887, 4.85224406064638725 52.66394374265401268, 4.85224406064638725 52.66394374265401268)))</t>
  </si>
  <si>
    <t>MultiPolygon (((4.86809662361811579 52.66389426787458206, 4.86681947621442745 52.66382668838382841, 4.85925538399476586 52.66771314989693309, 4.85951478069740883 52.66800011226502676, 4.86061524303608294 52.67607079587396868, 4.87409116938150699 52.67546357214282438, 4.87342321836013603 52.67269330220108259, 4.87078073607057771 52.66784023920462232, 4.86809662361811579 52.66389426787458206, 4.86809662361811579 52.66389426787458206)))</t>
  </si>
  <si>
    <t>MultiPolygon (((4.87409116938150699 52.67546357214282438, 4.86061524303608294 52.67607079587396868, 4.86066976171487131 52.67628330469362652, 4.86090761463278653 52.6790130945664572, 4.87762906116689265 52.67877931560852289, 4.87588436577917683 52.67784657868962483, 4.87409116938150699 52.67546357214282438)))</t>
  </si>
  <si>
    <t>MultiPolygon (((4.81632146441999875 52.64817217807794947, 4.8158754857694035 52.64768381057898239, 4.81820324745406214 52.6460980616105374, 4.81895354911962137 52.64635491766098596, 4.8151209710184224 52.64428680217037027, 4.81230791799301105 52.64596690824798486, 4.81266964850562839 52.6469171487376002, 4.81351192566470321 52.64729395851010452, 4.814773784501722 52.64630958202143063, 4.81470010963722128 52.64778809058503128, 4.81632146441999875 52.64817217807794947)),((4.81199754737501539 52.65016314836779543, 4.81284405336462573 52.65055596208088673, 4.81230104890776911 52.65013877675798426, 4.81521039053393363 52.64868277780535522, 4.81212978911336275 52.64696071118905962, 4.81277048445875621 52.64935463861144882, 4.80958947284696059 52.65011135842210166, 4.81199754737501539 52.65016314836779543)),((4.80180614669522132 52.65036467621154515, 4.80510319736309288 52.6503993998878741, 4.80705857979032114 52.65114296557329965, 4.80965036045401018 52.6506477768634582, 4.80916780268138844 52.65038736488245519, 4.80795784760400036 52.64978823245424167, 4.8008621670385061 52.64930972730781633, 4.80091292432526284 52.64355520713557013, 4.80149729939447489 52.64312408557715628, 4.81230364368513186 52.64317375518923825, 4.81228523776427153 52.64508320717747125, 4.81510444440611263 52.64391925341068657, 4.81500540751796091 52.64375134508570397, 4.80937735912021047 52.64071663615045793, 4.81813224298977882 52.63497855425937644, 4.8160637965465245 52.63386183057070866, 4.80781629222452711 52.63398373591542878, 4.79470594420303708 52.63788274275879076, 4.79164315686522801 52.63823358016740173, 4.78840321957998594 52.63888951826419316, 4.78527897617077791 52.63811468086748846, 4.78636354869398595 52.64015974364483696, 4.79168097639450696 52.63948633064805449, 4.79378090734191797 52.64786335258553152, 4.80058117939795448 52.65421418827717304, 4.80180614669522132 52.65036467621154515)))</t>
  </si>
  <si>
    <t>MultiPolygon (((4.80916780268138844 52.65038736488245519, 4.80958947284696059 52.65011135842210166, 4.81277048445875621 52.64935463861144882, 4.81212978911336275 52.64696071118905962, 4.81266964850562839 52.6469171487376002, 4.81230791799301105 52.64596690824798486, 4.8151209710184224 52.64428680217037027, 4.8154160658084173 52.64408735716477139, 4.81510444440611263 52.64391925341068657, 4.81228523776427153 52.64508320717747125, 4.81230364368513186 52.64317375518923825, 4.80149729939447489 52.64312408557715628, 4.80091292432526284 52.64355520713557013, 4.8008621670385061 52.64930972730781633, 4.80795784760400036 52.64978823245424167, 4.80916780268138844 52.65038736488245519, 4.80916780268138844 52.65038736488245519)))</t>
  </si>
  <si>
    <t>MultiPolygon (((4.81500540751796091 52.64375134508570397, 4.82274656918703215 52.6386598438254083, 4.82380275544051518 52.63887085521017184, 4.82449404860879216 52.63840864359693938, 4.81813224298977882 52.63497855425937644, 4.80937735912021047 52.64071663615045793, 4.81500540751796091 52.64375134508570397, 4.81500540751796091 52.64375134508570397)))</t>
  </si>
  <si>
    <t>MultiPolygon (((4.8154160658084173 52.64408735716477139, 4.82104424334292503 52.64704904922853501, 4.82859476120833886 52.64191339931231539, 4.82380275544051518 52.63887085521017184, 4.82274656918703215 52.6386598438254083, 4.81500540751796091 52.64375134508570397, 4.81510444440611263 52.64391925341068657, 4.8154160658084173 52.64408735716477139, 4.8154160658084173 52.64408735716477139)))</t>
  </si>
  <si>
    <t>MultiPolygon (((4.8210821945043838 52.64706980250491597, 4.82686256163927307 52.65020883820189113, 4.83502983340621295 52.64441345492618751, 4.82934020084071935 52.64138251645220379, 4.82859476120833886 52.64191339931231539, 4.82104424334292503 52.64704904922853501, 4.8210821945043838 52.64706980250491597, 4.8210821945043838 52.64706980250491597)))</t>
  </si>
  <si>
    <t>MultiPolygon (((4.81199754737501539 52.65016314836779543, 4.81389851279311287 52.65192591611373985, 4.8210821945043838 52.64706980250491597, 4.82104424334292503 52.64704904922853501, 4.8154160658084173 52.64408735716477139, 4.8151209710184224 52.64428680217037027, 4.81895354911962137 52.64635491766098596, 4.81820324745406214 52.6460980616105374, 4.8158754857694035 52.64768381057898239, 4.81632146441999875 52.64817217807794947, 4.81470010963722128 52.64778809058503128, 4.814773784501722 52.64630958202143063, 4.81351192566470321 52.64729395851010452, 4.81266964850562839 52.6469171487376002, 4.81212978911336275 52.64696071118905962, 4.81521039053393363 52.64868277780535522, 4.81230104890776911 52.65013877675798426, 4.81284405336462573 52.65055596208088673, 4.81199754737501539 52.65016314836779543, 4.81199754737501539 52.65016314836779543)))</t>
  </si>
  <si>
    <t>MultiPolygon (((4.81389851279311287 52.65192591611373985, 4.81803411324150055 52.65344050434936918, 4.81939515187220913 52.65549783339764645, 4.82686256163927307 52.65020883820189113, 4.8210821945043838 52.64706980250491597, 4.81389851279311287 52.65192591611373985, 4.81389851279311287 52.65192591611373985)))</t>
  </si>
  <si>
    <t>MultiPolygon (((4.84037795650331493 52.65742751993666104, 4.84018044727159236 52.65523819149789375, 4.84037324911592748 52.65510520511131176, 4.83936754139787872 52.65454629760736083, 4.83883091286536615 52.651407833730417, 4.84219212244109798 52.64822791466114893, 4.83502983340621295 52.64441345492618751, 4.82686256163927307 52.65020883820189113, 4.83313251574563463 52.65372831613514393, 4.84037795650331493 52.65742751993666104, 4.84037795650331493 52.65742751993666104)))</t>
  </si>
  <si>
    <t>MultiPolygon (((4.80058117939795448 52.65421418827717304, 4.80163728288645153 52.65658030653320765, 4.80334543983106688 52.65643335287708027, 4.81093506673716131 52.65124328165903478, 4.80965036045401018 52.6506477768634582, 4.80705857979032114 52.65114296557329965, 4.80510319736309288 52.6503993998878741, 4.80180614669522132 52.65036467621154515, 4.80058117939795448 52.65421418827717304, 4.80058117939795448 52.65421418827717304)))</t>
  </si>
  <si>
    <t>MultiPolygon (((4.80182800837831181 52.65715135714201978, 4.80527330478798653 52.6574361858102975, 4.81122482408178076 52.66065331355105883, 4.81939515187220913 52.65549783339764645, 4.81803411324150055 52.65344050434936918, 4.81389851279311287 52.65192591611373985, 4.81199754737501539 52.65016314836779543, 4.80958947284696059 52.65011135842210166, 4.80916780268138844 52.65038736488245519, 4.80965036045401018 52.6506477768634582, 4.81093506673716131 52.65124328165903478, 4.80334543983106688 52.65643335287708027, 4.80163728288645153 52.65658030653320765, 4.80182800837831181 52.65715135714201978, 4.80182800837831181 52.65715135714201978)))</t>
  </si>
  <si>
    <t>MultiPolygon (((4.80041611710199501 52.65724418589888245, 4.80182800837831181 52.65715135714201978, 4.80163728288645153 52.65658030653320765, 4.80058117939795448 52.65421418827717304, 4.79378090734191797 52.64786335258553152, 4.79168097639450696 52.63948633064805449, 4.78636354869398595 52.64015974364483696, 4.78669845082303169 52.6406028276953819, 4.79177328247626999 52.64732679674229132, 4.79864412478238833 52.65355690975832914, 4.80041611710199501 52.65724418589888245, 4.80041611710199501 52.65724418589888245)))</t>
  </si>
  <si>
    <t>MultiPolygon (((4.85073504908756181 52.69733213755643675, 4.85119872655503315 52.69761030941914015, 4.85252801825287072 52.69717232416715547, 4.85138866629976473 52.68278404280253113, 4.8503632004855719 52.68219939125224727, 4.85015023088855202 52.67941789913112416, 4.85001965305100491 52.67942243864759888, 4.84530793658299164 52.67916863930810223, 4.84074227052007622 52.67796447299510731, 4.82985129808437463 52.67324855756731949, 4.83590972467015945 52.67786249173114754, 4.83769651041537774 52.68104540385684942, 4.83831239216442466 52.68474846579772475, 4.83877344059640357 52.68998582277077958, 4.83945469311929077 52.69725940815131082, 4.84325071102534199 52.69735322336642724, 4.84323896084920236 52.69678373938162252, 4.84695643766971784 52.69663399505733281, 4.85030229086166287 52.69674803323199086, 4.85073504908756181 52.69733213755643675, 4.85073504908756181 52.69733213755643675)))</t>
  </si>
  <si>
    <t>MultiPolygon (((4.82056646688972101 52.66911224273347614, 4.82403304363794927 52.66770453672837959, 4.82444866083401269 52.66752829716757844, 4.82119255061157137 52.66599570908713446, 4.81122482408178076 52.66065331355105883, 4.80527330478798653 52.6574361858102975, 4.80182800837831181 52.65715135714201978, 4.80041611710199501 52.65724418589888245, 4.80056601026766305 52.65787291637294487, 4.80050946717102978 52.66024091730539425, 4.80171479233416232 52.66076671478281668, 4.82056646688972101 52.66911224273347614, 4.82056646688972101 52.66911224273347614)))</t>
  </si>
  <si>
    <t>MultiPolygon (((4.84530793658299164 52.67916863930810223, 4.8451070459132719 52.67701330848957753, 4.84109004428663514 52.6766150712379897, 4.83876525981136485 52.67526923588595622, 4.82741646491975729 52.66934277555354527, 4.82450071009063652 52.67075031211764014, 4.82985129808437463 52.67324855756731949, 4.84074227052007622 52.67796447299510731, 4.84530793658299164 52.67916863930810223, 4.84530793658299164 52.67916863930810223)))</t>
  </si>
  <si>
    <t>MultiPolygon (((4.82531241298965607 52.69627121548518289, 4.83945469311929077 52.69725940815131082, 4.83877344059640357 52.68998582277077958, 4.82672724842369316 52.69079657660377336, 4.82531241298965607 52.69627121548518289, 4.82531241298965607 52.69627121548518289)))</t>
  </si>
  <si>
    <t>MultiPolygon (((4.82672724842369316 52.69079657660377336, 4.83877344059640357 52.68998582277077958, 4.83831239216442466 52.68474846579772475, 4.82571661678833852 52.68497724902135815, 4.82593920968320322 52.6879079715577987, 4.82672724842369316 52.69079657660377336, 4.82672724842369316 52.69079657660377336)))</t>
  </si>
  <si>
    <t>MultiPolygon (((4.82571661678833852 52.68497724902135815, 4.83831239216442466 52.68474846579772475, 4.83769651041537774 52.68104540385684942, 4.83590972467015945 52.67786249173114754, 4.82985129808437463 52.67324855756731949, 4.82450071009063652 52.67075031211764014, 4.82056646688972101 52.66911224273347614, 4.80171479233416232 52.66076671478281668, 4.80182931529938184 52.66138558971429262, 4.82219068449775889 52.67241446697281049, 4.82510987702642957 52.67352701073657784, 4.82698237939562524 52.67594434194944597, 4.82727457510049263 52.68039697178676306, 4.82571661678833852 52.68497724902135815, 4.82571661678833852 52.68497724902135815)))</t>
  </si>
  <si>
    <t>MultiPolygon (((4.82619383920034828 52.65923047593837225, 4.82700567511867629 52.65866126189843044, 4.83031555441451665 52.65466429909447754, 4.83313251574563463 52.65372831613514393, 4.82686256163927307 52.65020883820189113, 4.81939515187220913 52.65549783339764645, 4.82619383920034828 52.65923047593837225, 4.82619383920034828 52.65923047593837225)))</t>
  </si>
  <si>
    <t>MultiPolygon (((4.8332429926982563 52.66266163295144054, 4.83341035577764 52.66273951308256329, 4.84037795650331493 52.65742751993666104, 4.83313251574563463 52.65372831613514393, 4.83031555441451665 52.65466429909447754, 4.82700567511867629 52.65866126189843044, 4.82971124857739387 52.66103216018694155, 4.8332429926982563 52.66266163295144054, 4.8332429926982563 52.66266163295144054)))</t>
  </si>
  <si>
    <t>MultiPolygon (((4.82450071009063652 52.67075031211764014, 4.82741646491975729 52.66934277555354527, 4.82698105283971035 52.66900762529455449, 4.82403304363794927 52.66770453672837959, 4.82056646688972101 52.66911224273347614, 4.82450071009063652 52.67075031211764014, 4.82450071009063652 52.67075031211764014)))</t>
  </si>
  <si>
    <t>MultiPolygon (((4.82119255061157137 52.66599570908713446, 4.82444866083401269 52.66752829716757844, 4.8332429926982563 52.66266163295144054, 4.82971124857739387 52.66103216018694155, 4.82700567511867629 52.65866126189843044, 4.82619383920034828 52.65923047593837225, 4.82514497695293088 52.66290622933531296, 4.82119255061157137 52.66599570908713446, 4.82119255061157137 52.66599570908713446)))</t>
  </si>
  <si>
    <t>MultiPolygon (((4.81122482408178076 52.66065331355105883, 4.82119255061157137 52.66599570908713446, 4.82514497695293088 52.66290622933531296, 4.82619383920034828 52.65923047593837225, 4.81939515187220913 52.65549783339764645, 4.81122482408178076 52.66065331355105883, 4.81122482408178076 52.66065331355105883)))</t>
  </si>
  <si>
    <t>MultiPolygon (((4.84530793658299164 52.67916863930810223, 4.85001965305100491 52.67942243864759888, 4.8496451474625335 52.67678361806449061, 4.84979501944496416 52.67238203922315876, 4.84814733267091569 52.67237029661380632, 4.84066370672703083 52.67452736290462667, 4.83876525981136485 52.67526923588595622, 4.84109004428663514 52.6766150712379897, 4.8451070459132719 52.67701330848957753, 4.84530793658299164 52.67916863930810223, 4.84530793658299164 52.67916863930810223)))</t>
  </si>
  <si>
    <t>MultiPolygon (((4.84066370672703083 52.67452736290462667, 4.84814733267091569 52.67237029661380632, 4.84979501944496416 52.67238203922315876, 4.84946578158883579 52.6711540993914582, 4.8435289387224234 52.66788935315322817, 4.84292960945419537 52.66826105666800828, 4.83828654977801698 52.67179395644775752, 4.84066370672703083 52.67452736290462667, 4.84066370672703083 52.67452736290462667)))</t>
  </si>
  <si>
    <t>MultiPolygon (((4.85021744084090045 52.66295719542721798, 4.85224406064638725 52.66394374265401268, 4.85959941554859398 52.65929198325132887, 4.85867101838150361 52.65662627601210488, 4.85093069494874118 52.65259916519387673, 4.84936874262249162 52.65395949167336198, 4.84606309488571796 52.65307553707734911, 4.84037324911592748 52.65510520511131176, 4.84018044727159236 52.65523819149789375, 4.84338178619636484 52.65699826985094489, 4.84218028026234926 52.65782866693364639, 4.84427687677180163 52.65965670884963146, 4.85021744084090045 52.66295719542721798, 4.85021744084090045 52.66295719542721798)))</t>
  </si>
  <si>
    <t>MultiPolygon (((4.84292960945419537 52.66826105666800828, 4.8435289387224234 52.66788935315322817, 4.84946578158883579 52.6711540993914582, 4.85390864953753276 52.66931679426395618, 4.85248772283452201 52.66752494009807606, 4.85447348033784731 52.66596881317880019, 4.85951478069740883 52.66800011226502676, 4.85925538399476586 52.66771314989693309, 4.85224406064638725 52.66394374265401268, 4.85021744084090045 52.66295719542721798, 4.84842167128940726 52.66415191215477165, 4.84386766031903804 52.66202155387026806, 4.83913769425933893 52.66546828725569895, 4.84280563902522854 52.66674643950290147, 4.84292960945419537 52.66826105666800828, 4.84292960945419537 52.66826105666800828)))</t>
  </si>
  <si>
    <t>MultiPolygon (((4.83341035577764 52.66273951308256329, 4.83913769425933893 52.66546828725569895, 4.84386766031903804 52.66202155387026806, 4.84842167128940726 52.66415191215477165, 4.85021744084090045 52.66295719542721798, 4.84427687677180163 52.65965670884963146, 4.84218028026234926 52.65782866693364639, 4.84338178619636484 52.65699826985094489, 4.84018044727159236 52.65523819149789375, 4.84037795650331493 52.65742751993666104, 4.83341035577764 52.66273951308256329, 4.83341035577764 52.66273951308256329)))</t>
  </si>
  <si>
    <t>MultiPolygon (((4.83876525981136485 52.67526923588595622, 4.84066370672703083 52.67452736290462667, 4.83828654977801698 52.67179395644775752, 4.8314996088172979 52.66811875352338035, 4.82963756869812411 52.66775073477749203, 4.82698105283971035 52.66900762529455449, 4.82741646491975729 52.66934277555354527, 4.83876525981136485 52.67526923588595622, 4.83876525981136485 52.67526923588595622)))</t>
  </si>
  <si>
    <t>MultiPolygon (((4.8496451474625335 52.67678361806449061, 4.86066976171487131 52.67628330469362652, 4.86061524303608294 52.67607079587396868, 4.85951478069740883 52.66800011226502676, 4.85447348033784731 52.66596881317880019, 4.85248772283452201 52.66752494009807606, 4.85390864953753276 52.66931679426395618, 4.84946578158883579 52.6711540993914582, 4.84979501944496416 52.67238203922315876, 4.8496451474625335 52.67678361806449061, 4.8496451474625335 52.67678361806449061)))</t>
  </si>
  <si>
    <t>MultiPolygon (((4.85001965305100491 52.67942243864759888, 4.85015023088855202 52.67941789913112416, 4.86090761463278653 52.6790130945664572, 4.86066976171487131 52.67628330469362652, 4.8496451474625335 52.67678361806449061, 4.85001965305100491 52.67942243864759888, 4.85001965305100491 52.67942243864759888)))</t>
  </si>
  <si>
    <t>MultiPolygon (((4.83828654977801698 52.67179395644775752, 4.84292960945419537 52.66826105666800828, 4.84280563902522854 52.66674643950290147, 4.83913769425933893 52.66546828725569895, 4.83341035577764 52.66273951308256329, 4.8332429926982563 52.66266163295144054, 4.82444866083401269 52.66752829716757844, 4.82403304363794927 52.66770453672837959, 4.82698105283971035 52.66900762529455449, 4.82963756869812411 52.66775073477749203, 4.8314996088172979 52.66811875352338035, 4.83828654977801698 52.67179395644775752, 4.83828654977801698 52.67179395644775752)))</t>
  </si>
  <si>
    <t>MultiPolygon (((4.60572367447738884 52.3634048571688453, 4.60842282200110009 52.3629846878480123, 4.60858101715419632 52.36295794321093666, 4.60397879210271643 52.35458420875119856, 4.60174688772566043 52.35039450645406589, 4.59497433609487516 52.3376726469376834, 4.59358279031448369 52.3378097667118638, 4.59680852268337414 52.34549585290957197, 4.60226247629124163 52.35670310045431108, 4.60572367447738884 52.3634048571688453, 4.60572367447738884 52.3634048571688453)))</t>
  </si>
  <si>
    <t>MultiPolygon (((4.60272486473058073 52.33566968695865995, 4.5969853242930192 52.32789480688504113, 4.59387399786498563 52.32864608135739104, 4.59336868183144542 52.32811753076302352, 4.59177878032173936 52.32852634949705362, 4.59130712173070155 52.32823238070909611, 4.59080352163872885 52.32821044755058892, 4.59018770117141184 52.32835225864398154, 4.59026326229070225 52.32852288935792018, 4.59358279031448369 52.3378097667118638, 4.59497433609487516 52.3376726469376834, 4.6032307841549196 52.3365167874745012, 4.60272486473058073 52.33566968695865995)))</t>
  </si>
  <si>
    <t>MultiPolygon (((4.60898752200869222 52.33203783757710426, 4.61218905623293907 52.33430746173630865, 4.61507189788506977 52.33339332014962508, 4.61656420753272911 52.33147340189419339, 4.61346719209663458 52.32806446521374255, 4.60898752200869222 52.33203783757710426, 4.60898752200869222 52.33203783757710426)))</t>
  </si>
  <si>
    <t>MultiPolygon (((4.60846240166144305 52.33580729908332785, 4.60894026491776021 52.33482794338735999, 4.60649812666489211 52.3335310648492964, 4.60898752200869222 52.33203783757710426, 4.61346719209663458 52.32806446521374255, 4.61166187653989912 52.32541985010330876, 4.61138609744611117 52.32225594757347409, 4.61138386451491389 52.32220457991774509, 4.60762016802754992 52.32356057495620405, 4.60725882787235896 52.32329717219862175, 4.59729756303784143 52.32782901729648017, 4.5969853242930192 52.32789480688504113, 4.60272486473058073 52.33566968695865995, 4.60654108593136513 52.33517530941480089, 4.60726763897836733 52.33599519962983493, 4.60846240166144305 52.33580729908332785, 4.60846240166144305 52.33580729908332785)))</t>
  </si>
  <si>
    <t>MultiPolygon (((4.60397879210271643 52.35458420875119856, 4.6132414272093234 52.35305427391453748, 4.61090874874279777 52.34904103922024632, 4.60980364928322839 52.34836502448406748, 4.60654170258619544 52.34874548197596766, 4.6069333131546486 52.34951288420250393, 4.60174688772566043 52.35039450645406589, 4.60397879210271643 52.35458420875119856, 4.60397879210271643 52.35458420875119856)))</t>
  </si>
  <si>
    <t>MultiPolygon (((4.6194406550395497 52.34790058382957767, 4.6155457358609242 52.35011031785862201, 4.61611589973515546 52.35074150601109721, 4.62082117578937979 52.34966008957884753, 4.62051262515295402 52.34865705826583593, 4.6194406550395497 52.34790058382957767, 4.6194406550395497 52.34790058382957767)))</t>
  </si>
  <si>
    <t>MultiPolygon (((4.615602623476736 52.3578917275488962, 4.6203925280048459 52.35688194014781516, 4.61665152069865403 52.35404975319136156, 4.61614564849352149 52.35207191655585746, 4.61669608297477296 52.35113622223661167, 4.62082117578937979 52.34966008957884753, 4.61611589973515546 52.35074150601109721, 4.6155457358609242 52.35011031785862201, 4.6194406550395497 52.34790058382957767, 4.61924835847205006 52.34728391516288326, 4.61090874874279777 52.34904103922024632, 4.6132414272093234 52.35305427391453748, 4.61279880416801458 52.35427542580182347, 4.615602623476736 52.3578917275488962, 4.615602623476736 52.3578917275488962)))</t>
  </si>
  <si>
    <t>MultiPolygon (((4.60174688772566043 52.35039450645406589, 4.6069333131546486 52.34951288420250393, 4.60654170258619544 52.34874548197596766, 4.60980364928322839 52.34836502448406748, 4.6032307841549196 52.3365167874745012, 4.59497433609487516 52.3376726469376834, 4.60174688772566043 52.35039450645406589, 4.60174688772566043 52.35039450645406589)))</t>
  </si>
  <si>
    <t>MultiPolygon (((4.63494359114556964 52.35596183606104148, 4.63585017008007227 52.3540368357119803, 4.63659850041264932 52.35318380609460576, 4.63010113403730461 52.35028606225486669, 4.62853857619247222 52.35153998576060985, 4.62986353563373676 52.35741563022968137, 4.63494359114556964 52.35596183606104148, 4.63494359114556964 52.35596183606104148)))</t>
  </si>
  <si>
    <t>MultiPolygon (((4.60980364928322839 52.34836502448406748, 4.61090874874279777 52.34904103922024632, 4.61924835847205006 52.34728391516288326, 4.62213850415724625 52.34498025198010396, 4.62375883005237931 52.34515383453706505, 4.62420378187550174 52.34421589839731581, 4.62244501141560704 52.34409356629770116, 4.62134819625726667 52.34310060536334674, 4.62070459050532456 52.3387299693477388, 4.61658714068069909 52.33653908836347313, 4.61507189788506977 52.33339332014962508, 4.61218905623293907 52.33430746173630865, 4.60898752200869222 52.33203783757710426, 4.60649812666489211 52.3335310648492964, 4.60894026491776021 52.33482794338735999, 4.60846240166144305 52.33580729908332785, 4.60726763897836733 52.33599519962983493, 4.60654108593136513 52.33517530941480089, 4.60272486473058073 52.33566968695865995, 4.6032307841549196 52.3365167874745012, 4.60980364928322839 52.34836502448406748, 4.60980364928322839 52.34836502448406748)))</t>
  </si>
  <si>
    <t>MultiPolygon (((4.6303405723873885 52.36064679654049314, 4.63662633735540108 52.36148417651102704, 4.63736043180848245 52.36025753883470912, 4.63758967327477034 52.35946778314868766, 4.63494359114556964 52.35596183606104148, 4.62986353563373676 52.35741563022968137, 4.62853857619247222 52.35153998576060985, 4.63010113403730461 52.35028606225486669, 4.62375883005237931 52.34515383453706505, 4.62213850415724625 52.34498025198010396, 4.62364489226049358 52.3469650756580549, 4.62505303552136571 52.35672947384625076, 4.62246290371122281 52.35736186607238807, 4.6203925280048459 52.35688194014781516, 4.615602623476736 52.3578917275488962, 4.61824654555412195 52.36146665806717948, 4.62562878943528499 52.36212636711959334, 4.6303405723873885 52.36064679654049314)))</t>
  </si>
  <si>
    <t>MultiPolygon (((4.60858101715419632 52.36295794321093666, 4.61065570280766757 52.36270591092856819, 4.61771863126388737 52.36153068634645535, 4.61824654555412195 52.36146665806717948, 4.615602623476736 52.3578917275488962, 4.61279880416801458 52.35427542580182347, 4.6132414272093234 52.35305427391453748, 4.60397879210271643 52.35458420875119856, 4.60858101715419632 52.36295794321093666, 4.60858101715419632 52.36295794321093666)))</t>
  </si>
  <si>
    <t>MultiPolygon (((4.62011122956751397 52.33372262609835701, 4.61656420753272911 52.33147340189419339, 4.61507189788506977 52.33339332014962508, 4.61658714068069909 52.33653908836347313, 4.62070459050532456 52.3387299693477388, 4.62134819625726667 52.34310060536334674, 4.62244501141560704 52.34409356629770116, 4.62420378187550174 52.34421589839731581, 4.62375883005237931 52.34515383453706505, 4.63010113403730461 52.35028606225486669, 4.63659850041264932 52.35318380609460576, 4.63980247266520429 52.35090729237537488, 4.64038559603788769 52.34983365244001874, 4.64032479937657882 52.34556296292863919, 4.64103366700433284 52.34398555620766302, 4.63938060898896865 52.34062889775251648, 4.63964801673526228 52.33890607725077615, 4.63058429643868408 52.33753431002529766, 4.62011122956751397 52.33372262609835701, 4.62011122956751397 52.33372262609835701)))</t>
  </si>
  <si>
    <t>MultiPolygon (((4.62082117578937979 52.34966008957884753, 4.61669608297477296 52.35113622223661167, 4.61614564849352149 52.35207191655585746, 4.61665152069865403 52.35404975319136156, 4.6203925280048459 52.35688194014781516, 4.62246290371122281 52.35736186607238807, 4.62505303552136571 52.35672947384625076, 4.62364489226049358 52.3469650756580549, 4.62213850415724625 52.34498025198010396, 4.61924835847205006 52.34728391516288326, 4.6194406550395497 52.34790058382957767, 4.62051262515295402 52.34865705826583593, 4.62082117578937979 52.34966008957884753, 4.62082117578937979 52.34966008957884753)))</t>
  </si>
  <si>
    <t>MultiPolygon (((4.70915174017823457 52.50985641077403443, 4.70793756285160736 52.50614115437218743, 4.70585819304040864 52.50625110323462508, 4.70344272652521056 52.50310441193227717, 4.70542376056273071 52.50010752059113628, 4.71170386614667525 52.49681687492154225, 4.72036709248590203 52.49495391256382248, 4.7146454263023756 52.49319503881638838, 4.7084450372672686 52.48862567756293629, 4.70796888334644326 52.48633243855487507, 4.70309395805151986 52.48755939060079356, 4.70372136829985443 52.48853264640298733, 4.6996660075909924 52.48979922975022561, 4.6976020496394284 52.48751223714012326, 4.69550885927775941 52.48738546560164053, 4.69455072849047639 52.48829975837534079, 4.69460139133803445 52.48958666214943491, 4.69864633946841703 52.49637426553197628, 4.69872855137988044 52.49695189380466331, 4.69771867021309575 52.49654220080394396, 4.69704369977103564 52.49725136466373243, 4.70159945652423783 52.50236792617813819, 4.70417010350071596 52.50616254997681409, 4.70385496137499892 52.50832887890574341, 4.70652674096591017 52.51039716395552404, 4.70915174017823457 52.50985641077403443, 4.70915174017823457 52.50985641077403443)))</t>
  </si>
  <si>
    <t>MultiPolygon (((4.6983696278522693 52.50415998025656705, 4.70159945652423783 52.50236792617813819, 4.69704369977103564 52.49725136466373243, 4.69533682487545434 52.49776156225023271, 4.69393117641594859 52.496295535349077, 4.69032181459445763 52.49774185721338426, 4.6983696278522693 52.50415998025656705, 4.6983696278522693 52.50415998025656705)))</t>
  </si>
  <si>
    <t>MultiPolygon (((4.69032181459445763 52.49774185721338426, 4.69393117641594859 52.496295535349077, 4.69533682487545434 52.49776156225023271, 4.69704369977103564 52.49725136466373243, 4.69771867021309575 52.49654220080394396, 4.69872855137988044 52.49695189380466331, 4.69864633946841703 52.49637426553197628, 4.69460139133803445 52.48958666214943491, 4.6949301916916637 52.49068023043744802, 4.6947415813168023 52.49133913129386286, 4.69099177398488543 52.49131718162490756, 4.6903829662862746 52.4908303778969838, 4.68708662063538029 52.4923916760903353, 4.68597248086293039 52.49173711199009063, 4.68383918981501779 52.49272035701451955, 4.68458385843035163 52.49331364332699934, 4.68952216309900027 52.49711365549309505, 4.69032181459445763 52.49774185721338426, 4.69032181459445763 52.49774185721338426)))</t>
  </si>
  <si>
    <t>MultiPolygon (((4.66300800550173378 52.50737532751575998, 4.66683390625069183 52.50480514995452097, 4.66900435287615512 52.5030510077986321, 4.66905765180818566 52.50300708436948582, 4.6660541231421595 52.50174402690574027, 4.65747617630147204 52.49867533446085588, 4.65739823091203231 52.4986639520635876, 4.65617372953350728 52.50109996079488894, 4.65449565042462066 52.50727826306752632, 4.66001975591518569 52.5066651201369794, 4.66267509153197324 52.50741257810867069, 4.66300800550173378 52.50737532751575998, 4.66300800550173378 52.50737532751575998)))</t>
  </si>
  <si>
    <t>MultiPolygon (((4.66905765180818566 52.50300708436948582, 4.67107588323102085 52.50154564899378329, 4.67400669093681298 52.50276815753674953, 4.6772609629715971 52.50257855652099437, 4.67973925997248497 52.50161335037209653, 4.67597521238248603 52.49834307792146859, 4.67285518693533497 52.49696636684502238, 4.66988703153975848 52.49839897930318244, 4.66832914567588464 52.49991665645223549, 4.66630189697593067 52.50074413112441363, 4.66691417037857104 52.50105323268353885, 4.6660541231421595 52.50174402690574027, 4.66905765180818566 52.50300708436948582, 4.66905765180818566 52.50300708436948582)))</t>
  </si>
  <si>
    <t>MultiPolygon (((4.67807909686248191 52.50614974145420177, 4.67991911667509441 52.50469541720480748, 4.6772609629715971 52.50257855652099437, 4.67400669093681298 52.50276815753674953, 4.67107588323102085 52.50154564899378329, 4.66905765180818566 52.50300708436948582, 4.66900435287615512 52.5030510077986321, 4.67807909686248191 52.50614974145420177, 4.67807909686248191 52.50614974145420177)))</t>
  </si>
  <si>
    <t>MultiPolygon (((4.67538542085335962 52.50840976825618611, 4.67574655264742489 52.5085450559842144, 4.67807909686248191 52.50614974145420177, 4.66900435287615512 52.5030510077986321, 4.66683390625069183 52.50480514995452097, 4.67272430835781893 52.50652808474769984, 4.67200850420606262 52.50725288408345648, 4.67538542085335962 52.50840976825618611, 4.67538542085335962 52.50840976825618611)))</t>
  </si>
  <si>
    <t>MultiPolygon (((4.68360882910137466 52.51142401231874857, 4.6887366549063918 52.50917324450951895, 4.67998975302941744 52.50468899960596048, 4.67991911667509441 52.50469541720480748, 4.67807909686248191 52.50614974145420177, 4.67574655264742489 52.5085450559842144, 4.6761665792126399 52.50871670439597949, 4.68360882910137466 52.51142401231874857, 4.68360882910137466 52.51142401231874857)))</t>
  </si>
  <si>
    <t>MultiPolygon (((4.66912088118624702 52.50965331529810953, 4.67035231024962094 52.50854218964113329, 4.67200850420606262 52.50725288408345648, 4.67272430835781893 52.50652808474769984, 4.66683390625069183 52.50480514995452097, 4.66300800550173378 52.50737532751575998, 4.66912088118624702 52.50965331529810953, 4.66912088118624702 52.50965331529810953)))</t>
  </si>
  <si>
    <t>MultiPolygon (((4.6655199880968885 52.51515955402880564, 4.66732114462652969 52.51481773673656051, 4.6691430954241504 52.51314898425812316, 4.66698226331027755 52.51153493408060058, 4.66118298703120626 52.51127676253543086, 4.66002031080945489 52.51187313221362984, 4.66134268778793093 52.51372298097231095, 4.6655199880968885 52.51515955402880564, 4.6655199880968885 52.51515955402880564)))</t>
  </si>
  <si>
    <t>MultiPolygon (((4.66002031080945489 52.51187313221362984, 4.66118298703120626 52.51127676253543086, 4.66698226331027755 52.51153493408060058, 4.66912088118624702 52.50965331529810953, 4.66300800550173378 52.50737532751575998, 4.66267509153197324 52.50741257810867069, 4.65954472492531657 52.51102888331146801, 4.66002031080945489 52.51187313221362984, 4.66002031080945489 52.51187313221362984)))</t>
  </si>
  <si>
    <t>MultiPolygon (((4.66957154633239124 52.53054225598559412, 4.69573616487372547 52.52672806307518272, 4.69283034681819178 52.5222817157632349, 4.68420465253468699 52.52298221295214375, 4.68455365641142762 52.52356738340935749, 4.68253696493786631 52.52447382379695995, 4.68020400232041034 52.52382768046457784, 4.67877441465627353 52.52267072323233066, 4.67493906055204445 52.52133344620665412, 4.66933738477631088 52.52444221472250518, 4.66761715007459621 52.52448603704662133, 4.66594722841610743 52.52373451437875929, 4.6635035971732357 52.52483870056427406, 4.66957154633239124 52.53054225598559412, 4.66957154633239124 52.53054225598559412)))</t>
  </si>
  <si>
    <t>MultiPolygon (((4.69461180339424367 52.50762400232078164, 4.69708529784165307 52.50754790013111517, 4.70123574100800212 52.50886276543511855, 4.70385496137499892 52.50832887890574341, 4.70417010350071596 52.50616254997681409, 4.70159945652423783 52.50236792617813819, 4.6983696278522693 52.50415998025656705, 4.6944495207159882 52.50738769682375562, 4.69461180339424367 52.50762400232078164, 4.69461180339424367 52.50762400232078164)))</t>
  </si>
  <si>
    <t>MultiPolygon (((4.69461180339424367 52.50762400232078164, 4.6944495207159882 52.50738769682375562, 4.68939207430992422 52.50888296575344327, 4.69259980487401762 52.51100248478756782, 4.69511473479667973 52.50999840152609011, 4.69461180339424367 52.50762400232078164, 4.69461180339424367 52.50762400232078164)))</t>
  </si>
  <si>
    <t>MultiPolygon (((4.67877441465627353 52.52267072323233066, 4.68020400232041034 52.52382768046457784, 4.68253696493786631 52.52447382379695995, 4.68455365641142762 52.52356738340935749, 4.68420465253468699 52.52298221295214375, 4.69283034681819178 52.5222817157632349, 4.69058581073138559 52.51908252058649396, 4.69139522521449859 52.51688738063744921, 4.6906744501203379 52.51561836528703253, 4.68798775026843817 52.51667133091464024, 4.68223819187256396 52.52099260692519067, 4.67877441465627353 52.52267072323233066, 4.67877441465627353 52.52267072323233066)))</t>
  </si>
  <si>
    <t>MultiPolygon (((4.67493906055204445 52.52133344620665412, 4.67877441465627353 52.52267072323233066, 4.68223819187256396 52.52099260692519067, 4.67694904096531783 52.51886747608855188, 4.6742061494609084 52.5208646351679036, 4.67493906055204445 52.52133344620665412, 4.67493906055204445 52.52133344620665412)))</t>
  </si>
  <si>
    <t>MultiPolygon (((4.68798775026843817 52.51667133091464024, 4.6906744501203379 52.51561836528703253, 4.69259980487401762 52.51100248478756782, 4.68939207430992422 52.50888296575344327, 4.6887366549063918 52.50917324450951895, 4.68360882910137466 52.51142401231874857, 4.68168854986240479 52.51391447114753674, 4.6815348302651989 52.5141071354079898, 4.68798775026843817 52.51667133091464024, 4.68798775026843817 52.51667133091464024)))</t>
  </si>
  <si>
    <t>MultiPolygon (((4.67694904096531783 52.51886747608855188, 4.68223819187256396 52.52099260692519067, 4.68798775026843817 52.51667133091464024, 4.6815348302651989 52.5141071354079898, 4.67714401609473551 52.51872724749883048, 4.67694904096531783 52.51886747608855188, 4.67694904096531783 52.51886747608855188)))</t>
  </si>
  <si>
    <t>MultiPolygon (((4.6742061494609084 52.5208646351679036, 4.67694904096531783 52.51886747608855188, 4.67714401609473551 52.51872724749883048, 4.67434588608302892 52.51760024228390478, 4.66732114462652969 52.51481773673656051, 4.6655199880968885 52.51515955402880564, 4.67269836197203858 52.51919537531541238, 4.6742061494609084 52.5208646351679036, 4.6742061494609084 52.5208646351679036)))</t>
  </si>
  <si>
    <t>MultiPolygon (((4.67434588608302892 52.51760024228390478, 4.67714401609473551 52.51872724749883048, 4.6815348302651989 52.5141071354079898, 4.68168854986240479 52.51391447114753674, 4.67814547757296229 52.51256252140794345, 4.67717366689950698 52.51348034393790698, 4.67434588608302892 52.51760024228390478, 4.67434588608302892 52.51760024228390478)))</t>
  </si>
  <si>
    <t>MultiPolygon (((4.66732114462652969 52.51481773673656051, 4.67434588608302892 52.51760024228390478, 4.67717366689950698 52.51348034393790698, 4.67294137628999895 52.51257603526664752, 4.67127109546422847 52.51396393302724874, 4.6691430954241504 52.51314898425812316, 4.66732114462652969 52.51481773673656051, 4.66732114462652969 52.51481773673656051)))</t>
  </si>
  <si>
    <t>MultiPolygon (((4.67814547757296229 52.51256252140794345, 4.68168854986240479 52.51391447114753674, 4.68360882910137466 52.51142401231874857, 4.6761665792126399 52.50871670439597949, 4.67409544393149634 52.51109142841145427, 4.67814547757296229 52.51256252140794345, 4.67814547757296229 52.51256252140794345)))</t>
  </si>
  <si>
    <t>MultiPolygon (((4.62008019329562458 52.50498006324465905, 4.62545372461583781 52.50394657414926769, 4.63142083126676596 52.50454216058207635, 4.63423521215560452 52.50274648230038821, 4.63568052246334883 52.49992158698066191, 4.6349996872801098 52.49952910393911765, 4.63389364279064342 52.49890255714858966, 4.63136620996862547 52.49869213060324569, 4.63133393254475756 52.49883173886320975, 4.62980523282017131 52.50150374572139356, 4.62038280091176912 52.50341334850138253, 4.61405329292213118 52.50066462904183595, 4.60616318229945598 52.49590015481648919, 4.60629582251474012 52.49480883617849258, 4.60629752889286159 52.49478585418876975, 4.60431382504776376 52.494388841917484, 4.59863579657598276 52.49594453498478686, 4.59993066693364927 52.49726095384381352, 4.59798401416981584 52.49684533910519235, 4.59554583628762536 52.49819876786523309, 4.59169517284740536 52.49827898184404518, 4.5916660198672874 52.49784025830633283, 4.58656328283696535 52.49916130319721219, 4.59302435690627853 52.51348772438731771, 4.59830267319713748 52.53114066653472491, 4.65279410571976637 52.53072618419293605, 4.64906063565895344 52.52427157298101434, 4.64944590419965298 52.52100399258684149, 4.63279233142497215 52.51227310986995178, 4.62699957093888781 52.51072533390972552, 4.62008019329562458 52.50498006324465905, 4.62008019329562458 52.50498006324465905)))</t>
  </si>
  <si>
    <t>MultiPolygon (((4.61405329292213118 52.50066462904183595, 4.62038280091176912 52.50341334850138253, 4.62980523282017131 52.50150374572139356, 4.63133393254475756 52.49883173886320975, 4.61894729147437921 52.50084075899520997, 4.61867757187993 52.50006535397201191, 4.61405329292213118 52.50066462904183595, 4.61405329292213118 52.50066462904183595)))</t>
  </si>
  <si>
    <t>MultiPolygon (((4.65617372953350728 52.50109996079488894, 4.65739823091203231 52.4986639520635876, 4.6553793307640845 52.49792523936510236, 4.65256123654728881 52.49818746355633436, 4.65124304457130044 52.49884533071622172, 4.65002119905899214 52.49842375435077457, 4.64945211433543104 52.4990486069589295, 4.65617372953350728 52.50109996079488894, 4.65617372953350728 52.50109996079488894)))</t>
  </si>
  <si>
    <t>MultiPolygon (((4.65996926287173707 52.53175138461769933, 4.66957154633239124 52.53054225598559412, 4.6635035971732357 52.52483870056427406, 4.66128506258061215 52.52143225455326103, 4.66422964727588241 52.51832989091618487, 4.66240396586218253 52.51722639225600631, 4.66075503181108264 52.51806037446509379, 4.65689352720190275 52.51674166295381951, 4.65181194604801984 52.51740213732468732, 4.64944590419965298 52.52100399258684149, 4.64906063565895344 52.52427157298101434, 4.65279410571976637 52.53072618419293605, 4.65302864298973251 52.53072454793875323, 4.65619979510217075 52.53152920567764994, 4.65996926287173707 52.53175138461769933, 4.65996926287173707 52.53175138461769933)))</t>
  </si>
  <si>
    <t>MultiPolygon (((4.65217386955921519 52.51326769486757939, 4.64943070043021045 52.4991215334807606, 4.64631232294593222 52.49908339668704826, 4.64510576184433699 52.49956911543846871, 4.63502027015625018 52.49906140872635518, 4.6349996872801098 52.49952910393911765, 4.63568052246334883 52.49992158698066191, 4.63423521215560452 52.50274648230038821, 4.63142083126676596 52.50454216058207635, 4.62545372461583781 52.50394657414926769, 4.62008019329562458 52.50498006324465905, 4.62699957093888781 52.51072533390972552, 4.63279233142497215 52.51227310986995178, 4.64944590419965298 52.52100399258684149, 4.65181194604801984 52.51740213732468732, 4.65218218306296727 52.51661066162028391, 4.6525959909995418 52.51476937225717734, 4.65296973863119678 52.5133783534492764, 4.65217386955921519 52.51326769486757939, 4.65217386955921519 52.51326769486757939)))</t>
  </si>
  <si>
    <t>MultiPolygon (((4.61894729147437921 52.50084075899520997, 4.63133393254475756 52.49883173886320975, 4.63136620996862547 52.49869213060324569, 4.63095600832339649 52.49865797860380212, 4.62140110121208814 52.49786211136405711, 4.61303742538341854 52.49633105775491515, 4.61150999900609815 52.49664184836963443, 4.60747081995406482 52.49457453330305157, 4.60629582251474012 52.49480883617849258, 4.60616318229945598 52.49590015481648919, 4.61405329292213118 52.50066462904183595, 4.61867757187993 52.50006535397201191, 4.61894729147437921 52.50084075899520997, 4.61894729147437921 52.50084075899520997)))</t>
  </si>
  <si>
    <t>MultiPolygon (((4.65296973863119678 52.5133783534492764, 4.65449565042462066 52.50727826306752632, 4.65617372953350728 52.50109996079488894, 4.64945211433543104 52.4990486069589295, 4.64943070043021045 52.4991215334807606, 4.65217386955921519 52.51326769486757939, 4.65296973863119678 52.5133783534492764, 4.65296973863119678 52.5133783534492764)))</t>
  </si>
  <si>
    <t>MultiPolygon (((4.67973925997248497 52.50161335037209653, 4.68433583665272124 52.50004960615778771, 4.68952216309900027 52.49711365549309505, 4.68458385843035163 52.49331364332699934, 4.68434857432605511 52.49530355810626503, 4.68032482856235621 52.49769801815254766, 4.67873612596685273 52.49672836579730273, 4.67597521238248603 52.49834307792146859, 4.67973925997248497 52.50161335037209653, 4.67973925997248497 52.50161335037209653)))</t>
  </si>
  <si>
    <t>MultiPolygon (((4.67597521238248603 52.49834307792146859, 4.67873612596685273 52.49672836579730273, 4.68032482856235621 52.49769801815254766, 4.68434857432605511 52.49530355810626503, 4.68458385843035163 52.49331364332699934, 4.68383918981501779 52.49272035701451955, 4.68372126375189968 52.49274625480535406, 4.68203511305236919 52.49282282809733147, 4.68051026447441387 52.49353910038139759, 4.67992372187275585 52.49316881028351389, 4.67860966639846509 52.49371930671986775, 4.67799343739310469 52.4933646119820807, 4.67698891613433698 52.49442996391785954, 4.67440771141098033 52.49515508088391158, 4.67506957602986972 52.49558759632014215, 4.67350138888608591 52.49653336486989019, 4.67285518693533497 52.49696636684502238, 4.67597521238248603 52.49834307792146859, 4.67597521238248603 52.49834307792146859)))</t>
  </si>
  <si>
    <t>MultiPolygon (((4.67991911667509441 52.50469541720480748, 4.67998975302941744 52.50468899960596048, 4.68480721142542222 52.50110700286872145, 4.68433583665272124 52.50004960615778771, 4.67973925997248497 52.50161335037209653, 4.6772609629715971 52.50257855652099437, 4.67991911667509441 52.50469541720480748, 4.67991911667509441 52.50469541720480748)))</t>
  </si>
  <si>
    <t>MultiPolygon (((4.6887366549063918 52.50917324450951895, 4.68939207430992422 52.50888296575344327, 4.6944495207159882 52.50738769682375562, 4.6983696278522693 52.50415998025656705, 4.69032181459445763 52.49774185721338426, 4.68952216309900027 52.49711365549309505, 4.68433583665272124 52.50004960615778771, 4.68480721142542222 52.50110700286872145, 4.67998975302941744 52.50468899960596048, 4.6887366549063918 52.50917324450951895, 4.6887366549063918 52.50917324450951895)))</t>
  </si>
  <si>
    <t>MultiPolygon (((4.6635035971732357 52.52483870056427406, 4.66594722841610743 52.52373451437875929, 4.66761715007459621 52.52448603704662133, 4.66933738477631088 52.52444221472250518, 4.67493906055204445 52.52133344620665412, 4.6742061494609084 52.5208646351679036, 4.67269836197203858 52.51919537531541238, 4.6655199880968885 52.51515955402880564, 4.66134268778793093 52.51372298097231095, 4.6579266954245826 52.51614636325225405, 4.6525959909995418 52.51476937225717734, 4.65218218306296727 52.51661066162028391, 4.65689352720190275 52.51674166295381951, 4.66075503181108264 52.51806037446509379, 4.66240396586218253 52.51722639225600631, 4.66422964727588241 52.51832989091618487, 4.66128506258061215 52.52143225455326103, 4.6635035971732357 52.52483870056427406, 4.6635035971732357 52.52483870056427406)))</t>
  </si>
  <si>
    <t>MultiPolygon (((4.65181194604801984 52.51740213732468732, 4.65689352720190275 52.51674166295381951, 4.65218218306296727 52.51661066162028391, 4.65181194604801984 52.51740213732468732, 4.65181194604801984 52.51740213732468732)))</t>
  </si>
  <si>
    <t>MultiPolygon (((4.6525959909995418 52.51476937225717734, 4.6579266954245826 52.51614636325225405, 4.66134268778793093 52.51372298097231095, 4.66002031080945489 52.51187313221362984, 4.65954472492531657 52.51102888331146801, 4.66267509153197324 52.50741257810867069, 4.66001975591518569 52.5066651201369794, 4.65449565042462066 52.50727826306752632, 4.65296973863119678 52.5133783534492764, 4.6525959909995418 52.51476937225717734, 4.6525959909995418 52.51476937225717734)))</t>
  </si>
  <si>
    <t>MultiPolygon (((4.67035231024962094 52.50854218964113329, 4.67538542085335962 52.50840976825618611, 4.67200850420606262 52.50725288408345648, 4.67035231024962094 52.50854218964113329, 4.67035231024962094 52.50854218964113329)))</t>
  </si>
  <si>
    <t>MultiPolygon (((4.6691430954241504 52.51314898425812316, 4.67127109546422847 52.51396393302724874, 4.67294137628999895 52.51257603526664752, 4.67717366689950698 52.51348034393790698, 4.67814547757296229 52.51256252140794345, 4.67409544393149634 52.51109142841145427, 4.6761665792126399 52.50871670439597949, 4.67574655264742489 52.5085450559842144, 4.67538542085335962 52.50840976825618611, 4.67035231024962094 52.50854218964113329, 4.66912088118624702 52.50965331529810953, 4.66698226331027755 52.51153493408060058, 4.6691430954241504 52.51314898425812316, 4.6691430954241504 52.51314898425812316)))</t>
  </si>
  <si>
    <t>MultiPolygon (((4.73856677193068698 52.42922271241588561, 4.72875892771866457 52.4007113478502049, 4.75748199714897524 52.3968827772374155, 4.75829847379688431 52.38794865718394789, 4.75830825374872646 52.38789515009117537, 4.75230830478953425 52.38870886260053794, 4.75028849117359719 52.38668207181915193, 4.74865765054211586 52.38620630582335025, 4.74252501498815171 52.38769148973904777, 4.74283050106441095 52.38857054152754245, 4.74075963937503264 52.38884942880224571, 4.7403812597726418 52.38579946060696813, 4.74816964285152121 52.3853017232959246, 4.74938014851005175 52.38463089138645046, 4.74833286595194881 52.38291017666055183, 4.73226224579959887 52.38636010941961985, 4.72877208946588468 52.38630161335430557, 4.72117997197427375 52.38498084836231783, 4.70773166913913954 52.38265662424013414, 4.69175307677006437 52.37987288592417912, 4.68979461342140613 52.38132326587887633, 4.6885681991683521 52.3840631675109023, 4.70842323145281672 52.38579430451923002, 4.705843201676986 52.39675444512365488, 4.71107576949820661 52.39869749177485403, 4.717744940938843 52.40345776037730019, 4.72003003169211333 52.40759596693622058, 4.72446968494356234 52.41179597095863585, 4.72579168982161857 52.41269476430927909, 4.72824172889807581 52.4123754212634978, 4.72976946193022929 52.41599716224700245, 4.72965383163323061 52.41913261217290199, 4.73290884481143426 52.41870564926943388, 4.73666722580874744 52.42959721738794343, 4.73856677193068698 52.42922271241588561, 4.73856677193068698 52.42922271241588561)))</t>
  </si>
  <si>
    <t>MultiPolygon (((4.74252501498815171 52.38769148973904777, 4.74865765054211586 52.38620630582335025, 4.75028849117359719 52.38668207181915193, 4.75230830478953425 52.38870886260053794, 4.75830825374872646 52.38789515009117537, 4.75895262785500073 52.38411756540632069, 4.75907800833751171 52.3809406859906872, 4.75912470757265016 52.37932924405850343, 4.75671787804902202 52.37783776474105224, 4.75443861245646104 52.38003387949037659, 4.74833286595194881 52.38291017666055183, 4.74938014851005175 52.38463089138645046, 4.74816964285152121 52.3853017232959246, 4.7403812597726418 52.38579946060696813, 4.74075963937503264 52.38884942880224571, 4.74283050106441095 52.38857054152754245, 4.74252501498815171 52.38769148973904777, 4.74252501498815171 52.38769148973904777)))</t>
  </si>
  <si>
    <t>MultiPolygon (((4.705843201676986 52.39675444512365488, 4.70842323145281672 52.38579430451923002, 4.6885681991683521 52.3840631675109023, 4.68979461342140613 52.38132326587887633, 4.69175307677006437 52.37987288592417912, 4.67738348647472435 52.37708811215684079, 4.68036400175244705 52.3798722059438262, 4.68599566822979785 52.38351769829372984, 4.68597071932480258 52.38401785848719783, 4.6896966637756714 52.38437215362151989, 4.69071781769698504 52.38703415762932991, 4.68978140798470111 52.3896280684059974, 4.68734418448994639 52.38924492952575207, 4.68356642937742063 52.39012049045603447, 4.68144005268521557 52.38991587160083441, 4.68119036142721789 52.39028666276090718, 4.67946942238078112 52.39195501142354061, 4.68398869309626331 52.39390973937177876, 4.68630649869277605 52.39322899034857528, 4.68935374061679511 52.39340121616900348, 4.69219712999374483 52.39487300040227069, 4.6977295678945632 52.39092356625763358, 4.70094209569034138 52.39225822084320328, 4.70163570401162989 52.3949096043022422, 4.705843201676986 52.39675444512365488, 4.705843201676986 52.39675444512365488)))</t>
  </si>
  <si>
    <t>MultiPolygon (((4.68119036142721789 52.39028666276090718, 4.67771626100349014 52.38973756770566581, 4.67454152303197468 52.3909112446388292, 4.67345787157379355 52.39406732068371753, 4.67408944038017893 52.39328941870977729, 4.67819503316400276 52.39296878344308794, 4.67946942238078112 52.39195501142354061, 4.68119036142721789 52.39028666276090718, 4.68119036142721789 52.39028666276090718)))</t>
  </si>
  <si>
    <t>MultiPolygon (((4.68144005268521557 52.38991587160083441, 4.68356642937742063 52.39012049045603447, 4.68734418448994639 52.38924492952575207, 4.68978140798470111 52.3896280684059974, 4.69071781769698504 52.38703415762932991, 4.6896966637756714 52.38437215362151989, 4.68597071932480258 52.38401785848719783, 4.68692113615220851 52.38744370279023599, 4.68259586788947413 52.38821608478024672, 4.68144005268521557 52.38991587160083441, 4.68144005268521557 52.38991587160083441)))</t>
  </si>
  <si>
    <t>MultiPolygon (((4.68630649869277605 52.39322899034857528, 4.69128947604760604 52.39931479205544207, 4.68745556252131834 52.40099716349135406, 4.6944594831572628 52.40670096297275649, 4.69783824271569017 52.40760217148567079, 4.70117983390793004 52.40631564857773839, 4.69888147877711582 52.40001211900090539, 4.69420629774209175 52.39785910228125232, 4.69219712999374483 52.39487300040227069, 4.68935374061679511 52.39340121616900348, 4.68630649869277605 52.39322899034857528, 4.68630649869277605 52.39322899034857528)))</t>
  </si>
  <si>
    <t>MultiPolygon (((4.73920809583993474 52.43106382971274115, 4.73856677193068698 52.42922271241588561, 4.73666722580874744 52.42959721738794343, 4.73290884481143426 52.41870564926943388, 4.72965383163323061 52.41913261217290199, 4.72976946193022929 52.41599716224700245, 4.72824172889807581 52.4123754212634978, 4.72579168982161857 52.41269476430927909, 4.72446968494356234 52.41179597095863585, 4.72003003169211333 52.40759596693622058, 4.717744940938843 52.40345776037730019, 4.71107576949820661 52.39869749177485403, 4.705843201676986 52.39675444512365488, 4.70163570401162989 52.3949096043022422, 4.70094209569034138 52.39225822084320328, 4.6977295678945632 52.39092356625763358, 4.69219712999374483 52.39487300040227069, 4.69420629774209175 52.39785910228125232, 4.69888147877711582 52.40001211900090539, 4.70117983390793004 52.40631564857773839, 4.69783824271569017 52.40760217148567079, 4.6944594831572628 52.40670096297275649, 4.68745556252131834 52.40099716349135406, 4.69128947604760604 52.39931479205544207, 4.68630649869277605 52.39322899034857528, 4.68398869309626331 52.39390973937177876, 4.67946942238078112 52.39195501142354061, 4.67819503316400276 52.39296878344308794, 4.67408944038017893 52.39328941870977729, 4.67345787157379355 52.39406732068371753, 4.67563038875062542 52.39724930258218194, 4.67857027730183006 52.39851473442703167, 4.67868568527679063 52.39947745360544218, 4.66866457645138855 52.40139940163482635, 4.66881620959998411 52.40416279866551008, 4.67437943600779082 52.4064693165584643, 4.67196234232826235 52.40944707426994142, 4.67550704336639633 52.40962523518674487, 4.67637374757746382 52.40871965870433513, 4.68042454472549707 52.40721303299257272, 4.68127401666721266 52.40739391672855874, 4.68293998540352963 52.40990096293418787, 4.68662843440146837 52.41145622167839946, 4.68882820240888609 52.41070545606568487, 4.695407593412809 52.413224630941599, 4.6953757930213369 52.41474066906930318, 4.69148597229621522 52.4188139681340175, 4.70053722340152813 52.4255129175148511, 4.71065498025090168 52.42769275373639459, 4.72198309401293947 52.43333616852789447, 4.73920809583993474 52.43106382971274115, 4.73920809583993474 52.43106382971274115)))</t>
  </si>
  <si>
    <t>MultiPolygon (((4.6953757930213369 52.41474066906930318, 4.695407593412809 52.413224630941599, 4.68882820240888609 52.41070545606568487, 4.68662843440146837 52.41145622167839946, 4.68293998540352963 52.40990096293418787, 4.68127401666721266 52.40739391672855874, 4.68042454472549707 52.40721303299257272, 4.67637374757746382 52.40871965870433513, 4.67550704336639633 52.40962523518674487, 4.68113056456133414 52.41231705094777737, 4.68247616859745985 52.41384869955997061, 4.69148597229621522 52.4188139681340175, 4.6953757930213369 52.41474066906930318, 4.6953757930213369 52.41474066906930318)))</t>
  </si>
  <si>
    <t>MultiPolygon (((4.71382754846929863 52.3341036347605808, 4.72444540190539364 52.32838789636786458, 4.72573687100764683 52.32822122595794667, 4.73315557031973366 52.32229405444676473, 4.73392875830840065 52.32319370917250012, 4.73498177616825089 52.33466901504357338, 4.73975286174850385 52.33792170651705788, 4.74622686836447194 52.33452506400338677, 4.74565895562486872 52.32835438413739126, 4.74518980225697184 52.31840554802732868, 4.75603971673444459 52.31883941813397598, 4.76035431697874145 52.32128207127405517, 4.76606632410311448 52.32315983593431952, 4.78765491272429511 52.32575372995433582, 4.79162727098164964 52.32417411274145991, 4.79492695354940146 52.32443706203397227, 4.79863777648819045 52.32682534026626797, 4.80505818690092568 52.32268860666099641, 4.81227134454152328 52.31523971071958101, 4.81707540620780694 52.31182059935314754, 4.80988369261714332 52.30577609982681508, 4.7988357546516518 52.30142111141690009, 4.79566333328227223 52.29932391304413386, 4.7944428783184625 52.29626702741122557, 4.79324822842117637 52.29409944956282175, 4.78554475594763939 52.29789512249649874, 4.78161554191874139 52.29528230505786723, 4.78005380655185874 52.2859385765054796, 4.77432254052372773 52.28574681476475661, 4.77417187473476634 52.29056425067501124, 4.77200678315097182 52.29173673639781583, 4.76558054317048185 52.28727780902607236, 4.75795448955898781 52.28367659849908478, 4.75501091219597782 52.28298230430463178, 4.75105682896648229 52.28338178153875759, 4.74839495435923009 52.28293916490481763, 4.74333117507062774 52.28567401388455949, 4.73983990930948185 52.28325385309371853, 4.72835117675342609 52.28930110841174894, 4.73779090912550327 52.29585233118417165, 4.7333927564034628 52.29777658549645736, 4.73172292172208575 52.29912362497803002, 4.73352183777353641 52.31875892410811701, 4.73296434945937694 52.32020816584913092, 4.71572051506396139 52.32934784825771146, 4.71146707405390153 52.32775248532735191, 4.71120062678281837 52.32544428759942434, 4.70984980383140517 52.32513048286818247, 4.705928273819171 52.32562474816826636, 4.70676401862466598 52.33479536524298226, 4.70953040589467165 52.36512459635216743, 4.71086769091096702 52.36801558434851245, 4.71544862006310961 52.36552410967875204, 4.71319836136477033 52.34733086024805715, 4.71495002393092655 52.34639355658432436, 4.71414681495778076 52.33759989642332755, 4.71654984227084206 52.33631240787195793, 4.71382754846929863 52.3341036347605808, 4.71382754846929863 52.3341036347605808)))</t>
  </si>
  <si>
    <t>MultiPolygon (((4.70773166913913954 52.38265662424013414, 4.70886283532763539 52.37556032077078783, 4.6998342057835476 52.38043978994683414, 4.69247145456349646 52.37909885866859838, 4.69197054350087761 52.37835002481284619, 4.69530507240276052 52.37655594499464939, 4.68732756736396716 52.37095580703627462, 4.67137704902752571 52.37038036350894288, 4.67271451158952544 52.37422473589774796, 4.67738348647472435 52.37708811215684079, 4.69175307677006437 52.37987288592417912, 4.70773166913913954 52.38265662424013414, 4.70773166913913954 52.38265662424013414)))</t>
  </si>
  <si>
    <t>MultiPolygon (((4.67137704902752571 52.37038036350894288, 4.68732756736396716 52.37095580703627462, 4.69530507240276052 52.37655594499464939, 4.69197054350087761 52.37835002481284619, 4.69247145456349646 52.37909885866859838, 4.6998342057835476 52.38043978994683414, 4.70886283532763539 52.37556032077078783, 4.71076849416398069 52.37266635733674747, 4.7211798640690068 52.36701885417242153, 4.71804613866880196 52.36483372362388877, 4.71544862006310961 52.36552410967875204, 4.71086769091096702 52.36801558434851245, 4.70953040589467165 52.36512459635216743, 4.70676401862466598 52.33479536524298226, 4.68852562282241347 52.34405823499628241, 4.67104046531855044 52.33184679938153749, 4.66976318421477377 52.33252533904035886, 4.66474859581272217 52.33522677763270536, 4.66860922369984266 52.33790871576375281, 4.65944290605185074 52.3428507282682105, 4.65846259408388175 52.34223320562374226, 4.65717313992159365 52.34294483539143528, 4.65641194212291598 52.34363902801337076, 4.65923266075526765 52.34486831416809594, 4.65967700866152956 52.34449353216063372, 4.66816726997993214 52.34772422177005069, 4.66882819408004579 52.34563577986683924, 4.66995329585734886 52.34501950423031502, 4.67140524543392655 52.34602980577817988, 4.67296506017444546 52.34053965893987481, 4.68264437500458985 52.34701410110487529, 4.68867964449106633 52.35121232430090998, 4.68315532402004742 52.35416513905975222, 4.68200978379137567 52.35377768554459266, 4.67646708330695926 52.35618080752193038, 4.67524450311906392 52.35946881862908242, 4.67209187788774649 52.36815792583693252, 4.67137776599158094 52.37037424350697989, 4.67137704902752571 52.37038036350894288, 4.67137704902752571 52.37038036350894288)))</t>
  </si>
  <si>
    <t>MultiPolygon (((4.66816726997993214 52.34772422177005069, 4.6680916712003766 52.34813114514297183, 4.67207899179698583 52.34940390361678908, 4.67373191759594775 52.34765155380611645, 4.67725665841609217 52.35011968012978656, 4.68264437500458985 52.34701410110487529, 4.67296506017444546 52.34053965893987481, 4.67140524543392655 52.34602980577817988, 4.66995329585734886 52.34501950423031502, 4.66882819408004579 52.34563577986683924, 4.66816726997993214 52.34772422177005069, 4.66816726997993214 52.34772422177005069)))</t>
  </si>
  <si>
    <t>MultiPolygon (((4.67646708330695926 52.35618080752193038, 4.68200978379137567 52.35377768554459266, 4.68315532402004742 52.35416513905975222, 4.68867964449106633 52.35121232430090998, 4.68264437500458985 52.34701410110487529, 4.67725665841609217 52.35011968012978656, 4.67373191759594775 52.34765155380611645, 4.67207899179698583 52.34940390361678908, 4.6680916712003766 52.34813114514297183, 4.66816726997993214 52.34772422177005069, 4.65967700866152956 52.34449353216063372, 4.65923266075526765 52.34486831416809594, 4.66081547938904883 52.34553777862216606, 4.67148255907054821 52.35014686183775012, 4.67563345778073014 52.35287938635610061, 4.67646708330695926 52.35618080752193038, 4.67646708330695926 52.35618080752193038)))</t>
  </si>
  <si>
    <t>MultiPolygon (((4.64885198527960597 52.33901303250000581, 4.65590557133791982 52.33522074635823884, 4.64806382261171347 52.32975128865790992, 4.64805846292323732 52.32974788378684394, 4.63920655053252418 52.334712640253926, 4.63726947169845083 52.33722954320223408, 4.64885198527960597 52.33901303250000581, 4.64885198527960597 52.33901303250000581)))</t>
  </si>
  <si>
    <t>MultiPolygon (((4.64885198527960597 52.33901303250000581, 4.64835760509255813 52.33934650393377552, 4.65717313992159365 52.34294483539143528, 4.65846259408388175 52.34223320562374226, 4.65944290605185074 52.3428507282682105, 4.66860922369984266 52.33790871576375281, 4.66474859581272217 52.33522677763270536, 4.66976318421477377 52.33252533904035886, 4.665766742538203 52.33088139005498363, 4.65933682756563883 52.32935204337788804, 4.65456686985239809 52.32723249173517388, 4.66012079377057198 52.32422362727447762, 4.65918181841733148 52.32356498725003746, 4.65908513141340119 52.32361946326160762, 4.65344843792315999 52.32664416283629549, 4.64806382261171347 52.32975128865790992, 4.65590557133791982 52.33522074635823884, 4.64885198527960597 52.33901303250000581, 4.64885198527960597 52.33901303250000581)))</t>
  </si>
  <si>
    <t>MultiPolygon (((4.65641194212291598 52.34363902801337076, 4.65717313992159365 52.34294483539143528, 4.64835760509255813 52.33934650393377552, 4.64885198527960597 52.33901303250000581, 4.63726947169845083 52.33722954320223408, 4.63920655053252418 52.334712640253926, 4.64805846292323732 52.32974788378684394, 4.64025606674677693 52.32577320359164474, 4.63455728524928912 52.32714100411300251, 4.62316500413643094 52.33327634439670106, 4.62194510612101439 52.33275323948952718, 4.62011122956751397 52.33372262609835701, 4.63058429643868408 52.33753431002529766, 4.63964801673526228 52.33890607725077615, 4.64762848566307518 52.34006879996939432, 4.65165771411408357 52.34155969731850178, 4.65641194212291598 52.34363902801337076, 4.65641194212291598 52.34363902801337076)))</t>
  </si>
  <si>
    <t>MultiPolygon (((4.61656420753272911 52.33147340189419339, 4.62011122956751397 52.33372262609835701, 4.62194510612101439 52.33275323948952718, 4.62316500413643094 52.33327634439670106, 4.63455728524928912 52.32714100411300251, 4.64025606674677693 52.32577320359164474, 4.64805846292323732 52.32974788378684394, 4.64806382261171347 52.32975128865790992, 4.65344843792315999 52.32664416283629549, 4.6453103479472615 52.32195227835302376, 4.62279152737928278 52.30615845517011309, 4.61983075532960363 52.30405936325762895, 4.61869787275785093 52.3022326253344545, 4.62056434201835931 52.29664353596525217, 4.61942206348234041 52.29462660209124181, 4.61543297731035196 52.29164869305361663, 4.60193314678237897 52.29886431959391047, 4.60441440864568374 52.30242533624234369, 4.60233774509748894 52.30324940124418731, 4.60473783617887911 52.30627891545871933, 4.61027125087570777 52.31088493211230883, 4.61666351497013583 52.30781531709249066, 4.62461483117234096 52.31337225840945138, 4.61376417217987367 52.31922224310014258, 4.6155931428691197 52.32051815431750441, 4.61270235728146627 52.32228342247827158, 4.61138609744611117 52.32225594757347409, 4.61166187653989912 52.32541985010330876, 4.61346719209663458 52.32806446521374255, 4.61656420753272911 52.33147340189419339, 4.61656420753272911 52.33147340189419339)))</t>
  </si>
  <si>
    <t>MultiPolygon (((4.62461483117234096 52.31337225840945138, 4.61666351497013583 52.30781531709249066, 4.61027125087570777 52.31088493211230883, 4.61153310115902126 52.31224008986089302, 4.61167603933105141 52.31355991255956894, 4.61153021179106304 52.31833491342032971, 4.61138386451491389 52.32220457991774509, 4.61138609744611117 52.32225594757347409, 4.61270235728146627 52.32228342247827158, 4.6155931428691197 52.32051815431750441, 4.61376417217987367 52.31922224310014258, 4.62461483117234096 52.31337225840945138, 4.62461483117234096 52.31337225840945138)))</t>
  </si>
  <si>
    <t>MultiPolygon (((4.59373778177829362 52.28870085805284873, 4.59560159652425959 52.29080485013454194, 4.59677981973818905 52.29042542734964627, 4.59567480301763442 52.28854612969736593, 4.60001600523257537 52.28546521505174383, 4.60072689987339434 52.2827615108952628, 4.59995756388400956 52.28222736101189838, 4.59461244084946419 52.28508101678718134, 4.59242068543186832 52.28448682738546438, 4.59096069364380455 52.2814955354556119, 4.58953896580264598 52.28248552582449804, 4.59133699439938781 52.28595799414297574, 4.59373778177829362 52.28870085805284873, 4.59373778177829362 52.28870085805284873)))</t>
  </si>
  <si>
    <t>MultiPolygon (((4.61543297731035196 52.29164869305361663, 4.58995129497385346 52.27383772913892557, 4.5896143916964256 52.27496761816080806, 4.58488269409060933 52.27833736675791698, 4.58887236138015098 52.28110794047887566, 4.58953896580264598 52.28248552582449804, 4.59096069364380455 52.2814955354556119, 4.59242068543186832 52.28448682738546438, 4.59461244084946419 52.28508101678718134, 4.59995756388400956 52.28222736101189838, 4.60072689987339434 52.2827615108952628, 4.60001600523257537 52.28546521505174383, 4.59567480301763442 52.28854612969736593, 4.59677981973818905 52.29042542734964627, 4.59560159652425959 52.29080485013454194, 4.59647654223295188 52.29444572712779404, 4.59824392661378223 52.29773579971077879, 4.60233774509748894 52.30324940124418731, 4.60441440864568374 52.30242533624234369, 4.60193314678237897 52.29886431959391047, 4.61543297731035196 52.29164869305361663, 4.61543297731035196 52.29164869305361663)))</t>
  </si>
  <si>
    <t>MultiPolygon (((4.58995129497385346 52.27383772913892557, 4.58580294426389212 52.26919693341449857, 4.58340478765591719 52.27046212732403063, 4.57734760215820558 52.2662137900938788, 4.59932607001218496 52.25447447565179715, 4.59346896255321635 52.25038109976971157, 4.56241131098315478 52.2286316796773491, 4.55561947420688629 52.23201906963154784, 4.56078368348079266 52.23305996786051963, 4.56227264767788476 52.23384344250560929, 4.56418373781864428 52.23862875755551727, 4.56505495507037207 52.24143068049363592, 4.56633105314736376 52.24127862414528778, 4.57081060637943448 52.24424592161381042, 4.57584462319197449 52.24520702569937924, 4.57723640141447596 52.24441830575708678, 4.5812292583799632 52.24599468650323075, 4.58610153030308609 52.25430610623331518, 4.57354773090789735 52.26099819627904708, 4.57108371950019432 52.26524566670728689, 4.56825115032687634 52.26555793212065737, 4.56803834133811559 52.26651739479129333, 4.56833579394636313 52.26855338573722065, 4.57274903462473681 52.27124001875646542, 4.57712232047101697 52.2738025694330517, 4.58414394665455749 52.27791532524036455, 4.58488269409060933 52.27833736675791698, 4.5896143916964256 52.27496761816080806, 4.58995129497385346 52.27383772913892557, 4.58995129497385346 52.27383772913892557)))</t>
  </si>
  <si>
    <t>MultiPolygon (((4.5812292583799632 52.24599468650323075, 4.57723640141447596 52.24441830575708678, 4.57584462319197449 52.24520702569937924, 4.57081060637943448 52.24424592161381042, 4.56633105314736376 52.24127862414528778, 4.56505495507037207 52.24143068049363592, 4.5653477265811846 52.24234784500310269, 4.56620916760687301 52.24501354385527208, 4.56783207938303182 52.25074732851446413, 4.568763657160269 52.25567094616359753, 4.56953757282326922 52.25986023145161141, 4.56844863220393549 52.26470549074316807, 4.56825115032687634 52.26555793212065737, 4.57108371950019432 52.26524566670728689, 4.57354773090789735 52.26099819627904708, 4.58610153030308609 52.25430610623331518, 4.5812292583799632 52.24599468650323075, 4.5812292583799632 52.24599468650323075)))</t>
  </si>
  <si>
    <t>MultiPolygon (((4.57376275556788148 52.21725835470777355, 4.57008949863804759 52.21977686255520013, 4.57197911206525465 52.22059417849804674, 4.57587310647927215 52.21849789917649076, 4.58312842167984691 52.2198843876073866, 4.5968385250458228 52.21729320399167307, 4.59824883560231346 52.21641386194593792, 4.60258089207898902 52.21543427570198048, 4.61750535712933274 52.21528817292375635, 4.62110557690616819 52.21677824602487306, 4.62522865003780836 52.21651158801473258, 4.62717117015168977 52.21815010757368469, 4.62584464855608246 52.21530124737866174, 4.62248379787613661 52.21492274412551637, 4.61843714772059322 52.21447576921377021, 4.60276158513280631 52.21455826911345355, 4.59818076577839285 52.21554517372612736, 4.58355319509142678 52.21887420588917195, 4.57376275556788148 52.21725835470777355, 4.57376275556788148 52.21725835470777355)))</t>
  </si>
  <si>
    <t>MultiPolygon (((4.57376275556788148 52.21725835470777355, 4.57220219166758213 52.21699910306768544, 4.55843314616643802 52.21879853759861589, 4.55661536182060356 52.21927304626105837, 4.55393398318837495 52.22220541854056819, 4.55047036189574605 52.22674471595409074, 4.55362498287123163 52.23093297459363527, 4.55561947420688629 52.23201906963154784, 4.56241131098315478 52.2286316796773491, 4.55977508301748458 52.22700195022530067, 4.55996306594291845 52.22531360950050328, 4.57008949863804759 52.21977686255520013, 4.57376275556788148 52.21725835470777355, 4.57376275556788148 52.21725835470777355)))</t>
  </si>
  <si>
    <t>MultiPolygon (((4.59346896255321635 52.25038109976971157, 4.6164051632599854 52.23814385668315197, 4.61432469106406806 52.23667643551241468, 4.62402201694037718 52.231490729398935, 4.6290448451496875 52.23133424061671093, 4.63036024182938011 52.23067925170665404, 4.62717117015168977 52.21815010757368469, 4.62522865003780836 52.21651158801473258, 4.62110557690616819 52.21677824602487306, 4.61750535712933274 52.21528817292375635, 4.60258089207898902 52.21543427570198048, 4.59824883560231346 52.21641386194593792, 4.5968385250458228 52.21729320399167307, 4.58312842167984691 52.2198843876073866, 4.57587310647927215 52.21849789917649076, 4.57197911206525465 52.22059417849804674, 4.57008949863804759 52.21977686255520013, 4.55996306594291845 52.22531360950050328, 4.55977508301748458 52.22700195022530067, 4.56241131098315478 52.2286316796773491, 4.59346896255321635 52.25038109976971157, 4.59346896255321635 52.25038109976971157),(4.58393451657386919 52.23881391357865311, 4.58317650486393902 52.238713737550313, 4.58318949793403618 52.236563495061624, 4.58513613306195733 52.23657043001652056, 4.58796834509766249 52.23359539541316821, 4.58797112263750151 52.2319259558044493, 4.59202527946055383 52.22976165611218136, 4.59461941127310514 52.23525261954613086, 4.59390401230018153 52.23622476735291542, 4.58976752888915751 52.23844578179022591, 4.58393451657386919 52.23881391357865311, 4.58393451657386919 52.23881391357865311)))</t>
  </si>
  <si>
    <t>MultiPolygon (((4.58393451657386919 52.23881391357865311, 4.58976752888915751 52.23844578179022591, 4.59390401230018153 52.23622476735291542, 4.59461941127310514 52.23525261954613086, 4.59202527946055383 52.22976165611218136, 4.58797112263750151 52.2319259558044493, 4.58796834509766249 52.23359539541316821, 4.58513613306195733 52.23657043001652056, 4.58318949793403618 52.236563495061624, 4.58317650486393902 52.238713737550313, 4.58393451657386919 52.23881391357865311, 4.58393451657386919 52.23881391357865311)))</t>
  </si>
  <si>
    <t>MultiPolygon (((4.65847373454582403 52.22609828276863908, 4.6471777793941822 52.22120587840106509, 4.6385745562120313 52.21848662264807217, 4.63263445271148466 52.21618427423958053, 4.62584464855608246 52.21530124737866174, 4.62717117015168977 52.21815010757368469, 4.63036024182938011 52.23067925170665404, 4.63827835781605291 52.22642413011813289, 4.65156942897988568 52.23561773548041742, 4.66584720292979416 52.22799641287818417, 4.65847373454582403 52.22609828276863908)))</t>
  </si>
  <si>
    <t>MultiPolygon (((4.65156942897988568 52.23561773548041742, 4.66153556302193017 52.24270393844093974, 4.67707383466633164 52.23438670348932078, 4.67034808714490168 52.23075578542270847, 4.66834576951935531 52.22958041092775971, 4.66584720292979416 52.22799641287818417, 4.65156942897988568 52.23561773548041742, 4.65156942897988568 52.23561773548041742)))</t>
  </si>
  <si>
    <t>MultiPolygon (((4.68124868253147408 52.23914288514832549, 4.67707383466633164 52.23438670348932078, 4.66153556302193017 52.24270393844093974, 4.6674791699948015 52.24685174053674075, 4.67844008318311744 52.24070671928075882, 4.68317964369266271 52.24150210634631719, 4.68658371065239088 52.24383379787727932, 4.68473588335332813 52.24483556323595934, 4.68859991780273244 52.24752267973750719, 4.69429883255696456 52.24446032817936469, 4.69551275008043234 52.24322276475220406, 4.68124868253147408 52.23914288514832549)))</t>
  </si>
  <si>
    <t>MultiPolygon (((4.71464239815881747 52.2797695104298441, 4.73256309571744183 52.27018293346291955, 4.73390245691333433 52.26715566421113124, 4.72972633960381117 52.26609279686771004, 4.72447583338782362 52.26375871013951979, 4.72220803815413781 52.26120721250715917, 4.7203988897503768 52.26110289551483135, 4.7172931666330884 52.26196694210657512, 4.71279471652392612 52.26439370835637988, 4.70982705269513247 52.26233750820917834, 4.70862170311072958 52.26298955645568611, 4.71028857504973075 52.26414822908591162, 4.70599719796050664 52.26647202035848494, 4.70357238894441831 52.26477429259547591, 4.70340244399516827 52.26359913279866021, 4.70803631826530555 52.26109770248678643, 4.69991961972870165 52.25542254665062103, 4.70266084180182187 52.25283835171978097, 4.70956992163812505 52.25856612873563023, 4.7119319217163973 52.25728598380868561, 4.70793003725507475 52.25459637235995558, 4.70870981290648771 52.25239928618683649, 4.70413310995215106 52.24718573800483767, 4.70046398019277056 52.24478443379209125, 4.69863562614250529 52.24450674096743796, 4.69623269213448324 52.24579709895868973, 4.69429883255696456 52.24446032817936469, 4.68859991780273244 52.24752267973750719, 4.68473588335332813 52.24483556323595934, 4.68658371065239088 52.24383379787727932, 4.68317964369266271 52.24150210634631719, 4.67844008318311744 52.24070671928075882, 4.6674791699948015 52.24685174053674075, 4.68300030445448012 52.25769536055148734, 4.6865799520418685 52.25814612076293741, 4.68834579638887305 52.25720070412946683, 4.69146744782307135 52.2591068265179004, 4.69242739216345051 52.25977717520851229, 4.68881936513576569 52.26175508001655601, 4.71464239815881747 52.2797695104298441, 4.71464239815881747 52.2797695104298441)))</t>
  </si>
  <si>
    <t>MultiPolygon (((4.70526715817241392 52.24675519655431088, 4.70186726225848517 52.24446790860626777, 4.69551275008043234 52.24322276475220406, 4.69429883255696456 52.24446032817936469, 4.69623269213448324 52.24579709895868973, 4.69863562614250529 52.24450674096743796, 4.70046398019277056 52.24478443379209125, 4.70413310995215106 52.24718573800483767, 4.70870981290648771 52.25239928618683649, 4.70793003725507475 52.25459637235995558, 4.7119319217163973 52.25728598380868561, 4.71562297564701449 52.25743186189153278, 4.71985933346021813 52.25932129966552253, 4.72220803815413781 52.26120721250715917, 4.72447583338782362 52.26375871013951979, 4.72972633960381117 52.26609279686771004, 4.73390245691333433 52.26715566421113124, 4.73456728694840123 52.2665466608666236, 4.72979544429874199 52.26516299342139149, 4.72587721232298108 52.2633388489928663, 4.72078565649426896 52.25878149919572735, 4.71322017902865475 52.25540089699575219, 4.70526715817241392 52.24675519655431088, 4.70526715817241392 52.24675519655431088)))</t>
  </si>
  <si>
    <t>MultiPolygon (((4.71562297564701449 52.25743186189153278, 4.7119319217163973 52.25728598380868561, 4.70956992163812505 52.25856612873563023, 4.70266084180182187 52.25283835171978097, 4.69991961972870165 52.25542254665062103, 4.70803631826530555 52.26109770248678643, 4.70340244399516827 52.26359913279866021, 4.70357238894441831 52.26477429259547591, 4.70599719796050664 52.26647202035848494, 4.71028857504973075 52.26414822908591162, 4.70862170311072958 52.26298955645568611, 4.70982705269513247 52.26233750820917834, 4.70896008323341153 52.2617378591511681, 4.7094567424923568 52.26088516280675833, 4.71562297564701449 52.25743186189153278, 4.71562297564701449 52.25743186189153278)))</t>
  </si>
  <si>
    <t>MultiPolygon (((4.70982705269513247 52.26233750820917834, 4.71279471652392612 52.26439370835637988, 4.7172931666330884 52.26196694210657512, 4.7203988897503768 52.26110289551483135, 4.72220803815413781 52.26120721250715917, 4.71985933346021813 52.25932129966552253, 4.71562297564701449 52.25743186189153278, 4.7094567424923568 52.26088516280675833, 4.70896008323341153 52.2617378591511681, 4.70982705269513247 52.26233750820917834, 4.70982705269513247 52.26233750820917834)))</t>
  </si>
  <si>
    <t>MultiPolygon (((4.71524402038630619 52.28018898412015858, 4.72590177270875333 52.28759736732461505, 4.74214756363449386 52.27878435410286784, 4.74700575191901653 52.27612857946758851, 4.74813820436641443 52.27552155256633171, 4.74729781062716594 52.27471748970047116, 4.74000567630775116 52.27023861933771087, 4.73613225262444359 52.27233828393290338, 4.73256309571744183 52.27018293346291955, 4.71464239815881747 52.2797695104298441, 4.71524402038630619 52.28018898412015858, 4.71524402038630619 52.28018898412015858)))</t>
  </si>
  <si>
    <t>MultiPolygon (((4.72590177270875333 52.28759736732461505, 4.72835117675342609 52.28930110841174894, 4.73983990930948185 52.28325385309371853, 4.74333117507062774 52.28567401388455949, 4.74839495435923009 52.28293916490481763, 4.74214756363449386 52.27878435410286784, 4.72590177270875333 52.28759736732461505, 4.72590177270875333 52.28759736732461505)))</t>
  </si>
  <si>
    <t>MultiPolygon (((4.77101981188080515 52.27936621070184486, 4.76511297793342159 52.27678214874165974, 4.75687845101101381 52.27440113544218292, 4.75132200716252129 52.27368949302285017, 4.74669928721726286 52.272253352282668, 4.74376536528003978 52.26983760749885732, 4.73923491922329632 52.26761352331428157, 4.73456728694840123 52.2665466608666236, 4.73390245691333433 52.26715566421113124, 4.73256309571744183 52.27018293346291955, 4.73613225262444359 52.27233828393290338, 4.74000567630775116 52.27023861933771087, 4.74729781062716594 52.27471748970047116, 4.74813820436641443 52.27552155256633171, 4.74700575191901653 52.27612857946758851, 4.74811904988189681 52.27694402093499093, 4.74949105115981052 52.27620047230608691, 4.74860569281477307 52.27558481427145409, 4.75070942178620648 52.27448785816854837, 4.75468106860913942 52.27475845601467341, 4.75656280494517869 52.27528751839768262, 4.75454501267727281 52.27637650669512226, 4.75721255581387847 52.27812865350724536, 4.76043276414287408 52.27875032408299916, 4.76151084786084677 52.27816652255238239, 4.76601151103118514 52.27879952331643665, 4.77011597671659704 52.27998390045925703, 4.77101981188080515 52.27936621070184486, 4.77101981188080515 52.27936621070184486)))</t>
  </si>
  <si>
    <t>MultiPolygon (((4.77101981188080515 52.27936621070184486, 4.77011597671659704 52.27998390045925703, 4.77467582783712263 52.28194125027593486, 4.77457735053909449 52.28352812621912449, 4.77254235215271194 52.28476467722957466, 4.77432254052372773 52.28574681476475661, 4.78005380655185874 52.2859385765054796, 4.78161554191874139 52.29528230505786723, 4.78554475594763939 52.29789512249649874, 4.79324822842117637 52.29409944956282175, 4.78834139715570295 52.28853094373526744, 4.77991031479309747 52.28313029522475119, 4.77101981188080515 52.27936621070184486)))</t>
  </si>
  <si>
    <t>MultiPolygon (((4.74839495435923009 52.28293916490481763, 4.75105682896648229 52.28338178153875759, 4.75501091219597782 52.28298230430463178, 4.75795448955898781 52.28367659849908478, 4.76558054317048185 52.28727780902607236, 4.77200678315097182 52.29173673639781583, 4.77417187473476634 52.29056425067501124, 4.77432254052372773 52.28574681476475661, 4.77254235215271194 52.28476467722957466, 4.77457735053909449 52.28352812621912449, 4.77467582783712263 52.28194125027593486, 4.77011597671659704 52.27998390045925703, 4.76601151103118514 52.27879952331643665, 4.76151084786084677 52.27816652255238239, 4.76043276414287408 52.27875032408299916, 4.75721255581387847 52.27812865350724536, 4.75454501267727281 52.27637650669512226, 4.75656280494517869 52.27528751839768262, 4.75468106860913942 52.27475845601467341, 4.75070942178620648 52.27448785816854837, 4.74860569281477307 52.27558481427145409, 4.74949105115981052 52.27620047230608691, 4.74811904988189681 52.27694402093499093, 4.74700575191901653 52.27612857946758851, 4.74214756363449386 52.27878435410286784, 4.74839495435923009 52.28293916490481763, 4.74839495435923009 52.28293916490481763)))</t>
  </si>
  <si>
    <t>MultiPolygon (((4.81712153582172142 52.32692511220558629, 4.81875257068546858 52.32556025805024547, 4.81906174708685509 52.32331833284298028, 4.81612410647770073 52.31349120447014656, 4.81715265125455172 52.31196688424335406, 4.81707540620780694 52.31182059935314754, 4.81227134454152328 52.31523971071958101, 4.80505818690092568 52.32268860666099641, 4.79863777648819045 52.32682534026626797, 4.79509317293857684 52.32869312385449234, 4.80225350319320476 52.33256364313404418, 4.79743761065223939 52.33457468573081428, 4.7974719079618966 52.33468448044464338, 4.7982176771689824 52.33504107813651984, 4.79879705873915618 52.33480016284411818, 4.80304823094062261 52.33303273489746488, 4.81712153582172142 52.32692511220558629, 4.81712153582172142 52.32692511220558629)))</t>
  </si>
  <si>
    <t>MultiPolygon (((4.7982176771689824 52.33504107813651984, 4.7974719079618966 52.33468448044464338, 4.7919128491281473 52.34004669902943618, 4.78642401429254694 52.34302405354219445, 4.77274525452754883 52.34840222960189493, 4.77329901985292882 52.34892054290632757, 4.78080464639424108 52.34584615096339633, 4.79110214248941801 52.34150016674514916, 4.7982176771689824 52.33504107813651984, 4.7982176771689824 52.33504107813651984)))</t>
  </si>
  <si>
    <t>MultiPolygon (((4.78185443470303895 52.32997939662054421, 4.78714807033187029 52.33361632541717512, 4.78789337824710159 52.33252789307854869, 4.79509317293857684 52.32869312385449234, 4.79863777648819045 52.32682534026626797, 4.79492695354940146 52.32443706203397227, 4.79162727098164964 52.32417411274145991, 4.78765491272429511 52.32575372995433582, 4.78761371188783791 52.32659465551466127, 4.78185443470303895 52.32997939662054421, 4.78185443470303895 52.32997939662054421)))</t>
  </si>
  <si>
    <t>MultiPolygon (((4.78788344700259216 52.33872301899967283, 4.7909932696207278 52.3359586629965321, 4.78632720813581702 52.33545683448423347, 4.78714807033187029 52.33361632541717512, 4.78185443470303895 52.32997939662054421, 4.77834733910974574 52.33190383845259674, 4.7828163785070279 52.33521189864092804, 4.78788344700259216 52.33872301899967283, 4.78788344700259216 52.33872301899967283)))</t>
  </si>
  <si>
    <t>MultiPolygon (((4.78714807033187029 52.33361632541717512, 4.78632720813581702 52.33545683448423347, 4.7909932696207278 52.3359586629965321, 4.79309489895690355 52.33303286411068456, 4.79743761065223939 52.33457468573081428, 4.80225350319320476 52.33256364313404418, 4.79509317293857684 52.32869312385449234, 4.78789337824710159 52.33252789307854869, 4.78714807033187029 52.33361632541717512, 4.78714807033187029 52.33361632541717512)))</t>
  </si>
  <si>
    <t>MultiPolygon (((4.78788344700259216 52.33872301899967283, 4.7919128491281473 52.34004669902943618, 4.7974719079618966 52.33468448044464338, 4.79743761065223939 52.33457468573081428, 4.79309489895690355 52.33303286411068456, 4.7909932696207278 52.3359586629965321, 4.78788344700259216 52.33872301899967283, 4.78788344700259216 52.33872301899967283)))</t>
  </si>
  <si>
    <t>MultiPolygon (((4.78214601659374505 52.3400324952023297, 4.78642401429254694 52.34302405354219445, 4.7919128491281473 52.34004669902943618, 4.78788344700259216 52.33872301899967283, 4.7828163785070279 52.33521189864092804, 4.77849959571441918 52.33749602240362009, 4.78214601659374505 52.3400324952023297, 4.78214601659374505 52.3400324952023297)))</t>
  </si>
  <si>
    <t>MultiPolygon (((4.77849959571441918 52.33749602240362009, 4.7828163785070279 52.33521189864092804, 4.77834733910974574 52.33190383845259674, 4.7738692766714852 52.33428149957970987, 4.77849959571441918 52.33749602240362009, 4.77849959571441918 52.33749602240362009)))</t>
  </si>
  <si>
    <t>MultiPolygon (((4.77184362271046592 52.34732409748713167, 4.77187189844501969 52.34730965634916089, 4.77027605062646387 52.34592142856428154, 4.77549416072425537 52.34330589127966959, 4.77430650989029814 52.34239503565565599, 4.77419189034054003 52.33958223170590429, 4.77849959571441918 52.33749602240362009, 4.7738692766714852 52.33428149957970987, 4.76100588617262854 52.34121458834756879, 4.76326345694031161 52.34515811625193749, 4.76731094959689372 52.34613669027962857, 4.77022194534355837 52.34814934267004105, 4.77184362271046592 52.34732409748713167, 4.77184362271046592 52.34732409748713167)))</t>
  </si>
  <si>
    <t>MultiPolygon (((4.77549416072425537 52.34330589127966959, 4.78214601659374505 52.3400324952023297, 4.77849959571441918 52.33749602240362009, 4.77419189034054003 52.33958223170590429, 4.77430650989029814 52.34239503565565599, 4.77549416072425537 52.34330589127966959, 4.77549416072425537 52.34330589127966959)))</t>
  </si>
  <si>
    <t>MultiPolygon (((4.77187189844501969 52.34730965634916089, 4.77274525452754883 52.34840222960189493, 4.78642401429254694 52.34302405354219445, 4.78214601659374505 52.3400324952023297, 4.77549416072425537 52.34330589127966959, 4.77027605062646387 52.34592142856428154, 4.77187189844501969 52.34730965634916089, 4.77187189844501969 52.34730965634916089)))</t>
  </si>
  <si>
    <t>MultiPolygon (((4.76100588617262854 52.34121458834756879, 4.7738692766714852 52.33428149957970987, 4.77834733910974574 52.33190383845259674, 4.78185443470303895 52.32997939662054421, 4.78761371188783791 52.32659465551466127, 4.78765491272429511 52.32575372995433582, 4.76606632410311448 52.32315983593431952, 4.76035431697874145 52.32128207127405517, 4.75603971673444459 52.31883941813397598, 4.74518980225697184 52.31840554802732868, 4.74565895562486872 52.32835438413739126, 4.75873025922843507 52.33747173092056215, 4.75742243055535763 52.33925032232976804, 4.75793863052423038 52.34090840006772538, 4.75950876735723849 52.34201564173783083, 4.76100588617262854 52.34121458834756879, 4.76100588617262854 52.34121458834756879)))</t>
  </si>
  <si>
    <t>MultiPolygon (((4.71544862006310961 52.36552410967875204, 4.71804613866880196 52.36483372362388877, 4.7211798640690068 52.36701885417242153, 4.74002051519116296 52.35689584506785366, 4.73635279390108188 52.35009082190585161, 4.71654984227084206 52.33631240787195793, 4.71414681495778076 52.33759989642332755, 4.71495002393092655 52.34639355658432436, 4.71319836136477033 52.34733086024805715, 4.71544862006310961 52.36552410967875204, 4.71544862006310961 52.36552410967875204)))</t>
  </si>
  <si>
    <t>MultiPolygon (((4.75588085547766237 52.36180751570972802, 4.75483714032628857 52.35790733044045453, 4.75568381760073411 52.3561500383245999, 4.76739272925307578 52.35126855089207965, 4.77329901985292882 52.34892054290632757, 4.77274525452754883 52.34840222960189493, 4.77187189844501969 52.34730965634916089, 4.77184362271046592 52.34732409748713167, 4.76961764988535997 52.34931769569237758, 4.7650412796489654 52.35124294737894957, 4.76051834525329376 52.35101583432403061, 4.75683686451025345 52.34846728130188609, 4.75494715098317045 52.3493272487318464, 4.75401137373063953 52.35222778972048019, 4.74522639610921182 52.35639105217905609, 4.74876042225338502 52.35890004138699538, 4.7512284302008414 52.35797171352003687, 4.75406451715864531 52.35822467785062173, 4.75434287524504029 52.36105366277782025, 4.75588085547766237 52.36180751570972802, 4.75588085547766237 52.36180751570972802)))</t>
  </si>
  <si>
    <t>MultiPolygon (((4.75486045064721718 52.36742222650761391, 4.75783706816896945 52.36871813187730851, 4.75588085547766237 52.36180751570972802, 4.75434287524504029 52.36105366277782025, 4.75406451715864531 52.35822467785062173, 4.7512284302008414 52.35797171352003687, 4.74876042225338502 52.35890004138699538, 4.74522639610921182 52.35639105217905609, 4.75401137373063953 52.35222778972048019, 4.75494715098317045 52.3493272487318464, 4.75683686451025345 52.34846728130188609, 4.76051834525329376 52.35101583432403061, 4.7650412796489654 52.35124294737894957, 4.76961764988535997 52.34931769569237758, 4.77184362271046592 52.34732409748713167, 4.77022194534355837 52.34814934267004105, 4.76731094959689372 52.34613669027962857, 4.76326345694031161 52.34515811625193749, 4.76100588617262854 52.34121458834756879, 4.75950876735723849 52.34201564173783083, 4.75793863052423038 52.34090840006772538, 4.75742243055535763 52.33925032232976804, 4.75873025922843507 52.33747173092056215, 4.74565895562486872 52.32835438413739126, 4.74622686836447194 52.33452506400338677, 4.73975286174850385 52.33792170651705788, 4.73498177616825089 52.33466901504357338, 4.73392875830840065 52.32319370917250012, 4.73315557031973366 52.32229405444676473, 4.72573687100764683 52.32822122595794667, 4.72444540190539364 52.32838789636786458, 4.71382754846929863 52.3341036347605808, 4.71654984227084206 52.33631240787195793, 4.73635279390108188 52.35009082190585161, 4.74002051519116296 52.35689584506785366, 4.74647888843711918 52.36286656654611704, 4.75486045064721718 52.36742222650761391, 4.75486045064721718 52.36742222650761391)))</t>
  </si>
  <si>
    <t>MultiPolygon (((4.72117997197427375 52.38498084836231783, 4.72149634125340079 52.38463135420495576, 4.72577160378563566 52.38176100164801596, 4.72648276360795272 52.38224877571870053, 4.73219543840353651 52.37917941439103942, 4.73061223422155575 52.37807596559584056, 4.73418032497566177 52.37616003199371306, 4.7372482282291859 52.37828503346704423, 4.74292947470578685 52.37522812953783813, 4.74665335879204875 52.37292389553591221, 4.74501004093669287 52.37178244214612022, 4.74719609668535636 52.37058650119579539, 4.74962174444995711 52.3722784828297705, 4.75535589459583186 52.36921355826014945, 4.75486045064721718 52.36742222650761391, 4.74647888843711918 52.36286656654611704, 4.74002051519116296 52.35689584506785366, 4.7211798640690068 52.36701885417242153, 4.71076849416398069 52.37266635733674747, 4.70886283532763539 52.37556032077078783, 4.70773166913913954 52.38265662424013414, 4.72117997197427375 52.38498084836231783, 4.72117997197427375 52.38498084836231783)))</t>
  </si>
  <si>
    <t>MultiPolygon (((4.72117997197427375 52.38498084836231783, 4.72877208946588468 52.38630161335430557, 4.73226224579959887 52.38636010941961985, 4.74833286595194881 52.38291017666055183, 4.75443861245646104 52.38003387949037659, 4.75671787804902202 52.37783776474105224, 4.75838039072545715 52.37401530606332756, 4.75847450490188972 52.37109317030479616, 4.75783706816896945 52.36871813187730851, 4.75486045064721718 52.36742222650761391, 4.75535589459583186 52.36921355826014945, 4.75712695378578942 52.36996955669442855, 4.75756833119869871 52.37189791559017493, 4.75711716591314193 52.37507671353345273, 4.7554665928887303 52.37758006986840087, 4.75035577213583693 52.38090644881227576, 4.74475713206687644 52.38318939366696014, 4.74254357679689509 52.38185154186646741, 4.73883054363206657 52.37927478300991879, 4.7326298163071252 52.38310968085691144, 4.73001280494366938 52.38559901946624109, 4.72819856119361237 52.38579384449415954, 4.72149634125340079 52.38463135420495576, 4.72117997197427375 52.38498084836231783, 4.72117997197427375 52.38498084836231783)))</t>
  </si>
  <si>
    <t>MultiPolygon (((4.74254357679689509 52.38185154186646741, 4.74475713206687644 52.38318939366696014, 4.75035577213583693 52.38090644881227576, 4.74666526920935272 52.37791947090743605, 4.74287517836914851 52.37971954047384315, 4.74394942882425585 52.38072506594782141, 4.74254357679689509 52.38185154186646741, 4.74254357679689509 52.38185154186646741)))</t>
  </si>
  <si>
    <t>MultiPolygon (((4.74666526920935272 52.37791947090743605, 4.75035577213583693 52.38090644881227576, 4.7554665928887303 52.37758006986840087, 4.7520047838572026 52.3752130053934053, 4.74630796226993823 52.37766826892433869, 4.74666526920935272 52.37791947090743605, 4.74666526920935272 52.37791947090743605)))</t>
  </si>
  <si>
    <t>MultiPolygon (((4.7520047838572026 52.3752130053934053, 4.7554665928887303 52.37758006986840087, 4.75711716591314193 52.37507671353345273, 4.75756833119869871 52.37189791559017493, 4.75712695378578942 52.36996955669442855, 4.75535589459583186 52.36921355826014945, 4.74962174444995711 52.3722784828297705, 4.74719609668535636 52.37058650119579539, 4.74501004093669287 52.37178244214612022, 4.74665335879204875 52.37292389553591221, 4.7520047838572026 52.3752130053934053, 4.7520047838572026 52.3752130053934053)))</t>
  </si>
  <si>
    <t>MultiPolygon (((4.74292947470578685 52.37522812953783813, 4.74630796226993823 52.37766826892433869, 4.7520047838572026 52.3752130053934053, 4.74665335879204875 52.37292389553591221, 4.74292947470578685 52.37522812953783813, 4.74292947470578685 52.37522812953783813)))</t>
  </si>
  <si>
    <t>MultiPolygon (((4.73883054363206657 52.37927478300991879, 4.74254357679689509 52.38185154186646741, 4.74394942882425585 52.38072506594782141, 4.74287517836914851 52.37971954047384315, 4.74666526920935272 52.37791947090743605, 4.74630796226993823 52.37766826892433869, 4.74292947470578685 52.37522812953783813, 4.7372482282291859 52.37828503346704423, 4.73883054363206657 52.37927478300991879, 4.73883054363206657 52.37927478300991879)))</t>
  </si>
  <si>
    <t>MultiPolygon (((4.72149634125340079 52.38463135420495576, 4.72819856119361237 52.38579384449415954, 4.73001280494366938 52.38559901946624109, 4.7326298163071252 52.38310968085691144, 4.73883054363206657 52.37927478300991879, 4.7372482282291859 52.37828503346704423, 4.73418032497566177 52.37616003199371306, 4.73061223422155575 52.37807596559584056, 4.73219543840353651 52.37917941439103942, 4.72648276360795272 52.38224877571870053, 4.72577160378563566 52.38176100164801596, 4.72149634125340079 52.38463135420495576, 4.72149634125340079 52.38463135420495576)))</t>
  </si>
  <si>
    <t>MultiPolygon (((4.64143061089965325 52.25571319770608625, 4.64342278486225446 52.25710435309290602, 4.64555595439538216 52.25859380421130851, 4.65675382829415341 52.25261072466281576, 4.65612260825125635 52.25215775440199906, 4.65258449533403695 52.24969661777483765, 4.64143061089965325 52.25571319770608625, 4.64143061089965325 52.25571319770608625)))</t>
  </si>
  <si>
    <t>MultiPolygon (((4.63572035301381113 52.29804246187073602, 4.63724368314639879 52.29718970613873807, 4.63896991409655612 52.298393170006932, 4.64094280470496923 52.29732959581191665, 4.64304899758341971 52.29598903485953088, 4.64149160523512094 52.29490049607321112, 4.66168188987147936 52.28395073202514709, 4.6672459998993201 52.28100629247846598, 4.67161888623035981 52.28019945812069835, 4.67394754501709198 52.27952165389022809, 4.69584042356250908 52.26731323273807561, 4.68831467146161618 52.26202615650341698, 4.68656499363538082 52.26276190001104283, 4.6820822864302043 52.25962267237174075, 4.68300030445448012 52.25769536055148734, 4.6674791699948015 52.24685174053674075, 4.66153556302193017 52.24270393844093974, 4.65156942897988568 52.23561773548041742, 4.63827835781605291 52.22642413011813289, 4.63036024182938011 52.23067925170665404, 4.6290448451496875 52.23133424061671093, 4.62402201694037718 52.231490729398935, 4.61432469106406806 52.23667643551241468, 4.6164051632599854 52.23814385668315197, 4.59346896255321635 52.25038109976971157, 4.59932607001218496 52.25447447565179715, 4.57734760215820558 52.2662137900938788, 4.58340478765591719 52.27046212732403063, 4.58580294426389212 52.26919693341449857, 4.58995129497385346 52.27383772913892557, 4.61543297731035196 52.29164869305361663, 4.61942206348234041 52.29462660209124181, 4.62056434201835931 52.29664353596525217, 4.62401519084961521 52.29904471092486062, 4.63390042637841582 52.29371908845188699, 4.63531944896871106 52.29536194812990146, 4.63338231983575355 52.29640568745342222, 4.63572035301381113 52.29804246187073602, 4.63572035301381113 52.29804246187073602),(4.61160109431103038 52.27679359481312105, 4.59985120096915345 52.26856282933069764, 4.61102500351723066 52.26255760805053541, 4.62233618935393764 52.25646383652252069, 4.61703652274248189 52.25275961226815724, 4.62131064581402207 52.25162424001100447, 4.62918749729368439 52.25194846436218654, 4.63366406453865842 52.25033202147369593, 4.63889928331852897 52.25398984952935422, 4.64143061089965325 52.25571319770608625, 4.65258449533403695 52.24969661777483765, 4.65612260825125635 52.25215775440199906, 4.65675382829415341 52.25261072466281576, 4.64555595439538216 52.25859380421130851, 4.65710761259981787 52.26660010292098946, 4.64564558449417753 52.27274591086165145, 4.63431777023894043 52.27888583055830196, 4.62313715793217561 52.28487699973132408, 4.61160109431103038 52.27679359481312105, 4.61160109431103038 52.27679359481312105)))</t>
  </si>
  <si>
    <t>MultiPolygon (((4.62233618935393764 52.25646383652252069, 4.62690835132838263 52.25965887872062154, 4.63889928331852897 52.25398984952935422, 4.63366406453865842 52.25033202147369593, 4.62918749729368439 52.25194846436218654, 4.62131064581402207 52.25162424001100447, 4.61703652274248189 52.25275961226815724, 4.62233618935393764 52.25646383652252069, 4.62233618935393764 52.25646383652252069)))</t>
  </si>
  <si>
    <t>MultiPolygon (((4.61160109431103038 52.27679359481312105, 4.62277294545940265 52.27079479517868066, 4.61686036400916677 52.26664966196040041, 4.61102500351723066 52.26255760805053541, 4.59985120096915345 52.26856282933069764, 4.61160109431103038 52.27679359481312105, 4.61160109431103038 52.27679359481312105)))</t>
  </si>
  <si>
    <t>MultiPolygon (((4.61160109431103038 52.27679359481312105, 4.62313715793217561 52.28487699973132408, 4.63431777023894043 52.27888583055830196, 4.62733947922742761 52.27399552498192037, 4.62277294545940265 52.27079479517868066, 4.61160109431103038 52.27679359481312105, 4.61160109431103038 52.27679359481312105)))</t>
  </si>
  <si>
    <t>MultiPolygon (((4.61102500351723066 52.26255760805053541, 4.61686036400916677 52.26664966196040041, 4.62832806153660314 52.2606508539449095, 4.62690835132838263 52.25965887872062154, 4.62233618935393764 52.25646383652252069, 4.61102500351723066 52.26255760805053541, 4.61102500351723066 52.26255760805053541)))</t>
  </si>
  <si>
    <t>MultiPolygon (((4.62832806153660314 52.2606508539449095, 4.63413371618712233 52.26470670790490658, 4.64555595439538216 52.25859380421130851, 4.64342278486225446 52.25710435309290602, 4.64143061089965325 52.25571319770608625, 4.63889928331852897 52.25398984952935422, 4.62690835132838263 52.25965887872062154, 4.62832806153660314 52.2606508539449095, 4.62832806153660314 52.2606508539449095)))</t>
  </si>
  <si>
    <t>MultiPolygon (((4.61686036400916677 52.26664966196040041, 4.62277294545940265 52.27079479517868066, 4.63413371618712233 52.26470670790490658, 4.62832806153660314 52.2606508539449095, 4.61686036400916677 52.26664966196040041, 4.61686036400916677 52.26664966196040041)))</t>
  </si>
  <si>
    <t>MultiPolygon (((4.62733947922742761 52.27399552498192037, 4.63431777023894043 52.27888583055830196, 4.64564558449417753 52.27274591086165145, 4.6390431796988425 52.26813567681410433, 4.62733947922742761 52.27399552498192037, 4.62733947922742761 52.27399552498192037)))</t>
  </si>
  <si>
    <t>MultiPolygon (((4.62277294545940265 52.27079479517868066, 4.62733947922742761 52.27399552498192037, 4.6390431796988425 52.26813567681410433, 4.63413371618712233 52.26470670790490658, 4.62277294545940265 52.27079479517868066, 4.62277294545940265 52.27079479517868066)))</t>
  </si>
  <si>
    <t>MultiPolygon (((4.6390431796988425 52.26813567681410433, 4.64564558449417753 52.27274591086165145, 4.65710761259981787 52.26660010292098946, 4.64555595439538216 52.25859380421130851, 4.63413371618712233 52.26470670790490658, 4.6390431796988425 52.26813567681410433, 4.6390431796988425 52.26813567681410433)))</t>
  </si>
  <si>
    <t>MultiPolygon (((4.62279152737928278 52.30615845517011309, 4.62836902847580234 52.3020641488208895, 4.63572035301381113 52.29804246187073602, 4.63338231983575355 52.29640568745342222, 4.63531944896871106 52.29536194812990146, 4.63390042637841582 52.29371908845188699, 4.62401519084961521 52.29904471092486062, 4.62056434201835931 52.29664353596525217, 4.61869787275785093 52.3022326253344545, 4.61983075532960363 52.30405936325762895, 4.62279152737928278 52.30615845517011309, 4.62279152737928278 52.30615845517011309)))</t>
  </si>
  <si>
    <t>MultiPolygon (((4.6712370277339863 52.29061391848186702, 4.67515687852237605 52.29334680987827255, 4.68607859343347943 52.28744048097723152, 4.68308512085624784 52.2863225599177639, 4.67703448031008406 52.28247423205041144, 4.67276986566703023 52.28142607714823953, 4.67161888623035981 52.28019945812069835, 4.6672459998993201 52.28100629247846598, 4.66168188987147936 52.28395073202514709, 4.6712370277339863 52.29061391848186702, 4.6712370277339863 52.29061391848186702)))</t>
  </si>
  <si>
    <t>MultiPolygon (((4.70756514280657079 52.29690146438915832, 4.70936384522970375 52.29722364788045041, 4.71022290264390708 52.29606329296168354, 4.72590177270875333 52.28759736732461505, 4.71524402038630619 52.28018898412015858, 4.70390560988697004 52.28630677442201602, 4.69646520710048243 52.29301259917399847, 4.69813878893594961 52.29390507764836826, 4.70475153172021976 52.29525708426211139, 4.70756514280657079 52.29690146438915832, 4.70756514280657079 52.29690146438915832)))</t>
  </si>
  <si>
    <t>MultiPolygon (((4.67515687852237605 52.29334680987827255, 4.68045975810944714 52.29704321568538461, 4.69252652445321328 52.29124118852947589, 4.68607859343347943 52.28744048097723152, 4.67515687852237605 52.29334680987827255, 4.67515687852237605 52.29334680987827255)))</t>
  </si>
  <si>
    <t>MultiPolygon (((4.70936384522970375 52.29722364788045041, 4.70989201303353511 52.29914595973750124, 4.71547799310810678 52.29614607145358463, 4.72925296682232332 52.29697209673922487, 4.7333927564034628 52.29777658549645736, 4.73779090912550327 52.29585233118417165, 4.72835117675342609 52.28930110841174894, 4.72590177270875333 52.28759736732461505, 4.71022290264390708 52.29606329296168354, 4.70936384522970375 52.29722364788045041, 4.70936384522970375 52.29722364788045041)))</t>
  </si>
  <si>
    <t>MultiPolygon (((4.66976318421477377 52.33252533904035886, 4.67104046531855044 52.33184679938153749, 4.68852562282241347 52.34405823499628241, 4.70676401862466598 52.33479536524298226, 4.705928273819171 52.32562474816826636, 4.70984980383140517 52.32513048286818247, 4.71120062678281837 52.32544428759942434, 4.71146707405390153 52.32775248532735191, 4.71572051506396139 52.32934784825771146, 4.73296434945937694 52.32020816584913092, 4.73352183777353641 52.31875892410811701, 4.73172292172208575 52.29912362497803002, 4.7333927564034628 52.29777658549645736, 4.72925296682232332 52.29697209673922487, 4.71547799310810678 52.29614607145358463, 4.70989201303353511 52.29914595973750124, 4.71417628461789473 52.30370415236001236, 4.71414894666145301 52.30551393170678409, 4.70232918803276601 52.31229468124432458, 4.69207135201818559 52.31755220665233708, 4.68114433842280064 52.31645865718223121, 4.67842757286145883 52.32345078791279747, 4.67027139194261576 52.31777619587487038, 4.65918181841733148 52.32356498725003746, 4.66012079377057198 52.32422362727447762, 4.65456686985239809 52.32723249173517388, 4.65933682756563883 52.32935204337788804, 4.665766742538203 52.33088139005498363, 4.66976318421477377 52.33252533904035886, 4.66976318421477377 52.33252533904035886)))</t>
  </si>
  <si>
    <t>MultiPolygon (((4.69252652445321328 52.29124118852947589, 4.69646520710048243 52.29301259917399847, 4.70390560988697004 52.28630677442201602, 4.71524402038630619 52.28018898412015858, 4.71464239815881747 52.2797695104298441, 4.68881936513576569 52.26175508001655601, 4.69242739216345051 52.25977717520851229, 4.69146744782307135 52.2591068265179004, 4.68834579638887305 52.25720070412946683, 4.6865799520418685 52.25814612076293741, 4.68300030445448012 52.25769536055148734, 4.6820822864302043 52.25962267237174075, 4.68656499363538082 52.26276190001104283, 4.68831467146161618 52.26202615650341698, 4.69584042356250908 52.26731323273807561, 4.67394754501709198 52.27952165389022809, 4.67161888623035981 52.28019945812069835, 4.67276986566703023 52.28142607714823953, 4.67703448031008406 52.28247423205041144, 4.68308512085624784 52.2863225599177639, 4.68607859343347943 52.28744048097723152, 4.69252652445321328 52.29124118852947589, 4.69252652445321328 52.29124118852947589)))</t>
  </si>
  <si>
    <t>MultiPolygon (((4.64094280470496923 52.29732959581191665, 4.64872852376017409 52.30276392417354714, 4.65434556187264015 52.29974169481553758, 4.65240263367056883 52.29839769205538147, 4.65793412193826661 52.29541584482892347, 4.66328981447694968 52.29253003850816128, 4.66522075531165914 52.29384231520797499, 4.6712370277339863 52.29061391848186702, 4.66168188987147936 52.28395073202514709, 4.64149160523512094 52.29490049607321112, 4.64304899758341971 52.29598903485953088, 4.64094280470496923 52.29732959581191665, 4.64094280470496923 52.29732959581191665)))</t>
  </si>
  <si>
    <t>MultiPolygon (((4.64163907464724712 52.31136606994215299, 4.64300071230558853 52.31062992102841491, 4.64191843136290405 52.30987785301221038, 4.64458872616113538 52.30843742253485118, 4.64695253833412636 52.30851927119294942, 4.64886058690698967 52.30986018670372317, 4.65513764651928774 52.30723037778747653, 4.64872852376017409 52.30276392417354714, 4.64094280470496923 52.29732959581191665, 4.63896991409655612 52.298393170006932, 4.63724368314639879 52.29718970613873807, 4.63572035301381113 52.29804246187073602, 4.62836902847580234 52.3020641488208895, 4.64163907464724712 52.31136606994215299, 4.64163907464724712 52.31136606994215299)))</t>
  </si>
  <si>
    <t>MultiPolygon (((4.65344843792315999 52.32664416283629549, 4.65908513141340119 52.32361946326160762, 4.65199263626770243 52.3186438545208361, 4.64163907464724712 52.31136606994215299, 4.62836902847580234 52.3020641488208895, 4.62279152737928278 52.30615845517011309, 4.6453103479472615 52.32195227835302376, 4.65344843792315999 52.32664416283629549, 4.65344843792315999 52.32664416283629549)))</t>
  </si>
  <si>
    <t>MultiPolygon (((4.67027139194261576 52.31777619587487038, 4.67842757286145883 52.32345078791279747, 4.68114433842280064 52.31645865718223121, 4.67585205352393629 52.31584305889893471, 4.67027139194261576 52.31777619587487038, 4.67027139194261576 52.31777619587487038)))</t>
  </si>
  <si>
    <t>MultiPolygon (((4.66908891820688687 52.30320530925816058, 4.67439336215315571 52.30038096270154568, 4.68045975810944714 52.29704321568538461, 4.67515687852237605 52.29334680987827255, 4.6712370277339863 52.29061391848186702, 4.66522075531165914 52.29384231520797499, 4.66328981447694968 52.29253003850816128, 4.65793412193826661 52.29541584482892347, 4.66908891820688687 52.30320530925816058, 4.66908891820688687 52.30320530925816058)))</t>
  </si>
  <si>
    <t>MultiPolygon (((4.65513764651928774 52.30723037778747653, 4.6584607028740237 52.30954543758783615, 4.66523427021640291 52.30565019858312326, 4.66676087879013046 52.30590835782121673, 4.66908891820688687 52.30320530925816058, 4.65793412193826661 52.29541584482892347, 4.65240263367056883 52.29839769205538147, 4.65434556187264015 52.29974169481553758, 4.64872852376017409 52.30276392417354714, 4.65513764651928774 52.30723037778747653, 4.65513764651928774 52.30723037778747653)))</t>
  </si>
  <si>
    <t>MultiPolygon (((4.65199263626770243 52.3186438545208361, 4.65767286038848116 52.31617682877013209, 4.65919405413952781 52.3138545737761973, 4.66230191507876945 52.31222104576357168, 4.6584607028740237 52.30954543758783615, 4.65513764651928774 52.30723037778747653, 4.64886058690698967 52.30986018670372317, 4.64695253833412636 52.30851927119294942, 4.64458872616113538 52.30843742253485118, 4.64191843136290405 52.30987785301221038, 4.64300071230558853 52.31062992102841491, 4.64163907464724712 52.31136606994215299, 4.65199263626770243 52.3186438545208361, 4.65199263626770243 52.3186438545208361)))</t>
  </si>
  <si>
    <t>MultiPolygon (((4.65908513141340119 52.32361946326160762, 4.65918181841733148 52.32356498725003746, 4.67027139194261576 52.31777619587487038, 4.66230191507876945 52.31222104576357168, 4.65919405413952781 52.3138545737761973, 4.65767286038848116 52.31617682877013209, 4.65199263626770243 52.3186438545208361, 4.65908513141340119 52.32361946326160762, 4.65908513141340119 52.32361946326160762)))</t>
  </si>
  <si>
    <t>MultiPolygon (((4.67585205352393629 52.31584305889893471, 4.68114433842280064 52.31645865718223121, 4.68318144446980611 52.31081347352113653, 4.68145506857272231 52.31175791216048054, 4.66908891820688687 52.30320530925816058, 4.66676087879013046 52.30590835782121673, 4.66682096151409187 52.30855374075078856, 4.67555898950709636 52.31499039080470226, 4.67585205352393629 52.31584305889893471, 4.67585205352393629 52.31584305889893471)))</t>
  </si>
  <si>
    <t>MultiPolygon (((4.67027139194261576 52.31777619587487038, 4.67585205352393629 52.31584305889893471, 4.67555898950709636 52.31499039080470226, 4.66682096151409187 52.30855374075078856, 4.66676087879013046 52.30590835782121673, 4.66523427021640291 52.30565019858312326, 4.6584607028740237 52.30954543758783615, 4.66230191507876945 52.31222104576357168, 4.67027139194261576 52.31777619587487038, 4.67027139194261576 52.31777619587487038)))</t>
  </si>
  <si>
    <t>MultiPolygon (((4.68259976083415719 52.30997736230882111, 4.68451146149421582 52.30494312799573464, 4.6835093654252189 52.30170677928351353, 4.68539907695948443 52.3004875089276382, 4.68045975810944714 52.29704321568538461, 4.67439336215315571 52.30038096270154568, 4.68017172672492343 52.30354416516508564, 4.67980858645443831 52.30775780060535851, 4.68259976083415719 52.30997736230882111, 4.68259976083415719 52.30997736230882111)))</t>
  </si>
  <si>
    <t>MultiPolygon (((4.68318144446980611 52.31081347352113653, 4.68352714248129853 52.31062177260537993, 4.68259976083415719 52.30997736230882111, 4.67980858645443831 52.30775780060535851, 4.68017172672492343 52.30354416516508564, 4.67439336215315571 52.30038096270154568, 4.66908891820688687 52.30320530925816058, 4.68145506857272231 52.31175791216048054, 4.68318144446980611 52.31081347352113653, 4.68318144446980611 52.31081347352113653)))</t>
  </si>
  <si>
    <t>MultiPolygon (((4.68114433842280064 52.31645865718223121, 4.69207135201818559 52.31755220665233708, 4.70232918803276601 52.31229468124432458, 4.69268593402612044 52.30556301465215085, 4.68352714248129853 52.31062177260537993, 4.68318144446980611 52.31081347352113653, 4.68114433842280064 52.31645865718223121, 4.68114433842280064 52.31645865718223121)))</t>
  </si>
  <si>
    <t>MultiPolygon (((4.69268593402612044 52.30556301465215085, 4.70232918803276601 52.31229468124432458, 4.71414894666145301 52.30551393170678409, 4.71417628461789473 52.30370415236001236, 4.70989201303353511 52.29914595973750124, 4.70936384522970375 52.29722364788045041, 4.70756514280657079 52.29690146438915832, 4.70642955622020853 52.29813302007271147, 4.69268593402612044 52.30556301465215085, 4.69268593402612044 52.30556301465215085)))</t>
  </si>
  <si>
    <t>MultiPolygon (((4.68539907695948443 52.3004875089276382, 4.68655422318426407 52.30129310633788009, 4.68963390117517864 52.29939309393826363, 4.69646520710048243 52.29301259917399847, 4.69252652445321328 52.29124118852947589, 4.68045975810944714 52.29704321568538461, 4.68539907695948443 52.3004875089276382, 4.68539907695948443 52.3004875089276382)))</t>
  </si>
  <si>
    <t>MultiPolygon (((4.68655422318426407 52.30129310633788009, 4.69268593402612044 52.30556301465215085, 4.70642955622020853 52.29813302007271147, 4.70756514280657079 52.29690146438915832, 4.70475153172021976 52.29525708426211139, 4.69813878893594961 52.29390507764836826, 4.69646520710048243 52.29301259917399847, 4.68963390117517864 52.29939309393826363, 4.68655422318426407 52.30129310633788009, 4.68655422318426407 52.30129310633788009)))</t>
  </si>
  <si>
    <t>MultiPolygon (((4.68259976083415719 52.30997736230882111, 4.68352714248129853 52.31062177260537993, 4.69268593402612044 52.30556301465215085, 4.68655422318426407 52.30129310633788009, 4.68539907695948443 52.3004875089276382, 4.6835093654252189 52.30170677928351353, 4.68451146149421582 52.30494312799573464, 4.68259976083415719 52.30997736230882111, 4.68259976083415719 52.30997736230882111)))</t>
  </si>
  <si>
    <t>MultiPolygon (((4.66680208788206574 52.3523004017741016, 4.66949962994471512 52.35286548803177453, 4.67148255907054821 52.35014686183775012, 4.66081547938904883 52.34553777862216606, 4.6577175651132583 52.34799514656370434, 4.66094974346364932 52.35009467079876089, 4.66680208788206574 52.3523004017741016, 4.66680208788206574 52.3523004017741016)))</t>
  </si>
  <si>
    <t>MultiPolygon (((4.65727319444002585 52.35427483353643652, 4.66455878438006977 52.35508306034515158, 4.66680208788206574 52.3523004017741016, 4.66094974346364932 52.35009467079876089, 4.65727319444002585 52.35427483353643652, 4.65727319444002585 52.35427483353643652)))</t>
  </si>
  <si>
    <t>MultiPolygon (((4.65722428761538954 52.3575333438501076, 4.66438816284682822 52.35720136384662737, 4.66455878438006977 52.35508306034515158, 4.65727319444002585 52.35427483353643652, 4.65725677210479194 52.35653056265186933, 4.65722428761538954 52.3575333438501076, 4.65722428761538954 52.3575333438501076)))</t>
  </si>
  <si>
    <t>MultiPolygon (((4.67148255907054821 52.35014686183775012, 4.66949962994471512 52.35286548803177453, 4.66783474365034845 52.36058480379637103, 4.67524450311906392 52.35946881862908242, 4.67646708330695926 52.35618080752193038, 4.67563345778073014 52.35287938635610061, 4.67148255907054821 52.35014686183775012)))</t>
  </si>
  <si>
    <t>MultiPolygon (((4.66515088481256956 52.36059478812308754, 4.66783474365034845 52.36058480379637103, 4.66949962994471512 52.35286548803177453, 4.66680208788206574 52.3523004017741016, 4.66455878438006977 52.35508306034515158, 4.66438816284682822 52.35720136384662737, 4.66515088481256956 52.36059478812308754, 4.66515088481256956 52.36059478812308754)))</t>
  </si>
  <si>
    <t>MultiPolygon (((4.65713609084634683 52.36053447659758575, 4.66515088481256956 52.36059478812308754, 4.66438816284682822 52.35720136384662737, 4.65722428761538954 52.3575333438501076, 4.65713609084634683 52.36053447659758575, 4.65713609084634683 52.36053447659758575)))</t>
  </si>
  <si>
    <t>MultiPolygon (((4.65438308468388584 52.36053107052697442, 4.65713609084634683 52.36053447659758575, 4.65722428761538954 52.3575333438501076, 4.65725677210479194 52.35653056265186933, 4.65320069733673503 52.35643802349117237, 4.65214791944529349 52.36026689726022454, 4.65438308468388584 52.36053107052697442, 4.65438308468388584 52.36053107052697442)))</t>
  </si>
  <si>
    <t>MultiPolygon (((4.65712197276245998 52.34816119817333657, 4.6577175651132583 52.34799514656370434, 4.66081547938904883 52.34553777862216606, 4.65923266075526765 52.34486831416809594, 4.65641194212291598 52.34363902801337076, 4.65165771411408357 52.34155969731850178, 4.64931054039527858 52.34311294088875144, 4.65060059598240461 52.34567497185263818, 4.65712197276245998 52.34816119817333657, 4.65712197276245998 52.34816119817333657)))</t>
  </si>
  <si>
    <t>MultiPolygon (((4.65136131026463318 52.34864784430278206, 4.65566432173471867 52.34977729822634274, 4.65712197276245998 52.34816119817333657, 4.65060059598240461 52.34567497185263818, 4.64833039843275841 52.34764799444284478, 4.65136131026463318 52.34864784430278206, 4.65136131026463318 52.34864784430278206)))</t>
  </si>
  <si>
    <t>MultiPolygon (((4.64868302579985571 52.35251337024521945, 4.65473063742338766 52.35291738945026196, 4.65566432173471867 52.34977729822634274, 4.65136131026463318 52.34864784430278206, 4.64868302579985571 52.35251337024521945, 4.64868302579985571 52.35251337024521945)))</t>
  </si>
  <si>
    <t>MultiPolygon (((4.65320069733673503 52.35643802349117237, 4.65725677210479194 52.35653056265186933, 4.65727319444002585 52.35427483353643652, 4.66094974346364932 52.35009467079876089, 4.6577175651132583 52.34799514656370434, 4.65712197276245998 52.34816119817333657, 4.65566432173471867 52.34977729822634274, 4.65473063742338766 52.35291738945026196, 4.6528763938282971 52.3555300749434096, 4.65320069733673503 52.35643802349117237, 4.65320069733673503 52.35643802349117237)))</t>
  </si>
  <si>
    <t>MultiPolygon (((4.64847701736049679 52.35507016891027376, 4.6528763938282971 52.3555300749434096, 4.65473063742338766 52.35291738945026196, 4.64868302579985571 52.35251337024521945, 4.64858814665861253 52.35359376484365157, 4.64507525148361111 52.35345708041934643, 4.64439555072796573 52.35494310452334332, 4.64847701736049679 52.35507016891027376, 4.64847701736049679 52.35507016891027376)))</t>
  </si>
  <si>
    <t>MultiPolygon (((4.64326628444652822 52.3549294506636187, 4.64439555072796573 52.35494310452334332, 4.64507525148361111 52.35345708041934643, 4.64858814665861253 52.35359376484365157, 4.64868302579985571 52.35251337024521945, 4.65136131026463318 52.34864784430278206, 4.64833039843275841 52.34764799444284478, 4.64601080271254396 52.35032130141365769, 4.64359050838196463 52.35035094790917043, 4.64181120066446606 52.35187784993372873, 4.64223270847238201 52.35488451447962888, 4.64326628444652822 52.3549294506636187, 4.64326628444652822 52.3549294506636187)))</t>
  </si>
  <si>
    <t>MultiPolygon (((4.64762848566307518 52.34006879996939432, 4.63964801673526228 52.33890607725077615, 4.63938060898896865 52.34062889775251648, 4.64103366700433284 52.34398555620766302, 4.64032479937657882 52.34556296292863919, 4.64038559603788769 52.34983365244001874, 4.63980247266520429 52.35090729237537488, 4.63659850041264932 52.35318380609460576, 4.63585017008007227 52.3540368357119803, 4.64223270847238201 52.35488451447962888, 4.64181120066446606 52.35187784993372873, 4.64359050838196463 52.35035094790917043, 4.64601080271254396 52.35032130141365769, 4.64833039843275841 52.34764799444284478, 4.65060059598240461 52.34567497185263818, 4.64931054039527858 52.34311294088875144, 4.65165771411408357 52.34155969731850178, 4.64762848566307518 52.34006879996939432, 4.64762848566307518 52.34006879996939432)))</t>
  </si>
  <si>
    <t>MultiPolygon (((4.65431726812291213 52.36445820212404101, 4.66450536929133364 52.36451547806602491, 4.66515088481256956 52.36059478812308754, 4.65713609084634683 52.36053447659758575, 4.65438308468388584 52.36053107052697442, 4.65431726812291213 52.36445820212404101, 4.65431726812291213 52.36445820212404101)))</t>
  </si>
  <si>
    <t>MultiPolygon (((4.66610600995654234 52.36781671364703783, 4.67209187788774649 52.36815792583693252, 4.67524450311906392 52.35946881862908242, 4.66783474365034845 52.36058480379637103, 4.66610600995654234 52.36781671364703783, 4.66610600995654234 52.36781671364703783)))</t>
  </si>
  <si>
    <t>MultiPolygon (((4.66403308952923634 52.36780489116801363, 4.66610600995654234 52.36781671364703783, 4.66783474365034845 52.36058480379637103, 4.66515088481256956 52.36059478812308754, 4.66450536929133364 52.36451547806602491, 4.66403308952923634 52.36780489116801363, 4.66403308952923634 52.36780489116801363)))</t>
  </si>
  <si>
    <t>MultiPolygon (((4.65425890127103781 52.36772992031129093, 4.66403308952923634 52.36780489116801363, 4.66450536929133364 52.36451547806602491, 4.65431726812291213 52.36445820212404101, 4.65425890127103781 52.36772992031129093, 4.65425890127103781 52.36772992031129093)))</t>
  </si>
  <si>
    <t>MultiPolygon (((4.66552880931481528 52.37035551645691811, 4.67137776599158094 52.37037424350697989, 4.67209187788774649 52.36815792583693252, 4.66610600995654234 52.36781671364703783, 4.66403308952923634 52.36780489116801363, 4.65425890127103781 52.36772992031129093, 4.65441490668948266 52.37016295275290645, 4.66552880931481528 52.37035551645691811, 4.66552880931481528 52.37035551645691811)))</t>
  </si>
  <si>
    <t>MultiPolygon (((4.64429669275984658 52.37009997382304505, 4.64744281388545666 52.37013148772329174, 4.65441490668948266 52.37016295275290645, 4.65425890127103781 52.36772992031129093, 4.65431726812291213 52.36445820212404101, 4.65438308468388584 52.36053107052697442, 4.65214791944529349 52.36026689726022454, 4.65154815345439587 52.36174942422657352, 4.65034548113009638 52.36456186017886694, 4.64924229582808568 52.3668847068083636, 4.64452488329298507 52.3689374924761637, 4.64429669275984658 52.37009997382304505, 4.64429669275984658 52.37009997382304505)))</t>
  </si>
  <si>
    <t>MultiPolygon (((4.64729788114328102 52.36144498990865515, 4.65154815345439587 52.36174942422657352, 4.65214791944529349 52.36026689726022454, 4.65320069733673503 52.35643802349117237, 4.6528763938282971 52.3555300749434096, 4.64847701736049679 52.35507016891027376, 4.64729788114328102 52.36144498990865515, 4.64729788114328102 52.36144498990865515)))</t>
  </si>
  <si>
    <t>MultiPolygon (((4.64213852025058049 52.36074670165911016, 4.64729788114328102 52.36144498990865515, 4.64847701736049679 52.35507016891027376, 4.64439555072796573 52.35494310452334332, 4.64326628444652822 52.3549294506636187, 4.64213852025058049 52.36074670165911016, 4.64213852025058049 52.36074670165911016)))</t>
  </si>
  <si>
    <t>MultiPolygon (((4.64223270847238201 52.35488451447962888, 4.63585017008007227 52.3540368357119803, 4.63494359114556964 52.35596183606104148, 4.63758967327477034 52.35946778314868766, 4.63736043180848245 52.36025753883470912, 4.64213852025058049 52.36074670165911016, 4.64326628444652822 52.3549294506636187, 4.64223270847238201 52.35488451447962888, 4.64223270847238201 52.35488451447962888)))</t>
  </si>
  <si>
    <t>MultiPolygon (((4.64237489520781477 52.36458752997211263, 4.65034548113009638 52.36456186017886694, 4.65154815345439587 52.36174942422657352, 4.64729788114328102 52.36144498990865515, 4.64213852025058049 52.36074670165911016, 4.64237489520781477 52.36458752997211263, 4.64237489520781477 52.36458752997211263)))</t>
  </si>
  <si>
    <t>MultiPolygon (((4.64184876967377935 52.36457247295853534, 4.64237489520781477 52.36458752997211263, 4.64213852025058049 52.36074670165911016, 4.63736043180848245 52.36025753883470912, 4.63662633735540108 52.36148417651102704, 4.63675710987274403 52.36455112849517946, 4.64184876967377935 52.36457247295853534, 4.64184876967377935 52.36457247295853534)))</t>
  </si>
  <si>
    <t>MultiPolygon (((4.6422017714840047 52.37033015454973395, 4.64429669275984658 52.37009997382304505, 4.64452488329298507 52.3689374924761637, 4.64924229582808568 52.3668847068083636, 4.65034548113009638 52.36456186017886694, 4.64237489520781477 52.36458752997211263, 4.64184876967377935 52.36457247295853534, 4.6422017714840047 52.37033015454973395, 4.6422017714840047 52.37033015454973395)))</t>
  </si>
  <si>
    <t>MultiPolygon (((4.63999104994810985 52.37143989809518985, 4.6422017714840047 52.37033015454973395, 4.64184876967377935 52.36457247295853534, 4.63675710987274403 52.36455112849517946, 4.63631566766469749 52.36749924136397283, 4.63590683577882778 52.36963380748219521, 4.63999104994810985 52.37143989809518985, 4.63999104994810985 52.37143989809518985)))</t>
  </si>
  <si>
    <t>MultiPolygon (((4.68247616859745985 52.41384869955997061, 4.68113056456133414 52.41231705094777737, 4.67550704336639633 52.40962523518674487, 4.67196234232826235 52.40944707426994142, 4.67143877088327919 52.40997426498596212, 4.67061811046504083 52.41062355079191803, 4.6749132121073762 52.41483411266672476, 4.67391178364384707 52.41550978344432821, 4.67462554043974698 52.41704789736321857, 4.6774297236349307 52.41784922406329628, 4.67749601779084578 52.41896209891869063, 4.68122717746452821 52.4193314486911035, 4.68064813050119799 52.41800592200097952, 4.68179840099601652 52.41778054099669504, 4.68247616859745985 52.41384869955997061, 4.68247616859745985 52.41384869955997061)))</t>
  </si>
  <si>
    <t>MultiPolygon (((4.67437240793981612 52.41863422565452169, 4.67749601779084578 52.41896209891869063, 4.6774297236349307 52.41784922406329628, 4.67462554043974698 52.41704789736321857, 4.67391178364384707 52.41550978344432821, 4.6749132121073762 52.41483411266672476, 4.67061811046504083 52.41062355079191803, 4.66481469814212968 52.41366252045379071, 4.66842193349170564 52.41812813909865554, 4.67166985653917965 52.42079133250596357, 4.67212510522591806 52.42239848835500737, 4.67437240793981612 52.41863422565452169)))</t>
  </si>
  <si>
    <t>MultiPolygon (((4.65500552479384222 52.41812410178270909, 4.6585201938166767 52.41637168886753528, 4.65721844795142204 52.41447645770838193, 4.65692642218903519 52.41396595985406037, 4.65293355637144845 52.41564921183798731, 4.65500552479384222 52.41812410178270909, 4.65500552479384222 52.41812410178270909)))</t>
  </si>
  <si>
    <t>MultiPolygon (((4.64823026632342184 52.41929235742791349, 4.65500552479384222 52.41812410178270909, 4.65293355637144845 52.41564921183798731, 4.64934374098619951 52.41653211281411728, 4.64823026632342184 52.41929235742791349, 4.64823026632342184 52.41929235742791349)))</t>
  </si>
  <si>
    <t>MultiPolygon (((4.64760781522950239 52.42198547901921302, 4.64849014334335653 52.42250742222583426, 4.65669577735815388 52.41972009532737786, 4.65960940509337274 52.4181792600035763, 4.6585201938166767 52.41637168886753528, 4.65500552479384222 52.41812410178270909, 4.64823026632342184 52.41929235742791349, 4.64760781522950239 52.42198547901921302, 4.64760781522950239 52.42198547901921302)))</t>
  </si>
  <si>
    <t>MultiPolygon (((4.67212510522591806 52.42239848835500737, 4.67166985653917965 52.42079133250596357, 4.66842193349170564 52.41812813909865554, 4.66481469814212968 52.41366252045379071, 4.66242718004111545 52.41190540966808697, 4.65721844795142204 52.41447645770838193, 4.6585201938166767 52.41637168886753528, 4.65960940509337274 52.4181792600035763, 4.65669577735815388 52.41972009532737786, 4.66053004276206817 52.42293824068727304, 4.66289016719736971 52.42210206714614884, 4.66537326323612511 52.42384073197970196, 4.66381060211886922 52.42440442283137969, 4.66562521897724736 52.42548870355631863, 4.67212510522591806 52.42239848835500737, 4.67212510522591806 52.42239848835500737)))</t>
  </si>
  <si>
    <t>MultiPolygon (((4.66537326323612511 52.42384073197970196, 4.66289016719736971 52.42210206714614884, 4.66053004276206817 52.42293824068727304, 4.65669577735815388 52.41972009532737786, 4.64849014334335653 52.42250742222583426, 4.64760781522950239 52.42198547901921302, 4.64571848921194874 52.42197226657677334, 4.65076861016971677 52.4285696619061099, 4.65314712737631186 52.427999550941081, 4.66283260636971875 52.42585455549752993, 4.66484771599233383 52.42560357108330038, 4.66562521897724736 52.42548870355631863, 4.66381060211886922 52.42440442283137969, 4.66537326323612511 52.42384073197970196, 4.66537326323612511 52.42384073197970196)))</t>
  </si>
  <si>
    <t>MultiPolygon (((4.64746589852950276 52.41578985634762944, 4.64934374098619951 52.41653211281411728, 4.65079120064424867 52.41293757512045914, 4.65095236563956149 52.40972886146596466, 4.64820443935154692 52.41188649484551121, 4.64480716108984559 52.41333010077906351, 4.64746589852950276 52.41578985634762944, 4.64746589852950276 52.41578985634762944)))</t>
  </si>
  <si>
    <t>MultiPolygon (((4.64248929919658426 52.41786998005131437, 4.64746589852950276 52.41578985634762944, 4.64480716108984559 52.41333010077906351, 4.63937551354133682 52.41450790243292346, 4.64248929919658426 52.41786998005131437, 4.64248929919658426 52.41786998005131437)))</t>
  </si>
  <si>
    <t>MultiPolygon (((4.64934374098619951 52.41653211281411728, 4.64746589852950276 52.41578985634762944, 4.64248929919658426 52.41786998005131437, 4.64501741513999722 52.42102574241465618, 4.64571848921194874 52.42197226657677334, 4.64760781522950239 52.42198547901921302, 4.64823026632342184 52.41929235742791349, 4.64934374098619951 52.41653211281411728, 4.64934374098619951 52.41653211281411728)))</t>
  </si>
  <si>
    <t>MultiPolygon (((4.65692642218903519 52.41396595985406037, 4.65721844795142204 52.41447645770838193, 4.66242718004111545 52.41190540966808697, 4.66481469814212968 52.41366252045379071, 4.67061811046504083 52.41062355079191803, 4.67143877088327919 52.40997426498596212, 4.66643037350082324 52.40813611718286325, 4.66107418885710345 52.40432855963404535, 4.65631639172428358 52.40562898958634008, 4.65712136086965689 52.40762448337520141, 4.65670266258468235 52.41043396928383657, 4.65653748166250558 52.4119234667505296, 4.65692642218903519 52.41396595985406037, 4.65692642218903519 52.41396595985406037)))</t>
  </si>
  <si>
    <t>MultiPolygon (((4.65127818093589873 52.40950687091172, 4.65670266258468235 52.41043396928383657, 4.65712136086965689 52.40762448337520141, 4.65631639172428358 52.40562898958634008, 4.65392636976713092 52.40681457362988027, 4.65127818093589873 52.40950687091172, 4.65127818093589873 52.40950687091172)))</t>
  </si>
  <si>
    <t>MultiPolygon (((4.65079120064424867 52.41293757512045914, 4.65653748166250558 52.4119234667505296, 4.65670266258468235 52.41043396928383657, 4.65127818093589873 52.40950687091172, 4.65095236563956149 52.40972886146596466, 4.65079120064424867 52.41293757512045914, 4.65079120064424867 52.41293757512045914)))</t>
  </si>
  <si>
    <t>MultiPolygon (((4.64934374098619951 52.41653211281411728, 4.65293355637144845 52.41564921183798731, 4.65692642218903519 52.41396595985406037, 4.65653748166250558 52.4119234667505296, 4.65079120064424867 52.41293757512045914, 4.64934374098619951 52.41653211281411728, 4.64934374098619951 52.41653211281411728)))</t>
  </si>
  <si>
    <t>MultiPolygon (((4.63418727090613469 52.40669429528673362, 4.63914679014099107 52.40526304408092528, 4.64207630533628191 52.40166246909370074, 4.63833329316290488 52.40220660176599665, 4.63229627306126446 52.40419351347055965, 4.63418727090613469 52.40669429528673362, 4.63418727090613469 52.40669429528673362)))</t>
  </si>
  <si>
    <t>MultiPolygon (((4.64572701658522913 52.40612668066393098, 4.64827755517363794 52.40461949699944455, 4.64801472692390849 52.40417576635983465, 4.64517081187756098 52.40133753044163711, 4.64288512532783049 52.40163787040096821, 4.64340992134002573 52.40388356543798665, 4.64572701658522913 52.40612668066393098, 4.64572701658522913 52.40612668066393098)))</t>
  </si>
  <si>
    <t>MultiPolygon (((4.64451193036131915 52.40742945633798655, 4.64572701658522913 52.40612668066393098, 4.64340992134002573 52.40388356543798665, 4.64288512532783049 52.40163787040096821, 4.64207630533628191 52.40166246909370074, 4.63914679014099107 52.40526304408092528, 4.64451193036131915 52.40742945633798655, 4.64451193036131915 52.40742945633798655)))</t>
  </si>
  <si>
    <t>MultiPolygon (((4.63612528862838325 52.41083120097086123, 4.63728588638805395 52.41212296199400811, 4.64077812630629527 52.41063530102820778, 4.64451193036131915 52.40742945633798655, 4.63914679014099107 52.40526304408092528, 4.63418727090613469 52.40669429528673362, 4.63612528862838325 52.41083120097086123, 4.63612528862838325 52.41083120097086123)))</t>
  </si>
  <si>
    <t>MultiPolygon (((4.63164759608074661 52.41166554341968009, 4.63612528862838325 52.41083120097086123, 4.63418727090613469 52.40669429528673362, 4.63229627306126446 52.40419351347055965, 4.62956762945714484 52.40118948805265831, 4.62644212375286923 52.39746214515227507, 4.62438742784045242 52.3976957647843804, 4.62440913917448437 52.39774044578211942, 4.62928569062699058 52.40712406672336954, 4.63164759608074661 52.41166554341968009, 4.63164759608074661 52.41166554341968009)))</t>
  </si>
  <si>
    <t>MultiPolygon (((4.64451193036131915 52.40742945633798655, 4.65067073809476206 52.4092538121888083, 4.64827755517363794 52.40461949699944455, 4.64572701658522913 52.40612668066393098, 4.64451193036131915 52.40742945633798655, 4.64451193036131915 52.40742945633798655)))</t>
  </si>
  <si>
    <t>MultiPolygon (((4.63937551354133682 52.41450790243292346, 4.64480716108984559 52.41333010077906351, 4.64820443935154692 52.41188649484551121, 4.65095236563956149 52.40972886146596466, 4.65067073809476206 52.4092538121888083, 4.64451193036131915 52.40742945633798655, 4.64077812630629527 52.41063530102820778, 4.63728588638805395 52.41212296199400811, 4.63937551354133682 52.41450790243292346, 4.63937551354133682 52.41450790243292346)))</t>
  </si>
  <si>
    <t>MultiPolygon (((4.63270620930903121 52.39331600519430054, 4.63444191391317606 52.39303574478483938, 4.63524628661849825 52.39285805967444531, 4.63440702159475304 52.38961447264247084, 4.63189439141439063 52.38834145986234603, 4.62676067187045792 52.38907359155358279, 4.6242276902793078 52.39095246599676869, 4.62498330580658301 52.3926316355315933, 4.62662561612354217 52.39294393881058198, 4.63073306991889222 52.39212809338287258, 4.63270620930903121 52.39331600519430054, 4.63270620930903121 52.39331600519430054)))</t>
  </si>
  <si>
    <t>MultiPolygon (((4.63362581928885486 52.3955628859913034, 4.64080750198626912 52.39419511945907715, 4.64016893789536233 52.39310598821907661, 4.63939407932867454 52.39221952362782986, 4.63444191391317606 52.39303574478483938, 4.63270620930903121 52.39331600519430054, 4.63362581928885486 52.3955628859913034, 4.63362581928885486 52.3955628859913034)))</t>
  </si>
  <si>
    <t>MultiPolygon (((4.63270620930903121 52.39331600519430054, 4.63073306991889222 52.39212809338287258, 4.62662561612354217 52.39294393881058198, 4.62498330580658301 52.3926316355315933, 4.6242276902793078 52.39095246599676869, 4.62370367092834123 52.3916870950266329, 4.62367078304650558 52.39577260207700959, 4.62438742784045242 52.3976957647843804, 4.62644212375286923 52.39746214515227507, 4.63354425827104155 52.39558358823704509, 4.63362581928885486 52.3955628859913034, 4.63270620930903121 52.39331600519430054, 4.63270620930903121 52.39331600519430054)))</t>
  </si>
  <si>
    <t>MultiPolygon (((4.63617626300485686 52.39940969341421351, 4.63627406768255401 52.39950718371117233, 4.64332678792424591 52.3980468816006848, 4.64163404746423591 52.3963111961230652, 4.64080750198626912 52.39419511945907715, 4.63362581928885486 52.3955628859913034, 4.63354425827104155 52.39558358823704509, 4.63617626300485686 52.39940969341421351, 4.63617626300485686 52.39940969341421351)))</t>
  </si>
  <si>
    <t>MultiPolygon (((4.62956762945714484 52.40118948805265831, 4.63617626300485686 52.39940969341421351, 4.63354425827104155 52.39558358823704509, 4.62644212375286923 52.39746214515227507, 4.62956762945714484 52.40118948805265831, 4.62956762945714484 52.40118948805265831)))</t>
  </si>
  <si>
    <t>MultiPolygon (((4.63833329316290488 52.40220660176599665, 4.64207630533628191 52.40166246909370074, 4.64288512532783049 52.40163787040096821, 4.64517081187756098 52.40133753044163711, 4.64431233236336904 52.39932090817311661, 4.64332678792424591 52.3980468816006848, 4.63627406768255401 52.39950718371117233, 4.63833329316290488 52.40220660176599665, 4.63833329316290488 52.40220660176599665)))</t>
  </si>
  <si>
    <t>MultiPolygon (((4.63229627306126446 52.40419351347055965, 4.63833329316290488 52.40220660176599665, 4.63627406768255401 52.39950718371117233, 4.63617626300485686 52.39940969341421351, 4.62956762945714484 52.40118948805265831, 4.63229627306126446 52.40419351347055965, 4.63229627306126446 52.40419351347055965)))</t>
  </si>
  <si>
    <t>MultiPolygon (((4.64332678792424591 52.3980468816006848, 4.64431233236336904 52.39932090817311661, 4.65232877862602123 52.39766901864659587, 4.65152884028640656 52.3952230855684391, 4.6463234948153822 52.3956379937205412, 4.64163404746423591 52.3963111961230652, 4.64332678792424591 52.3980468816006848, 4.64332678792424591 52.3980468816006848)))</t>
  </si>
  <si>
    <t>MultiPolygon (((4.64517081187756098 52.40133753044163711, 4.65346174478701258 52.39971957876962705, 4.65232877862602123 52.39766901864659587, 4.64431233236336904 52.39932090817311661, 4.64517081187756098 52.40133753044163711, 4.64517081187756098 52.40133753044163711)))</t>
  </si>
  <si>
    <t>MultiPolygon (((4.64801472692390849 52.40417576635983465, 4.65058975498797178 52.40316885610205588, 4.65502735434690162 52.40173464947663007, 4.65346174478701258 52.39971957876962705, 4.64517081187756098 52.40133753044163711, 4.64801472692390849 52.40417576635983465, 4.64801472692390849 52.40417576635983465)))</t>
  </si>
  <si>
    <t>MultiPolygon (((4.65392636976713092 52.40681457362988027, 4.65631639172428358 52.40562898958634008, 4.66107418885710345 52.40432855963404535, 4.65502735434690162 52.40173464947663007, 4.65058975498797178 52.40316885610205588, 4.65392636976713092 52.40681457362988027, 4.65392636976713092 52.40681457362988027)))</t>
  </si>
  <si>
    <t>MultiPolygon (((4.65095236563956149 52.40972886146596466, 4.65127818093589873 52.40950687091172, 4.65392636976713092 52.40681457362988027, 4.65058975498797178 52.40316885610205588, 4.64801472692390849 52.40417576635983465, 4.64827755517363794 52.40461949699944455, 4.65067073809476206 52.4092538121888083, 4.65095236563956149 52.40972886146596466, 4.65095236563956149 52.40972886146596466)))</t>
  </si>
  <si>
    <t>MultiPolygon (((4.64065238958234971 52.39091594837154275, 4.65004469330216352 52.39013613454491036, 4.64951842860398212 52.38761426710275515, 4.64783338687603109 52.38622193614212819, 4.64414550927434799 52.38826394579801615, 4.63954024458897685 52.38980793397692537, 4.64065238958234971 52.39091594837154275, 4.64065238958234971 52.39091594837154275)))</t>
  </si>
  <si>
    <t>MultiPolygon (((4.64016893789536233 52.39310598821907661, 4.640185868840077 52.39305078283037886, 4.64065238958234971 52.39091594837154275, 4.63954024458897685 52.38980793397692537, 4.63440702159475304 52.38961447264247084, 4.63524628661849825 52.39285805967444531, 4.63444191391317606 52.39303574478483938, 4.63939407932867454 52.39221952362782986, 4.64016893789536233 52.39310598821907661, 4.64016893789536233 52.39310598821907661)))</t>
  </si>
  <si>
    <t>MultiPolygon (((4.640185868840077 52.39305078283037886, 4.6439232502730885 52.39237400312795501, 4.6504156285294469 52.39140763497243825, 4.65004469330216352 52.39013613454491036, 4.64065238958234971 52.39091594837154275, 4.640185868840077 52.39305078283037886, 4.640185868840077 52.39305078283037886)))</t>
  </si>
  <si>
    <t>MultiPolygon (((4.6463234948153822 52.3956379937205412, 4.65152884028640656 52.3952230855684391, 4.6504156285294469 52.39140763497243825, 4.6439232502730885 52.39237400312795501, 4.6463234948153822 52.3956379937205412, 4.6463234948153822 52.3956379937205412)))</t>
  </si>
  <si>
    <t>MultiPolygon (((4.64163404746423591 52.3963111961230652, 4.6463234948153822 52.3956379937205412, 4.6439232502730885 52.39237400312795501, 4.640185868840077 52.39305078283037886, 4.64016893789536233 52.39310598821907661, 4.64080750198626912 52.39419511945907715, 4.64163404746423591 52.3963111961230652, 4.64163404746423591 52.3963111961230652)))</t>
  </si>
  <si>
    <t>MultiPolygon (((4.65803950942969891 52.37487389709666985, 4.66603513106356971 52.37356970636600551, 4.66552880931481528 52.37035551645691811, 4.65441490668948266 52.37016295275290645, 4.65462602378267576 52.37089004386982083, 4.65803950942969891 52.37487389709666985, 4.65803950942969891 52.37487389709666985)))</t>
  </si>
  <si>
    <t>MultiPolygon (((4.66668045120654273 52.37754574831524934, 4.66959240666050146 52.37687015881004271, 4.67221039556790263 52.37571496515700886, 4.6709520657913135 52.37364477364982918, 4.66620352130263338 52.37452411412914444, 4.66668045120654273 52.37754574831524934, 4.66668045120654273 52.37754574831524934)))</t>
  </si>
  <si>
    <t>MultiPolygon (((4.66043200682241476 52.37891477760323511, 4.66683561246443102 52.37810245431467848, 4.66668045120654273 52.37754574831524934, 4.66620352130263338 52.37452411412914444, 4.66603513106356971 52.37356970636600551, 4.65803950942969891 52.37487389709666985, 4.66043200682241476 52.37891477760323511, 4.66043200682241476 52.37891477760323511)))</t>
  </si>
  <si>
    <t>MultiPolygon (((4.68036400175244705 52.3798722059438262, 4.67738348647472435 52.37708811215684079, 4.67271451158952544 52.37422473589774796, 4.67137704902752571 52.37038036350894288, 4.67137776599158094 52.37037424350697989, 4.66552880931481528 52.37035551645691811, 4.66603513106356971 52.37356970636600551, 4.66620352130263338 52.37452411412914444, 4.6709520657913135 52.37364477364982918, 4.67221039556790263 52.37571496515700886, 4.66959240666050146 52.37687015881004271, 4.67029943554681637 52.3780464501238967, 4.67221910840738097 52.37763848033814895, 4.67444069398728157 52.38143436215628412, 4.67418897205789907 52.38266895103578946, 4.68599566822979785 52.38351769829372984, 4.68036400175244705 52.3798722059438262, 4.68036400175244705 52.3798722059438262)))</t>
  </si>
  <si>
    <t>MultiPolygon (((4.66798510537322908 52.38226170814180449, 4.67418897205789907 52.38266895103578946, 4.67444069398728157 52.38143436215628412, 4.67221910840738097 52.37763848033814895, 4.67029943554681637 52.3780464501238967, 4.66959240666050146 52.37687015881004271, 4.66668045120654273 52.37754574831524934, 4.66683561246443102 52.37810245431467848, 4.66798510537322908 52.38226170814180449, 4.66798510537322908 52.38226170814180449)))</t>
  </si>
  <si>
    <t>MultiPolygon (((4.66099480636400276 52.38175285944101489, 4.66798510537322908 52.38226170814180449, 4.66683561246443102 52.37810245431467848, 4.66043200682241476 52.37891477760323511, 4.66099480636400276 52.38175285944101489, 4.66099480636400276 52.38175285944101489)))</t>
  </si>
  <si>
    <t>MultiPolygon (((4.64890108775304167 52.37379708777811516, 4.65229030378010933 52.37392249783835751, 4.65462602378267576 52.37089004386982083, 4.65441490668948266 52.37016295275290645, 4.64744281388545666 52.37013148772329174, 4.64742932436031442 52.371151732525135, 4.64913515557813639 52.37116139177437191, 4.64890108775304167 52.37379708777811516, 4.64890108775304167 52.37379708777811516)))</t>
  </si>
  <si>
    <t>MultiPolygon (((4.64252659671508106 52.37365821045274572, 4.64890108775304167 52.37379708777811516, 4.64913515557813639 52.37116139177437191, 4.64742932436031442 52.371151732525135, 4.64744281388545666 52.37013148772329174, 4.64429669275984658 52.37009997382304505, 4.6422017714840047 52.37033015454973395, 4.63999104994810985 52.37143989809518985, 4.64252659671508106 52.37365821045274572, 4.64252659671508106 52.37365821045274572)))</t>
  </si>
  <si>
    <t>MultiPolygon (((4.65176683690057047 52.3762771067235704, 4.65376271589583546 52.37636267667008383, 4.65803950942969891 52.37487389709666985, 4.65462602378267576 52.37089004386982083, 4.65229030378010933 52.37392249783835751, 4.65176683690057047 52.3762771067235704, 4.65176683690057047 52.3762771067235704)))</t>
  </si>
  <si>
    <t>MultiPolygon (((4.64932498810945916 52.37684105960004644, 4.65074481408799656 52.37671554704826349, 4.65176683690057047 52.3762771067235704, 4.65229030378010933 52.37392249783835751, 4.64890108775304167 52.37379708777811516, 4.64252659671508106 52.37365821045274572, 4.64273305767350841 52.37405831156583957, 4.64138657903053975 52.37631522873054024, 4.64932498810945916 52.37684105960004644, 4.64932498810945916 52.37684105960004644)))</t>
  </si>
  <si>
    <t>MultiPolygon (((4.6546684760976218 52.37997441149650513, 4.66043200682241476 52.37891477760323511, 4.65803950942969891 52.37487389709666985, 4.65376271589583546 52.37636267667008383, 4.65176683690057047 52.3762771067235704, 4.65074481408799656 52.37671554704826349, 4.6546684760976218 52.37997441149650513, 4.6546684760976218 52.37997441149650513)))</t>
  </si>
  <si>
    <t>MultiPolygon (((4.65613766449953559 52.38145558506075616, 4.66099480636400276 52.38175285944101489, 4.66043200682241476 52.37891477760323511, 4.6546684760976218 52.37997441149650513, 4.6562434011708671 52.38070022249577562, 4.65613766449953559 52.38145558506075616, 4.65613766449953559 52.38145558506075616)))</t>
  </si>
  <si>
    <t>MultiPolygon (((4.6517780964715314 52.38120577971847069, 4.65613766449953559 52.38145558506075616, 4.6562434011708671 52.38070022249577562, 4.6546684760976218 52.37997441149650513, 4.65074481408799656 52.37671554704826349, 4.64932498810945916 52.37684105960004644, 4.6517780964715314 52.38120577971847069, 4.6517780964715314 52.38120577971847069)))</t>
  </si>
  <si>
    <t>MultiPolygon (((4.64705557173369055 52.38085513798807114, 4.6517780964715314 52.38120577971847069, 4.64932498810945916 52.37684105960004644, 4.64138657903053975 52.37631522873054024, 4.64705557173369055 52.38085513798807114, 4.64705557173369055 52.38085513798807114)))</t>
  </si>
  <si>
    <t>MultiPolygon (((4.67868568527679063 52.39947745360544218, 4.67857027730183006 52.39851473442703167, 4.67563038875062542 52.39724930258218194, 4.67345787157379355 52.39406732068371753, 4.67454152303197468 52.3909112446388292, 4.67771626100349014 52.38973756770566581, 4.68119036142721789 52.39028666276090718, 4.68144005268521557 52.38991587160083441, 4.68259586788947413 52.38821608478024672, 4.68692113615220851 52.38744370279023599, 4.68597071932480258 52.38401785848719783, 4.68599566822979785 52.38351769829372984, 4.67418897205789907 52.38266895103578946, 4.66695948607221123 52.39461257561526253, 4.66798715568604816 52.39471002400437527, 4.67228305484973827 52.39828983980871868, 4.67066669650586608 52.39899495283599151, 4.6653174259274488 52.39845316263730268, 4.66352458423814387 52.40204402640860337, 4.66107418885710345 52.40432855963404535, 4.66643037350082324 52.40813611718286325, 4.67143877088327919 52.40997426498596212, 4.67196234232826235 52.40944707426994142, 4.67437943600779082 52.4064693165584643, 4.66881620959998411 52.40416279866551008, 4.66866457645138855 52.40139940163482635, 4.67868568527679063 52.39947745360544218, 4.67868568527679063 52.39947745360544218)))</t>
  </si>
  <si>
    <t>MultiPolygon (((4.65502735434690162 52.40173464947663007, 4.66107418885710345 52.40432855963404535, 4.66352458423814387 52.40204402640860337, 4.6653174259274488 52.39845316263730268, 4.67066669650586608 52.39899495283599151, 4.67228305484973827 52.39828983980871868, 4.66798715568604816 52.39471002400437527, 4.66695948607221123 52.39461257561526253, 4.67418897205789907 52.38266895103578946, 4.66798510537322908 52.38226170814180449, 4.66099480636400276 52.38175285944101489, 4.65613766449953559 52.38145558506075616, 4.6517780964715314 52.38120577971847069, 4.64705557173369055 52.38085513798807114, 4.64735635239007028 52.3823627482270382, 4.64944014460199373 52.38469448884444546, 4.65284820738969973 52.38384152181299669, 4.65084066156040699 52.38708984354369846, 4.64951842860398212 52.38761426710275515, 4.65004469330216352 52.39013613454491036, 4.6504156285294469 52.39140763497243825, 4.65152884028640656 52.3952230855684391, 4.65232877862602123 52.39766901864659587, 4.65346174478701258 52.39971957876962705, 4.65502735434690162 52.40173464947663007, 4.65502735434690162 52.40173464947663007)))</t>
  </si>
  <si>
    <t>MultiPolygon (((4.64783338687603109 52.38622193614212819, 4.64951842860398212 52.38761426710275515, 4.65084066156040699 52.38708984354369846, 4.65284820738969973 52.38384152181299669, 4.64944014460199373 52.38469448884444546, 4.64735635239007028 52.3823627482270382, 4.64231302722065742 52.38402735220732609, 4.64783338687603109 52.38622193614212819, 4.64783338687603109 52.38622193614212819)))</t>
  </si>
  <si>
    <t>MultiPolygon (((4.61004318298287519 52.37231586925611992, 4.60732388869870313 52.36704471421553819, 4.60415774001836819 52.36759249801736615, 4.60377326372575979 52.36885688496037972, 4.60458647928371168 52.37135525616422171, 4.6018342223742037 52.37218567402860003, 4.60222560583347562 52.37320461069757016, 4.61004318298287519 52.37231586925611992, 4.61004318298287519 52.37231586925611992)))</t>
  </si>
  <si>
    <t>MultiPolygon (((4.61098719344961605 52.37604580743073512, 4.61004318298287519 52.37231586925611992, 4.60222560583347562 52.37320461069757016, 4.6018342223742037 52.37218567402860003, 4.60145244050381752 52.37277052368420271, 4.60117140612539366 52.37551534342949111, 4.60106681895251857 52.37680186477484767, 4.59955168940540027 52.37721946728059663, 4.59978302345891077 52.37896276325691503, 4.61098719344961605 52.37604580743073512, 4.61098719344961605 52.37604580743073512)))</t>
  </si>
  <si>
    <t>MultiPolygon (((4.61030019013596348 52.38525597492801467, 4.61464599430614975 52.3845846650456437, 4.61404974190108152 52.38028026951612048, 4.61098719344961605 52.37604580743073512, 4.59978302345891077 52.37896276325691503, 4.60025665864113709 52.3807623143861889, 4.60312621473195716 52.38007597627218814, 4.60858819058696589 52.38055730204025195, 4.61157316892224056 52.38354337512897274, 4.61030019013596348 52.38525597492801467, 4.61030019013596348 52.38525597492801467)))</t>
  </si>
  <si>
    <t>MultiPolygon (((4.60858195206016408 52.3855215911088834, 4.61030019013596348 52.38525597492801467, 4.61157316892224056 52.38354337512897274, 4.60858819058696589 52.38055730204025195, 4.60312621473195716 52.38007597627218814, 4.60025665864113709 52.3807623143861889, 4.60053092399438857 52.38292102926271809, 4.60201697636339624 52.3846194249020769, 4.60533275118416796 52.38549310348989962, 4.60858195206016408 52.3855215911088834)))</t>
  </si>
  <si>
    <t>MultiPolygon (((4.62370367092834123 52.3916870950266329, 4.6242276902793078 52.39095246599676869, 4.62676067187045792 52.38907359155358279, 4.63189439141439063 52.38834145986234603, 4.62692292701686281 52.38771502776872069, 4.62257781218548036 52.3858467442931115, 4.61988235562040472 52.38377735809412883, 4.61464599430614975 52.3845846650456437, 4.61625413585633382 52.38882241918402372, 4.62160577251352844 52.38798175595936613, 4.62370367092834123 52.3916870950266329, 4.62370367092834123 52.3916870950266329)))</t>
  </si>
  <si>
    <t>MultiPolygon (((4.61625413585633382 52.38882241918402372, 4.61464599430614975 52.3845846650456437, 4.61030019013596348 52.38525597492801467, 4.60858195206016408 52.3855215911088834, 4.61081951209964291 52.38982113306980182, 4.61625413585633382 52.38882241918402372, 4.61625413585633382 52.38882241918402372)))</t>
  </si>
  <si>
    <t>MultiPolygon (((4.61857059355427957 52.37124133216909883, 4.61065570280766757 52.36270591092856819, 4.60858101715419632 52.36295794321093666, 4.60842282200110009 52.3629846878480123, 4.61327200804938364 52.37183330447120255, 4.61857059355427957 52.37124133216909883, 4.61857059355427957 52.37124133216909883)))</t>
  </si>
  <si>
    <t>MultiPolygon (((4.61327200804938364 52.37183330447120255, 4.60842282200110009 52.3629846878480123, 4.60572367447738884 52.3634048571688453, 4.60732388869870313 52.36704471421553819, 4.61004318298287519 52.37231586925611992, 4.61327200804938364 52.37183330447120255, 4.61327200804938364 52.37183330447120255)))</t>
  </si>
  <si>
    <t>MultiPolygon (((4.61729739997896438 52.37933500359933703, 4.6214030462234259 52.37791534902910229, 4.62388978742436763 52.37705536694632968, 4.61857059355427957 52.37124133216909883, 4.61327200804938364 52.37183330447120255, 4.61729739997896438 52.37933500359933703, 4.61729739997896438 52.37933500359933703)))</t>
  </si>
  <si>
    <t>MultiPolygon (((4.61404974190108152 52.38028026951612048, 4.61729739997896438 52.37933500359933703, 4.61327200804938364 52.37183330447120255, 4.61004318298287519 52.37231586925611992, 4.61098719344961605 52.37604580743073512, 4.61404974190108152 52.38028026951612048, 4.61404974190108152 52.38028026951612048)))</t>
  </si>
  <si>
    <t>MultiPolygon (((4.61464599430614975 52.3845846650456437, 4.61988235562040472 52.38377735809412883, 4.61729739997896438 52.37933500359933703, 4.61404974190108152 52.38028026951612048, 4.61464599430614975 52.3845846650456437, 4.61464599430614975 52.3845846650456437)))</t>
  </si>
  <si>
    <t>MultiPolygon (((4.62420160285719906 52.38311124904321758, 4.62891610618867855 52.38238347158085872, 4.62439684077973379 52.37760989437434489, 4.62388978742436763 52.37705536694632968, 4.6214030462234259 52.37791534902910229, 4.62420160285719906 52.38311124904321758, 4.62420160285719906 52.38311124904321758)))</t>
  </si>
  <si>
    <t>MultiPolygon (((4.61988235562040472 52.38377735809412883, 4.62420160285719906 52.38311124904321758, 4.6214030462234259 52.37791534902910229, 4.61729739997896438 52.37933500359933703, 4.61988235562040472 52.38377735809412883, 4.61988235562040472 52.38377735809412883)))</t>
  </si>
  <si>
    <t>MultiPolygon (((4.61988235562040472 52.38377735809412883, 4.62257781218548036 52.3858467442931115, 4.62984563238398827 52.3833581108886932, 4.62891610618867855 52.38238347158085872, 4.62420160285719906 52.38311124904321758, 4.61988235562040472 52.38377735809412883, 4.61988235562040472 52.38377735809412883)))</t>
  </si>
  <si>
    <t>MultiPolygon (((4.62257781218548036 52.3858467442931115, 4.62692292701686281 52.38771502776872069, 4.63189439141439063 52.38834145986234603, 4.63147396768670649 52.38538835535771199, 4.62984563238398827 52.3833581108886932, 4.62257781218548036 52.3858467442931115, 4.62257781218548036 52.3858467442931115)))</t>
  </si>
  <si>
    <t>MultiPolygon (((4.63675710987274403 52.36455112849517946, 4.63662633735540108 52.36148417651102704, 4.6303405723873885 52.36064679654049314, 4.62562878943528499 52.36212636711959334, 4.61824654555412195 52.36146665806717948, 4.61771863126388737 52.36153068634645535, 4.61866107265891568 52.36451662561479736, 4.6294627093291183 52.36501182873321625, 4.63245929202586737 52.36771934416637464, 4.63631566766469749 52.36749924136397283, 4.63675710987274403 52.36455112849517946, 4.63675710987274403 52.36455112849517946)))</t>
  </si>
  <si>
    <t>MultiPolygon (((4.62266492691354358 52.36998999791124021, 4.62748016448482513 52.36910300503411264, 4.62877393603776621 52.36977532777068234, 4.62930624965399318 52.37155460859489153, 4.63276951793123271 52.37128973099264329, 4.63132351371907092 52.36818683634582783, 4.63245929202586737 52.36771934416637464, 4.6294627093291183 52.36501182873321625, 4.61866107265891568 52.36451662561479736, 4.62266492691354358 52.36998999791124021, 4.62266492691354358 52.36998999791124021)))</t>
  </si>
  <si>
    <t>MultiPolygon (((4.61866107265891568 52.36451662561479736, 4.61771863126388737 52.36153068634645535, 4.61065570280766757 52.36270591092856819, 4.61857059355427957 52.37124133216909883, 4.62268625833945279 52.37001426822844508, 4.62266492691354358 52.36998999791124021, 4.61866107265891568 52.36451662561479736, 4.61866107265891568 52.36451662561479736)))</t>
  </si>
  <si>
    <t>MultiPolygon (((4.6347600347154394 52.37507639875533272, 4.64273305767350841 52.37405831156583957, 4.64252659671508106 52.37365821045274572, 4.63999104994810985 52.37143989809518985, 4.6338985237136141 52.37335452455154439, 4.6347600347154394 52.37507639875533272, 4.6347600347154394 52.37507639875533272)))</t>
  </si>
  <si>
    <t>MultiPolygon (((4.63971082954614289 52.37706939095694736, 4.64138657903053975 52.37631522873054024, 4.64273305767350841 52.37405831156583957, 4.6347600347154394 52.37507639875533272, 4.63513954310444731 52.3759258258128213, 4.63971082954614289 52.37706939095694736, 4.63971082954614289 52.37706939095694736)))</t>
  </si>
  <si>
    <t>MultiPolygon (((4.63100248264342884 52.37604359272160792, 4.63513954310444731 52.3759258258128213, 4.6347600347154394 52.37507639875533272, 4.6338985237136141 52.37335452455154439, 4.63999104994810985 52.37143989809518985, 4.63590683577882778 52.36963380748219521, 4.63631566766469749 52.36749924136397283, 4.63245929202586737 52.36771934416637464, 4.63132351371907092 52.36818683634582783, 4.63276951793123271 52.37128973099264329, 4.62930624965399318 52.37155460859489153, 4.63030270600086791 52.37453278670062673, 4.63100248264342884 52.37604359272160792, 4.63100248264342884 52.37604359272160792)))</t>
  </si>
  <si>
    <t>MultiPolygon (((4.63030270600086791 52.37453278670062673, 4.62930624965399318 52.37155460859489153, 4.62877393603776621 52.36977532777068234, 4.62748016448482513 52.36910300503411264, 4.62266492691354358 52.36998999791124021, 4.62268625833945279 52.37001426822844508, 4.62581215256936407 52.37259592110085293, 4.63030270600086791 52.37453278670062673, 4.63030270600086791 52.37453278670062673)))</t>
  </si>
  <si>
    <t>MultiPolygon (((4.62388978742436763 52.37705536694632968, 4.62439684077973379 52.37760989437434489, 4.63100248264342884 52.37604359272160792, 4.63030270600086791 52.37453278670062673, 4.62581215256936407 52.37259592110085293, 4.62268625833945279 52.37001426822844508, 4.61857059355427957 52.37124133216909883, 4.62388978742436763 52.37705536694632968, 4.62388978742436763 52.37705536694632968)))</t>
  </si>
  <si>
    <t>MultiPolygon (((4.63347163891634306 52.37940091688735578, 4.63654374429434846 52.37781978756274981, 4.63849384378338048 52.37794558754972485, 4.63971082954614289 52.37706939095694736, 4.63513954310444731 52.3759258258128213, 4.63100248264342884 52.37604359272160792, 4.63347163891634306 52.37940091688735578, 4.63347163891634306 52.37940091688735578)))</t>
  </si>
  <si>
    <t>MultiPolygon (((4.62891610618867855 52.38238347158085872, 4.63192857398552782 52.38187404327555186, 4.63347163891634306 52.37940091688735578, 4.63100248264342884 52.37604359272160792, 4.62439684077973379 52.37760989437434489, 4.62891610618867855 52.38238347158085872, 4.62891610618867855 52.38238347158085872)))</t>
  </si>
  <si>
    <t>MultiPolygon (((4.64231302722065742 52.38402735220732609, 4.64735635239007028 52.3823627482270382, 4.64705557173369055 52.38085513798807114, 4.64138657903053975 52.37631522873054024, 4.63971082954614289 52.37706939095694736, 4.63849384378338048 52.37794558754972485, 4.63941545734877625 52.37982546429943653, 4.64481042479125517 52.38121971023787182, 4.64488483974546185 52.38193328388484105, 4.6420536498448346 52.38339454674111551, 4.64231302722065742 52.38402735220732609, 4.64231302722065742 52.38402735220732609)))</t>
  </si>
  <si>
    <t>MultiPolygon (((4.63607217243144287 52.38499088134975779, 4.64231302722065742 52.38402735220732609, 4.6420536498448346 52.38339454674111551, 4.64488483974546185 52.38193328388484105, 4.64481042479125517 52.38121971023787182, 4.63941545734877625 52.37982546429943653, 4.63528160770615383 52.38148323959023855, 4.63607217243144287 52.38499088134975779, 4.63607217243144287 52.38499088134975779)))</t>
  </si>
  <si>
    <t>MultiPolygon (((4.63147396768670649 52.38538835535771199, 4.63607217243144287 52.38499088134975779, 4.63528160770615383 52.38148323959023855, 4.63941545734877625 52.37982546429943653, 4.63849384378338048 52.37794558754972485, 4.63654374429434846 52.37781978756274981, 4.63347163891634306 52.37940091688735578, 4.63192857398552782 52.38187404327555186, 4.62891610618867855 52.38238347158085872, 4.62984563238398827 52.3833581108886932, 4.63147396768670649 52.38538835535771199, 4.63147396768670649 52.38538835535771199)))</t>
  </si>
  <si>
    <t>MultiPolygon (((4.63440702159475304 52.38961447264247084, 4.63954024458897685 52.38980793397692537, 4.64414550927434799 52.38826394579801615, 4.64783338687603109 52.38622193614212819, 4.64231302722065742 52.38402735220732609, 4.63607217243144287 52.38499088134975779, 4.63147396768670649 52.38538835535771199, 4.63189439141439063 52.38834145986234603, 4.63440702159475304 52.38961447264247084, 4.63440702159475304 52.38961447264247084)))</t>
  </si>
  <si>
    <t>MultiPolygon (((4.97763820989988925 52.55344659804337226, 4.98669484105442073 52.55380766187676755, 4.99073521342367421 52.54974414328731314, 4.99931576712181069 52.54310133930192706, 4.998493366517053 52.53550005144706603, 4.98181996804023797 52.544493300422765, 4.97415027346059713 52.53860280127359772, 4.96880642541574158 52.54083515028118967, 4.97565565675444166 52.54539584842071065, 4.97650562696914811 52.54685000195754441, 4.97534783535766412 52.54907464163376574, 4.97763820989988925 52.55344659804337226)))</t>
  </si>
  <si>
    <t>MultiPolygon (((5.00669014475841045 52.61051914247370576, 5.01965933366736383 52.61245357380053633, 5.0194958238898586 52.60641895170736149, 5.02226415317939257 52.60451481677862517, 5.02108627392263784 52.60220636944967509, 5.02436582028047507 52.59964819893764343, 5.02056483487205263 52.5960267138509252, 5.02324105041597946 52.59140158831223033, 5.01985038941140882 52.59102350653530777, 5.01741259110693161 52.5900603800302946, 5.01096276350552206 52.58445012508703797, 5.00191012042677219 52.59221592674058599, 5.00564874254783643 52.59291216810843395, 5.00662450498447154 52.59758285860072391, 5.00488121263809926 52.59757304746963769, 5.00794937992812272 52.60779907056515015, 5.00669014475841045 52.61051914247370576, 5.00669014475841045 52.61051914247370576)))</t>
  </si>
  <si>
    <t>MultiPolygon (((4.98181996804023797 52.544493300422765, 4.998493366517053 52.53550005144706603, 4.99931576712181069 52.54310133930192706, 5.01326607440462713 52.53178414947323915, 5.00876656502026929 52.52768756840544739, 5.00109489541865138 52.52691491815115654, 4.99739927188759303 52.52271289884472338, 4.99201903251986323 52.51983192407051604, 4.99164121128839255 52.5199843864982796, 4.98655816595385559 52.52185060909072689, 4.97320025815376621 52.52541249685027935, 4.96725427842931389 52.52736729264300664, 4.95699874951507091 52.52911035641967885, 4.96195200054393926 52.53634813797052061, 4.96880642541574158 52.54083515028118967, 4.97415027346059713 52.53860280127359772, 4.98181996804023797 52.544493300422765)))</t>
  </si>
  <si>
    <t>MultiPolygon (((5.04665922461066341 52.51993614392843313, 5.04443147966221161 52.51801886820975085, 5.03090438128603168 52.51964481479443947, 5.03007928292396311 52.5192579909670556, 5.02470005724459678 52.52240272619627603, 5.00876656502026929 52.52768756840544739, 5.01326607440462713 52.53178414947323915, 4.99931576712181069 52.54310133930192706, 4.99073521342367421 52.54974414328731314, 4.98669484105442073 52.55380766187676755, 4.99707393089673868 52.56053344004217109, 5.00292806303513249 52.55613242155867937, 5.01408591165879969 52.55359529748461256, 5.01689733934402149 52.55238682976324327, 5.02149065943288342 52.55205491743139845, 5.02600534694609546 52.54993697469108582, 5.02886478544642213 52.54547342183186487, 5.03160859881857547 52.5441731811072188, 5.0325969833857771 52.5388972149645781, 5.03769602678365924 52.53559153753233346, 5.04495945753436992 52.52884706497199829, 5.0457137747288785 52.52640430480557399, 5.04450033614013105 52.52469791420839584, 5.04665922461066341 52.51993614392843313, 5.04665922461066341 52.51993614392843313)))</t>
  </si>
  <si>
    <t>MultiPolygon (((5.00190829012091065 52.56734214073212286, 5.00930433497296157 52.57564363894426407, 5.01182771734126487 52.57583670396671494, 5.03257891950394498 52.57358352185413253, 5.0310018043274205 52.57037163586781503, 5.03112939593794195 52.56756502008426679, 5.03466010250964402 52.56492799396111337, 5.04267033949631749 52.56096021736330215, 5.04308224038868769 52.55796662399114894, 5.05475463893659249 52.54460392413717784, 5.054805461703479 52.53840120774223266, 5.05757545208131098 52.53724252342150436, 5.06301054390237315 52.52977992418752251, 5.06477352157180238 52.52897514251765188, 5.06577532854135715 52.52620027465319197, 5.04665922461066341 52.51993614392843313, 5.04450033614013105 52.52469791420839584, 5.0457137747288785 52.52640430480557399, 5.04495945753436992 52.52884706497199829, 5.03769602678365924 52.53559153753233346, 5.0325969833857771 52.5388972149645781, 5.03160859881857547 52.5441731811072188, 5.02886478544642213 52.54547342183186487, 5.02600534694609546 52.54993697469108582, 5.02149065943288342 52.55205491743139845, 5.01689733934402149 52.55238682976324327, 5.01408591165879969 52.55359529748461256, 5.00292806303513249 52.55613242155867937, 4.99707393089673868 52.56053344004217109, 4.99752106764872384 52.56108369676760361, 5.00116401904563901 52.56650411111038323, 5.00190829012091065 52.56734214073212286, 5.00190829012091065 52.56734214073212286)))</t>
  </si>
  <si>
    <t>MultiPolygon (((5.00190829012091065 52.56734214073212286, 5.00116401904563901 52.56650411111038323, 4.99752106764872384 52.56108369676760361, 4.98988785214701203 52.56746941492279745, 4.99898518986920237 52.57402322226072755, 5.00213982125307499 52.57010641355887515, 5.00190829012091065 52.56734214073212286, 5.00190829012091065 52.56734214073212286)))</t>
  </si>
  <si>
    <t>MultiPolygon (((4.98222389692515222 52.58549786160761386, 4.9848668183799294 52.58916357982096912, 5.00191012042677219 52.59221592674058599, 5.01096276350552206 52.58445012508703797, 5.01741259110693161 52.5900603800302946, 5.01985038941140882 52.59102350653530777, 5.02324105041597946 52.59140158831223033, 5.02858346329327599 52.58521082077670172, 5.02928412099527922 52.58080767992630911, 5.03257891950394498 52.57358352185413253, 5.01182771734126487 52.57583670396671494, 5.00930433497296157 52.57564363894426407, 5.00190829012091065 52.56734214073212286, 5.00213982125307499 52.57010641355887515, 4.99898518986920237 52.57402322226072755, 4.98988785214701203 52.56746941492279745, 4.99752106764872384 52.56108369676760361, 4.99707393089673868 52.56053344004217109, 4.98669484105442073 52.55380766187676755, 4.97763820989988925 52.55344659804337226, 4.97650500881687563 52.56115235276327979, 4.98042458548117573 52.5643580730965212, 4.98608382650691073 52.56730435988404793, 4.9971680968246428 52.57512149356811193, 4.99650969911032661 52.57764361642185946, 4.9918945128218617 52.58223436030254305, 4.98222389692515222 52.58549786160761386)))</t>
  </si>
  <si>
    <t>MultiPolygon (((4.9848668183799294 52.58916357982096912, 4.98222389692515222 52.58549786160761386, 4.9800974301660883 52.58696180913280216, 4.97747199730715195 52.5866322101072825, 4.96866591661496226 52.58447520677354703, 4.96274451569740194 52.58147093465926503, 4.95523909529618578 52.57995524220038419, 4.95392208632808817 52.58113391678223536, 4.95448533049057716 52.58420445460210857, 4.95402625743679881 52.58665853177944172, 4.94973874802494684 52.59256880978549731, 4.9493719395451814 52.59478882644938125, 4.94984990577971562 52.5952853429690137, 5.00488121263809926 52.59757304746963769, 5.00662450498447154 52.59758285860072391, 5.00564874254783643 52.59291216810843395, 5.00191012042677219 52.59221592674058599, 4.9848668183799294 52.58916357982096912)))</t>
  </si>
  <si>
    <t>MultiPolygon (((5.06339602449295345 52.51433820847253742, 5.07181658795164214 52.51575790145597722, 5.07456427002471244 52.51715278745757587, 5.07485959247234231 52.51508559912821994, 5.08063620329026921 52.51304187759821218, 5.08376443352654928 52.50661854923828287, 5.0726825294771869 52.5097021091153735, 5.06731831802949451 52.51074768573245422, 5.06431465950260584 52.51112403001478413, 5.06339602449295345 52.51433820847253742, 5.06339602449295345 52.51433820847253742)))</t>
  </si>
  <si>
    <t>MultiPolygon (((5.05609736514296504 52.50354377991030219, 5.04719110886525524 52.50082848586010442, 5.04262184931130886 52.49967339595830396, 5.04570217269511279 52.49171266341366504, 5.05073321669752762 52.4922993063468013, 5.05536965435303731 52.49285940137514217, 5.05591584105450753 52.49119638271282184, 5.05718019539849717 52.49142818618576456, 5.05902779515189849 52.49136814310811872, 5.05909493561640566 52.49095566685158332, 5.03878011813837823 52.48834375219085757, 5.03144807666139648 52.4885673938812829, 5.03062171392163204 52.48706072548549884, 5.02552045041968132 52.4851361394831315, 5.0275849883175372 52.49031251702454881, 5.03440999437013215 52.49927658756663362, 5.04150295701146955 52.50498317359042488, 5.04585980291600222 52.50303408770561475, 5.05352072907659089 52.50527009517843169, 5.05564696750978992 52.5038118732623289, 5.05609736514296504 52.50354377991030219, 5.05609736514296504 52.50354377991030219)))</t>
  </si>
  <si>
    <t>MultiPolygon (((5.06731831802949451 52.51074768573245422, 5.0726825294771869 52.5097021091153735, 5.07139778881747372 52.50766689332612458, 5.07054125857504001 52.50798610442853231, 5.06199216908439187 52.50111286454300341, 5.05828542021570549 52.5024916923014473, 5.05609736514296504 52.50354377991030219, 5.05564696750978992 52.5038118732623289, 5.06140097182791315 52.50770959072846722, 5.06523688849657372 52.50652528710428868, 5.06731831802949451 52.51074768573245422, 5.06731831802949451 52.51074768573245422)))</t>
  </si>
  <si>
    <t>MultiPolygon (((5.07139778881747372 52.50766689332612458, 5.0726825294771869 52.5097021091153735, 5.08376443352654928 52.50661854923828287, 5.08569261464751676 52.50375760326956964, 5.08100355840585749 52.4997638686260899, 5.07924310882193453 52.49817783753515243, 5.07610230593923806 52.49934433535163691, 5.07449213937231036 52.49837978194700128, 5.0733899179674804 52.49928047975492973, 5.07449953863902525 52.50284136361604936, 5.07612469955989898 52.5025014326444861, 5.0788270435764522 52.5047318337154536, 5.07139778881747372 52.50766689332612458, 5.07139778881747372 52.50766689332612458)))</t>
  </si>
  <si>
    <t>MultiPolygon (((5.06624506636004757 52.49897251706779144, 5.07115541001799741 52.50292369901160328, 5.07449953863902525 52.50284136361604936, 5.0733899179674804 52.49928047975492973, 5.07449213937231036 52.49837978194700128, 5.06935344023060264 52.49613405106088493, 5.06624506636004757 52.49897251706779144, 5.06624506636004757 52.49897251706779144)))</t>
  </si>
  <si>
    <t>MultiPolygon (((5.07139778881747372 52.50766689332612458, 5.0788270435764522 52.5047318337154536, 5.07612469955989898 52.5025014326444861, 5.07449953863902525 52.50284136361604936, 5.07115541001799741 52.50292369901160328, 5.06624506636004757 52.49897251706779144, 5.06262569819798269 52.50080071381692193, 5.06199216908439187 52.50111286454300341, 5.07054125857504001 52.50798610442853231, 5.07139778881747372 52.50766689332612458, 5.07139778881747372 52.50766689332612458)))</t>
  </si>
  <si>
    <t>MultiPolygon (((5.04719110886525524 52.50082848586010442, 5.04832621840707496 52.49875816692676267, 5.04906358429024227 52.49703349572980215, 5.05073321669752762 52.4922993063468013, 5.04570217269511279 52.49171266341366504, 5.04262184931130886 52.49967339595830396, 5.04719110886525524 52.50082848586010442, 5.04719110886525524 52.50082848586010442)))</t>
  </si>
  <si>
    <t>MultiPolygon (((5.04906358429024227 52.49703349572980215, 5.05281035163212167 52.49746339947682827, 5.05603581905932842 52.49598148971248435, 5.05642320297310288 52.49425414500264964, 5.05718019539849717 52.49142818618576456, 5.05591584105450753 52.49119638271282184, 5.05536965435303731 52.49285940137514217, 5.05073321669752762 52.4922993063468013, 5.04906358429024227 52.49703349572980215, 5.04906358429024227 52.49703349572980215)))</t>
  </si>
  <si>
    <t>MultiPolygon (((5.05609736514296504 52.50354377991030219, 5.05828542021570549 52.5024916923014473, 5.0553033808414698 52.5006934132520513, 5.04832621840707496 52.49875816692676267, 5.04719110886525524 52.50082848586010442, 5.05609736514296504 52.50354377991030219, 5.05609736514296504 52.50354377991030219)))</t>
  </si>
  <si>
    <t>MultiPolygon (((5.05828542021570549 52.5024916923014473, 5.06199216908439187 52.50111286454300341, 5.06262569819798269 52.50080071381692193, 5.06063278700839092 52.49972637232810513, 5.0600022350805558 52.49647877751021952, 5.06068680071200383 52.49557943272158411, 5.05973128233582603 52.49466130055536439, 5.05642320297310288 52.49425414500264964, 5.05603581905932842 52.49598148971248435, 5.05281035163212167 52.49746339947682827, 5.04906358429024227 52.49703349572980215, 5.04832621840707496 52.49875816692676267, 5.0553033808414698 52.5006934132520513, 5.05828542021570549 52.5024916923014473, 5.05828542021570549 52.5024916923014473)))</t>
  </si>
  <si>
    <t>MultiPolygon (((5.06262569819798269 52.50080071381692193, 5.06624506636004757 52.49897251706779144, 5.06935344023060264 52.49613405106088493, 5.07106156603650149 52.49566737121945437, 5.06847051945567983 52.49353101414268963, 5.05902779515189849 52.49136814310811872, 5.05718019539849717 52.49142818618576456, 5.05642320297310288 52.49425414500264964, 5.05973128233582603 52.49466130055536439, 5.06068680071200383 52.49557943272158411, 5.0600022350805558 52.49647877751021952, 5.06063278700839092 52.49972637232810513, 5.06262569819798269 52.50080071381692193, 5.06262569819798269 52.50080071381692193)))</t>
  </si>
  <si>
    <t>MultiPolygon (((5.07449213937231036 52.49837978194700128, 5.07610230593923806 52.49934433535163691, 5.07924310882193453 52.49817783753515243, 5.08100355840585749 52.4997638686260899, 5.07793513193798862 52.49549870149648712, 5.07786001015213095 52.49374318351443236, 5.07689529187727295 52.49433017892456377, 5.07549933795030572 52.493111629957383, 5.07358305621536587 52.49256288111703839, 5.07407381597889717 52.49191945124444203, 5.07181581593467712 52.49190502014513982, 5.07156291252024172 52.490908701427621, 5.06994546997590501 52.48967586418954312, 5.06746588348041271 52.48965318186436946, 5.06587905663027271 52.49000183936279029, 5.06520076220586457 52.49072985115233791, 5.0642201788224499 52.49062464691670726, 5.06280878615298313 52.488223463276519, 5.06156026621561139 52.48827415809174823, 5.05948143537748596 52.48561453750719608, 5.05864561840300375 52.4855248519715829, 5.05909493561640566 52.49095566685158332, 5.05902779515189849 52.49136814310811872, 5.06847051945567983 52.49353101414268963, 5.07106156603650149 52.49566737121945437, 5.06935344023060264 52.49613405106088493, 5.07449213937231036 52.49837978194700128, 5.07449213937231036 52.49837978194700128)))</t>
  </si>
  <si>
    <t>MultiPolygon (((5.02470005724459678 52.52240272619627603, 5.03007928292396311 52.5192579909670556, 5.0401259529407314 52.51227030755593717, 5.04202659089803529 52.50793429862548578, 5.04150295701146955 52.50498317359042488, 5.03440999437013215 52.49927658756663362, 5.0275849883175372 52.49031251702454881, 5.02552045041968132 52.4851361394831315, 5.0246111811803571 52.48492547750787196, 4.99796443229722964 52.49473276621613849, 5.0098046742244664 52.50680986858868238, 5.02470005724459678 52.52240272619627603, 5.02470005724459678 52.52240272619627603)))</t>
  </si>
  <si>
    <t>MultiPolygon (((5.04665922461066341 52.51993614392843313, 5.06577532854135715 52.52620027465319197, 5.06640265974140913 52.52288083058950008, 5.06982523096053406 52.52101906442145918, 5.07168661910732332 52.51889979769362071, 5.06746525200569042 52.51624798353828538, 5.06277999178405214 52.51519136829985257, 5.05661723706681876 52.51517842671563585, 5.04819033714767329 52.51618548138605291, 5.04566317373751883 52.51590431818445381, 5.04443147966221161 52.51801886820975085, 5.04665922461066341 52.51993614392843313, 5.04665922461066341 52.51993614392843313)))</t>
  </si>
  <si>
    <t>MultiPolygon (((5.05628630923478095 52.51198093952572776, 5.06339602449295345 52.51433820847253742, 5.06431465950260584 52.51112403001478413, 5.06731831802949451 52.51074768573245422, 5.06523688849657372 52.50652528710428868, 5.06140097182791315 52.50770959072846722, 5.05564696750978992 52.5038118732623289, 5.05352072907659089 52.50527009517843169, 5.05321555725170679 52.50550159635685077, 5.05893373450999295 52.50880688044269817, 5.05628630923478095 52.51198093952572776, 5.05628630923478095 52.51198093952572776)))</t>
  </si>
  <si>
    <t>MultiPolygon (((5.04850017671128448 52.50934170010670954, 5.0498250178220534 52.51020820336106709, 5.05628630923478095 52.51198093952572776, 5.05893373450999295 52.50880688044269817, 5.05321555725170679 52.50550159635685077, 5.04850017671128448 52.50934170010670954, 5.04850017671128448 52.50934170010670954)))</t>
  </si>
  <si>
    <t>MultiPolygon (((5.04378407597830236 52.50982594906813006, 5.04850017671128448 52.50934170010670954, 5.05321555725170679 52.50550159635685077, 5.05352072907659089 52.50527009517843169, 5.04585980291600222 52.50303408770561475, 5.04150295701146955 52.50498317359042488, 5.04202659089803529 52.50793429862548578, 5.04378407597830236 52.50982594906813006, 5.04378407597830236 52.50982594906813006)))</t>
  </si>
  <si>
    <t>MultiPolygon (((5.03007928292396311 52.5192579909670556, 5.03090438128603168 52.51964481479443947, 5.04443147966221161 52.51801886820975085, 5.04566317373751883 52.51590431818445381, 5.04378407597830236 52.50982594906813006, 5.04202659089803529 52.50793429862548578, 5.0401259529407314 52.51227030755593717, 5.03007928292396311 52.5192579909670556, 5.03007928292396311 52.5192579909670556)))</t>
  </si>
  <si>
    <t>MultiPolygon (((5.07168661910732332 52.51889979769362071, 5.07382042677463918 52.51936692205752166, 5.07500576116175761 52.51906164477794192, 5.07456427002471244 52.51715278745757587, 5.07181658795164214 52.51575790145597722, 5.06339602449295345 52.51433820847253742, 5.05628630923478095 52.51198093952572776, 5.0498250178220534 52.51020820336106709, 5.04850017671128448 52.50934170010670954, 5.04378407597830236 52.50982594906813006, 5.04566317373751883 52.51590431818445381, 5.04819033714767329 52.51618548138605291, 5.05661723706681876 52.51517842671563585, 5.06277999178405214 52.51519136829985257, 5.06746525200569042 52.51624798353828538, 5.07168661910732332 52.51889979769362071, 5.07168661910732332 52.51889979769362071)))</t>
  </si>
  <si>
    <t>MultiPolygon (((5.02686056520924485 52.3487723238492606, 5.03494378637339857 52.3445293253712336, 5.03399664463460716 52.340638833862279, 5.02618857458772172 52.33806275106955042, 5.02613862631080632 52.33749072372048516, 5.02754103735203639 52.33773620929905235, 5.02534357355577921 52.33704901073985383, 5.02551663472539101 52.33962716792244407, 5.02046204689849151 52.34205927031987216, 5.01225823463782749 52.3438011355695636, 5.01230437676815122 52.34384629751307472, 5.01352691937341444 52.34381336683519237, 5.0190496336019903 52.34787750813076457, 5.02365366865293517 52.34802418189982376, 5.02686056520924485 52.3487723238492606, 5.02686056520924485 52.3487723238492606)))</t>
  </si>
  <si>
    <t>MultiPolygon (((5.02046204689849151 52.34205927031987216, 5.02551663472539101 52.33962716792244407, 5.02534357355577921 52.33704901073985383, 5.01846255102659455 52.33407442859564895, 5.0149923143089028 52.33177646009949768, 5.0102147151653682 52.3356599088371226, 4.99932065299995987 52.34153632479545593, 5.00145265620570267 52.34233563080887564, 5.00416219066280465 52.34257750860896863, 5.00906847086662754 52.34189140787719907, 5.01225823463782749 52.3438011355695636, 5.02046204689849151 52.34205927031987216, 5.02046204689849151 52.34205927031987216)))</t>
  </si>
  <si>
    <t>MultiPolygon (((4.99834315778543292 52.34201131916379524, 4.99932065299995987 52.34153632479545593, 5.0102147151653682 52.3356599088371226, 5.0149923143089028 52.33177646009949768, 5.01445011703915533 52.33143131839825202, 5.01269404014124564 52.33209742638601369, 5.00369561219786529 52.33250769650960876, 4.9957729702460778 52.33439298726218425, 4.99192205337374073 52.3358190951075386, 4.98560431774126922 52.33979973492893834, 4.98480862866055308 52.34180399219317792, 4.98795310161675154 52.34315089819312306, 4.99571863848901554 52.34097609832030429, 4.99834315778543292 52.34201131916379524, 4.99834315778543292 52.34201131916379524)))</t>
  </si>
  <si>
    <t>MultiPolygon (((4.98560431774126922 52.33979973492893834, 4.99192205337374073 52.3358190951075386, 4.9957729702460778 52.33439298726218425, 5.00369561219786529 52.33250769650960876, 5.01269404014124564 52.33209742638601369, 5.01445011703915533 52.33143131839825202, 5.01279385343383055 52.33020742406342407, 5.01613367957845213 52.32451212164971821, 4.99807915500039357 52.31403484133107895, 4.99709107684478138 52.31445564230158141, 4.99689574288289151 52.31764236056505268, 4.9916717406577682 52.32443768989131883, 4.9896036740951466 52.32754772528415543, 4.98618193693660139 52.3297198375241237, 4.98693541712002464 52.32984200634172822, 4.98682978944369015 52.33317040130418007, 4.97951912777998373 52.33352657479534997, 4.97744823254300783 52.33390219741936278, 4.97669511271021836 52.33440539178862139, 4.97921951190673351 52.33755054296001674, 4.98236506240037169 52.33925788973943583, 4.98413133446595591 52.33883394755522289, 4.98560431774126922 52.33979973492893834, 4.98560431774126922 52.33979973492893834)))</t>
  </si>
  <si>
    <t>MultiPolygon (((4.97244395357680435 52.33910210781449734, 4.97742251615646136 52.34015128317499688, 4.98236506240037169 52.33925788973943583, 4.97921951190673351 52.33755054296001674, 4.97784408029558723 52.33800175513749053, 4.97744585271337137 52.33753292811011448, 4.97244395357680435 52.33910210781449734, 4.97244395357680435 52.33910210781449734)))</t>
  </si>
  <si>
    <t>MultiPolygon (((4.97097167421655861 52.33848796751432531, 4.97244395357680435 52.33910210781449734, 4.97744585271337137 52.33753292811011448, 4.97784408029558723 52.33800175513749053, 4.97921951190673351 52.33755054296001674, 4.97669511271021836 52.33440539178862139, 4.96845787565419172 52.33676501200231712, 4.97097167421655861 52.33848796751432531, 4.97097167421655861 52.33848796751432531)))</t>
  </si>
  <si>
    <t>MultiPolygon (((4.96710251651580048 52.3358716003161959, 4.96845787565419172 52.33676501200231712, 4.97669511271021836 52.33440539178862139, 4.97744823254300783 52.33390219741936278, 4.97545723021018116 52.33206570391590873, 4.96710251651580048 52.3358716003161959, 4.96710251651580048 52.3358716003161959)))</t>
  </si>
  <si>
    <t>MultiPolygon (((4.98682978944369015 52.33317040130418007, 4.98693541712002464 52.32984200634172822, 4.98618193693660139 52.3297198375241237, 4.98396540447923719 52.33066647203789046, 4.98011108252439083 52.33090644468118313, 4.97951912777998373 52.33352657479534997, 4.98682978944369015 52.33317040130418007, 4.98682978944369015 52.33317040130418007)))</t>
  </si>
  <si>
    <t>MultiPolygon (((4.97951912777998373 52.33352657479534997, 4.98011108252439083 52.33090644468118313, 4.97773702420619557 52.33102657980650463, 4.97545723021018116 52.33206570391590873, 4.97744823254300783 52.33390219741936278, 4.97951912777998373 52.33352657479534997, 4.97951912777998373 52.33352657479534997)))</t>
  </si>
  <si>
    <t>MultiPolygon (((4.97773702420619557 52.33102657980650463, 4.97530711822477745 52.33056167580098617, 4.97066451502343121 52.32638303719466677, 4.96614288729368614 52.32897645666407982, 4.96229018446067371 52.33093267040724328, 4.95757164269466788 52.33088114431627247, 4.96140562895936199 52.33236230452666859, 4.96525387607664825 52.33463788293243368, 4.96710251651580048 52.3358716003161959, 4.97545723021018116 52.33206570391590873, 4.97773702420619557 52.33102657980650463, 4.97773702420619557 52.33102657980650463)))</t>
  </si>
  <si>
    <t>MultiPolygon (((4.95397769176033265 52.32729347880972881, 4.95756135676302989 52.32845514243301466, 4.9591549650752933 52.32672703838578343, 4.95533243267515999 52.32567675487256054, 4.95397769176033265 52.32729347880972881, 4.95397769176033265 52.32729347880972881)))</t>
  </si>
  <si>
    <t>MultiPolygon (((4.9591549650752933 52.32672703838578343, 4.96614288729368614 52.32897645666407982, 4.97066451502343121 52.32638303719466677, 4.97047359404903411 52.32628799448059453, 4.96754118911961751 52.32775758941792077, 4.95675144314886484 52.32404463455362986, 4.95671156368565669 52.3240307876239612, 4.95533243267515999 52.32567675487256054, 4.9591549650752933 52.32672703838578343, 4.9591549650752933 52.32672703838578343)))</t>
  </si>
  <si>
    <t>MultiPolygon (((4.95694302480601756 52.33066783878290806, 4.95757164269466788 52.33088114431627247, 4.96229018446067371 52.33093267040724328, 4.96614288729368614 52.32897645666407982, 4.9591549650752933 52.32672703838578343, 4.95756135676302989 52.32845514243301466, 4.95694302480601756 52.33066783878290806, 4.95694302480601756 52.33066783878290806)))</t>
  </si>
  <si>
    <t>MultiPolygon (((4.95233786870703607 52.32908907086564909, 4.95694302480601756 52.33066783878290806, 4.95756135676302989 52.32845514243301466, 4.95397769176033265 52.32729347880972881, 4.95233786870703607 52.32908907086564909, 4.95233786870703607 52.32908907086564909)))</t>
  </si>
  <si>
    <t>MultiPolygon (((4.94812058768112717 52.32762949695691646, 4.95233786870703607 52.32908907086564909, 4.95397769176033265 52.32729347880972881, 4.95533243267515999 52.32567675487256054, 4.95671156368565669 52.3240307876239612, 4.9526756534822356 52.3226440399665762, 4.94812058768112717 52.32762949695691646, 4.94812058768112717 52.32762949695691646)))</t>
  </si>
  <si>
    <t>MultiPolygon (((4.95233786870703607 52.32908907086564909, 4.94812058768112717 52.32762949695691646, 4.94765867602044196 52.32813827859563105, 4.94471619037000476 52.32712971521229406, 4.94269355459966153 52.32933426461401893, 4.94867096254779781 52.3317136216246368, 4.9496356222848501 52.33202639728415306, 4.95233786870703607 52.32908907086564909, 4.95233786870703607 52.32908907086564909)))</t>
  </si>
  <si>
    <t>MultiPolygon (((4.95409017995005652 52.33401068980221993, 4.95405426181329833 52.3337508206104971, 4.95694302480601756 52.33066783878290806, 4.95233786870703607 52.32908907086564909, 4.9496356222848501 52.33202639728415306, 4.95409017995005652 52.33401068980221993, 4.95409017995005652 52.33401068980221993)))</t>
  </si>
  <si>
    <t>MultiPolygon (((4.95405426181329833 52.3337508206104971, 4.95661567104533773 52.33598891874975578, 4.96140562895936199 52.33236230452666859, 4.95757164269466788 52.33088114431627247, 4.95694302480601756 52.33066783878290806, 4.95405426181329833 52.3337508206104971, 4.95405426181329833 52.3337508206104971)))</t>
  </si>
  <si>
    <t>MultiPolygon (((4.95672348754583947 52.3360232307161013, 4.95964850209658703 52.33702649315417688, 4.96525387607664825 52.33463788293243368, 4.96140562895936199 52.33236230452666859, 4.95661567104533773 52.33598891874975578, 4.95672348754583947 52.3360232307161013, 4.95672348754583947 52.3360232307161013)))</t>
  </si>
  <si>
    <t>MultiPolygon (((4.96047216416911496 52.33817417173624875, 4.96128001852755052 52.33803398998767165, 4.96710251651580048 52.3358716003161959, 4.96525387607664825 52.33463788293243368, 4.95964850209658703 52.33702649315417688, 4.96047216416911496 52.33817417173624875, 4.96047216416911496 52.33817417173624875)))</t>
  </si>
  <si>
    <t>MultiPolygon (((4.95496384744184404 52.3391491161633553, 4.96047216416911496 52.33817417173624875, 4.95964850209658703 52.33702649315417688, 4.95672348754583947 52.3360232307161013, 4.95496384744184404 52.3391491161633553, 4.95496384744184404 52.3391491161633553)))</t>
  </si>
  <si>
    <t>MultiPolygon (((4.95496384744184404 52.3391491161633553, 4.95672348754583947 52.3360232307161013, 4.95661567104533773 52.33598891874975578, 4.95405426181329833 52.3337508206104971, 4.95409017995005652 52.33401068980221993, 4.95044839964826977 52.33777267117113752, 4.94986018044794474 52.33852824618746524, 4.952499200719779 52.34000674573895395, 4.95496384744184404 52.3391491161633553, 4.95496384744184404 52.3391491161633553)))</t>
  </si>
  <si>
    <t>MultiPolygon (((4.9496356222848501 52.33202639728415306, 4.94867096254779781 52.3317136216246368, 4.9460059950731079 52.33376760241790748, 4.94800553411503596 52.33500363570606595, 4.95044839964826977 52.33777267117113752, 4.95409017995005652 52.33401068980221993, 4.9496356222848501 52.33202639728415306, 4.9496356222848501 52.33202639728415306)))</t>
  </si>
  <si>
    <t>MultiPolygon (((4.97214142925197233 52.34292830986723999, 4.97287226008436267 52.34142094339180318, 4.97159299992041959 52.34075708281659445, 4.97107577894772934 52.34228364557689872, 4.97214142925197233 52.34292830986723999, 4.97214142925197233 52.34292830986723999)))</t>
  </si>
  <si>
    <t>MultiPolygon (((4.96328038686319761 52.34098541322514819, 4.97003791756009505 52.33961933995404081, 4.97097167421655861 52.33848796751432531, 4.96845787565419172 52.33676501200231712, 4.96710251651580048 52.3358716003161959, 4.96128001852755052 52.33803398998767165, 4.96328038686319761 52.34098541322514819, 4.96328038686319761 52.34098541322514819)))</t>
  </si>
  <si>
    <t>MultiPolygon (((4.96758385087041177 52.34517250168831737, 4.97390666842378959 52.3431591656745212, 4.97346896630086022 52.3406710272029585, 4.97097167421655861 52.33848796751432531, 4.97003791756009505 52.33961933995404081, 4.96328038686319761 52.34098541322514819, 4.96328038067634747 52.3409854464575659, 4.96758385087041177 52.34517250168831737, 4.96758385087041177 52.34517250168831737),(4.97214142925197233 52.34292830986723999, 4.97107577894772934 52.34228364557689872, 4.97159299992041959 52.34075708281659445, 4.97287226008436267 52.34142094339180318, 4.97214142925197233 52.34292830986723999, 4.97214142925197233 52.34292830986723999)))</t>
  </si>
  <si>
    <t>MultiPolygon (((4.97244395357680435 52.33910210781449734, 4.97097167421655861 52.33848796751432531, 4.97346896630086022 52.3406710272029585, 4.97390666842378959 52.3431591656745212, 4.98413133446595591 52.33883394755522289, 4.98236506240037169 52.33925788973943583, 4.97742251615646136 52.34015128317499688, 4.97244395357680435 52.33910210781449734, 4.97244395357680435 52.33910210781449734)))</t>
  </si>
  <si>
    <t>MultiPolygon (((4.97087643611410535 52.34831055518611009, 4.97592199120324263 52.34623826384996903, 4.97802014233539847 52.34524118679703975, 4.9796579844491955 52.3443258549456516, 4.98560431774126922 52.33979973492893834, 4.98413133446595591 52.33883394755522289, 4.97390666842378959 52.3431591656745212, 4.96758385087041177 52.34517250168831737, 4.97087643611410535 52.34831055518611009, 4.97087643611410535 52.34831055518611009)))</t>
  </si>
  <si>
    <t>MultiPolygon (((4.96453851387695533 52.35277319247510519, 4.96584828406706524 52.35040145995560579, 4.97087643611410535 52.34831055518611009, 4.96758385087041177 52.34517250168831737, 4.96037726269557044 52.34788573420644298, 4.96042875125939986 52.34793609648492918, 4.96453851387695533 52.35277319247510519, 4.96453851387695533 52.35277319247510519)))</t>
  </si>
  <si>
    <t>MultiPolygon (((4.96037726269557044 52.34788573420644298, 4.96758385087041177 52.34517250168831737, 4.96328038067634747 52.3409854464575659, 4.9563606932307076 52.3436800133317135, 4.96037726269557044 52.34788573420644298, 4.96037726269557044 52.34788573420644298)))</t>
  </si>
  <si>
    <t>MultiPolygon (((4.95626790181102361 52.3435868619671254, 4.9563606932307076 52.3436800133317135, 4.96328038067634747 52.3409854464575659, 4.96328038686319761 52.34098541322514819, 4.96128001852755052 52.33803398998767165, 4.96047216416911496 52.33817417173624875, 4.95496384744184404 52.3391491161633553, 4.952499200719779 52.34000674573895395, 4.95273096273309488 52.34015863295871895, 4.95626790181102361 52.3435868619671254, 4.95626790181102361 52.3435868619671254)))</t>
  </si>
  <si>
    <t>MultiPolygon (((4.9796579844491955 52.3443258549456516, 4.98991254973025455 52.34646072741874434, 4.99834315778543292 52.34201131916379524, 4.99571863848901554 52.34097609832030429, 4.98795310161675154 52.34315089819312306, 4.98480862866055308 52.34180399219317792, 4.98560431774126922 52.33979973492893834, 4.9796579844491955 52.3443258549456516, 4.9796579844491955 52.3443258549456516)))</t>
  </si>
  <si>
    <t>MultiPolygon (((4.98380376989742757 52.34970992946644941, 4.98991254973025455 52.34646072741874434, 4.9796579844491955 52.3443258549456516, 4.97802014233539847 52.34524118679703975, 4.98380376989742757 52.34970992946644941, 4.98380376989742757 52.34970992946644941)))</t>
  </si>
  <si>
    <t>MultiPolygon (((4.98036232164592452 52.35154413895067904, 4.98380376989742757 52.34970992946644941, 4.97802014233539847 52.34524118679703975, 4.97592199120324263 52.34623826384996903, 4.97721217716785258 52.34754247319494169, 4.97630228589276502 52.34808137577808651, 4.98036232164592452 52.35154413895067904, 4.98036232164592452 52.35154413895067904)))</t>
  </si>
  <si>
    <t>MultiPolygon (((4.97670917605878937 52.35349188830672063, 4.98036232164592452 52.35154413895067904, 4.97630228589276502 52.34808137577808651, 4.97721217716785258 52.34754247319494169, 4.97592199120324263 52.34623826384996903, 4.97087643611410535 52.34831055518611009, 4.97140996068205165 52.34882515237870138, 4.97324717660040605 52.34895862394489541, 4.97181755845258344 52.34981359915803978, 4.97160030975329725 52.35105243001508768, 4.9738589172459422 52.3515028730719294, 4.97670917605878937 52.35349188830672063, 4.97670917605878937 52.35349188830672063)))</t>
  </si>
  <si>
    <t>MultiPolygon (((4.97140996068205165 52.34882515237870138, 4.97029427922074074 52.34931542805804838, 4.97181755845258344 52.34981359915803978, 4.97324717660040605 52.34895862394489541, 4.97140996068205165 52.34882515237870138, 4.97140996068205165 52.34882515237870138)))</t>
  </si>
  <si>
    <t>MultiPolygon (((4.97670917605878937 52.35349188830672063, 4.9738589172459422 52.3515028730719294, 4.97160030975329725 52.35105243001508768, 4.97181755845258344 52.34981359915803978, 4.97029427922074074 52.34931542805804838, 4.97140996068205165 52.34882515237870138, 4.97087643611410535 52.34831055518611009, 4.96584828406706524 52.35040145995560579, 4.96453851387695533 52.35277319247510519, 4.96585712691669823 52.35465115711349426, 4.96623986552241004 52.3541637675512419, 4.96831004555724576 52.3549269408225868, 4.96959478051994274 52.35610167822196814, 4.97248066120275478 52.35545635063803616, 4.97670917605878937 52.35349188830672063)))</t>
  </si>
  <si>
    <t>MultiPolygon (((4.7033600834675493 52.58155099038758351, 4.70375588251921872 52.58033853552340275, 4.7102577411917812 52.58058755086964453, 4.7181824200641751 52.58008085067762494, 4.71575842664148936 52.56998690566341992, 4.71878615990816019 52.5516228692043228, 4.70589765121025927 52.54822339202659975, 4.70643110255700936 52.54629492986058636, 4.70369281841260722 52.54539639880253077, 4.69453449027627379 52.54418829969035443, 4.69241605577184195 52.54785969978142646, 4.69052760566117133 52.5529055121985067, 4.68938783511196533 52.55775178786146284, 4.68994909049784514 52.5612682365608137, 4.68991384336958106 52.56413949398017849, 4.69301393832032154 52.56417012600112315, 4.70008282230852892 52.57104084011714917, 4.69873747470982561 52.57629036396119204, 4.69530670243675896 52.57624387949068279, 4.69658749229368411 52.57897791627750195, 4.69831632810063127 52.58185498176960238, 4.7033600834675493 52.58155099038758351, 4.7033600834675493 52.58155099038758351)))</t>
  </si>
  <si>
    <t>MultiPolygon (((4.68991384336958106 52.56413949398017849, 4.69118754894942391 52.56750054206268175, 4.69530670243675896 52.57624387949068279, 4.69873747470982561 52.57629036396119204, 4.70008282230852892 52.57104084011714917, 4.69301393832032154 52.56417012600112315, 4.68991384336958106 52.56413949398017849, 4.68991384336958106 52.56413949398017849)))</t>
  </si>
  <si>
    <t>MultiPolygon (((4.68991384336958106 52.56413949398017849, 4.68994909049784514 52.5612682365608137, 4.67811126712744318 52.56210430721903748, 4.66721527006744275 52.56281391761067567, 4.67754687916155998 52.57410821383461297, 4.6783206741230785 52.58232091443645828, 4.67927380593508602 52.58387323799119173, 4.68552214495814567 52.58313102943201756, 4.68624370295386772 52.58295689929283157, 4.68542543790485055 52.58095699852078297, 4.69130490378721898 52.58004875039792836, 4.6910856434324355 52.57957822206716259, 4.69658749229368411 52.57897791627750195, 4.69530670243675896 52.57624387949068279, 4.69118754894942391 52.56750054206268175, 4.68991384336958106 52.56413949398017849, 4.68991384336958106 52.56413949398017849)))</t>
  </si>
  <si>
    <t>MultiPolygon (((4.7568586479712982 52.56207143262113846, 4.77196710631167509 52.55989836525780845, 4.78162284533063442 52.55710223774033807, 4.77806346696828488 52.54417779946074063, 4.77773343274824658 52.53374487745031018, 4.77469581163579626 52.53454916975928057, 4.76801900006963919 52.53463451311827015, 4.76242794064359742 52.5375106006610082, 4.75947618454109467 52.5373788206545882, 4.75527555562883109 52.53573555082731161, 4.7504365099774315 52.53789552455052103, 4.7568586479712982 52.56207143262113846, 4.7568586479712982 52.56207143262113846)))</t>
  </si>
  <si>
    <t>MultiPolygon (((4.75647786069697265 52.59156833935880826, 4.7513118217703596 52.58227699357543372, 4.74890157976158278 52.5739847354970351, 4.74728097264434989 52.57135479932881594, 4.74145216534165037 52.56868158582028627, 4.73581746023078232 52.56360631065609823, 4.72372423735487068 52.54666921791859124, 4.71980446612080939 52.54385454116335552, 4.71878615990816019 52.5516228692043228, 4.71575842664148936 52.56998690566341992, 4.7181824200641751 52.58008085067762494, 4.71846798741670082 52.58006145593542868, 4.72333911979954646 52.57976564028095368, 4.72488331049064225 52.57873712068991523, 4.72670778447834117 52.57963710583280914, 4.73999272822725182 52.57892813687747235, 4.74445586622481219 52.59028840444715769, 4.75096846520306748 52.58911878987029809, 4.7521386243671575 52.59189088850737193, 4.75248042692518702 52.59257722918212608, 4.75647786069697265 52.59156833935880826, 4.75647786069697265 52.59156833935880826)))</t>
  </si>
  <si>
    <t>MultiPolygon (((4.74728097264434989 52.57135479932881594, 4.74470158065074266 52.56794174900106498, 4.74508376228371009 52.56685152858097609, 4.75254123163991871 52.56278144678319109, 4.7568586479712982 52.56207143262113846, 4.7504365099774315 52.53789552455052103, 4.73539017023494324 52.54382255377879574, 4.72372423735487068 52.54666921791859124, 4.73581746023078232 52.56360631065609823, 4.74145216534165037 52.56868158582028627, 4.74728097264434989 52.57135479932881594, 4.74728097264434989 52.57135479932881594)))</t>
  </si>
  <si>
    <t>MultiPolygon (((4.60996515252004269 52.57374433773937739, 4.65498050565332733 52.5828699879755419, 4.6558959367877959 52.57718316560097804, 4.65503802721503046 52.57423728794253748, 4.65109740765806912 52.57366637843443158, 4.65116446402597461 52.56496239637455403, 4.6498998862559624 52.56210859803563551, 4.64974583220458992 52.56183352296789479, 4.64251686192119006 52.56223301130356163, 4.64252364005556295 52.56079448762419304, 4.63874298506005545 52.56050446300435652, 4.64010238994303226 52.55517835815309269, 4.64316683091866089 52.5522533366658422, 4.64400698900069564 52.55197577216699756, 4.64848814722243997 52.55299995043546346, 4.65433744274536032 52.54953892151158357, 4.6542579133198565 52.54859923321880899, 4.65389831850302205 52.54435095767236419, 4.65627170183727568 52.54270626625529417, 4.65827222951160635 52.53836409626452308, 4.65302864298973251 52.53072454793875323, 4.65279410571976637 52.53072618419293605, 4.59830267319713748 52.53114066653472491, 4.60118361196869508 52.53935124099375997, 4.60996515252004269 52.57374433773937739, 4.60996515252004269 52.57374433773937739)))</t>
  </si>
  <si>
    <t>MultiPolygon (((4.64974583220458992 52.56183352296789479, 4.65312887715742551 52.5612688913542172, 4.65401528402755638 52.55337124197453846, 4.64848814722243997 52.55299995043546346, 4.64400698900069564 52.55197577216699756, 4.64316683091866089 52.5522533366658422, 4.64010238994303226 52.55517835815309269, 4.63874298506005545 52.56050446300435652, 4.64252364005556295 52.56079448762419304, 4.64251686192119006 52.56223301130356163, 4.64974583220458992 52.56183352296789479, 4.64974583220458992 52.56183352296789479)))</t>
  </si>
  <si>
    <t>MultiPolygon (((4.64974583220458992 52.56183352296789479, 4.6498998862559624 52.56210859803563551, 4.65627285507629995 52.56184607248762575, 4.66721527006744275 52.56281391761067567, 4.66267855138000709 52.55790329747826206, 4.65803628434633676 52.55238659048516325, 4.65754727603458818 52.54846670610740489, 4.6542579133198565 52.54859923321880899, 4.65433744274536032 52.54953892151158357, 4.64848814722243997 52.55299995043546346, 4.65401528402755638 52.55337124197453846, 4.65312887715742551 52.5612688913542172, 4.64974583220458992 52.56183352296789479, 4.64974583220458992 52.56183352296789479)))</t>
  </si>
  <si>
    <t>MultiPolygon (((4.67164131881733358 52.58729802762646699, 4.67773841617898078 52.5854835589984404, 4.67765409945906896 52.58433720070166828, 4.67927380593508602 52.58387323799119173, 4.6783206741230785 52.58232091443645828, 4.67754687916155998 52.57410821383461297, 4.66721527006744275 52.56281391761067567, 4.65627285507629995 52.56184607248762575, 4.6498998862559624 52.56210859803563551, 4.65116446402597461 52.56496239637455403, 4.65109740765806912 52.57366637843443158, 4.65503802721503046 52.57423728794253748, 4.6558959367877959 52.57718316560097804, 4.65498050565332733 52.5828699879755419, 4.65571365993540986 52.58551212652413653, 4.65984061114996351 52.58613969835614199, 4.67258136474952046 52.59090410094186296, 4.67397969400988789 52.58994717165740695, 4.67061539284182192 52.58872930522184674, 4.67164131881733358 52.58729802762646699, 4.67164131881733358 52.58729802762646699)))</t>
  </si>
  <si>
    <t>MultiPolygon (((4.69241605577184195 52.54785969978142646, 4.69453449027627379 52.54418829969035443, 4.69559681399728035 52.53587368586808992, 4.69760435285003197 52.52924108319548679, 4.6974674658805764 52.52916404913501935, 4.69573616487372547 52.52672806307518272, 4.66957154633239124 52.53054225598559412, 4.65996926287173707 52.53175138461769933, 4.66103693965980792 52.53642119108975095, 4.66580595992008185 52.53830367304988869, 4.6673607020306056 52.54020751730728733, 4.66839099436774774 52.54049995898529346, 4.66844149465865232 52.54354367224064504, 4.67031808929327763 52.54349856477745107, 4.6740172531446369 52.54226820678911736, 4.6756867690934163 52.54257004025919287, 4.67660300608562007 52.5414200668894722, 4.67800007710860832 52.54128181302642986, 4.68040799013894926 52.54246202510886832, 4.68665618919636362 52.54246816592308988, 4.69039332006394183 52.54407898625281348, 4.68880678432392539 52.5471035134972837, 4.69116504693604952 52.54812536799155254, 4.69241605577184195 52.54785969978142646, 4.69241605577184195 52.54785969978142646)))</t>
  </si>
  <si>
    <t>MultiPolygon (((4.65302864298973251 52.53072454793875323, 4.65827222951160635 52.53836409626452308, 4.65627170183727568 52.54270626625529417, 4.65389831850302205 52.54435095767236419, 4.6542579133198565 52.54859923321880899, 4.65754727603458818 52.54846670610740489, 4.66072939008846276 52.54389864073341698, 4.6673607020306056 52.54020751730728733, 4.66580595992008185 52.53830367304988869, 4.66103693965980792 52.53642119108975095, 4.65996926287173707 52.53175138461769933, 4.65619979510217075 52.53152920567764994, 4.65302864298973251 52.53072454793875323)))</t>
  </si>
  <si>
    <t>MultiPolygon (((4.68293131071043778 52.55020179818371417, 4.6832810120199051 52.55064959612619901, 4.68540470388532526 52.55006337569461294, 4.69052760566117133 52.5529055121985067, 4.69241605577184195 52.54785969978142646, 4.69116504693604952 52.54812536799155254, 4.68880678432392539 52.5471035134972837, 4.69039332006394183 52.54407898625281348, 4.68665618919636362 52.54246816592308988, 4.68040799013894926 52.54246202510886832, 4.67800007710860832 52.54128181302642986, 4.67660300608562007 52.5414200668894722, 4.6756867690934163 52.54257004025919287, 4.67558177718835921 52.54262474002671013, 4.68293131071043778 52.55020179818371417, 4.68293131071043778 52.55020179818371417)))</t>
  </si>
  <si>
    <t>MultiPolygon (((4.67811126712744318 52.56210430721903748, 4.68994909049784514 52.5612682365608137, 4.68938783511196533 52.55775178786146284, 4.69052760566117133 52.5529055121985067, 4.68540470388532526 52.55006337569461294, 4.6832810120199051 52.55064959612619901, 4.68293131071043778 52.55020179818371417, 4.67687768892607458 52.5523148759980927, 4.67475744807122329 52.55367922932111213, 4.67962579132226697 52.56018692694136263, 4.67953848658465787 52.56155671865774792, 4.67811126712744318 52.56210430721903748, 4.67811126712744318 52.56210430721903748)))</t>
  </si>
  <si>
    <t>MultiPolygon (((4.67435958064584689 52.55361420825617103, 4.67475744807122329 52.55367922932111213, 4.67687768892607458 52.5523148759980927, 4.68293131071043778 52.55020179818371417, 4.67558177718835921 52.54262474002671013, 4.67089319736326747 52.54468614448150987, 4.67087591739675467 52.54591368285996111, 4.67295012659119724 52.54859407168296315, 4.67081028639512041 52.54949481813757473, 4.67435958064584689 52.55361420825617103, 4.67435958064584689 52.55361420825617103)))</t>
  </si>
  <si>
    <t>MultiPolygon (((4.66721527006744275 52.56281391761067567, 4.67811126712744318 52.56210430721903748, 4.67953848658465787 52.56155671865774792, 4.67962579132226697 52.56018692694136263, 4.67475744807122329 52.55367922932111213, 4.67435958064584689 52.55361420825617103, 4.66267855138000709 52.55790329747826206, 4.66721527006744275 52.56281391761067567, 4.66721527006744275 52.56281391761067567)))</t>
  </si>
  <si>
    <t>MultiPolygon (((4.66267855138000709 52.55790329747826206, 4.67435958064584689 52.55361420825617103, 4.67081028639512041 52.54949481813757473, 4.66932528994396989 52.54982344169000896, 4.66823720602157088 52.55048362002722939, 4.65803628434633676 52.55238659048516325, 4.66267855138000709 52.55790329747826206, 4.66267855138000709 52.55790329747826206)))</t>
  </si>
  <si>
    <t>MultiPolygon (((4.66932528994396989 52.54982344169000896, 4.67081028639512041 52.54949481813757473, 4.67295012659119724 52.54859407168296315, 4.67087591739675467 52.54591368285996111, 4.67089319736326747 52.54468614448150987, 4.67558177718835921 52.54262474002671013, 4.6756867690934163 52.54257004025919287, 4.6740172531446369 52.54226820678911736, 4.67031808929327763 52.54349856477745107, 4.66844149465865232 52.54354367224064504, 4.66839099436774774 52.54049995898529346, 4.6673607020306056 52.54020751730728733, 4.66072939008846276 52.54389864073341698, 4.66192044011097284 52.54638817695985864, 4.66626211525405221 52.54721294374158447, 4.66932528994396989 52.54982344169000896, 4.66932528994396989 52.54982344169000896)))</t>
  </si>
  <si>
    <t>MultiPolygon (((4.65803628434633676 52.55238659048516325, 4.66823720602157088 52.55048362002722939, 4.66932528994396989 52.54982344169000896, 4.66626211525405221 52.54721294374158447, 4.66192044011097284 52.54638817695985864, 4.66072939008846276 52.54389864073341698, 4.65754727603458818 52.54846670610740489, 4.65803628434633676 52.55238659048516325, 4.65803628434633676 52.55238659048516325)))</t>
  </si>
  <si>
    <t>MultiPolygon (((4.5911157689193578 52.31858034630453602, 4.59103366346380515 52.31778912039209928, 4.58768642286315309 52.3178809209992437, 4.58746901873945134 52.31676317220151162, 4.58609032755046808 52.3173151998732564, 4.58579252182964936 52.31819737241977464, 4.58343536635976179 52.31838236115340379, 4.58756840137681809 52.323312204913627, 4.59100449533177635 52.32208408804140021, 4.5911157689193578 52.31858034630453602, 4.5911157689193578 52.31858034630453602)))</t>
  </si>
  <si>
    <t>MultiPolygon (((4.61153021179106304 52.31833491342032971, 4.61167603933105141 52.31355991255956894, 4.59945600108740127 52.31710099375597878, 4.59942858902386753 52.31785685121196394, 4.60291996204040643 52.32005599674756269, 4.60480027840069273 52.32014569000345006, 4.61153021179106304 52.31833491342032971, 4.61153021179106304 52.31833491342032971)))</t>
  </si>
  <si>
    <t>MultiPolygon (((4.59387399786498563 52.32864608135739104, 4.5969853242930192 52.32789480688504113, 4.59729756303784143 52.32782901729648017, 4.59603629833219784 52.32613423099574135, 4.59430068032311478 52.32605048821221061, 4.59130712173070155 52.32823238070909611, 4.59177878032173936 52.32852634949705362, 4.59336868183144542 52.32811753076302352, 4.59387399786498563 52.32864608135739104, 4.59387399786498563 52.32864608135739104)))</t>
  </si>
  <si>
    <t>MultiPolygon (((4.59018770117141184 52.32835225864398154, 4.59080352163872885 52.32821044755058892, 4.59130712173070155 52.32823238070909611, 4.59430068032311478 52.32605048821221061, 4.59100449533177635 52.32208408804140021, 4.58756840137681809 52.323312204913627, 4.58841372416666715 52.32434593382730981, 4.59018770117141184 52.32835225864398154)))</t>
  </si>
  <si>
    <t>MultiPolygon (((4.59430068032311478 52.32605048821221061, 4.59603629833219784 52.32613423099574135, 4.59516690986010179 52.32476927711611836, 4.59969748791534894 52.32216255879260558, 4.59468789245884146 52.31837833744936006, 4.5911157689193578 52.31858034630453602, 4.59100449533177635 52.32208408804140021, 4.59430068032311478 52.32605048821221061, 4.59430068032311478 52.32605048821221061)))</t>
  </si>
  <si>
    <t>MultiPolygon (((4.60725882787235896 52.32329717219862175, 4.60762016802754992 52.32356057495620405, 4.61138386451491389 52.32220457991774509, 4.61153021179106304 52.31833491342032971, 4.60480027840069273 52.32014569000345006, 4.60291996204040643 52.32005599674756269, 4.59942858902386753 52.31785685121196394, 4.59945600108740127 52.31710099375597878, 4.59630165891813558 52.3177629891114151, 4.59103366346380515 52.31778912039209928, 4.5911157689193578 52.31858034630453602, 4.59468789245884146 52.31837833744936006, 4.59969748791534894 52.32216255879260558, 4.59516690986010179 52.32476927711611836, 4.59603629833219784 52.32613423099574135, 4.59729756303784143 52.32782901729648017, 4.60725882787235896 52.32329717219862175)))</t>
  </si>
  <si>
    <t>MultiPolygon (((4.59680852268337414 52.34549585290957197, 4.59358279031448369 52.3378097667118638, 4.59026326229070225 52.32852288935792018, 4.58841372416666715 52.32434593382730981, 4.57485468742894863 52.3268081666838043, 4.56907546901770534 52.31648303151934698, 4.56370743246943 52.30929800806595154, 4.54732226027154418 52.31399659818968928, 4.56500107783230735 52.34433914055604475, 4.57847327910852542 52.34440987673455226, 4.58136605155654131 52.34561069053900439, 4.59142821529992418 52.34649219622690453, 4.59680852268337414 52.34549585290957197, 4.59680852268337414 52.34549585290957197)))</t>
  </si>
  <si>
    <t>MultiPolygon (((4.58343536635976179 52.31838236115340379, 4.57324055818887576 52.3153555199667224, 4.56907546901770534 52.31648303151934698, 4.57485468742894863 52.3268081666838043, 4.58841372416666715 52.32434593382730981, 4.58756840137681809 52.323312204913627, 4.58343536635976179 52.31838236115340379, 4.58343536635976179 52.31838236115340379)))</t>
  </si>
  <si>
    <t>MultiPolygon (((4.57450516874103918 52.36145042257187754, 4.58428752441098109 52.36380958259543661, 4.58543667938072108 52.3629427314213558, 4.58483400000691166 52.35721864549149274, 4.58508140111263796 52.35684928796511173, 4.58685467223085741 52.35733765495783132, 4.58867052060751135 52.35399656302910643, 4.59660496587493483 52.35807981092286667, 4.60226247629124163 52.35670310045431108, 4.59680852268337414 52.34549585290957197, 4.59142821529992418 52.34649219622690453, 4.58136605155654131 52.34561069053900439, 4.57847327910852542 52.34440987673455226, 4.56500107783230735 52.34433914055604475, 4.57003550060008479 52.35336318191341576, 4.57450516874103918 52.36145042257187754, 4.57450516874103918 52.36145042257187754)))</t>
  </si>
  <si>
    <t>MultiPolygon (((4.60117140612539366 52.37551534342949111, 4.60145244050381752 52.37277052368420271, 4.6007639101243214 52.37066199588834081, 4.59237030745589703 52.36821065084807714, 4.5943670844182849 52.37413642135005176, 4.60117140612539366 52.37551534342949111, 4.60117140612539366 52.37551534342949111)))</t>
  </si>
  <si>
    <t>MultiPolygon (((4.57957033369617772 52.37034182994767662, 4.5797182261508329 52.37060240291951629, 4.58404017720951273 52.36839260763788673, 4.59174328021022404 52.36805083526731863, 4.59067521541509205 52.36162288190114822, 4.58543667938072108 52.3629427314213558, 4.58428752441098109 52.36380958259543661, 4.57450516874103918 52.36145042257187754, 4.57662385278758155 52.36517144850039074, 4.57957033369617772 52.37034182994767662, 4.57957033369617772 52.37034182994767662)))</t>
  </si>
  <si>
    <t>MultiPolygon (((4.60226247629124163 52.35670310045431108, 4.59660496587493483 52.35807981092286667, 4.58867052060751135 52.35399656302910643, 4.58685467223085741 52.35733765495783132, 4.58508140111263796 52.35684928796511173, 4.58483400000691166 52.35721864549149274, 4.58543667938072108 52.3629427314213558, 4.59067521541509205 52.36162288190114822, 4.59174328021022404 52.36805083526731863, 4.59237030745589703 52.36821065084807714, 4.6007639101243214 52.37066199588834081, 4.60145244050381752 52.37277052368420271, 4.6018342223742037 52.37218567402860003, 4.60458647928371168 52.37135525616422171, 4.60377326372575979 52.36885688496037972, 4.60415774001836819 52.36759249801736615, 4.60732388869870313 52.36704471421553819, 4.60572367447738884 52.3634048571688453, 4.60226247629124163 52.35670310045431108)))</t>
  </si>
  <si>
    <t>MultiPolygon (((4.59393507478280849 52.39196275310128925, 4.59970282495148641 52.39080866512138357, 4.60375400772304033 52.39125235045584361, 4.60923819164686055 52.3903312935061507, 4.60533275118416796 52.38549310348989962, 4.60201697636339624 52.3846194249020769, 4.60053092399438857 52.38292102926271809, 4.60025665864113709 52.3807623143861889, 4.59978302345891077 52.37896276325691503, 4.59955168940540027 52.37721946728059663, 4.60106681895251857 52.37680186477484767, 4.60117140612539366 52.37551534342949111, 4.5943670844182849 52.37413642135005176, 4.59237030745589703 52.36821065084807714, 4.59174328021022404 52.36805083526731863, 4.58404017720951273 52.36839260763788673, 4.5797182261508329 52.37060240291951629, 4.59145900974098797 52.39136265439738338, 4.59393507478280849 52.39196275310128925, 4.59393507478280849 52.39196275310128925)))</t>
  </si>
  <si>
    <t>MultiPolygon (((4.60516903618711382 52.39956651024918699, 4.60790743820600746 52.4013498360082437, 4.61000065003388482 52.40172506941588182, 4.62440913917448437 52.39774044578211942, 4.62438742784045242 52.3976957647843804, 4.62367078304650558 52.39577260207700959, 4.61941728133962304 52.39398389166419179, 4.61159728904897293 52.39580241534948613, 4.6087934337798 52.39549556456586998, 4.60682499511709675 52.39606317200549057, 4.60516903618711382 52.39956651024918699, 4.60516903618711382 52.39956651024918699)))</t>
  </si>
  <si>
    <t>MultiPolygon (((4.60682499511709675 52.39606317200549057, 4.6087934337798 52.39549556456586998, 4.61159728904897293 52.39580241534948613, 4.61941728133962304 52.39398389166419179, 4.62367078304650558 52.39577260207700959, 4.62370367092834123 52.3916870950266329, 4.62160577251352844 52.38798175595936613, 4.61625413585633382 52.38882241918402372, 4.61081951209964291 52.38982113306980182, 4.60858195206016408 52.3855215911088834, 4.60533275118416796 52.38549310348989962, 4.60923819164686055 52.3903312935061507, 4.60375400772304033 52.39125235045584361, 4.60297066598963589 52.39301778003025589, 4.60682499511709675 52.39606317200549057, 4.60682499511709675 52.39606317200549057)))</t>
  </si>
  <si>
    <t>MultiPolygon (((4.5604427326858934 52.43800580689843827, 4.56318532497723428 52.43764737725415159, 4.58469039178843563 52.43484253766482084, 4.587822871702258 52.43443643679032107, 4.61504871024734697 52.4259352852087801, 4.61367444236680679 52.41543200464916907, 4.61635996951770977 52.41357217443432148, 4.61547369737432245 52.4116348596041135, 4.61586136529012681 52.41030184679332393, 4.61547423041535421 52.40974544907949451, 4.61415948738677706 52.40793846272998735, 4.61336876313848343 52.40810856390307748, 4.61146488483312833 52.41150447284219638, 4.61023962190999015 52.41180989524132627, 4.60390235358061783 52.40862802739194137, 4.6022061989144909 52.40540447937057422, 4.60346938166798747 52.40104024224566359, 4.60516903618711382 52.39956651024918699, 4.60682499511709675 52.39606317200549057, 4.60297066598963589 52.39301778003025589, 4.60375400772304033 52.39125235045584361, 4.59970282495148641 52.39080866512138357, 4.59393507478280849 52.39196275310128925, 4.59145900974098797 52.39136265439738338, 4.59165896607148127 52.39171569464139111, 4.54304322186829967 52.40109371171989494, 4.54156475835649598 52.40133635968553705, 4.55477706678061356 52.42260977554760615, 4.5604427326858934 52.43800580689843827, 4.5604427326858934 52.43800580689843827)))</t>
  </si>
  <si>
    <t>MultiPolygon (((4.61750080508105754 52.40205351405416678, 4.61623395315537621 52.40062968585186098, 4.61470676087402509 52.40099441686869142, 4.61317676254349518 52.40235957198023442, 4.61484205866665231 52.40360543018583428, 4.61750080508105754 52.40205351405416678, 4.61750080508105754 52.40205351405416678)))</t>
  </si>
  <si>
    <t>MultiPolygon (((4.61724835748971785 52.42512519759280565, 4.62084269947174064 52.42438449014944979, 4.62146840854100205 52.42490424749423283, 4.62499219370570014 52.42349222477207604, 4.62357632772555327 52.42207506738527201, 4.62448992508115975 52.42162026603395475, 4.61635996951770977 52.41357217443432148, 4.61367444236680679 52.41543200464916907, 4.61504871024734697 52.4259352852087801, 4.61724835748971785 52.42512519759280565, 4.61724835748971785 52.42512519759280565)))</t>
  </si>
  <si>
    <t>MultiPolygon (((4.62705364567769362 52.41735965124605912, 4.62639906792781552 52.41652883815596908, 4.62873549793320294 52.41584441342396872, 4.62784207740606224 52.41470811120807838, 4.62884234840962172 52.41430832251840854, 4.62761796941528747 52.41259759869691237, 4.62999358068392386 52.41196542779851342, 4.62688331600606073 52.41078738584356245, 4.61586136529012681 52.41030184679332393, 4.61547369737432245 52.4116348596041135, 4.61635996951770977 52.41357217443432148, 4.62448992508115975 52.42162026603395475, 4.62591397581232933 52.42055690533489809, 4.62543332046374545 52.42009556282953042, 4.62705364567769362 52.41735965124605912)))</t>
  </si>
  <si>
    <t>MultiPolygon (((4.61586136529012681 52.41030184679332393, 4.62688331600606073 52.41078738584356245, 4.62500504346040131 52.40702289084759968, 4.62377472949155166 52.40678128299940397, 4.61547423041535421 52.40974544907949451, 4.61586136529012681 52.41030184679332393, 4.61586136529012681 52.41030184679332393)))</t>
  </si>
  <si>
    <t>MultiPolygon (((4.62999358068392386 52.41196542779851342, 4.63161097320820581 52.41167118248464618, 4.63164759608074661 52.41166554341968009, 4.62928569062699058 52.40712406672336954, 4.62500504346040131 52.40702289084759968, 4.62688331600606073 52.41078738584356245, 4.62999358068392386 52.41196542779851342, 4.62999358068392386 52.41196542779851342)))</t>
  </si>
  <si>
    <t>MultiPolygon (((4.62500504346040131 52.40702289084759968, 4.62928569062699058 52.40712406672336954, 4.62440913917448437 52.39774044578211942, 4.61000065003388482 52.40172506941588182, 4.60790743820600746 52.4013498360082437, 4.60516903618711382 52.39956651024918699, 4.60346938166798747 52.40104024224566359, 4.6022061989144909 52.40540447937057422, 4.60390235358061783 52.40862802739194137, 4.61023962190999015 52.41180989524132627, 4.61146488483312833 52.41150447284219638, 4.61336876313848343 52.40810856390307748, 4.61415948738677706 52.40793846272998735, 4.61547423041535421 52.40974544907949451, 4.62377472949155166 52.40678128299940397, 4.62500504346040131 52.40702289084759968, 4.62500504346040131 52.40702289084759968),(4.61750080508105754 52.40205351405416678, 4.61484205866665231 52.40360543018583428, 4.61317676254349518 52.40235957198023442, 4.61470676087402509 52.40099441686869142, 4.61623395315537621 52.40062968585186098, 4.61750080508105754 52.40205351405416678, 4.61750080508105754 52.40205351405416678)))</t>
  </si>
  <si>
    <t>MultiPolygon (((5.24980291018214107 52.28432535826935634, 5.25240016049334191 52.28331412480084595, 5.26066233022864083 52.282772983363067, 5.26566326017763675 52.2815053631350608, 5.26110183762977091 52.27583578626852301, 5.25891363973251291 52.27556584762697156, 5.24909050555948387 52.27871244366739489, 5.24286015708417974 52.27469643880814232, 5.24161817155308718 52.27494966582877112, 5.24027854861049214 52.27774053819719313, 5.24123003429959411 52.28131431081051517, 5.24132972413456599 52.28132239957809446, 5.24638272158707597 52.28233279314694926, 5.24622578143771001 52.28319545561792125, 5.24980291018214107 52.28432535826935634, 5.24980291018214107 52.28432535826935634)))</t>
  </si>
  <si>
    <t>MultiPolygon (((5.30901248299949735 52.30492693294792872, 5.31227399740289563 52.30347079687295064, 5.30357734201751008 52.29915235362314974, 5.29425693653989704 52.29565668668718814, 5.29420822111532896 52.29567983672215092, 5.29136154828642091 52.29659339444538091, 5.29871913593793931 52.29805503842150216, 5.30232105579268254 52.30210577651647696, 5.30733112209335189 52.30272923470631241, 5.30901248299949735 52.30492693294792872, 5.30901248299949735 52.30492693294792872)))</t>
  </si>
  <si>
    <t>MultiPolygon (((5.31546892928754566 52.29491945949796161, 5.32420252959371787 52.2948775721031538, 5.32866607500652645 52.29244435140467573, 5.32633196617423454 52.29079086566331114, 5.32710038757685655 52.29032566473649268, 5.31565045605721931 52.29270354444496149, 5.31546892928754566 52.29491945949796161, 5.31546892928754566 52.29491945949796161)),((5.31341275497285714 52.30337330477386359, 5.31390322944978699 52.30310086426064231, 5.31718361000883899 52.30058869845480984, 5.31482521264734586 52.30160250524683363, 5.31107310529060772 52.29991966113390589, 5.30825565741174366 52.29980540280332235, 5.30431809060102033 52.29734277325731284, 5.30311541328839464 52.29521944471004957, 5.29972022740307214 52.2945230963187484, 5.29723190154498358 52.29316055181602252, 5.29553252250375728 52.28995590974032126, 5.29588319300458998 52.28858489442501423, 5.2952172789724905 52.29029886563527185, 5.29654143379962861 52.29299208364960805, 5.29584502509827804 52.29466796710050858, 5.29425693653989704 52.29565668668718814, 5.30357734201751008 52.29915235362314974, 5.31227399740289563 52.30347079687295064, 5.31341275497285714 52.30337330477386359, 5.31341275497285714 52.30337330477386359)))</t>
  </si>
  <si>
    <t>MultiPolygon (((5.29420822111532896 52.29567983672215092, 5.29425693653989704 52.29565668668718814, 5.29584502509827804 52.29466796710050858, 5.29654143379962861 52.29299208364960805, 5.2952172789724905 52.29029886563527185, 5.29588319300458998 52.28858489442501423, 5.29655349744250525 52.28668822532895888, 5.3064653861389397 52.2776056567696088, 5.30582566395304145 52.27732958758327442, 5.27866404927227517 52.28047245310637692, 5.27712955807814854 52.28063784665641833, 5.26920758686303081 52.28154438916755709, 5.27828533748654394 52.28798817090432038, 5.29420822111532896 52.29567983672215092, 5.29420822111532896 52.29567983672215092)))</t>
  </si>
  <si>
    <t>MultiPolygon (((5.21164372251880703 52.26734368795618479, 5.20924444343925863 52.26593451449598859, 5.2076924723999003 52.26626821199198503, 5.20382197643963096 52.26711508855309773, 5.2068970396474743 52.27209262863979689, 5.20702533467880446 52.27341838354848846, 5.21686767279633656 52.26899349837805175, 5.21164372251880703 52.26734368795618479, 5.21164372251880703 52.26734368795618479)))</t>
  </si>
  <si>
    <t>MultiPolygon (((5.29420822111532896 52.29567983672215092, 5.27828533748654394 52.28798817090432038, 5.27098905239738436 52.29092148765525394, 5.27116127313378779 52.29099847100376763, 5.27440817833311737 52.29340756677405011, 5.2777433930612272 52.29607395553643556, 5.28091178991227039 52.29378073467905352, 5.28780991484419527 52.29760305285379474, 5.29136154828642091 52.29659339444538091, 5.29420822111532896 52.29567983672215092, 5.29420822111532896 52.29567983672215092)))</t>
  </si>
  <si>
    <t>MultiPolygon (((5.22550790324866643 52.27290887253021623, 5.21686767279633656 52.26899349837805175, 5.20702533467880446 52.27341838354848846, 5.20722237006670952 52.27434897912282707, 5.21087650922447754 52.27733929311900596, 5.21095739339787478 52.27735049824122626, 5.22760056438318887 52.27712905396265342, 5.22574067126966479 52.27476984472954058, 5.22637768078907694 52.27308603926069708, 5.22550790324866643 52.27290887253021623, 5.22550790324866643 52.27290887253021623)))</t>
  </si>
  <si>
    <t>MultiPolygon (((5.24123003429959411 52.28131431081051517, 5.24027854861049214 52.27774053819719313, 5.24161817155308718 52.27494966582877112, 5.24286015708417974 52.27469643880814232, 5.24909050555948387 52.27871244366739489, 5.25891363973251291 52.27556584762697156, 5.26110183762977091 52.27583578626852301, 5.24408112886221822 52.2546627842357978, 5.24406431174959842 52.25466413901624918, 5.2320483187033533 52.26446717796585517, 5.23059301024781576 52.26469495151241063, 5.230134885927054 52.2656183403222272, 5.22958081531273411 52.26546369862636965, 5.22598064835382381 52.26819768594170768, 5.22550790324866643 52.27290887253021623, 5.22637768078907694 52.27308603926069708, 5.22574067126966479 52.27476984472954058, 5.22760056438318887 52.27712905396265342, 5.2324922789790449 52.2812702274031551, 5.23635512177479612 52.281188867222113, 5.24123003429959411 52.28131431081051517, 5.24123003429959411 52.28131431081051517)))</t>
  </si>
  <si>
    <t>MultiPolygon (((5.27828533748654394 52.28798817090432038, 5.26920758686303081 52.28154438916755709, 5.26576916653651939 52.28164461182008438, 5.26566326017763675 52.2815053631350608, 5.26066233022864083 52.282772983363067, 5.25240016049334191 52.28331412480084595, 5.24980291018214107 52.28432535826935634, 5.25010486032894352 52.28441929229266805, 5.25756300555467604 52.28674234038791724, 5.2683160140926919 52.29009247034203156, 5.27098905239738436 52.29092148765525394, 5.27828533748654394 52.28798817090432038, 5.27828533748654394 52.28798817090432038)))</t>
  </si>
  <si>
    <t>MultiPolygon (((4.68708662063538029 52.4923916760903353, 4.6903829662862746 52.4908303778969838, 4.69099177398488543 52.49131718162490756, 4.68787109862968343 52.48750569201080651, 4.68278504644823013 52.48722974830003807, 4.6807662292062604 52.48775840665683035, 4.68597248086293039 52.49173711199009063, 4.68708662063538029 52.4923916760903353, 4.68708662063538029 52.4923916760903353)))</t>
  </si>
  <si>
    <t>MultiPolygon (((4.67868620274043856 52.48878786651900441, 4.6807662292062604 52.48775840665683035, 4.67705431974307029 52.4844235528663603, 4.67263870447339791 52.48435468834395579, 4.67868620274043856 52.48878786651900441, 4.67868620274043856 52.48878786651900441)))</t>
  </si>
  <si>
    <t>MultiPolygon (((4.68597248086293039 52.49173711199009063, 4.6807662292062604 52.48775840665683035, 4.67868620274043856 52.48878786651900441, 4.68372126375189968 52.49274625480535406, 4.68383918981501779 52.49272035701451955, 4.68597248086293039 52.49173711199009063)))</t>
  </si>
  <si>
    <t>MultiPolygon (((4.69255502795301283 52.48756624206829002, 4.68905662589504502 52.48506097468290932, 4.67705431974307029 52.4844235528663603, 4.6807662292062604 52.48775840665683035, 4.68278504644823013 52.48722974830003807, 4.68787109862968343 52.48750569201080651, 4.69099177398488543 52.49131718162490756, 4.6947415813168023 52.49133913129386286, 4.6949301916916637 52.49068023043744802, 4.69255502795301283 52.48756624206829002, 4.69255502795301283 52.48756624206829002)))</t>
  </si>
  <si>
    <t>MultiPolygon (((4.69455072849047639 52.48829975837534079, 4.69550885927775941 52.48738546560164053, 4.6976020496394284 52.48751223714012326, 4.6996660075909924 52.48979922975022561, 4.70372136829985443 52.48853264640298733, 4.70309395805151986 52.48755939060079356, 4.70796888334644326 52.48633243855487507, 4.70590628786578069 52.48444311149588515, 4.70615862231980575 52.48283945976660902, 4.70547202306942758 52.48185623159475455, 4.70072896076141511 52.48023676651393998, 4.69873489617597695 52.47713694442412447, 4.69927872829811477 52.47453268378657043, 4.69728015363137885 52.47200989449063968, 4.69781859710763161 52.47103382033127161, 4.69344705867296774 52.46734073577373181, 4.68426630190080751 52.46352103146196555, 4.68506935231661625 52.46255679118818449, 4.68453757486889888 52.46219075292052025, 4.68299969730283827 52.46113211687653433, 4.68214003276984148 52.46973015825727771, 4.67671900384318562 52.47290608740466666, 4.67241611460869866 52.47369802737668465, 4.67456713594717677 52.47577002822884396, 4.67951153897085792 52.47824586655060841, 4.67543242096994049 52.48149653579131524, 4.67705431974307029 52.4844235528663603, 4.68905662589504502 52.48506097468290932, 4.69255502795301283 52.48756624206829002, 4.6949301916916637 52.49068023043744802, 4.69460139133803445 52.48958666214943491, 4.69455072849047639 52.48829975837534079, 4.69455072849047639 52.48829975837534079)))</t>
  </si>
  <si>
    <t>MultiPolygon (((4.68299969730283827 52.46113211687653433, 4.67484802108523922 52.45552040778107283, 4.66192474676619462 52.46175677252436031, 4.66760590501676376 52.4684262175324605, 4.66941950392777017 52.46844265208181213, 4.67241611460869866 52.47369802737668465, 4.67671900384318562 52.47290608740466666, 4.68214003276984148 52.46973015825727771, 4.68299969730283827 52.46113211687653433, 4.68299969730283827 52.46113211687653433)))</t>
  </si>
  <si>
    <t>MultiPolygon (((4.66941950392777017 52.46844265208181213, 4.66760590501676376 52.4684262175324605, 4.66436807520758112 52.4705707619205981, 4.65415816103996782 52.476660952082824, 4.65737361425585483 52.4789478953319346, 4.66374295503583802 52.48117038074403951, 4.6674553408497772 52.48240543190152607, 4.67263870447339791 52.48435468834395579, 4.67705431974307029 52.4844235528663603, 4.67543242096994049 52.48149653579131524, 4.67951153897085792 52.47824586655060841, 4.67456713594717677 52.47577002822884396, 4.67241611460869866 52.47369802737668465, 4.66941950392777017 52.46844265208181213, 4.66941950392777017 52.46844265208181213)))</t>
  </si>
  <si>
    <t>MultiPolygon (((4.63095600832339649 52.49865797860380212, 4.63220912418962261 52.49619399340980408, 4.63031118595952673 52.49065064061243646, 4.62826706078925376 52.48802772298256514, 4.62638828361238286 52.48263226129234482, 4.63705127197111278 52.48110854049815543, 4.63889081744853637 52.480241358624518, 4.64069630265545552 52.47939066726180357, 4.63783737862151302 52.48013395932193248, 4.62095875442573956 52.48232812797350988, 4.61819121703494773 52.48328841018256696, 4.61355336533283289 52.48380308211272904, 4.60404961453721295 52.48146847536190762, 4.60272077268971991 52.48335060205145197, 4.59611883039547564 52.48597369484893704, 4.60530432115074717 52.48936727386963952, 4.60646553001412773 52.49145525675534429, 4.60629752889286159 52.49478585418876975, 4.60629582251474012 52.49480883617849258, 4.60747081995406482 52.49457453330305157, 4.61150999900609815 52.49664184836963443, 4.61303742538341854 52.49633105775491515, 4.62140110121208814 52.49786211136405711, 4.63095600832339649 52.49865797860380212, 4.63095600832339649 52.49865797860380212)))</t>
  </si>
  <si>
    <t>MultiPolygon (((4.58656328283696535 52.49916130319721219, 4.5916660198672874 52.49784025830633283, 4.59169517284740536 52.49827898184404518, 4.59554583628762536 52.49819876786523309, 4.59798401416981584 52.49684533910519235, 4.59993066693364927 52.49726095384381352, 4.59863579657598276 52.49594453498478686, 4.60431382504776376 52.494388841917484, 4.60629752889286159 52.49478585418876975, 4.60646553001412773 52.49145525675534429, 4.60530432115074717 52.48936727386963952, 4.59611883039547564 52.48597369484893704, 4.59050680288007751 52.48724748411975582, 4.58051213176208982 52.48950858995997493, 4.58656328283696535 52.49916130319721219, 4.58656328283696535 52.49916130319721219)))</t>
  </si>
  <si>
    <t>MultiPolygon (((4.6682098293005776 52.4952982546796747, 4.66983245100328226 52.49420267702246434, 4.6704718591274732 52.49378070864286627, 4.66525681531552294 52.48992975370024539, 4.66454605282068968 52.48922059750580615, 4.66042398281138759 52.48767405986018275, 4.66008376365591204 52.48961179653332465, 4.65994629096075208 52.49038777849153092, 4.6682098293005776 52.4952982546796747, 4.6682098293005776 52.4952982546796747)))</t>
  </si>
  <si>
    <t>MultiPolygon (((4.65854321992465614 52.49650363283346621, 4.66476368052421719 52.49789064063443078, 4.6682098293005776 52.4952982546796747, 4.65994629096075208 52.49038777849153092, 4.65940183386622131 52.49339027716212769, 4.65854321992465614 52.49650363283346621, 4.65854321992465614 52.49650363283346621)))</t>
  </si>
  <si>
    <t>MultiPolygon (((4.66988703153975848 52.49839897930318244, 4.67285518693533497 52.49696636684502238, 4.67350138888608591 52.49653336486989019, 4.66983245100328226 52.49420267702246434, 4.6682098293005776 52.4952982546796747, 4.66476368052421719 52.49789064063443078, 4.66832914567588464 52.49991665645223549, 4.66988703153975848 52.49839897930318244)))</t>
  </si>
  <si>
    <t>MultiPolygon (((4.66630189697593067 52.50074413112441363, 4.66832914567588464 52.49991665645223549, 4.66476368052421719 52.49789064063443078, 4.65854321992465614 52.49650363283346621, 4.65747617630147204 52.49867533446085588, 4.6660541231421595 52.50174402690574027, 4.66691417037857104 52.50105323268353885, 4.66630189697593067 52.50074413112441363, 4.66630189697593067 52.50074413112441363)))</t>
  </si>
  <si>
    <t>MultiPolygon (((4.66525681531552294 52.48992975370024539, 4.6704718591274732 52.49378070864286627, 4.67868620274043856 52.48878786651900441, 4.67263870447339791 52.48435468834395579, 4.66908988949240111 52.48703559130506591, 4.66525681531552294 52.48992975370024539, 4.66525681531552294 52.48992975370024539)))</t>
  </si>
  <si>
    <t>MultiPolygon (((4.67440771141098033 52.49515508088391158, 4.67698891613433698 52.49442996391785954, 4.67799343739310469 52.4933646119820807, 4.67860966639846509 52.49371930671986775, 4.67992372187275585 52.49316881028351389, 4.68051026447441387 52.49353910038139759, 4.68203511305236919 52.49282282809733147, 4.68372126375189968 52.49274625480535406, 4.67868620274043856 52.48878786651900441, 4.6704718591274732 52.49378070864286627, 4.66983245100328226 52.49420267702246434, 4.67350138888608591 52.49653336486989019, 4.67506957602986972 52.49558759632014215, 4.67440771141098033 52.49515508088391158, 4.67440771141098033 52.49515508088391158)))</t>
  </si>
  <si>
    <t>MultiPolygon (((4.64509217244909856 52.49399842864615096, 4.64471251881019764 52.49286702074819999, 4.64381002285168965 52.48993606449546689, 4.63969847938547986 52.48600123401722328, 4.63822791365706877 52.48607172691055922, 4.64043599222849146 52.49307177803424196, 4.64213545832296148 52.49412528305859382, 4.64509217244909856 52.49399842864615096, 4.64509217244909856 52.49399842864615096)))</t>
  </si>
  <si>
    <t>MultiPolygon (((4.6349996872801098 52.49952910393911765, 4.63502027015625018 52.49906140872635518, 4.64510576184433699 52.49956911543846871, 4.64631232294593222 52.49908339668704826, 4.64943070043021045 52.4991215334807606, 4.64945211433543104 52.4990486069589295, 4.65002119905899214 52.49842375435077457, 4.64509217244909856 52.49399842864615096, 4.64213545832296148 52.49412528305859382, 4.64043599222849146 52.49307177803424196, 4.63822791365706877 52.48607172691055922, 4.63969847938547986 52.48600123401722328, 4.63967715360878241 52.48528844730379461, 4.62826706078925376 52.48802772298256514, 4.63031118595952673 52.49065064061243646, 4.63220912418962261 52.49619399340980408, 4.63095600832339649 52.49865797860380212, 4.63136620996862547 52.49869213060324569, 4.63389364279064342 52.49890255714858966, 4.6349996872801098 52.49952910393911765, 4.6349996872801098 52.49952910393911765)))</t>
  </si>
  <si>
    <t>MultiPolygon (((4.65124304457130044 52.49884533071622172, 4.65256123654728881 52.49818746355633436, 4.6553793307640845 52.49792523936510236, 4.65739823091203231 52.4986639520635876, 4.65747617630147204 52.49867533446085588, 4.65854321992465614 52.49650363283346621, 4.65530246298806993 52.49584680306283957, 4.65288318440515791 52.49381333525118265, 4.64906350865610918 52.4912843569659131, 4.64471251881019764 52.49286702074819999, 4.64509217244909856 52.49399842864615096, 4.65002119905899214 52.49842375435077457, 4.65124304457130044 52.49884533071622172, 4.65124304457130044 52.49884533071622172)))</t>
  </si>
  <si>
    <t>MultiPolygon (((4.64471251881019764 52.49286702074819999, 4.64906350865610918 52.4912843569659131, 4.64579612267541897 52.48924845665458605, 4.64381002285168965 52.48993606449546689, 4.64471251881019764 52.49286702074819999, 4.64471251881019764 52.49286702074819999)))</t>
  </si>
  <si>
    <t>MultiPolygon (((4.64381002285168965 52.48993606449546689, 4.64579612267541897 52.48924845665458605, 4.64747685802649979 52.48836659528618043, 4.64440816562212699 52.48426687576002081, 4.63967715360878241 52.48528844730379461, 4.63969847938547986 52.48600123401722328, 4.64381002285168965 52.48993606449546689, 4.64381002285168965 52.48993606449546689)))</t>
  </si>
  <si>
    <t>MultiPolygon (((4.65806152648403682 52.49049167017788164, 4.65940183386622131 52.49339027716212769, 4.65994629096075208 52.49038777849153092, 4.66008376365591204 52.48961179653332465, 4.65766415710055792 52.48958827872495903, 4.65806152648403682 52.49049167017788164, 4.65806152648403682 52.49049167017788164)))</t>
  </si>
  <si>
    <t>MultiPolygon (((4.65288318440515791 52.49381333525118265, 4.65530246298806993 52.49584680306283957, 4.65854321992465614 52.49650363283346621, 4.65940183386622131 52.49339027716212769, 4.65806152648403682 52.49049167017788164, 4.65288318440515791 52.49381333525118265, 4.65288318440515791 52.49381333525118265)))</t>
  </si>
  <si>
    <t>MultiPolygon (((4.64906350865610918 52.4912843569659131, 4.65288318440515791 52.49381333525118265, 4.65806152648403682 52.49049167017788164, 4.65766415710055792 52.48958827872495903, 4.65454324545464448 52.48790696335740336, 4.64906350865610918 52.4912843569659131, 4.64906350865610918 52.4912843569659131)))</t>
  </si>
  <si>
    <t>MultiPolygon (((4.64579612267541897 52.48924845665458605, 4.64906350865610918 52.4912843569659131, 4.65454324545464448 52.48790696335740336, 4.65471371228211428 52.48775418782418711, 4.65137951654918691 52.48595408478023927, 4.64747685802649979 52.48836659528618043, 4.64579612267541897 52.48924845665458605, 4.64579612267541897 52.48924845665458605)))</t>
  </si>
  <si>
    <t>MultiPolygon (((4.66539630797517901 52.4848708229365073, 4.66908988949240111 52.48703559130506591, 4.67263870447339791 52.48435468834395579, 4.6674553408497772 52.48240543190152607, 4.66463197738552271 52.48429581983575787, 4.66539630797517901 52.4848708229365073, 4.66539630797517901 52.4848708229365073)))</t>
  </si>
  <si>
    <t>MultiPolygon (((4.66401678021406063 52.48584278818095328, 4.66539630797517901 52.4848708229365073, 4.66463197738552271 52.48429581983575787, 4.6674553408497772 52.48240543190152607, 4.66374295503583802 52.48117038074403951, 4.66317746223492158 52.4818381137961083, 4.66433183301669985 52.48346565708389022, 4.66247400935312672 52.48478797114107408, 4.66401678021406063 52.48584278818095328, 4.66401678021406063 52.48584278818095328)))</t>
  </si>
  <si>
    <t>MultiPolygon (((4.66454605282068968 52.48922059750580615, 4.66525681531552294 52.48992975370024539, 4.66908988949240111 52.48703559130506591, 4.66539630797517901 52.4848708229365073, 4.66401678021406063 52.48584278818095328, 4.66454605282068968 52.48922059750580615, 4.66454605282068968 52.48922059750580615)))</t>
  </si>
  <si>
    <t>MultiPolygon (((4.62826706078925376 52.48802772298256514, 4.63967715360878241 52.48528844730379461, 4.64440816562212699 52.48426687576002081, 4.64457885117896652 52.48396606995043356, 4.64050606587103065 52.48207201991441906, 4.63889081744853637 52.480241358624518, 4.63705127197111278 52.48110854049815543, 4.62638828361238286 52.48263226129234482, 4.62826706078925376 52.48802772298256514, 4.62826706078925376 52.48802772298256514)))</t>
  </si>
  <si>
    <t>MultiPolygon (((4.64747685802649979 52.48836659528618043, 4.65137951654918691 52.48595408478023927, 4.65576800270331237 52.48525996363296287, 4.65400453010882575 52.48139849438848614, 4.65188147595905921 52.48246956450707046, 4.64946639893437652 52.48251779642104253, 4.64457885117896652 52.48396606995043356, 4.64440816562212699 52.48426687576002081, 4.64747685802649979 52.48836659528618043, 4.64747685802649979 52.48836659528618043)))</t>
  </si>
  <si>
    <t>MultiPolygon (((4.6557815252891066 52.48026269393449894, 4.64901477709079369 52.4766080328870288, 4.64673624761357207 52.47708157894150816, 4.64763573525347429 52.47842446162673014, 4.64069630265545552 52.47939066726180357, 4.63889081744853637 52.480241358624518, 4.64050606587103065 52.48207201991441906, 4.64457885117896652 52.48396606995043356, 4.64946639893437652 52.48251779642104253, 4.65188147595905921 52.48246956450707046, 4.65400453010882575 52.48139849438848614, 4.6557815252891066 52.48026269393449894, 4.6557815252891066 52.48026269393449894)))</t>
  </si>
  <si>
    <t>MultiPolygon (((4.66042398281138759 52.48767405986018275, 4.66454605282068968 52.48922059750580615, 4.66401678021406063 52.48584278818095328, 4.66247400935312672 52.48478797114107408, 4.66111187401323335 52.48386453010439823, 4.66057238980579314 52.48687869284653829, 4.66042398281138759 52.48767405986018275, 4.66042398281138759 52.48767405986018275)))</t>
  </si>
  <si>
    <t>MultiPolygon (((4.65471371228211428 52.48775418782418711, 4.65693304554485277 52.48615970445889189, 4.65659419333420121 52.48567085272088661, 4.65576800270331237 52.48525996363296287, 4.65137951654918691 52.48595408478023927, 4.65471371228211428 52.48775418782418711, 4.65471371228211428 52.48775418782418711)))</t>
  </si>
  <si>
    <t>MultiPolygon (((4.65766415710055792 52.48958827872495903, 4.66008376365591204 52.48961179653332465, 4.66042398281138759 52.48767405986018275, 4.66057238980579314 52.48687869284653829, 4.65693304554485277 52.48615970445889189, 4.65471371228211428 52.48775418782418711, 4.65454324545464448 52.48790696335740336, 4.65766415710055792 52.48958827872495903, 4.65766415710055792 52.48958827872495903)))</t>
  </si>
  <si>
    <t>MultiPolygon (((4.65576800270331237 52.48525996363296287, 4.65659419333420121 52.48567085272088661, 4.66030265838480684 52.48333777884487716, 4.6557815252891066 52.48026269393449894, 4.65400453010882575 52.48139849438848614, 4.65576800270331237 52.48525996363296287, 4.65576800270331237 52.48525996363296287)))</t>
  </si>
  <si>
    <t>MultiPolygon (((4.65737361425585483 52.4789478953319346, 4.65415816103996782 52.476660952082824, 4.65333322738712241 52.47715473586105617, 4.64928998726337639 52.47653324515766826, 4.64901477709079369 52.4766080328870288, 4.6557815252891066 52.48026269393449894, 4.66030265838480684 52.48333777884487716, 4.66111187401323335 52.48386453010439823, 4.66247400935312672 52.48478797114107408, 4.66433183301669985 52.48346565708389022, 4.66317746223492158 52.4818381137961083, 4.66374295503583802 52.48117038074403951, 4.65737361425585483 52.4789478953319346, 4.65737361425585483 52.4789478953319346)))</t>
  </si>
  <si>
    <t>MultiPolygon (((4.65693304554485277 52.48615970445889189, 4.66057238980579314 52.48687869284653829, 4.66111187401323335 52.48386453010439823, 4.66030265838480684 52.48333777884487716, 4.65659419333420121 52.48567085272088661, 4.65693304554485277 52.48615970445889189, 4.65693304554485277 52.48615970445889189)))</t>
  </si>
  <si>
    <t>MultiPolygon (((4.65919137288901197 52.74730915881572457, 4.66046329065776188 52.74670467964978116, 4.66243456952969915 52.74673576085888271, 4.67136957549246468 52.74053799834283751, 4.67889489745437004 52.7391685920497153, 4.68102120795326471 52.73767519579084251, 4.68352860846783514 52.73353650939900206, 4.68689717629797187 52.73264591828834824, 4.68982236031640554 52.73299196833669811, 4.6903520652830526 52.73262236473501474, 4.70433542133578531 52.72042185534239422, 4.70698528991038501 52.71870353749218907, 4.7104685244965987 52.71452967368750819, 4.70988113505771366 52.71421145983762813, 4.70715307580224795 52.71291243105260804, 4.70372693345552051 52.71245805559806996, 4.69509709893091376 52.71392870941344455, 4.68580971261440293 52.71669575850120992, 4.67849119746794617 52.72008887869736782, 4.6753418148172603 52.72263030522212546, 4.67331726251692814 52.72579907141389555, 4.66271027686132822 52.72701174049635142, 4.65915967121973473 52.727955640558406, 4.64590245372061172 52.72852372729617798, 4.64133244907392406 52.72800314103373154, 4.63660679440823564 52.72866762142148644, 4.64290308813983899 52.75066435352322003, 4.64559859422972998 52.75666265619650375, 4.65104000984705923 52.7558469080239405, 4.65642680468701631 52.75161974748186822, 4.65637236014716027 52.75055420497904635, 4.65895635498342742 52.74963437516053943, 4.65919137288901197 52.74730915881572457, 4.65919137288901197 52.74730915881572457)))</t>
  </si>
  <si>
    <t>MultiPolygon (((4.63660679440823564 52.72866762142148644, 4.64133244907392406 52.72800314103373154, 4.64590245372061172 52.72852372729617798, 4.65915967121973473 52.727955640558406, 4.66271027686132822 52.72701174049635142, 4.66051158445603875 52.7248931013685862, 4.65640398636556352 52.72355471177896646, 4.64607285892034305 52.72132325763760008, 4.63938262018237868 52.72105579638826356, 4.63570326405085886 52.72029167293095497, 4.63660679440823564 52.72866762142148644, 4.63660679440823564 52.72866762142148644)))</t>
  </si>
  <si>
    <t>MultiPolygon (((4.63938262018237868 52.72105579638826356, 4.64607285892034305 52.72132325763760008, 4.65640398636556352 52.72355471177896646, 4.66051158445603875 52.7248931013685862, 4.66271027686132822 52.72701174049635142, 4.67331726251692814 52.72579907141389555, 4.6753418148172603 52.72263030522212546, 4.67849119746794617 52.72008887869736782, 4.66996289154437338 52.71275932586592461, 4.66461228653584037 52.71209674177353577, 4.6374202780463083 52.71199661809592385, 4.63653507190885339 52.71285702750093805, 4.63570326405085886 52.72029167293095497, 4.63938262018237868 52.72105579638826356, 4.63938262018237868 52.72105579638826356)))</t>
  </si>
  <si>
    <t>MultiPolygon (((4.67849119746794617 52.72008887869736782, 4.68580971261440293 52.71669575850120992, 4.68125262325304359 52.71357948674731375, 4.67706581208971439 52.70774437692339376, 4.63758032784640317 52.7075361572092902, 4.6374202780463083 52.71199661809592385, 4.66461228653584037 52.71209674177353577, 4.66996289154437338 52.71275932586592461, 4.67849119746794617 52.72008887869736782, 4.67849119746794617 52.72008887869736782)))</t>
  </si>
  <si>
    <t>MultiPolygon (((4.71610519203872069 52.70048120564896266, 4.7192100232996772 52.6990959372129808, 4.72059877116016668 52.6971166961128219, 4.72522229850725761 52.69384960068942547, 4.70225705313607811 52.68371562524681195, 4.70063274405039433 52.68308698818847802, 4.69782763847826956 52.68225152850397563, 4.63023817167812002 52.6756672030415487, 4.63251973682663021 52.68179564655771685, 4.63431777984797755 52.69398881074211261, 4.69888078871209469 52.69497704798737203, 4.70646375052008725 52.69829199805144526, 4.71350574312445136 52.70039546600576585, 4.71610519203872069 52.70048120564896266, 4.71610519203872069 52.70048120564896266)))</t>
  </si>
  <si>
    <t>MultiPolygon (((4.71786314313528887 52.70263798823788193, 4.7192100232996772 52.6990959372129808, 4.71610519203872069 52.70048120564896266, 4.71059291100016875 52.7021143081061112, 4.70803256978130591 52.70398618848678751, 4.7068886487383601 52.70584269621458873, 4.70924685395269638 52.7076534113738191, 4.70988113505771366 52.71421145983762813, 4.7104685244965987 52.71452967368750819, 4.71580713125219741 52.71004728350089152, 4.71786314313528887 52.70263798823788193, 4.71786314313528887 52.70263798823788193)))</t>
  </si>
  <si>
    <t>MultiPolygon (((4.68580971261440293 52.71669575850120992, 4.69509709893091376 52.71392870941344455, 4.70372693345552051 52.71245805559806996, 4.70715307580224795 52.71291243105260804, 4.70988113505771366 52.71421145983762813, 4.70924685395269638 52.7076534113738191, 4.7068886487383601 52.70584269621458873, 4.70803256978130591 52.70398618848678751, 4.71059291100016875 52.7021143081061112, 4.71610519203872069 52.70048120564896266, 4.71350574312445136 52.70039546600576585, 4.70646375052008725 52.69829199805144526, 4.69888078871209469 52.69497704798737203, 4.63431777984797755 52.69398881074211261, 4.63758032784640317 52.7075361572092902, 4.67706581208971439 52.70774437692339376, 4.68125262325304359 52.71357948674731375, 4.68580971261440293 52.71669575850120992, 4.68580971261440293 52.71669575850120992)))</t>
  </si>
  <si>
    <t>MultiPolygon (((4.68154100629576941 52.64225197335611739, 4.69071789242007053 52.64018001880313591, 4.69526279765694632 52.64138529593644478, 4.70636610198077499 52.64173782661369927, 4.71003473864224897 52.64246745217308643, 4.70886747166046682 52.63550891972152357, 4.70981609543118473 52.63250460164176303, 4.70830636536949321 52.63088058183420515, 4.71133253390469786 52.62991399085348831, 4.70979638276544499 52.62872382771939073, 4.71528674254755131 52.62581971577672846, 4.71489697794727824 52.62534679887244948, 4.71458652325136729 52.62478189825845476, 4.70795506999965241 52.62034832009943131, 4.70570011049925618 52.62135426372412184, 4.68999318187659853 52.62375103585787883, 4.68551099860341047 52.61931107400589269, 4.68580611443342843 52.61777012658161823, 4.68369286831648068 52.61267229090891107, 4.68076732005724327 52.61027944484226282, 4.68037391592964092 52.60846045678772498, 4.67444262387784004 52.60377146039893859, 4.67388020775392476 52.60095892093754344, 4.67016814448608475 52.60200896271462767, 4.66887855255826256 52.60143328236084415, 4.65965041643540356 52.6018604945658339, 4.65858761134054422 52.60837267213322122, 4.65791112426409804 52.6105336462646207, 4.65989008357087542 52.61255165064222439, 4.6612980870525611 52.61267428648038447, 4.66755753538662166 52.62311188307027265, 4.66751401840208668 52.62487033633123445, 4.66447529503256586 52.62681283254117659, 4.66312957014093943 52.63095680698949508, 4.66599111268120037 52.63137694703193148, 4.66511719997046281 52.63404987378749667, 4.66574948940170753 52.63530379822650929, 4.66711059924206584 52.63562941556251928, 4.66539344513850907 52.64204495367332726, 4.67810357643020236 52.64461709641869902, 4.68154100629576941 52.64225197335611739)))</t>
  </si>
  <si>
    <t>MultiPolygon (((4.62375588906074064 52.63978691354004269, 4.65937069491400102 52.64071462463820694, 4.66539344513850907 52.64204495367332726, 4.66711059924206584 52.63562941556251928, 4.66574948940170753 52.63530379822650929, 4.66511719997046281 52.63404987378749667, 4.66599111268120037 52.63137694703193148, 4.66312957014093943 52.63095680698949508, 4.65578689141846702 52.62989179248899774, 4.62167347424778896 52.63052184567206382, 4.62224522647502223 52.63578782985284477, 4.62375588906074064 52.63978691354004269, 4.62375588906074064 52.63978691354004269)))</t>
  </si>
  <si>
    <t>MultiPolygon (((4.66147001158100061 52.62321136858610515, 4.65785565678407121 52.6219057358990554, 4.65586920555414085 52.62200699650791336, 4.65496227221863812 52.62326133251504245, 4.65960740672648299 52.62492640141470446, 4.66147001158100061 52.62321136858610515, 4.66147001158100061 52.62321136858610515)))</t>
  </si>
  <si>
    <t>MultiPolygon (((4.62167347424778896 52.63052184567206382, 4.65578689141846702 52.62989179248899774, 4.66312957014093943 52.63095680698949508, 4.66447529503256586 52.62681283254117659, 4.66751401840208668 52.62487033633123445, 4.66755753538662166 52.62311188307027265, 4.6612980870525611 52.61267428648038447, 4.65989008357087542 52.61255165064222439, 4.65656366135992528 52.61326007052189624, 4.64955820465871472 52.6164946735856276, 4.63918424687277042 52.61263265298455138, 4.63455076115937104 52.61368638471957127, 4.6400972975426269 52.61520598962629691, 4.6397570303293092 52.6162913275824593, 4.63892170282810845 52.61895982593314613, 4.63799585652561941 52.62191085080288389, 4.62041626790552673 52.62729516916417083, 4.62167347424778896 52.63052184567206382, 4.62167347424778896 52.63052184567206382),(4.66147001158100061 52.62321136858610515, 4.65960740672648299 52.62492640141470446, 4.65496227221863812 52.62326133251504245, 4.65586920555414085 52.62200699650791336, 4.65785565678407121 52.6219057358990554, 4.66147001158100061 52.62321136858610515, 4.66147001158100061 52.62321136858610515)))</t>
  </si>
  <si>
    <t>MultiPolygon (((4.63455076115937104 52.61368638471957127, 4.63918424687277042 52.61263265298455138, 4.64955820465871472 52.6164946735856276, 4.65656366135992528 52.61326007052189624, 4.65989008357087542 52.61255165064222439, 4.65791112426409804 52.6105336462646207, 4.65858761134054422 52.60837267213322122, 4.64558311046876149 52.60475033861811056, 4.61660425975041733 52.60585123762970028, 4.61688929716035457 52.6088455702620692, 4.63455076115937104 52.61368638471957127, 4.63455076115937104 52.61368638471957127)))</t>
  </si>
  <si>
    <t>MultiPolygon (((4.65858761134054422 52.60837267213322122, 4.65965041643540356 52.6018604945658339, 4.66887855255826256 52.60143328236084415, 4.67016814448608475 52.60200896271462767, 4.67388020775392476 52.60095892093754344, 4.67317506738940303 52.59621087310141974, 4.67386281022961025 52.59292861862029156, 4.672400868838956 52.59229681409288304, 4.67258136474952046 52.59090410094186296, 4.65984061114996351 52.58613969835614199, 4.65571365993540986 52.58551212652413653, 4.65498050565332733 52.5828699879755419, 4.60996515252004269 52.57374433773937739, 4.61528165446821514 52.59622938970522199, 4.61660425975041733 52.60585123762970028, 4.64558311046876149 52.60475033861811056, 4.65858761134054422 52.60837267213322122, 4.65858761134054422 52.60837267213322122)))</t>
  </si>
  <si>
    <t>MultiPolygon (((4.61936764391974375 52.62384352667300647, 4.62041626790552673 52.62729516916417083, 4.63799585652561941 52.62191085080288389, 4.63892170282810845 52.61895982593314613, 4.63365894334496708 52.62110967776927595, 4.62979496852473993 52.62106630031255605, 4.62682871969945442 52.62171692549712532, 4.62556610681462388 52.62214192298799986, 4.6248402838283269 52.62366389289842061, 4.61936764391974375 52.62384352667300647, 4.61936764391974375 52.62384352667300647)))</t>
  </si>
  <si>
    <t>MultiPolygon (((4.61839301016960224 52.6165904109770679, 4.62243752312543066 52.61653134457123571, 4.62837466941970188 52.61770381186401124, 4.63014047698903752 52.61737804403606589, 4.63077923782696654 52.6156924745899417, 4.63292980816933575 52.61582943875322371, 4.6397570303293092 52.6162913275824593, 4.6400972975426269 52.61520598962629691, 4.63455076115937104 52.61368638471957127, 4.61688929716035457 52.6088455702620692, 4.61839301016960224 52.6165904109770679, 4.61839301016960224 52.6165904109770679)))</t>
  </si>
  <si>
    <t>MultiPolygon (((4.63014047698903752 52.61737804403606589, 4.63257838832771807 52.61884052075378548, 4.63292980816933575 52.61582943875322371, 4.63077923782696654 52.6156924745899417, 4.63014047698903752 52.61737804403606589, 4.63014047698903752 52.61737804403606589)))</t>
  </si>
  <si>
    <t>MultiPolygon (((4.61936764391974375 52.62384352667300647, 4.6248402838283269 52.62366389289842061, 4.62556610681462388 52.62214192298799986, 4.62682871969945442 52.62171692549712532, 4.62979496852473993 52.62106630031255605, 4.63365894334496708 52.62110967776927595, 4.63892170282810845 52.61895982593314613, 4.6397570303293092 52.6162913275824593, 4.63292980816933575 52.61582943875322371, 4.63257838832771807 52.61884052075378548, 4.63014047698903752 52.61737804403606589, 4.62837466941970188 52.61770381186401124, 4.62243752312543066 52.61653134457123571, 4.61839301016960224 52.6165904109770679, 4.61936764391974375 52.62384352667300647, 4.61936764391974375 52.62384352667300647)))</t>
  </si>
  <si>
    <t>MultiPolygon (((4.73838029631313518 52.68436257416958313, 4.74174160752266083 52.68080686745726382, 4.74384372998784354 52.6786980666883764, 4.74770727717635488 52.67685031450142219, 4.75241099724641014 52.67144554855440219, 4.7490134507059576 52.66596886378900422, 4.74593262721475817 52.66307942972170508, 4.74516395995007745 52.66336404462323628, 4.74260546080981449 52.66118160732607834, 4.73925449291159229 52.6629407513877581, 4.73409957397826364 52.66293061495163386, 4.73520830411910332 52.66138731609683532, 4.73370132033984614 52.66180247983981388, 4.73115409935385411 52.66158907614206441, 4.73285337757812563 52.6598900160131862, 4.73152918374920262 52.65981156281681308, 4.73064315037904581 52.65875264224954577, 4.72762519106574519 52.65849940035482746, 4.72755498307908528 52.65739007423333362, 4.72570716193027263 52.65730941448415336, 4.72924704940592111 52.65612134893668639, 4.72682357558187594 52.65548996558431583, 4.7252508214118869 52.6519443488730019, 4.72179307083906874 52.65072501868791477, 4.72267646977112587 52.64936489954381216, 4.72193663922275508 52.64917982238202399, 4.72039431650212293 52.65008067858795471, 4.71693483112970302 52.64959579782075139, 4.71760911605661981 52.6466497644559368, 4.7128145544124127 52.64621062164916054, 4.71420094060058315 52.64282162178826496, 4.71003473864224897 52.64246745217308643, 4.70636610198077499 52.64173782661369927, 4.69526279765694632 52.64138529593644478, 4.69071789242007053 52.64018001880313591, 4.68154100629576941 52.64225197335611739, 4.67810357643020236 52.64461709641869902, 4.66539344513850907 52.64204495367332726, 4.65937069491400102 52.64071462463820694, 4.62375588906074064 52.63978691354004269, 4.62538945400324142 52.65569709972964318, 4.6433411424691915 52.6566471555897806, 4.64505831807953662 52.66744490288191827, 4.6276145627613694 52.6666240535594028, 4.63023817167812002 52.6756672030415487, 4.69782763847826956 52.68225152850397563, 4.70063274405039433 52.68308698818847802, 4.69741732005390134 52.68107070102347933, 4.69138513641006138 52.67728284514083725, 4.69255866955852952 52.67522994097180344, 4.69074223380664357 52.67442760100313137, 4.69035342712302228 52.66812469964790466, 4.67296727606222007 52.66842769331372409, 4.67128132991293743 52.66689955128581602, 4.67504319614376929 52.66504772469281193, 4.68522078499725225 52.66182140802970224, 4.6869737278548067 52.66342473465056884, 4.69307401789295042 52.66339139913618084, 4.69257574060784322 52.66132085773988081, 4.69596666449172506 52.66046407301983123, 4.70263409150311507 52.65966625643957144, 4.70688066708693675 52.65998915526895985, 4.70908810746846651 52.66015686563328302, 4.71637528271336759 52.66055761503324106, 4.72117997722348726 52.66384080716544247, 4.72634358408668742 52.66436165810124237, 4.72626636400033995 52.66484316961022216, 4.72693810167965811 52.66772197221500562, 4.71648291779132567 52.66924804434598428, 4.71622264493658427 52.67003127439961219, 4.71812397895986457 52.6710323552777524, 4.71420865721033167 52.67341968171222533, 4.71380239587978789 52.67584059278662068, 4.71339742458712863 52.67779244139395445, 4.71046891324525863 52.68079416341072374, 4.70664295389541909 52.67926487731747187, 4.70225705313607811 52.68371562524681195, 4.72522229850725761 52.69384960068942547, 4.72885382060110082 52.69140378592108931, 4.73838029631313518 52.68436257416958313)))</t>
  </si>
  <si>
    <t>MultiPolygon (((4.6276145627613694 52.6666240535594028, 4.64505831807953662 52.66744490288191827, 4.6433411424691915 52.6566471555897806, 4.62538945400324142 52.65569709972964318, 4.62676923140759033 52.6647691691605786, 4.6276145627613694 52.6666240535594028, 4.6276145627613694 52.6666240535594028)))</t>
  </si>
  <si>
    <t>MultiPolygon (((4.69035342712302228 52.66812469964790466, 4.69326114105392467 52.66837901668117183, 4.69312290334594806 52.66706888016172883, 4.69698105899737062 52.66806534876943857, 4.69740771488269271 52.66480430026489756, 4.69596666449172506 52.66046407301983123, 4.69257574060784322 52.66132085773988081, 4.69307401789295042 52.66339139913618084, 4.6869737278548067 52.66342473465056884, 4.68522078499725225 52.66182140802970224, 4.67504319614376929 52.66504772469281193, 4.67128132991293743 52.66689955128581602, 4.67296727606222007 52.66842769331372409, 4.69035342712302228 52.66812469964790466, 4.69035342712302228 52.66812469964790466)))</t>
  </si>
  <si>
    <t>MultiPolygon (((4.69698105899737062 52.66806534876943857, 4.69898791154480211 52.66887972265492834, 4.70023000968196847 52.66797223649767545, 4.70026759968708241 52.66556648425972753, 4.70263309389136008 52.66522875184223551, 4.70143839195064039 52.66356737296517565, 4.70239199300668975 52.66345155502809661, 4.70263409150311507 52.65966625643957144, 4.69596666449172506 52.66046407301983123, 4.69740771488269271 52.66480430026489756, 4.69698105899737062 52.66806534876943857, 4.69698105899737062 52.66806534876943857)))</t>
  </si>
  <si>
    <t>MultiPolygon (((4.70239199300668975 52.66345155502809661, 4.70609640962469378 52.66224940079437999, 4.70688066708693675 52.65998915526895985, 4.70263409150311507 52.65966625643957144, 4.70239199300668975 52.66345155502809661, 4.70239199300668975 52.66345155502809661)))</t>
  </si>
  <si>
    <t>MultiPolygon (((4.70263309389136008 52.66522875184223551, 4.70566667975218778 52.66507883506740484, 4.70904709994789084 52.66604321906745412, 4.70880591880509503 52.66460135773279205, 4.70842513901690474 52.6635033024532504, 4.70687763217406996 52.66346890277038995, 4.70609640962469378 52.66224940079437999, 4.70239199300668975 52.66345155502809661, 4.70143839195064039 52.66356737296517565, 4.70263309389136008 52.66522875184223551, 4.70263309389136008 52.66522875184223551)))</t>
  </si>
  <si>
    <t>MultiPolygon (((4.70880591880509503 52.66460135773279205, 4.71078977778266772 52.6639894453811408, 4.70908810746846651 52.66015686563328302, 4.70688066708693675 52.65998915526895985, 4.70609640962469378 52.66224940079437999, 4.70687763217406996 52.66346890277038995, 4.70842513901690474 52.6635033024532504, 4.70880591880509503 52.66460135773279205, 4.70880591880509503 52.66460135773279205)))</t>
  </si>
  <si>
    <t>MultiPolygon (((4.71078977778266772 52.6639894453811408, 4.71316579405012259 52.66328653950448313, 4.71637528271336759 52.66055761503324106, 4.70908810746846651 52.66015686563328302, 4.71078977778266772 52.6639894453811408, 4.71078977778266772 52.6639894453811408)))</t>
  </si>
  <si>
    <t>MultiPolygon (((4.70023000968196847 52.66797223649767545, 4.70282178262877348 52.66773564678165798, 4.70366729102148984 52.66900463441609759, 4.70596999197560262 52.66867152617533065, 4.70934941444766064 52.66740145450012989, 4.71283645010060503 52.66705950117295032, 4.71316579405012259 52.66328653950448313, 4.71078977778266772 52.6639894453811408, 4.70880591880509503 52.66460135773279205, 4.70904709994789084 52.66604321906745412, 4.70566667975218778 52.66507883506740484, 4.70263309389136008 52.66522875184223551, 4.70026759968708241 52.66556648425972753, 4.70023000968196847 52.66797223649767545, 4.70023000968196847 52.66797223649767545)))</t>
  </si>
  <si>
    <t>MultiPolygon (((4.71283645010060503 52.66705950117295032, 4.71319325971050862 52.66704527087070886, 4.72378930573110534 52.66488217968715446, 4.72626636400033995 52.66484316961022216, 4.72634358408668742 52.66436165810124237, 4.72117997722348726 52.66384080716544247, 4.71637528271336759 52.66055761503324106, 4.71316579405012259 52.66328653950448313, 4.71283645010060503 52.66705950117295032, 4.71283645010060503 52.66705950117295032)))</t>
  </si>
  <si>
    <t>MultiPolygon (((4.71304983773143782 52.66856554759403508, 4.71622264493658427 52.67003127439961219, 4.71648291779132567 52.66924804434598428, 4.72693810167965811 52.66772197221500562, 4.72626636400033995 52.66484316961022216, 4.72378930573110534 52.66488217968715446, 4.71319325971050862 52.66704527087070886, 4.71304983773143782 52.66856554759403508, 4.71304983773143782 52.66856554759403508)))</t>
  </si>
  <si>
    <t>MultiPolygon (((4.70321357604925794 52.67243204946594659, 4.70499631154583131 52.67330140889190204, 4.70967539811837277 52.6698029049058789, 4.71302606551650793 52.66943043445301953, 4.71304983773143782 52.66856554759403508, 4.71319325971050862 52.66704527087070886, 4.71283645010060503 52.66705950117295032, 4.70934941444766064 52.66740145450012989, 4.70596999197560262 52.66867152617533065, 4.70323185788476383 52.66979911058808739, 4.70321357604925794 52.67243204946594659, 4.70321357604925794 52.67243204946594659)))</t>
  </si>
  <si>
    <t>MultiPolygon (((4.70499631154583131 52.67330140889190204, 4.71380239587978789 52.67584059278662068, 4.71420865721033167 52.67341968171222533, 4.71812397895986457 52.6710323552777524, 4.71622264493658427 52.67003127439961219, 4.71304983773143782 52.66856554759403508, 4.71302606551650793 52.66943043445301953, 4.70967539811837277 52.6698029049058789, 4.70499631154583131 52.67330140889190204, 4.70499631154583131 52.67330140889190204)))</t>
  </si>
  <si>
    <t>MultiPolygon (((4.70130042415290017 52.67709046432263165, 4.70664295389541909 52.67926487731747187, 4.71046891324525863 52.68079416341072374, 4.71339742458712863 52.67779244139395445, 4.71380239587978789 52.67584059278662068, 4.70499631154583131 52.67330140889190204, 4.70370549744723654 52.67462467219580446, 4.70653601031827407 52.67563764038052199, 4.70515738862369837 52.67749627969068626, 4.7019294974910526 52.67644813223361666, 4.70130042415290017 52.67709046432263165, 4.70130042415290017 52.67709046432263165)))</t>
  </si>
  <si>
    <t>MultiPolygon (((4.7019294974910526 52.67644813223361666, 4.70515738862369837 52.67749627969068626, 4.70653601031827407 52.67563764038052199, 4.70370549744723654 52.67462467219580446, 4.7019294974910526 52.67644813223361666, 4.7019294974910526 52.67644813223361666)))</t>
  </si>
  <si>
    <t>MultiPolygon (((4.70063274405039433 52.68308698818847802, 4.70225705313607811 52.68371562524681195, 4.70664295389541909 52.67926487731747187, 4.70130042415290017 52.67709046432263165, 4.69741732005390134 52.68107070102347933, 4.70063274405039433 52.68308698818847802, 4.70063274405039433 52.68308698818847802)))</t>
  </si>
  <si>
    <t>MultiPolygon (((4.69741732005390134 52.68107070102347933, 4.70130042415290017 52.67709046432263165, 4.7019294974910526 52.67644813223361666, 4.70370549744723654 52.67462467219580446, 4.70499631154583131 52.67330140889190204, 4.70321357604925794 52.67243204946594659, 4.69994121141830234 52.67190597278005271, 4.69546349212192737 52.67419395439422658, 4.69392883846760434 52.67567971166725016, 4.69255866955852952 52.67522994097180344, 4.69138513641006138 52.67728284514083725, 4.69741732005390134 52.68107070102347933, 4.69741732005390134 52.68107070102347933)))</t>
  </si>
  <si>
    <t>MultiPolygon (((4.69255866955852952 52.67522994097180344, 4.69392883846760434 52.67567971166725016, 4.69546349212192737 52.67419395439422658, 4.69994121141830234 52.67190597278005271, 4.69898791154480211 52.66887972265492834, 4.69698105899737062 52.66806534876943857, 4.69312290334594806 52.66706888016172883, 4.69326114105392467 52.66837901668117183, 4.69035342712302228 52.66812469964790466, 4.69074223380664357 52.67442760100313137, 4.69255866955852952 52.67522994097180344, 4.69255866955852952 52.67522994097180344)))</t>
  </si>
  <si>
    <t>MultiPolygon (((4.69994121141830234 52.67190597278005271, 4.70321357604925794 52.67243204946594659, 4.70323185788476383 52.66979911058808739, 4.70596999197560262 52.66867152617533065, 4.70366729102148984 52.66900463441609759, 4.70282178262877348 52.66773564678165798, 4.70023000968196847 52.66797223649767545, 4.69898791154480211 52.66887972265492834, 4.69994121141830234 52.67190597278005271, 4.69994121141830234 52.67190597278005271)))</t>
  </si>
  <si>
    <t>MultiPolygon (((5.01613367957845213 52.32451212164971821, 5.01665325360782255 52.3229868959073201, 5.01793284589400734 52.32319233820786764, 5.02052697912805623 52.30785793829563346, 5.01089465889340868 52.30758650040252888, 5.00993610025576341 52.30827127628182183, 5.00754023009583626 52.30977956809631735, 5.00186524285098599 52.31081863649852437, 4.99807915500039357 52.31403484133107895, 5.01613367957845213 52.32451212164971821, 5.01613367957845213 52.32451212164971821)))</t>
  </si>
  <si>
    <t>MultiPolygon (((5.00993610025576341 52.30827127628182183, 5.01089465889340868 52.30758650040252888, 5.02052697912805623 52.30785793829563346, 5.02126803302074265 52.30417507288792933, 5.02150108140282647 52.30280894141262849, 5.02154319639450808 52.30245685000956257, 5.01387474326991978 52.30360021417239835, 5.01406324561650063 52.30423780262464817, 5.01098307777775709 52.30606687518576337, 5.00993610025576341 52.30827127628182183, 5.00993610025576341 52.30827127628182183)))</t>
  </si>
  <si>
    <t>MultiPolygon (((4.98924615835083785 52.29634283165251674, 5.00324630380721214 52.29638967952944029, 5.00185125379495421 52.29587877059097423, 5.00175789036681717 52.29277255573296657, 4.99747536729044128 52.28911835496409566, 4.98350596402230739 52.29036812791979116, 4.9819652812977786 52.29271867888425618, 4.98824356467182284 52.29303783296319352, 4.98924615835083785 52.29634283165251674, 4.98924615835083785 52.29634283165251674)))</t>
  </si>
  <si>
    <t>MultiPolygon (((5.00795194459150395 52.30154855902574695, 5.00526479483438091 52.29839283305007314, 5.00376510968050248 52.29834048938699453, 5.00324630380721214 52.29638967952944029, 4.98924615835083785 52.29634283165251674, 4.98920015248189408 52.30154453893479882, 5.00795194459150395 52.30154855902574695, 5.00795194459150395 52.30154855902574695)))</t>
  </si>
  <si>
    <t>MultiPolygon (((4.98204232511931178 52.29631956751583743, 4.98924615835083785 52.29634283165251674, 4.98824356467182284 52.29303783296319352, 4.9819652812977786 52.29271867888425618, 4.98204232511931178 52.29631956751583743, 4.98204232511931178 52.29631956751583743)))</t>
  </si>
  <si>
    <t>MultiPolygon (((4.98629635054188025 52.30153610031577927, 4.98920015248189408 52.30154453893479882, 4.98924615835083785 52.29634283165251674, 4.98204232511931178 52.29631956751583743, 4.98185745195391672 52.29858934073035925, 4.97997632552746516 52.30043258346952229, 4.97989489021096787 52.30151399066465956, 4.98629635054188025 52.30153610031577927, 4.98629635054188025 52.30153610031577927)))</t>
  </si>
  <si>
    <t>MultiPolygon (((4.97460764668756905 52.29290652560981556, 4.9819652812977786 52.29271867888425618, 4.98350596402230739 52.29036812791979116, 4.97185101627912385 52.28436832408878132, 4.97183948058906999 52.28436069784704898, 4.96609239111782585 52.2907468465043479, 4.97460764668756905 52.29290652560981556, 4.97460764668756905 52.29290652560981556)))</t>
  </si>
  <si>
    <t>MultiPolygon (((4.96174485662383091 52.29537933751689849, 4.96619158882431666 52.29432178398167252, 4.97416222633986216 52.29561663692147988, 4.97460764668756905 52.29290652560981556, 4.96609239111782585 52.2907468465043479, 4.96174485662383091 52.29537933751689849, 4.96174485662383091 52.29537933751689849)))</t>
  </si>
  <si>
    <t>MultiPolygon (((4.97416222633986216 52.29561663692147988, 4.98204232511931178 52.29631956751583743, 4.9819652812977786 52.29271867888425618, 4.97460764668756905 52.29290652560981556, 4.97416222633986216 52.29561663692147988, 4.97416222633986216 52.29561663692147988)))</t>
  </si>
  <si>
    <t>MultiPolygon (((4.97871729735093549 52.30160624191976382, 4.97989489021096787 52.30151399066465956, 4.97997632552746516 52.30043258346952229, 4.98185745195391672 52.29858934073035925, 4.98204232511931178 52.29631956751583743, 4.97416222633986216 52.29561663692147988, 4.97279012648346175 52.29864673640643957, 4.97771206134367539 52.30034351912349422, 4.97871729735093549 52.30160624191976382, 4.97871729735093549 52.30160624191976382)))</t>
  </si>
  <si>
    <t>MultiPolygon (((4.96536858867276365 52.30591853179828377, 4.97141721163179096 52.30799527107507885, 4.97626639985053032 52.30268526573428289, 4.97871729735093549 52.30160624191976382, 4.97771206134367539 52.30034351912349422, 4.97279012648346175 52.29864673640643957, 4.96744809478357929 52.29949752879794289, 4.9624888741978701 52.30492965543298567, 4.96536858867276365 52.30591853179828377, 4.96536858867276365 52.30591853179828377)))</t>
  </si>
  <si>
    <t>MultiPolygon (((4.96744809478357929 52.29949752879794289, 4.97279012648346175 52.29864673640643957, 4.97416222633986216 52.29561663692147988, 4.96619158882431666 52.29432178398167252, 4.96174485662383091 52.29537933751689849, 4.95962059223530716 52.29797021228069553, 4.96343622140116736 52.29928053707285329, 4.96427367606359127 52.29835889847534247, 4.96744809478357929 52.29949752879794289, 4.96744809478357929 52.29949752879794289)))</t>
  </si>
  <si>
    <t>MultiPolygon (((4.95539889303486536 52.30249531901357329, 4.9624888741978701 52.30492965543298567, 4.96744809478357929 52.29949752879794289, 4.96427367606359127 52.29835889847534247, 4.96343622140116736 52.29928053707285329, 4.95962059223530716 52.29797021228069553, 4.95539889303486536 52.30249531901357329, 4.95539889303486536 52.30249531901357329)))</t>
  </si>
  <si>
    <t>MultiPolygon (((5.00186524285098599 52.31081863649852437, 5.00754023009583626 52.30977956809631735, 5.00993610025576341 52.30827127628182183, 5.01098307777775709 52.30606687518576337, 5.01406324561650063 52.30423780262464817, 5.01387474326991978 52.30360021417239835, 5.01176932565611466 52.30339284021616919, 5.00795194459150395 52.30154855902574695, 4.98920015248189408 52.30154453893479882, 4.98629635054188025 52.30153610031577927, 4.98626592615693998 52.30356928541500849, 4.9845212504417864 52.3034182169355617, 4.9821817644480948 52.30565977679551537, 4.98634653733563837 52.30716934539550778, 4.98753107250991867 52.30625083563972311, 4.9931197377762615 52.30616990993557636, 5.00153093949676908 52.3088429894090936, 5.00186524285098599 52.31081863649852437, 5.00186524285098599 52.31081863649852437)))</t>
  </si>
  <si>
    <t>MultiPolygon (((4.99709107684478138 52.31445564230158141, 4.99807915500039357 52.31403484133107895, 5.00186524285098599 52.31081863649852437, 5.00153093949676908 52.3088429894090936, 4.9931197377762615 52.30616990993557636, 4.98753107250991867 52.30625083563972311, 4.98634653733563837 52.30716934539550778, 4.98768505708879495 52.30760017007802531, 4.98352775151455951 52.31215210595858878, 4.98912857344460647 52.314113764722876, 4.99689574288289151 52.31764236056505268, 4.99709107684478138 52.31445564230158141, 4.99709107684478138 52.31445564230158141)))</t>
  </si>
  <si>
    <t>MultiPolygon (((4.97867268265427043 52.31048736618285488, 4.98352775151455951 52.31215210595858878, 4.98768505708879495 52.30760017007802531, 4.98634653733563837 52.30716934539550778, 4.9821817644480948 52.30565977679551537, 4.9845212504417864 52.3034182169355617, 4.98626592615693998 52.30356928541500849, 4.98629635054188025 52.30153610031577927, 4.97989489021096787 52.30151399066465956, 4.97871729735093549 52.30160624191976382, 4.97626639985053032 52.30268526573428289, 4.97141721163179096 52.30799527107507885, 4.97396609609855744 52.30887020307990554, 4.97867268265427043 52.31048736618285488, 4.97867268265427043 52.31048736618285488)))</t>
  </si>
  <si>
    <t>MultiPolygon (((4.97033508460089113 52.3189660013918072, 4.97633258468222106 52.31915138618814609, 4.97897405543126315 52.32153458616956243, 4.9799792213396028 52.31981026827341452, 4.98268005602473618 52.31826873910438991, 4.97375115238778154 52.31520960406641052, 4.97033508460089113 52.3189660013918072, 4.97033508460089113 52.3189660013918072)))</t>
  </si>
  <si>
    <t>MultiPolygon (((4.96801511175281885 52.32492956224101022, 4.97148082354196585 52.32535259357850776, 4.97316055271738122 52.32351272710965873, 4.96747956969755844 52.32333387506296418, 4.96801511175281885 52.32492956224101022, 4.96801511175281885 52.32492956224101022)))</t>
  </si>
  <si>
    <t>MultiPolygon (((4.9635630313565331 52.31659582179879919, 4.96494117354007081 52.31703951718386492, 4.96988543775481251 52.31293083500450081, 4.97141936146428165 52.30995992451070009, 4.97396609609855744 52.30887020307990554, 4.97141721163179096 52.30799527107507885, 4.9635630313565331 52.31659582179879919, 4.9635630313565331 52.31659582179879919)))</t>
  </si>
  <si>
    <t>MultiPolygon (((4.98231219802725267 52.32124026262005856, 4.9916717406577682 52.32443768989131883, 4.99689574288289151 52.31764236056505268, 4.98912857344460647 52.314113764722876, 4.98594625622006848 52.31736936215244782, 4.98431319553812635 52.31883114993974715, 4.98231219802725267 52.32124026262005856, 4.98231219802725267 52.32124026262005856)))</t>
  </si>
  <si>
    <t>MultiPolygon (((4.98011108252439083 52.33090644468118313, 4.98396540447923719 52.33066647203789046, 4.98618193693660139 52.3297198375241237, 4.9896036740951466 52.32754772528415543, 4.9916717406577682 52.32443768989131883, 4.98231219802725267 52.32124026262005856, 4.97906874161291668 52.3244074349476378, 4.97690278342583436 52.32380665189575808, 4.97316055271738122 52.32351272710965873, 4.97148082354196585 52.32535259357850776, 4.97047359404903411 52.32628799448059453, 4.97066451502343121 52.32638303719466677, 4.97530711822477745 52.33056167580098617, 4.97773702420619557 52.33102657980650463, 4.98011108252439083 52.33090644468118313, 4.98011108252439083 52.33090644468118313)))</t>
  </si>
  <si>
    <t>MultiPolygon (((4.97690278342583436 52.32380665189575808, 4.97906874161291668 52.3244074349476378, 4.98231219802725267 52.32124026262005856, 4.98431319553812635 52.31883114993974715, 4.98268005602473618 52.31826873910438991, 4.9799792213396028 52.31981026827341452, 4.97897405543126315 52.32153458616956243, 4.97769898005124034 52.32293330393608954, 4.97690278342583436 52.32380665189575808, 4.97690278342583436 52.32380665189575808)))</t>
  </si>
  <si>
    <t>MultiPolygon (((4.98038171484561509 52.31559827292994669, 4.98352775151455951 52.31215210595858878, 4.97867268265427043 52.31048736618285488, 4.97571671889989364 52.3137893935761582, 4.98038171484561509 52.31559827292994669, 4.98038171484561509 52.31559827292994669)))</t>
  </si>
  <si>
    <t>MultiPolygon (((4.98038171484561509 52.31559827292994669, 4.98594625622006848 52.31736936215244782, 4.98912857344460647 52.314113764722876, 4.98352775151455951 52.31215210595858878, 4.98038171484561509 52.31559827292994669, 4.98038171484561509 52.31559827292994669)))</t>
  </si>
  <si>
    <t>MultiPolygon (((4.98268005602473618 52.31826873910438991, 4.98431319553812635 52.31883114993974715, 4.98594625622006848 52.31736936215244782, 4.98038171484561509 52.31559827292994669, 4.97571671889989364 52.3137893935761582, 4.97438467782647376 52.3144751888438293, 4.97375115238778154 52.31520960406641052, 4.98268005602473618 52.31826873910438991, 4.98268005602473618 52.31826873910438991)))</t>
  </si>
  <si>
    <t>MultiPolygon (((4.97438467782647376 52.3144751888438293, 4.97571671889989364 52.3137893935761582, 4.97867268265427043 52.31048736618285488, 4.97396609609855744 52.30887020307990554, 4.97141936146428165 52.30995992451070009, 4.96988543775481251 52.31293083500450081, 4.97438467782647376 52.3144751888438293, 4.97438467782647376 52.3144751888438293)))</t>
  </si>
  <si>
    <t>MultiPolygon (((4.96494117354007081 52.31703951718386492, 4.97033508460089113 52.3189660013918072, 4.97375115238778154 52.31520960406641052, 4.97438467782647376 52.3144751888438293, 4.96988543775481251 52.31293083500450081, 4.96494117354007081 52.31703951718386492, 4.96494117354007081 52.31703951718386492)))</t>
  </si>
  <si>
    <t>MultiPolygon (((4.97769898005124034 52.32293330393608954, 4.97897405543126315 52.32153458616956243, 4.97633258468222106 52.31915138618814609, 4.97033508460089113 52.3189660013918072, 4.96896711022348203 52.3205002665906207, 4.97769898005124034 52.32293330393608954, 4.97769898005124034 52.32293330393608954)))</t>
  </si>
  <si>
    <t>MultiPolygon (((4.97690278342583436 52.32380665189575808, 4.97769898005124034 52.32293330393608954, 4.96896711022348203 52.3205002665906207, 4.97033508460089113 52.3189660013918072, 4.96494117354007081 52.31703951718386492, 4.9635630313565331 52.31659582179879919, 4.96175608668463575 52.31857038125227177, 4.95933318749341634 52.32121892892993031, 4.96293610955430253 52.32289418713092033, 4.96747956969755844 52.32333387506296418, 4.97316055271738122 52.32351272710965873, 4.97690278342583436 52.32380665189575808, 4.97690278342583436 52.32380665189575808)))</t>
  </si>
  <si>
    <t>MultiPolygon (((4.97047359404903411 52.32628799448059453, 4.97148082354196585 52.32535259357850776, 4.96801511175281885 52.32492956224101022, 4.96747956969755844 52.32333387506296418, 4.96293610955430253 52.32289418713092033, 4.95933318749341634 52.32121892892993031, 4.95675144314886484 52.32404463455362986, 4.96754118911961751 52.32775758941792077, 4.97047359404903411 52.32628799448059453, 4.97047359404903411 52.32628799448059453)))</t>
  </si>
  <si>
    <t>MultiPolygon (((4.96101812245572749 52.31550696602108985, 4.9635630313565331 52.31659582179879919, 4.97141721163179096 52.30799527107507885, 4.96536858867276365 52.30591853179828377, 4.9609261934589437 52.30985375823718186, 4.95835496655961183 52.31266976416764436, 4.96101812245572749 52.31550696602108985, 4.96101812245572749 52.31550696602108985)))</t>
  </si>
  <si>
    <t>MultiPolygon (((4.95804304583635602 52.31730839243454056, 4.96175608668463575 52.31857038125227177, 4.9635630313565331 52.31659582179879919, 4.96101812245572749 52.31550696602108985, 4.95804304583635602 52.31730839243454056, 4.95804304583635602 52.31730839243454056)))</t>
  </si>
  <si>
    <t>MultiPolygon (((4.95868623984654633 52.30908751685877434, 4.9609261934589437 52.30985375823718186, 4.96536858867276365 52.30591853179828377, 4.9624888741978701 52.30492965543298567, 4.95868623984654633 52.30908751685877434, 4.95868623984654633 52.30908751685877434)))</t>
  </si>
  <si>
    <t>MultiPolygon (((4.95644865162764603 52.30831723819269996, 4.95868623984654633 52.30908751685877434, 4.9624888741978701 52.30492965543298567, 4.95539889303486536 52.30249531901357329, 4.9515434492613819 52.30664143732061433, 4.95644865162764603 52.30831723819269996, 4.95644865162764603 52.30831723819269996)))</t>
  </si>
  <si>
    <t>MultiPolygon (((4.95252991509088414 52.31253799853539022, 4.95705125776629263 52.3140961028046334, 4.95835496655961183 52.31266976416764436, 4.9609261934589437 52.30985375823718186, 4.95868623984654633 52.30908751685877434, 4.95644865162764603 52.30831723819269996, 4.95252991509088414 52.31253799853539022, 4.95252991509088414 52.31253799853539022)))</t>
  </si>
  <si>
    <t>MultiPolygon (((4.94750584027845974 52.31080690930544108, 4.95252991509088414 52.31253799853539022, 4.95644865162764603 52.30831723819269996, 4.9515434492613819 52.30664143732061433, 4.94750584027845974 52.31080690930544108, 4.94750584027845974 52.31080690930544108)))</t>
  </si>
  <si>
    <t>MultiPolygon (((4.95045522740839594 52.31716679863572494, 4.95103551423708144 52.31653047118871314, 4.95216651629858351 52.31529018343210424, 4.95804304583635602 52.31730839243454056, 4.96101812245572749 52.31550696602108985, 4.95835496655961183 52.31266976416764436, 4.95705125776629263 52.3140961028046334, 4.95252991509088414 52.31253799853539022, 4.94750584027845974 52.31080690930544108, 4.94635567913321861 52.31206127392391636, 4.94381673812501532 52.31502204860489513, 4.95045522740839594 52.31716679863572494, 4.95045522740839594 52.31716679863572494)))</t>
  </si>
  <si>
    <t>MultiPolygon (((4.95933318749341634 52.32121892892993031, 4.96175608668463575 52.31857038125227177, 4.95804304583635602 52.31730839243454056, 4.95216651629858351 52.31529018343210424, 4.95103551423708144 52.31653047118871314, 4.95452177319880072 52.32028890867535864, 4.95933318749341634 52.32121892892993031, 4.95933318749341634 52.32121892892993031)))</t>
  </si>
  <si>
    <t>MultiPolygon (((4.95671156368565669 52.3240307876239612, 4.95675144314886484 52.32404463455362986, 4.95933318749341634 52.32121892892993031, 4.95452177319880072 52.32028890867535864, 4.95103551423708144 52.31653047118871314, 4.95045522740839594 52.31716679863572494, 4.94760552912151574 52.32052972261494261, 4.9526756534822356 52.3226440399665762, 4.95671156368565669 52.3240307876239612, 4.95671156368565669 52.3240307876239612)))</t>
  </si>
  <si>
    <t>MultiPolygon (((4.9526756534822356 52.3226440399665762, 4.94760552912151574 52.32052972261494261, 4.9418375656954705 52.32614018198932371, 4.94471619037000476 52.32712971521229406, 4.94765867602044196 52.32813827859563105, 4.94812058768112717 52.32762949695691646, 4.9526756534822356 52.3226440399665762, 4.9526756534822356 52.3226440399665762)))</t>
  </si>
  <si>
    <t>MultiPolygon (((4.95045522740839594 52.31716679863572494, 4.94381673812501532 52.31502204860489513, 4.94020676072874565 52.31933306305220555, 4.94022225403075765 52.31933837674120014, 4.94104284619012812 52.31961978872973873, 4.9399269350875521 52.32193600306356274, 4.93761907801407229 52.32329938329843344, 4.93796102887345789 52.32412235316524374, 4.9418375656954705 52.32614018198932371, 4.94760552912151574 52.32052972261494261, 4.95045522740839594 52.31716679863572494, 4.95045522740839594 52.31716679863572494)))</t>
  </si>
  <si>
    <t>MultiPolygon (((4.95184590847919726 52.28948252067775826, 4.95531366551530894 52.2881268737359548, 4.95878186130742371 52.28821752007264223, 4.96609239111782585 52.2907468465043479, 4.97183948058906999 52.28436069784704898, 4.96972297868838453 52.28311784102749726, 4.96757649482986174 52.27956163708561377, 4.9655137435106953 52.28049326168146393, 4.96254801679275914 52.28028527469357556, 4.96105363428489454 52.27817420107842139, 4.95657150312616679 52.27866565106105412, 4.95524052492510236 52.27830490173320754, 4.95387404644820784 52.28003027716269457, 4.94319831647954455 52.29235698486869666, 4.94776470103840982 52.29391976443450574, 4.95184590847919726 52.28948252067775826, 4.95184590847919726 52.28948252067775826)))</t>
  </si>
  <si>
    <t>MultiPolygon (((4.95962059223530716 52.29797021228069553, 4.96174485662383091 52.29537933751689849, 4.96609239111782585 52.2907468465043479, 4.95878186130742371 52.28821752007264223, 4.95531366551530894 52.2881268737359548, 4.95184590847919726 52.28948252067775826, 4.94776470103840982 52.29391976443450574, 4.95126451085675079 52.29512699008334664, 4.95962059223530716 52.29797021228069553, 4.95962059223530716 52.29797021228069553)))</t>
  </si>
  <si>
    <t>MultiPolygon (((4.93924343110175279 52.29693958124784103, 4.94711496738612144 52.29964816299777652, 4.95126451085675079 52.29512699008334664, 4.94776470103840982 52.29391976443450574, 4.94319831647954455 52.29235698486869666, 4.93924343110175279 52.29693958124784103, 4.93924343110175279 52.29693958124784103)))</t>
  </si>
  <si>
    <t>MultiPolygon (((4.94711496738612144 52.29964816299777652, 4.95539889303486536 52.30249531901357329, 4.95962059223530716 52.29797021228069553, 4.95126451085675079 52.29512699008334664, 4.94711496738612144 52.29964816299777652, 4.94711496738612144 52.29964816299777652)))</t>
  </si>
  <si>
    <t>MultiPolygon (((4.94711496738612144 52.29964816299777652, 4.93924343110175279 52.29693958124784103, 4.93025624244258776 52.30642977370540336, 4.92942568411392301 52.30862735542734754, 4.93413764754406969 52.31190349758811209, 4.93611228607865993 52.31258072246250634, 4.93798725343484879 52.31047336229615752, 4.94711496738612144 52.29964816299777652, 4.94711496738612144 52.29964816299777652)))</t>
  </si>
  <si>
    <t>MultiPolygon (((4.94635567913321861 52.31206127392391636, 4.94750584027845974 52.31080690930544108, 4.9515434492613819 52.30664143732061433, 4.95539889303486536 52.30249531901357329, 4.94711496738612144 52.29964816299777652, 4.93798725343484879 52.31047336229615752, 4.94159492960831503 52.31168206271233601, 4.94252326632765637 52.31072687336774152, 4.94635567913321861 52.31206127392391636, 4.94635567913321861 52.31206127392391636)))</t>
  </si>
  <si>
    <t>MultiPolygon (((4.94635567913321861 52.31206127392391636, 4.94252326632765637 52.31072687336774152, 4.94159492960831503 52.31168206271233601, 4.93798725343484879 52.31047336229615752, 4.93611228607865993 52.31258072246250634, 4.93522903911485589 52.31388877048270558, 4.93872388334035772 52.31509106555702004, 4.93804157835585666 52.31650549112779203, 4.93983036005086351 52.3171195824196289, 4.9403314675380825 52.31830229984394975, 4.93958477754559944 52.3191197736939273, 4.94020676072874565 52.31933306305220555, 4.94381673812501532 52.31502204860489513, 4.94635567913321861 52.31206127392391636, 4.94635567913321861 52.31206127392391636)))</t>
  </si>
  <si>
    <t>MultiPolygon (((4.88998242953552698 52.33468807965088132, 4.89013007802431776 52.33617446493672531, 4.89274155069662608 52.33457855213435295, 4.8987510694802312 52.3327908918150797, 4.895250027738971 52.32420077887564247, 4.8962916485442376 52.32241985871993961, 4.89283433523270705 52.32236635768369837, 4.89119837663742452 52.32473221711102696, 4.89012168509918865 52.32495909287793268, 4.88998199370294095 52.32939650324100711, 4.88997662708018943 52.333138080228089, 4.88998242953552698 52.33468807965088132, 4.88998242953552698 52.33468807965088132)))</t>
  </si>
  <si>
    <t>MultiPolygon (((4.87947359690866556 52.32938283020989445, 4.88998199370294095 52.32939650324100711, 4.89012168509918865 52.32495909287793268, 4.89119837663742452 52.32473221711102696, 4.89283433523270705 52.32236635768369837, 4.88217695630983695 52.32216403240390434, 4.87811755304120442 52.32209223393686415, 4.87794179636452174 52.32478857424671048, 4.87953935721469101 52.32652272442939534, 4.87947359690866556 52.32938283020989445, 4.87947359690866556 52.32938283020989445)))</t>
  </si>
  <si>
    <t>MultiPolygon (((4.87945159983022503 52.33312307881109859, 4.88997662708018943 52.333138080228089, 4.88998199370294095 52.32939650324100711, 4.87947359690866556 52.32938283020989445, 4.87945159983022503 52.33312307881109859, 4.87945159983022503 52.33312307881109859)))</t>
  </si>
  <si>
    <t>MultiPolygon (((4.87864690760967168 52.33508650679015517, 4.88998242953552698 52.33468807965088132, 4.88997662708018943 52.333138080228089, 4.87945159983022503 52.33312307881109859, 4.87864690760967168 52.33508650679015517, 4.87864690760967168 52.33508650679015517)))</t>
  </si>
  <si>
    <t>MultiPolygon (((4.85077402565427818 52.33864673955207536, 4.85709011103503308 52.33889998471537552, 4.85759419609908427 52.33699659237299073, 4.85742048077733735 52.33360648931412129, 4.85502618909205896 52.33361726307877149, 4.85116623299576322 52.33696372273326602, 4.85077402565427818 52.33864673955207536, 4.85077402565427818 52.33864673955207536)))</t>
  </si>
  <si>
    <t>MultiPolygon (((4.85502618909205896 52.33361726307877149, 4.85742048077733735 52.33360648931412129, 4.8574434383252898 52.3322949140958471, 4.86884157969660158 52.33209953155552085, 4.86885860132760051 52.3291390225055153, 4.86182070617750117 52.32912857971799525, 4.86181396988294079 52.33033257051135223, 4.8561877024355935 52.3302872490027795, 4.85502618909205896 52.33361726307877149, 4.85502618909205896 52.33361726307877149)))</t>
  </si>
  <si>
    <t>MultiPolygon (((4.85502618909205896 52.33361726307877149, 4.8561877024355935 52.3302872490027795, 4.85592442001253932 52.33031758647973675, 4.8479875108376671 52.33056687065133161, 4.8476235555783056 52.33007126826444733, 4.84511199963257422 52.32973467198760886, 4.84396096317321589 52.3302184828486574, 4.83947648422141263 52.32914569446730013, 4.83940527449804225 52.32735935879217948, 4.82517880456538517 52.32573101706402241, 4.81875257068546858 52.32556025805024547, 4.81712153582172142 52.32692511220558629, 4.82212561538494455 52.33082165664699659, 4.83555248656535941 52.3310040818278992, 4.84621869803187888 52.33412692761306317, 4.84702716732529382 52.33769046792605906, 4.84696618478886965 52.3381450207412442, 4.85077402565427818 52.33864673955207536, 4.85116623299576322 52.33696372273326602, 4.85502618909205896 52.33361726307877149, 4.85502618909205896 52.33361726307877149)))</t>
  </si>
  <si>
    <t>MultiPolygon (((4.85592442001253932 52.33031758647973675, 4.8561877024355935 52.3302872490027795, 4.86181396988294079 52.33033257051135223, 4.86182070617750117 52.32912857971799525, 4.86885860132760051 52.3291390225055153, 4.86914212145572289 52.32193284876393591, 4.86148555487810086 52.32180265576079137, 4.85675488581251091 52.3214132870074593, 4.85646645807963839 52.3217648643316906, 4.85592442001253932 52.33031758647973675, 4.85592442001253932 52.33031758647973675)))</t>
  </si>
  <si>
    <t>MultiPolygon (((4.86885860132760051 52.3291390225055153, 4.87947359690866556 52.32938283020989445, 4.87953935721469101 52.32652272442939534, 4.87794179636452174 52.32478857424671048, 4.87811755304120442 52.32209223393686415, 4.86935489906705943 52.32193667348401078, 4.86914212145572289 52.32193284876393591, 4.86885860132760051 52.3291390225055153, 4.86885860132760051 52.3291390225055153)))</t>
  </si>
  <si>
    <t>MultiPolygon (((4.86882568859539244 52.33499046665489374, 4.87864690760967168 52.33508650679015517, 4.87945159983022503 52.33312307881109859, 4.87947359690866556 52.32938283020989445, 4.86885860132760051 52.3291390225055153, 4.86884157969660158 52.33209953155552085, 4.86882568859539244 52.33499046665489374, 4.86882568859539244 52.33499046665489374)))</t>
  </si>
  <si>
    <t>MultiPolygon (((4.8211728196912178 52.35173603715038126, 4.82741567220965351 52.35181223101157144, 4.82756825503995657 52.34559114632997989, 4.82758912027932841 52.3451547597122655, 4.82293844020735651 52.34483710370655984, 4.82209570204674254 52.34652628936012775, 4.8211728196912178 52.35173603715038126, 4.8211728196912178 52.35173603715038126)))</t>
  </si>
  <si>
    <t>MultiPolygon (((4.82741567220965351 52.35181223101157144, 4.83419854645850844 52.35189464265402393, 4.83440339157773202 52.34577649021144197, 4.83440798344845835 52.3456328453654578, 4.82756825503995657 52.34559114632997989, 4.82741567220965351 52.35181223101157144, 4.82741567220965351 52.35181223101157144)))</t>
  </si>
  <si>
    <t>MultiPolygon (((4.82725018207004464 52.35761792258631431, 4.83419189928563053 52.35789015416404624, 4.83415099016004746 52.35604615263427775, 4.83419854645850844 52.35189464265402393, 4.82741567220965351 52.35181223101157144, 4.82725018207004464 52.35761792258631431, 4.82725018207004464 52.35761792258631431)))</t>
  </si>
  <si>
    <t>MultiPolygon (((4.81857137726534202 52.35771360627602178, 4.82725018207004464 52.35761792258631431, 4.82741567220965351 52.35181223101157144, 4.8211728196912178 52.35173603715038126, 4.82043212289424172 52.35174383882813487, 4.81806044251113796 52.35617165823421004, 4.8185775741977146 52.35752430748812003, 4.81857137726534202 52.35771360627602178, 4.81857137726534202 52.35771360627602178)))</t>
  </si>
  <si>
    <t>MultiPolygon (((4.80156253090305807 52.33654013796226678, 4.79879705873915618 52.33480016284411818, 4.7982176771689824 52.33504107813651984, 4.79110214248941801 52.34150016674514916, 4.795570170932689 52.34625098499454054, 4.79774507453306054 52.34834939264897002, 4.80082921000026097 52.34681080543887788, 4.79993091490153212 52.34495294209288119, 4.80136386845632313 52.34196159845870966, 4.80062059173667333 52.33735515733349786, 4.80156253090305807 52.33654013796226678, 4.80156253090305807 52.33654013796226678)))</t>
  </si>
  <si>
    <t>MultiPolygon (((4.81606196643132201 52.34639633299235584, 4.82209570204674254 52.34652628936012775, 4.82293844020735651 52.34483710370655984, 4.82082243953885747 52.3432979976236652, 4.81801347667512836 52.3425267039030544, 4.8115106058833641 52.34233534729401072, 4.81142118969467258 52.34499385438063968, 4.81606196643132201 52.34639633299235584, 4.81606196643132201 52.34639633299235584)))</t>
  </si>
  <si>
    <t>MultiPolygon (((4.80632877662169822 52.34539928511311047, 4.81142118969467258 52.34499385438063968, 4.8115106058833641 52.34233534729401072, 4.80136386845632313 52.34196159845870966, 4.79993091490153212 52.34495294209288119, 4.80632877662169822 52.34539928511311047, 4.80632877662169822 52.34539928511311047)))</t>
  </si>
  <si>
    <t>MultiPolygon (((4.81069194670505151 52.34626579674483082, 4.81606196643132201 52.34639633299235584, 4.81142118969467258 52.34499385438063968, 4.80632877662169822 52.34539928511311047, 4.81069194670505151 52.34626579674483082, 4.81069194670505151 52.34626579674483082)))</t>
  </si>
  <si>
    <t>MultiPolygon (((4.82043212289424172 52.35174383882813487, 4.8211728196912178 52.35173603715038126, 4.82209570204674254 52.34652628936012775, 4.81606196643132201 52.34639633299235584, 4.81069194670505151 52.34626579674483082, 4.80815540274155229 52.35089346213804617, 4.812225879933969 52.35162995109027406, 4.82043212289424172 52.35174383882813487, 4.82043212289424172 52.35174383882813487)))</t>
  </si>
  <si>
    <t>MultiPolygon (((4.80360122145269219 52.34997395893905292, 4.80815540274155229 52.35089346213804617, 4.81069194670505151 52.34626579674483082, 4.80632877662169822 52.34539928511311047, 4.79993091490153212 52.34495294209288119, 4.80082921000026097 52.34681080543887788, 4.79774507453306054 52.34834939264897002, 4.80360122145269219 52.34997395893905292, 4.80360122145269219 52.34997395893905292)))</t>
  </si>
  <si>
    <t>MultiPolygon (((4.8115106058833641 52.34233534729401072, 4.81801347667512836 52.3425267039030544, 4.82082243953885747 52.3432979976236652, 4.82087007836838843 52.34204864248983569, 4.81991668505483428 52.3385172302708952, 4.81502641500413553 52.33830733778717104, 4.81129341127903754 52.33747745412395602, 4.80304823094062261 52.33303273489746488, 4.79879705873915618 52.33480016284411818, 4.80156253090305807 52.33654013796226678, 4.80062059173667333 52.33735515733349786, 4.80136386845632313 52.34196159845870966, 4.8115106058833641 52.34233534729401072, 4.8115106058833641 52.34233534729401072)))</t>
  </si>
  <si>
    <t>MultiPolygon (((4.82212561538494455 52.33082165664699659, 4.81712153582172142 52.32692511220558629, 4.80304823094062261 52.33303273489746488, 4.81129341127903754 52.33747745412395602, 4.81502641500413553 52.33830733778717104, 4.81991668505483428 52.3385172302708952, 4.8343639537853571 52.33839004608346102, 4.84019655371092306 52.33770883541534857, 4.84702716732529382 52.33769046792605906, 4.84621869803187888 52.33412692761306317, 4.83555248656535941 52.3310040818278992, 4.82212561538494455 52.33082165664699659, 4.82212561538494455 52.33082165664699659)))</t>
  </si>
  <si>
    <t>MultiPolygon (((4.82293844020735651 52.34483710370655984, 4.82758912027932841 52.3451547597122655, 4.82770830109995952 52.34260674930390422, 4.82087007836838843 52.34204864248983569, 4.82082243953885747 52.3432979976236652, 4.82293844020735651 52.34483710370655984, 4.82293844020735651 52.34483710370655984)))</t>
  </si>
  <si>
    <t>MultiPolygon (((4.82756825503995657 52.34559114632997989, 4.83440798344845835 52.3456328453654578, 4.83548161355173267 52.34058957087975728, 4.83748611205882995 52.33882012760442137, 4.84019655371092306 52.33770883541534857, 4.8343639537853571 52.33839004608346102, 4.81991668505483428 52.3385172302708952, 4.82087007836838843 52.34204864248983569, 4.82770830109995952 52.34260674930390422, 4.82758912027932841 52.3451547597122655, 4.82756825503995657 52.34559114632997989, 4.82756825503995657 52.34559114632997989)))</t>
  </si>
  <si>
    <t>MultiPolygon (((4.83419189928563053 52.35789015416404624, 4.84249020138482056 52.35798071671678855, 4.84254408238336786 52.356136803083551, 4.83415099016004746 52.35604615263427775, 4.83419189928563053 52.35789015416404624, 4.83419189928563053 52.35789015416404624)))</t>
  </si>
  <si>
    <t>MultiPolygon (((4.84098279063218229 52.34602471764151943, 4.8419383643060927 52.34598019446282535, 4.84223573287929909 52.33943823954362529, 4.84406481211293016 52.33824724372629333, 4.84696618478886965 52.3381450207412442, 4.84702716732529382 52.33769046792605906, 4.84019655371092306 52.33770883541534857, 4.83748611205882995 52.33882012760442137, 4.83548161355173267 52.34058957087975728, 4.83440798344845835 52.3456328453654578, 4.83440339157773202 52.34577649021144197, 4.84098279063218229 52.34602471764151943, 4.84098279063218229 52.34602471764151943)))</t>
  </si>
  <si>
    <t>MultiPolygon (((4.83419854645850844 52.35189464265402393, 4.84262734400271011 52.35207592670284527, 4.84098279063218229 52.34602471764151943, 4.83440339157773202 52.34577649021144197, 4.83419854645850844 52.35189464265402393, 4.83419854645850844 52.35189464265402393)))</t>
  </si>
  <si>
    <t>MultiPolygon (((4.84262734400271011 52.35207592670284527, 4.84478779042002206 52.35209224356604807, 4.84555066995981409 52.35158099280098298, 4.84564027583788182 52.3468785817442992, 4.8456483475196741 52.34631898884248358, 4.8419383643060927 52.34598019446282535, 4.84098279063218229 52.34602471764151943, 4.84262734400271011 52.35207592670284527, 4.84262734400271011 52.35207592670284527)))</t>
  </si>
  <si>
    <t>MultiPolygon (((4.84249020138482056 52.35798071671678855, 4.84887983772435227 52.35804257156054575, 4.84888607695874008 52.3579119735887204, 4.84892768859045642 52.35550451315053522, 4.84473482093309205 52.35547878238737951, 4.84478779042002206 52.35209224356604807, 4.84262734400271011 52.35207592670284527, 4.84254408238336786 52.356136803083551, 4.84249020138482056 52.35798071671678855, 4.84249020138482056 52.35798071671678855)))</t>
  </si>
  <si>
    <t>MultiPolygon (((4.83415099016004746 52.35604615263427775, 4.84254408238336786 52.356136803083551, 4.84262734400271011 52.35207592670284527, 4.83419854645850844 52.35189464265402393, 4.83415099016004746 52.35604615263427775, 4.83415099016004746 52.35604615263427775)))</t>
  </si>
  <si>
    <t>MultiPolygon (((4.83533106919805 52.37315083069765365, 4.84213108274941106 52.37223825790145071, 4.84303184005723608 52.37221321172062716, 4.84256298971329002 52.36958556713277346, 4.8421560430399726 52.36930798001859699, 4.83435333555844693 52.37010462695570823, 4.83441235208247999 52.3703759829431803, 4.83533106919805 52.37315083069765365, 4.83533106919805 52.37315083069765365)))</t>
  </si>
  <si>
    <t>MultiPolygon (((4.83406595645565673 52.35927120996508677, 4.8424499779786645 52.35934996061502034, 4.84249020138482056 52.35798071671678855, 4.83419189928563053 52.35789015416404624, 4.83406595645565673 52.35927120996508677, 4.83406595645565673 52.35927120996508677)))</t>
  </si>
  <si>
    <t>MultiPolygon (((4.84230899855603525 52.36414211575896616, 4.84918195919362383 52.36422287332454317, 4.84945518457350122 52.36336485597939827, 4.84887983772435227 52.35804257156054575, 4.84249020138482056 52.35798071671678855, 4.8424499779786645 52.35934996061502034, 4.84230899855603525 52.36414211575896616, 4.84230899855603525 52.36414211575896616)))</t>
  </si>
  <si>
    <t>MultiPolygon (((4.84256298971329002 52.36958556713277346, 4.84835263822257456 52.36971388630658453, 4.8496989390530203 52.36670365537744232, 4.84918195919362383 52.36422287332454317, 4.84230899855603525 52.36414211575896616, 4.8421560430399726 52.36930798001859699, 4.84256298971329002 52.36958556713277346, 4.84256298971329002 52.36958556713277346)))</t>
  </si>
  <si>
    <t>MultiPolygon (((4.83387377396111884 52.36405497141816312, 4.84230899855603525 52.36414211575896616, 4.8424499779786645 52.35934996061502034, 4.83406595645565673 52.35927120996508677, 4.83387377396111884 52.36405497141816312, 4.83387377396111884 52.36405497141816312)))</t>
  </si>
  <si>
    <t>MultiPolygon (((4.83435333555844693 52.37010462695570823, 4.8421560430399726 52.36930798001859699, 4.84230899855603525 52.36414211575896616, 4.83387377396111884 52.36405497141816312, 4.83435333555844693 52.37010462695570823, 4.83435333555844693 52.37010462695570823)))</t>
  </si>
  <si>
    <t>MultiPolygon (((4.82704284568503095 52.36398412553729997, 4.83387377396111884 52.36405497141816312, 4.83406595645565673 52.35927120996508677, 4.83419189928563053 52.35789015416404624, 4.82725018207004464 52.35761792258631431, 4.82704284568503095 52.36398412553729997, 4.82704284568503095 52.36398412553729997)))</t>
  </si>
  <si>
    <t>MultiPolygon (((4.81718443573043498 52.36388695376054869, 4.82704284568503095 52.36398412553729997, 4.82725018207004464 52.35761792258631431, 4.81857137726534202 52.35771360627602178, 4.81304932634371507 52.35802738654143695, 4.81217796556512223 52.35972318662113167, 4.81718443573043498 52.36388695376054869, 4.81718443573043498 52.36388695376054869)))</t>
  </si>
  <si>
    <t>MultiPolygon (((4.82564807301105247 52.37087822612607368, 4.82715455099551871 52.37212534261547603, 4.8293222862807168 52.3705586638155296, 4.83441235208247999 52.3703759829431803, 4.83435333555844693 52.37010462695570823, 4.83387377396111884 52.36405497141816312, 4.82704284568503095 52.36398412553729997, 4.81718443573043498 52.36388695376054869, 4.82564807301105247 52.37087822612607368, 4.82564807301105247 52.37087822612607368)))</t>
  </si>
  <si>
    <t>MultiPolygon (((4.79180627127389602 52.35318684180109017, 4.79188984388810102 52.35303869007275068, 4.795570170932689 52.34625098499454054, 4.79110214248941801 52.34150016674514916, 4.78080464639424108 52.34584615096339633, 4.7851982324285407 52.34973550325261016, 4.78797112354425458 52.35263816473036513, 4.79180627127389602 52.35318684180109017, 4.79180627127389602 52.35318684180109017)))</t>
  </si>
  <si>
    <t>MultiPolygon (((4.76739272925307578 52.35126855089207965, 4.77248303100430515 52.35482380173964856, 4.7851982324285407 52.34973550325261016, 4.78080464639424108 52.34584615096339633, 4.77329901985292882 52.34892054290632757, 4.76739272925307578 52.35126855089207965, 4.76739272925307578 52.35126855089207965)))</t>
  </si>
  <si>
    <t>MultiPolygon (((4.77248303100430515 52.35482380173964856, 4.77727860749105826 52.35722398212393358, 4.7769758626886496 52.35675635327920219, 4.78797112354425458 52.35263816473036513, 4.7851982324285407 52.34973550325261016, 4.77248303100430515 52.35482380173964856, 4.77248303100430515 52.35482380173964856)))</t>
  </si>
  <si>
    <t>MultiPolygon (((4.78165203259187255 52.36050762731460395, 4.78377486328244572 52.36189463041895209, 4.78665132052507314 52.36271742652745331, 4.78811348104158796 52.36004790138236586, 4.78281953619183398 52.35898807770199426, 4.78082531728669125 52.35973647936974373, 4.78165203259187255 52.36050762731460395, 4.78165203259187255 52.36050762731460395)))</t>
  </si>
  <si>
    <t>MultiPolygon (((4.78811348104158796 52.36004790138236586, 4.78828721089287779 52.35974179228542624, 4.79020286375436743 52.35621237982481091, 4.79180627127389602 52.35318684180109017, 4.78797112354425458 52.35263816473036513, 4.7769758626886496 52.35675635327920219, 4.77727860749105826 52.35722398212393358, 4.78082531728669125 52.35973647936974373, 4.78281953619183398 52.35898807770199426, 4.78811348104158796 52.36004790138236586, 4.78811348104158796 52.36004790138236586)))</t>
  </si>
  <si>
    <t>MultiPolygon (((4.79188984388810102 52.35303869007275068, 4.80096837328418768 52.35484579597597588, 4.80223617220759813 52.3524998859616062, 4.80360122145269219 52.34997395893905292, 4.79774507453306054 52.34834939264897002, 4.795570170932689 52.34625098499454054, 4.79188984388810102 52.35303869007275068, 4.79188984388810102 52.35303869007275068)))</t>
  </si>
  <si>
    <t>MultiPolygon (((4.79020286375436743 52.35621237982481091, 4.7992512889023784 52.35803228264545339, 4.80079379083489677 52.35517964495812038, 4.80096837328418768 52.35484579597597588, 4.79188984388810102 52.35303869007275068, 4.79180627127389602 52.35318684180109017, 4.79020286375436743 52.35621237982481091, 4.79020286375436743 52.35621237982481091)))</t>
  </si>
  <si>
    <t>MultiPolygon (((4.78828721089287779 52.35974179228542624, 4.7969102818361673 52.36148546782983004, 4.79815394749772572 52.35918049422053144, 4.7992512889023784 52.35803228264545339, 4.79020286375436743 52.35621237982481091, 4.78828721089287779 52.35974179228542624, 4.78828721089287779 52.35974179228542624)))</t>
  </si>
  <si>
    <t>MultiPolygon (((4.78665132052507314 52.36271742652745331, 4.79531864571982513 52.3644398042846575, 4.7969102818361673 52.36148546782983004, 4.78828721089287779 52.35974179228542624, 4.78811348104158796 52.36004790138236586, 4.78665132052507314 52.36271742652745331, 4.78665132052507314 52.36271742652745331)))</t>
  </si>
  <si>
    <t>MultiPolygon (((4.80223617220759813 52.3524998859616062, 4.80936795170825171 52.35400016798629963, 4.80854762103741518 52.3555235140219466, 4.8185775741977146 52.35752430748812003, 4.81806044251113796 52.35617165823421004, 4.82043212289424172 52.35174383882813487, 4.812225879933969 52.35162995109027406, 4.80815540274155229 52.35089346213804617, 4.80360122145269219 52.34997395893905292, 4.80223617220759813 52.3524998859616062, 4.80223617220759813 52.3524998859616062)))</t>
  </si>
  <si>
    <t>MultiPolygon (((4.81304932634371507 52.35802738654143695, 4.81857137726534202 52.35771360627602178, 4.8185775741977146 52.35752430748812003, 4.80854762103741518 52.3555235140219466, 4.80936795170825171 52.35400016798629963, 4.80223617220759813 52.3524998859616062, 4.80096837328418768 52.35484579597597588, 4.80079379083489677 52.35517964495812038, 4.81304932634371507 52.35802738654143695, 4.81304932634371507 52.35802738654143695)))</t>
  </si>
  <si>
    <t>MultiPolygon (((4.80672079393928886 52.36091370931363542, 4.8112841223004299 52.36146259971057759, 4.81217796556512223 52.35972318662113167, 4.81304932634371507 52.35802738654143695, 4.80079379083489677 52.35517964495812038, 4.7992512889023784 52.35803228264545339, 4.79815394749772572 52.35918049422053144, 4.80672079393928886 52.36091370931363542, 4.80672079393928886 52.36091370931363542)))</t>
  </si>
  <si>
    <t>MultiPolygon (((4.80200558939849032 52.36580439040267976, 4.80753290825404189 52.3669149583058342, 4.8112841223004299 52.36146259971057759, 4.80672079393928886 52.36091370931363542, 4.805573044893789 52.36294077091067578, 4.8036339598639417 52.36271058228243902, 4.80200558939849032 52.36580439040267976, 4.80200558939849032 52.36580439040267976)))</t>
  </si>
  <si>
    <t>MultiPolygon (((4.79531864571982513 52.3644398042846575, 4.80200558939849032 52.36580439040267976, 4.8036339598639417 52.36271058228243902, 4.805573044893789 52.36294077091067578, 4.80672079393928886 52.36091370931363542, 4.79815394749772572 52.35918049422053144, 4.7969102818361673 52.36148546782983004, 4.79531864571982513 52.3644398042846575, 4.79531864571982513 52.3644398042846575)))</t>
  </si>
  <si>
    <t>MultiPolygon (((4.75783706816896945 52.36871813187730851, 4.75847450490188972 52.37109317030479616, 4.76798577187371553 52.3665343561631218, 4.77459137441720483 52.36633085330511506, 4.77878737195698911 52.36549250644011266, 4.78043762350831969 52.36378726288709373, 4.78036496194082972 52.36102481135068132, 4.78165203259187255 52.36050762731460395, 4.78082531728669125 52.35973647936974373, 4.77727860749105826 52.35722398212393358, 4.77248303100430515 52.35482380173964856, 4.76739272925307578 52.35126855089207965, 4.75568381760073411 52.3561500383245999, 4.75483714032628857 52.35790733044045453, 4.75588085547766237 52.36180751570972802, 4.75783706816896945 52.36871813187730851, 4.75783706816896945 52.36871813187730851)))</t>
  </si>
  <si>
    <t>MultiPolygon (((4.76372168125705997 52.37955633353151086, 4.78092607245192802 52.36963767507514689, 4.78921975774376651 52.37599844781449576, 4.79212935977964705 52.37484374737972814, 4.79299531383350441 52.37379090351339528, 4.79368386625163723 52.36748286581018164, 4.79531864571982513 52.3644398042846575, 4.78665132052507314 52.36271742652745331, 4.78377486328244572 52.36189463041895209, 4.78165203259187255 52.36050762731460395, 4.78036496194082972 52.36102481135068132, 4.78043762350831969 52.36378726288709373, 4.77878737195698911 52.36549250644011266, 4.77459137441720483 52.36633085330511506, 4.76798577187371553 52.3665343561631218, 4.75847450490188972 52.37109317030479616, 4.75838039072545715 52.37401530606332756, 4.75671787804902202 52.37783776474105224, 4.75912470757265016 52.37932924405850343, 4.75907800833751171 52.3809406859906872, 4.76014612089400124 52.38139878932916105, 4.76372168125705997 52.37955633353151086, 4.76372168125705997 52.37955633353151086)))</t>
  </si>
  <si>
    <t>MultiPolygon (((4.79299531383350441 52.37379090351339528, 4.8012818598950231 52.37306045329467707, 4.80526798196083504 52.37266560992978981, 4.80753290825404189 52.3669149583058342, 4.80200558939849032 52.36580439040267976, 4.79531864571982513 52.3644398042846575, 4.79368386625163723 52.36748286581018164, 4.79299531383350441 52.37379090351339528, 4.79299531383350441 52.37379090351339528)))</t>
  </si>
  <si>
    <t>MultiPolygon (((4.78734429953900786 52.38437631238620185, 4.79421719653573497 52.38444426315286506, 4.79442834084024661 52.38011067409739496, 4.79394230865238669 52.37824414503234038, 4.78753115542961893 52.37815630093238894, 4.78734429953900786 52.38437631238620185, 4.78734429953900786 52.38437631238620185)))</t>
  </si>
  <si>
    <t>MultiPolygon (((4.75895262785500073 52.38411756540632069, 4.78734429953900786 52.38437631238620185, 4.78753115542961893 52.37815630093238894, 4.79394230865238669 52.37824414503234038, 4.79149558105935025 52.37598140862013452, 4.79212935977964705 52.37484374737972814, 4.78921975774376651 52.37599844781449576, 4.78092607245192802 52.36963767507514689, 4.76372168125705997 52.37955633353151086, 4.76014612089400124 52.38139878932916105, 4.75907800833751171 52.3809406859906872, 4.75895262785500073 52.38411756540632069, 4.75895262785500073 52.38411756540632069)))</t>
  </si>
  <si>
    <t>MultiPolygon (((4.80708447630562663 52.38459903826919373, 4.81200319006137622 52.38465355484369468, 4.81216431959264579 52.38056215352212064, 4.80937807016048602 52.38036710519411088, 4.8081519052923003 52.3803410917240484, 4.80708447630562663 52.38459903826919373, 4.80708447630562663 52.38459903826919373)))</t>
  </si>
  <si>
    <t>MultiPolygon (((4.80193608237551128 52.38453168525757064, 4.80708447630562663 52.38459903826919373, 4.8081519052923003 52.3803410917240484, 4.79792406193496568 52.38016057957590021, 4.79442834084024661 52.38011067409739496, 4.79421719653573497 52.38444426315286506, 4.80193608237551128 52.38453168525757064, 4.80193608237551128 52.38453168525757064)))</t>
  </si>
  <si>
    <t>MultiPolygon (((4.8081519052923003 52.3803410917240484, 4.80937807016048602 52.38036710519411088, 4.80939985749800947 52.37939149424786223, 4.80870945305364916 52.37672330036987489, 4.79789986114363742 52.37715875773924523, 4.79792406193496568 52.38016057957590021, 4.8081519052923003 52.3803410917240484, 4.8081519052923003 52.3803410917240484)))</t>
  </si>
  <si>
    <t>MultiPolygon (((4.79442834084024661 52.38011067409739496, 4.79792406193496568 52.38016057957590021, 4.79789986114363742 52.37715875773924523, 4.79748278745837897 52.37563207156850353, 4.80178221982702524 52.37520574008723884, 4.8012818598950231 52.37306045329467707, 4.79299531383350441 52.37379090351339528, 4.79212935977964705 52.37484374737972814, 4.79149558105935025 52.37598140862013452, 4.79394230865238669 52.37824414503234038, 4.79442834084024661 52.38011067409739496, 4.79442834084024661 52.38011067409739496)))</t>
  </si>
  <si>
    <t>MultiPolygon (((4.79789986114363742 52.37715875773924523, 4.80870945305364916 52.37672330036987489, 4.80757774164629037 52.37243743577614907, 4.80526798196083504 52.37266560992978981, 4.8012818598950231 52.37306045329467707, 4.80178221982702524 52.37520574008723884, 4.79748278745837897 52.37563207156850353, 4.79789986114363742 52.37715875773924523, 4.79789986114363742 52.37715875773924523)))</t>
  </si>
  <si>
    <t>MultiPolygon (((4.80870945305364916 52.37672330036987489, 4.81903539897178135 52.37570782527611613, 4.81770009070248406 52.37258616215640217, 4.81736175011610523 52.37196652165437172, 4.81360389155599755 52.37183524505816479, 4.80757774164629037 52.37243743577614907, 4.80870945305364916 52.37672330036987489, 4.80870945305364916 52.37672330036987489)))</t>
  </si>
  <si>
    <t>MultiPolygon (((4.80526798196083504 52.37266560992978981, 4.80757774164629037 52.37243743577614907, 4.81360389155599755 52.37183524505816479, 4.81736175011610523 52.37196652165437172, 4.81770009070248406 52.37258616215640217, 4.82429627506725822 52.37190776602632525, 4.82564807301105247 52.37087822612607368, 4.81718443573043498 52.36388695376054869, 4.81217796556512223 52.35972318662113167, 4.8112841223004299 52.36146259971057759, 4.80753290825404189 52.3669149583058342, 4.80526798196083504 52.37266560992978981, 4.80526798196083504 52.37266560992978981)))</t>
  </si>
  <si>
    <t>MultiPolygon (((4.80939985749800947 52.37939149424786223, 4.81255253201199906 52.37948938668493781, 4.82013125907152684 52.37833084451641241, 4.81903539897178135 52.37570782527611613, 4.80870945305364916 52.37672330036987489, 4.80939985749800947 52.37939149424786223, 4.80939985749800947 52.37939149424786223)))</t>
  </si>
  <si>
    <t>MultiPolygon (((4.81200319006137622 52.38465355484369468, 4.81872906780376731 52.38472933731976156, 4.81897067099892951 52.38213809487846362, 4.82140444281516611 52.38137548712831659, 4.82064166802104221 52.37955146942874052, 4.82013125907152684 52.37833084451641241, 4.81255253201199906 52.37948938668493781, 4.80939985749800947 52.37939149424786223, 4.80937807016048602 52.38036710519411088, 4.81216431959264579 52.38056215352212064, 4.81200319006137622 52.38465355484369468, 4.81200319006137622 52.38465355484369468)))</t>
  </si>
  <si>
    <t>MultiPolygon (((4.81903539897178135 52.37570782527611613, 4.83533106919805 52.37315083069765365, 4.83441235208247999 52.3703759829431803, 4.8293222862807168 52.3705586638155296, 4.82715455099551871 52.37212534261547603, 4.82564807301105247 52.37087822612607368, 4.82429627506725822 52.37190776602632525, 4.81770009070248406 52.37258616215640217, 4.81903539897178135 52.37570782527611613, 4.81903539897178135 52.37570782527611613)))</t>
  </si>
  <si>
    <t>MultiPolygon (((4.82013125907152684 52.37833084451641241, 4.82064166802104221 52.37955146942874052, 4.82401389745839637 52.3783353809260035, 4.83669489233598693 52.37635055338022028, 4.83533106919805 52.37315083069765365, 4.81903539897178135 52.37570782527611613, 4.82013125907152684 52.37833084451641241, 4.82013125907152684 52.37833084451641241)))</t>
  </si>
  <si>
    <t>MultiPolygon (((4.82064166802104221 52.37955146942874052, 4.82140444281516611 52.38137548712831659, 4.83771779170282024 52.37885772808193252, 4.83669489233598693 52.37635055338022028, 4.82401389745839637 52.3783353809260035, 4.82064166802104221 52.37955146942874052, 4.82064166802104221 52.37955146942874052)))</t>
  </si>
  <si>
    <t>MultiPolygon (((4.83152346905216579 52.38487767157928232, 4.83925156142749824 52.38501557637620465, 4.83929040808160504 52.38269546515203245, 4.83771779170282024 52.37885772808193252, 4.82140444281516611 52.38137548712831659, 4.81897067099892951 52.38213809487846362, 4.81872906780376731 52.38472933731976156, 4.83152346905216579 52.38487767157928232, 4.83152346905216579 52.38487767157928232)))</t>
  </si>
  <si>
    <t>MultiPolygon (((4.85736136233243609 52.36846338742914497, 4.85899464778183621 52.36865923018627456, 4.86006531795983854 52.36459709373595217, 4.85923335042706395 52.36366882243576981, 4.85824813213553686 52.36420626967220215, 4.85736136233243609 52.36846338742914497, 4.85736136233243609 52.36846338742914497)))</t>
  </si>
  <si>
    <t>MultiPolygon (((4.85899464778183621 52.36865923018627456, 4.86327828037241083 52.36823748442366622, 4.86225311470893828 52.36712063638811543, 4.86006531795983854 52.36459709373595217, 4.85899464778183621 52.36865923018627456, 4.85899464778183621 52.36865923018627456)))</t>
  </si>
  <si>
    <t>MultiPolygon (((4.85655051806173255 52.37112452993468281, 4.85888696751228721 52.37144392192059428, 4.85899464778183621 52.36865923018627456, 4.85736136233243609 52.36846338742914497, 4.85655051806173255 52.37112452993468281, 4.85655051806173255 52.37112452993468281)))</t>
  </si>
  <si>
    <t>MultiPolygon (((4.85888696751228721 52.37144392192059428, 4.85960305312060825 52.37151248186949459, 4.86365067813838792 52.37066583215487725, 4.86502169357629644 52.37013666379730381, 4.86327828037241083 52.36823748442366622, 4.85899464778183621 52.36865923018627456, 4.85888696751228721 52.37144392192059428, 4.85888696751228721 52.37144392192059428)))</t>
  </si>
  <si>
    <t>MultiPolygon (((4.92965229009986672 52.4110121188873066, 4.93920820091205126 52.4073550560490915, 4.9327734640954306 52.40229185212850638, 4.92506357742678613 52.40480141395499913, 4.92558659995399939 52.40728297892957954, 4.92965229009986672 52.4110121188873066, 4.92965229009986672 52.4110121188873066)))</t>
  </si>
  <si>
    <t>MultiPolygon (((4.92506357742678613 52.40480141395499913, 4.9327734640954306 52.40229185212850638, 4.92660869040345961 52.39743627443675678, 4.92274411774432075 52.39867399502126943, 4.92230552646395658 52.39935423716922713, 4.92506357742678613 52.40480141395499913, 4.92506357742678613 52.40480141395499913)))</t>
  </si>
  <si>
    <t>MultiPolygon (((4.92274411774432075 52.39867399502126943, 4.92660869040345961 52.39743627443675678, 4.92483263597615917 52.39561654960038339, 4.92274411774432075 52.39867399502126943, 4.92274411774432075 52.39867399502126943)))</t>
  </si>
  <si>
    <t>MultiPolygon (((4.95491422474852783 52.40109305865036049, 4.95560177992852235 52.40156657176498811, 4.9577278350964038 52.40134991704080392, 4.95884679633315528 52.40247529056251352, 4.96351185668525208 52.39969127398603632, 4.96719190371573749 52.39629357528849596, 4.9708405221638472 52.39150740607889389, 4.96685743480016928 52.39000098623139223, 4.96354288460630677 52.39389056818749424, 4.95970606820831605 52.39775554755983222, 4.95491422474852783 52.40109305865036049, 4.95491422474852783 52.40109305865036049)))</t>
  </si>
  <si>
    <t>MultiPolygon (((4.93071588321283372 52.41160758232974359, 4.93514230090094674 52.41203977132429515, 4.94264680848918747 52.41385998187404027, 4.94515045489754002 52.41067110905305526, 4.94964882311559418 52.40797014684353883, 4.9585243558858636 52.4057541326631906, 4.95947228430649556 52.40336076359417916, 4.95884679633315528 52.40247529056251352, 4.9577278350964038 52.40134991704080392, 4.95560177992852235 52.40156657176498811, 4.95491422474852783 52.40109305865036049, 4.95396090246679321 52.40164775236174677, 4.95179813065647778 52.40279845885370236, 4.93920820091205126 52.4073550560490915, 4.92965229009986672 52.4110121188873066, 4.93071588321283372 52.41160758232974359, 4.93071588321283372 52.41160758232974359)))</t>
  </si>
  <si>
    <t>MultiPolygon (((4.98263641950962199 52.42676229238883678, 4.98710149189929108 52.42284169787549075, 4.98918370462961303 52.42337248651295312, 4.99044519768916128 52.42552077996823101, 5.0002921050118001 52.4254069189457681, 5.00131016696558639 52.4190792572128359, 5.00386922604425877 52.41692038176299206, 5.0081261245115698 52.41603656003185563, 5.00773346656473883 52.41340546092830976, 4.97926625252582511 52.40036950430569362, 4.98199576113650444 52.39861392326466927, 4.97612556318064048 52.39692016302029032, 4.97339972359400129 52.39714390397951149, 4.96719190371573749 52.39629357528849596, 4.96351185668525208 52.39969127398603632, 4.95884679633315528 52.40247529056251352, 4.95947228430649556 52.40336076359417916, 4.9585243558858636 52.4057541326631906, 4.94964882311559418 52.40797014684353883, 4.94515045489754002 52.41067110905305526, 4.94264680848918747 52.41385998187404027, 4.94477987890025084 52.41501817929481177, 4.94778857418794349 52.42156224111933227, 4.95148136591567134 52.42192974467061362, 4.95134021900984855 52.42322851566267161, 4.95232917929671324 52.42352357120089579, 4.95355921408163624 52.42225663224290599, 4.95577711075208693 52.42243193230637388, 4.95600527125138779 52.42196033854782655, 4.97331980850478583 52.42279733416754084, 4.97623828044836891 52.42402599753763326, 4.98263641950962199 52.42676229238883678, 4.98263641950962199 52.42676229238883678)))</t>
  </si>
  <si>
    <t>MultiPolygon (((5.0002921050118001 52.4254069189457681, 5.01820510921641105 52.41905954943272405, 5.02031396427529852 52.4198985244573592, 5.02114575330242019 52.42105481996857463, 5.02835730757779498 52.41941642512188793, 5.02972779354438959 52.41770682017268967, 5.03004479177868102 52.41564349579150672, 5.03293420561508587 52.41646284753899465, 5.03523807228091425 52.41825099084747563, 5.04010913897912616 52.41730725393035328, 5.04917713342392016 52.41512927254886733, 5.05775654401219743 52.41653777671602654, 5.06255628653206013 52.41617331173843297, 5.06541254601262381 52.41723944783790756, 5.06826352414762571 52.41655809957559597, 5.0672696646748383 52.41342211609873658, 5.05763407425332989 52.41481644658293249, 5.05221051511836183 52.41318099025842514, 5.04600426066570851 52.40666982623380932, 5.03837157173186512 52.40487205299802298, 5.0338659903533296 52.40247794178996799, 5.02942616700209477 52.39871469777367707, 5.02484779859692132 52.38797751612730735, 5.02451352873854873 52.38830501100580506, 5.01459482444847549 52.39621844522454808, 4.99829195948898075 52.39674192805586017, 4.99300461540852147 52.39511669097618807, 4.9846266441416418 52.39375462560665397, 4.98229061702591913 52.39622819472401005, 4.98199576113650444 52.39861392326466927, 4.97926625252582511 52.40036950430569362, 5.00773346656473883 52.41340546092830976, 5.0081261245115698 52.41603656003185563, 5.00386922604425877 52.41692038176299206, 5.00131016696558639 52.4190792572128359, 5.0002921050118001 52.4254069189457681, 5.0002921050118001 52.4254069189457681)))</t>
  </si>
  <si>
    <t>MultiPolygon (((4.99829195948898075 52.39674192805586017, 5.01459482444847549 52.39621844522454808, 5.02451352873854873 52.38830501100580506, 5.00881573557098747 52.38899749551571716, 5.00280106187627727 52.38751425280205609, 5.00255239250292316 52.38667138955987213, 4.9999398750190176 52.38595331054657578, 4.98891399358923682 52.38480965165317116, 4.98523626627638539 52.38793582843061358, 4.9846266441416418 52.39375462560665397, 4.99300461540852147 52.39511669097618807, 4.99829195948898075 52.39674192805586017, 4.99829195948898075 52.39674192805586017)))</t>
  </si>
  <si>
    <t>MultiPolygon (((4.98199576113650444 52.39861392326466927, 4.98229061702591913 52.39622819472401005, 4.9846266441416418 52.39375462560665397, 4.98523626627638539 52.38793582843061358, 4.98891399358923682 52.38480965165317116, 4.98517734937656254 52.3835083569858071, 4.98163504879692454 52.38107816244233561, 4.9746161608412125 52.37895536274043451, 4.97397957274603542 52.37943309376397849, 4.97374958649868937 52.37856911682747807, 4.97332962742553519 52.38011248813525356, 4.97660035658064448 52.38178420284860692, 4.97619717732959987 52.3856581683760254, 4.9708405221638472 52.39150740607889389, 4.96719190371573749 52.39629357528849596, 4.97339972359400129 52.39714390397951149, 4.97612556318064048 52.39692016302029032, 4.98199576113650444 52.39861392326466927, 4.98199576113650444 52.39861392326466927)))</t>
  </si>
  <si>
    <t>MultiPolygon (((5.01414624043624535 52.37168676813548984, 5.01296670840427971 52.3719164447615384, 5.01295967367020534 52.37295294357669917, 5.01456396297634832 52.3729565368614729, 5.01414624043624535 52.37168676813548984, 5.01414624043624535 52.37168676813548984)),((5.01926224035565127 52.38668804361897458, 5.0174825796681688 52.38452776391325472, 5.01105858256964165 52.38318393280356844, 5.01356203507550724 52.38179203831139574, 5.01378449934158255 52.38066543492210059, 5.01181246623413124 52.37369281548954802, 5.00848326589304538 52.37257156309191686, 5.00169692404021582 52.37494781693332158, 5.0007718518501445 52.37713570233552929, 4.99862058956187738 52.37878120311030727, 4.99444971631813228 52.37774702317487652, 4.99366370043333241 52.3785382394836958, 4.99146386540194786 52.37782978174428905, 4.9917670116932733 52.37720041875342503, 4.98935486875674972 52.37752527370624023, 4.98376301993397863 52.37403168199233505, 4.98165728626646054 52.37346092344360926, 4.98011958488888773 52.3737154616210816, 4.9746161608412125 52.37895536274043451, 4.98163504879692454 52.38107816244233561, 4.98517734937656254 52.3835083569858071, 4.98891399358923682 52.38480965165317116, 4.9999398750190176 52.38595331054657578, 5.00255239250292316 52.38667138955987213, 5.00280106187627727 52.38751425280205609, 5.00881573557098747 52.38899749551571716, 5.02451352873854873 52.38830501100580506, 5.02484779859692132 52.38797751612730735, 5.01926224035565127 52.38668804361897458, 5.01926224035565127 52.38668804361897458)))</t>
  </si>
  <si>
    <t>MultiPolygon (((4.9708405221638472 52.39150740607889389, 4.97619717732959987 52.3856581683760254, 4.97660035658064448 52.38178420284860692, 4.97332962742553519 52.38011248813525356, 4.97108602496378627 52.38471249641974481, 4.96685743480016928 52.39000098623139223, 4.9708405221638472 52.39150740607889389, 4.9708405221638472 52.39150740607889389)))</t>
  </si>
  <si>
    <t>MultiPolygon (((4.96029924962290991 52.38849086069986782, 4.96685743480016928 52.39000098623139223, 4.97108602496378627 52.38471249641974481, 4.97332962742553519 52.38011248813525356, 4.97374958649868937 52.37856911682747807, 4.97283942011661217 52.37982550231377843, 4.96859004595844755 52.37932536306952613, 4.96329560427069705 52.38358579109966939, 4.96115251230440357 52.38141361970989607, 4.96060669328853709 52.38166160605312172, 4.96322304757677202 52.38385918824292276, 4.95697085227572565 52.38616187485868636, 4.95242397314740845 52.38630815485301184, 4.96029924962290991 52.38849086069986782, 4.96029924962290991 52.38849086069986782)))</t>
  </si>
  <si>
    <t>MultiPolygon (((4.95242397314740845 52.38630815485301184, 4.95697085227572565 52.38616187485868636, 4.96322304757677202 52.38385918824292276, 4.96060669328853709 52.38166160605312172, 4.95840759943755049 52.38247320093579162, 4.95242356266092099 52.38257056003543255, 4.95242397314740845 52.38630815485301184, 4.95242397314740845 52.38630815485301184)))</t>
  </si>
  <si>
    <t>MultiPolygon (((4.95242397314740845 52.38630815485301184, 4.95242356266092099 52.38257056003543255, 4.94318350508813165 52.38250909346881912, 4.94452928077777987 52.385638283974302, 4.9490464100644358 52.38583211746684043, 4.95242397314740845 52.38630815485301184, 4.95242397314740845 52.38630815485301184)))</t>
  </si>
  <si>
    <t>MultiPolygon (((4.92966632563431606 52.38741953868721879, 4.93230162246373549 52.3864216059472767, 4.93296219104044997 52.38760520518054165, 4.938366176864732 52.38673297552309549, 4.94452928077777987 52.385638283974302, 4.94318350508813165 52.38250909346881912, 4.93734984046450442 52.38240731063913813, 4.92828970505856212 52.38624715295198797, 4.92966632563431606 52.38741953868721879, 4.92966632563431606 52.38741953868721879)))</t>
  </si>
  <si>
    <t>MultiPolygon (((4.92391359676127838 52.38756410337505542, 4.92828970505856212 52.38624715295198797, 4.93734984046450442 52.38240731063913813, 4.91985268859608293 52.38081105244796021, 4.91893933712075704 52.38551454045406786, 4.92391359676127838 52.38756410337505542, 4.92391359676127838 52.38756410337505542)))</t>
  </si>
  <si>
    <t>MultiPolygon (((4.89507757048339975 52.38869093194539062, 4.89466966847999441 52.38994011520561145, 4.90199821595501906 52.39069240162807972, 4.90313942307585737 52.3883823295277864, 4.90605413022597237 52.38890288523865735, 4.90721459098823942 52.38647772344013021, 4.90661550715502948 52.38528205313985353, 4.90005462955002713 52.38215406146264996, 4.89876736372351651 52.3829687877060266, 4.89624120676743946 52.38564782862114555, 4.89507757048339975 52.38869093194539062, 4.89507757048339975 52.38869093194539062)))</t>
  </si>
  <si>
    <t>MultiPolygon (((4.89155417795110292 52.39511208006198473, 4.89602283716367737 52.39806486491698934, 4.90855770704491867 52.39332683893110953, 4.9062451564100229 52.39097470057784989, 4.90605413022597237 52.38890288523865735, 4.90313942307585737 52.3883823295277864, 4.90199821595501906 52.39069240162807972, 4.89466966847999441 52.38994011520561145, 4.8932094167831055 52.3935632320633502, 4.89155417795110292 52.39511208006198473, 4.89155417795110292 52.39511208006198473)))</t>
  </si>
  <si>
    <t>MultiPolygon (((4.88269703913522424 52.40170163850842044, 4.88858891906133586 52.40651060030283759, 4.89114519072117115 52.40528921476155944, 4.89254112095812843 52.40706480753453178, 4.89350622944132052 52.40462430914370628, 4.90018925231077507 52.40147424346138649, 4.89602283716367737 52.39806486491698934, 4.89155417795110292 52.39511208006198473, 4.88585529463665669 52.39937688159430706, 4.88269703913522424 52.40170163850842044, 4.88269703913522424 52.40170163850842044)))</t>
  </si>
  <si>
    <t>MultiPolygon (((4.86776175910443687 52.4182692029353916, 4.87299317557743716 52.41611759851247143, 4.87500742442566892 52.41612835585159047, 4.87934499842029012 52.4139289576738534, 4.89050662250378565 52.40819509110239238, 4.89254112095812843 52.40706480753453178, 4.89114519072117115 52.40528921476155944, 4.88858891906133586 52.40651060030283759, 4.88269703913522424 52.40170163850842044, 4.87098529010887926 52.41013062160883607, 4.863625586701259 52.41390368822184342, 4.86776175910443687 52.4182692029353916, 4.86776175910443687 52.4182692029353916)))</t>
  </si>
  <si>
    <t>MultiPolygon (((4.90210943003287447 52.40378316855143481, 4.90240411866402415 52.40405192990035488, 4.90891538320047438 52.40094691006927263, 4.90913455413649125 52.39980403471482617, 4.91271349629481424 52.39361135323972718, 4.9127322224677874 52.39214493239113324, 4.90855770704491867 52.39332683893110953, 4.89602283716367737 52.39806486491698934, 4.90018925231077507 52.40147424346138649, 4.90210943003287447 52.40378316855143481, 4.90210943003287447 52.40378316855143481)))</t>
  </si>
  <si>
    <t>MultiPolygon (((4.91138051794921271 52.40239427728489829, 4.91472347012294275 52.4014959230977837, 4.91483114997535342 52.40089943367146219, 4.91066604609270385 52.40078413128182433, 4.91138051794921271 52.40239427728489829, 4.91138051794921271 52.40239427728489829)))</t>
  </si>
  <si>
    <t>MultiPolygon (((4.90240411866402415 52.40405192990035488, 4.90522388718431213 52.4055997922357264, 4.90514469257029706 52.40336783642778329, 4.90731212249389337 52.40252500482189646, 4.90960110429213881 52.40303966370586863, 4.91138051794921271 52.40239427728489829, 4.91066604609270385 52.40078413128182433, 4.90891538320047438 52.40094691006927263, 4.90240411866402415 52.40405192990035488, 4.90240411866402415 52.40405192990035488)))</t>
  </si>
  <si>
    <t>MultiPolygon (((4.9227457296432755 52.41552968336785057, 4.93071588321283372 52.41160758232974359, 4.92965229009986672 52.4110121188873066, 4.92558659995399939 52.40728297892957954, 4.92506357742678613 52.40480141395499913, 4.91890166228624981 52.40742513036228445, 4.922969528186532 52.41081798892795973, 4.92248712868439942 52.41166822490458088, 4.91971916633801598 52.41287219980660694, 4.9227457296432755 52.41552968336785057, 4.9227457296432755 52.41552968336785057)))</t>
  </si>
  <si>
    <t>MultiPolygon (((4.92045031001908306 52.41660703493619167, 4.9227457296432755 52.41552968336785057, 4.91971916633801598 52.41287219980660694, 4.92248712868439942 52.41166822490458088, 4.922969528186532 52.41081798892795973, 4.91890166228624981 52.40742513036228445, 4.91519237973487755 52.40912513875342427, 4.91275047259172659 52.41022967850943814, 4.92045031001908306 52.41660703493619167, 4.92045031001908306 52.41660703493619167)))</t>
  </si>
  <si>
    <t>MultiPolygon (((4.91519237973487755 52.40912513875342427, 4.91890166228624981 52.40742513036228445, 4.92506357742678613 52.40480141395499913, 4.92230552646395658 52.39935423716922713, 4.9221016693452988 52.39925733927146467, 4.91986464146768565 52.4004025978300092, 4.91472347012294275 52.4014959230977837, 4.91138051794921271 52.40239427728489829, 4.91343725837164591 52.40446236006935266, 4.91328409082480988 52.40753831398233586, 4.91519237973487755 52.40912513875342427, 4.91519237973487755 52.40912513875342427)))</t>
  </si>
  <si>
    <t>MultiPolygon (((4.91275047259172659 52.41022967850943814, 4.91519237973487755 52.40912513875342427, 4.91328409082480988 52.40753831398233586, 4.91343725837164591 52.40446236006935266, 4.91138051794921271 52.40239427728489829, 4.90960110429213881 52.40303966370586863, 4.90731212249389337 52.40252500482189646, 4.90514469257029706 52.40336783642778329, 4.90522388718431213 52.4055997922357264, 4.90738460335974125 52.40789696127730224, 4.91275047259172659 52.41022967850943814, 4.91275047259172659 52.41022967850943814)))</t>
  </si>
  <si>
    <t>MultiPolygon (((4.93920820091205126 52.4073550560490915, 4.95179813065647778 52.40279845885370236, 4.94733317990631427 52.3986303696316611, 4.94545467017922658 52.39918796981900329, 4.94736300149453356 52.40105695309796374, 4.9398969427997228 52.40404252117171779, 4.93584711115986874 52.40107290919201688, 4.9327734640954306 52.40229185212850638, 4.93920820091205126 52.4073550560490915, 4.93920820091205126 52.4073550560490915)))</t>
  </si>
  <si>
    <t>MultiPolygon (((4.93584711115986874 52.40107290919201688, 4.9398969427997228 52.40404252117171779, 4.94736300149453356 52.40105695309796374, 4.94545467017922658 52.39918796981900329, 4.94037596188040418 52.3992524001787956, 4.93584711115986874 52.40107290919201688, 4.93584711115986874 52.40107290919201688)))</t>
  </si>
  <si>
    <t>MultiPolygon (((4.92971677036535461 52.39618580117804925, 4.9335321584455869 52.39926358244603932, 4.94236599047776526 52.39580704242870723, 4.94093257057373858 52.39446742025172199, 4.93677180954061967 52.39356798006426885, 4.92971677036535461 52.39618580117804925, 4.92971677036535461 52.39618580117804925)))</t>
  </si>
  <si>
    <t>MultiPolygon (((4.9335321584455869 52.39926358244603932, 4.93584711115986874 52.40107290919201688, 4.94037596188040418 52.3992524001787956, 4.94545467017922658 52.39918796981900329, 4.94733317990631427 52.3986303696316611, 4.94655902207809017 52.39790766316589554, 4.94478192987156007 52.3980653881613776, 4.94236599047776526 52.39580704242870723, 4.9335321584455869 52.39926358244603932, 4.9335321584455869 52.39926358244603932)))</t>
  </si>
  <si>
    <t>MultiPolygon (((4.9327734640954306 52.40229185212850638, 4.93584711115986874 52.40107290919201688, 4.9335321584455869 52.39926358244603932, 4.92971677036535461 52.39618580117804925, 4.92660869040345961 52.39743627443675678, 4.9327734640954306 52.40229185212850638, 4.9327734640954306 52.40229185212850638)))</t>
  </si>
  <si>
    <t>MultiPolygon (((4.92660869040345961 52.39743627443675678, 4.92971677036535461 52.39618580117804925, 4.93677180954061967 52.39356798006426885, 4.93501392945492512 52.3930810291631488, 4.93389249006436881 52.39299451195964252, 4.92453917956319387 52.395263760188449, 4.92483263597615917 52.39561654960038339, 4.92660869040345961 52.39743627443675678, 4.92660869040345961 52.39743627443675678)))</t>
  </si>
  <si>
    <t>MultiPolygon (((4.95193044609368904 52.3907085841911595, 4.95730472008021827 52.39218465969558736, 4.96029924962290991 52.38849086069986782, 4.95242397314740845 52.38630815485301184, 4.95242315732711358 52.38672002531937721, 4.95193044609368904 52.3907085841911595, 4.95193044609368904 52.3907085841911595)))</t>
  </si>
  <si>
    <t>MultiPolygon (((4.95730472008021827 52.39218465969558736, 4.96354288460630677 52.39389056818749424, 4.96685743480016928 52.39000098623139223, 4.96029924962290991 52.38849086069986782, 4.95730472008021827 52.39218465969558736, 4.95730472008021827 52.39218465969558736)))</t>
  </si>
  <si>
    <t>MultiPolygon (((4.95396090246679321 52.40164775236174677, 4.95491422474852783 52.40109305865036049, 4.95970606820831605 52.39775554755983222, 4.96354288460630677 52.39389056818749424, 4.95730472008021827 52.39218465969558736, 4.95418217968427399 52.39632010322884526, 4.95075112743240187 52.39761067565299868, 4.95396090246679321 52.40164775236174677, 4.95396090246679321 52.40164775236174677)))</t>
  </si>
  <si>
    <t>MultiPolygon (((4.94420654895598677 52.39349208397904079, 4.94648533268016521 52.39636011212836308, 4.94913428565366331 52.39557711174961696, 4.95075112743240187 52.39761067565299868, 4.95418217968427399 52.39632010322884526, 4.95730472008021827 52.39218465969558736, 4.95193044609368904 52.3907085841911595, 4.94420654895598677 52.39349208397904079, 4.94420654895598677 52.39349208397904079)))</t>
  </si>
  <si>
    <t>MultiPolygon (((4.94733317990631427 52.3986303696316611, 4.95075112743240187 52.39761067565299868, 4.94913428565366331 52.39557711174961696, 4.94648533268016521 52.39636011212836308, 4.94420654895598677 52.39349208397904079, 4.94337177390587623 52.39374078018295933, 4.94093257057373858 52.39446742025172199, 4.94236599047776526 52.39580704242870723, 4.94478192987156007 52.3980653881613776, 4.94655902207809017 52.39790766316589554, 4.94733317990631427 52.3986303696316611, 4.94733317990631427 52.3986303696316611)))</t>
  </si>
  <si>
    <t>MultiPolygon (((4.95179813065647778 52.40279845885370236, 4.95396090246679321 52.40164775236174677, 4.95075112743240187 52.39761067565299868, 4.94733317990631427 52.3986303696316611, 4.95179813065647778 52.40279845885370236, 4.95179813065647778 52.40279845885370236)))</t>
  </si>
  <si>
    <t>MultiPolygon (((4.89873971382939821 52.42446133971984068, 4.89874101751553326 52.42448976391425219, 4.90736400158657826 52.42132369261602065, 4.90796219977948045 52.42087368157186944, 4.90715209673335018 52.41995515713465181, 4.89857421661624404 52.42056811679825046, 4.89873971382939821 52.42446133971984068, 4.89873971382939821 52.42446133971984068)))</t>
  </si>
  <si>
    <t>MultiPolygon (((4.89857421661624404 52.42056811679825046, 4.90715209673335018 52.41995515713465181, 4.90796219977948045 52.42087368157186944, 4.92045031001908306 52.41660703493619167, 4.91275047259172659 52.41022967850943814, 4.90738460335974125 52.40789696127730224, 4.90203871392950852 52.41229271194070094, 4.89784277422621894 52.4152896194134641, 4.89822676767909027 52.41683508104252098, 4.89857421661624404 52.42056811679825046, 4.89857421661624404 52.42056811679825046)))</t>
  </si>
  <si>
    <t>MultiPolygon (((4.87997048827019064 52.41995621132659977, 4.8843512944730314 52.42111379126015436, 4.88741740087795229 52.41587033192472944, 4.88940586126861998 52.41580666499512375, 4.88952726546022642 52.41543051053898239, 4.88598385130600121 52.41507546329810907, 4.87997048827019064 52.41995621132659977, 4.87997048827019064 52.41995621132659977)))</t>
  </si>
  <si>
    <t>MultiPolygon (((4.8843512944730314 52.42111379126015436, 4.89047940076952603 52.42154729921492873, 4.89440594047712896 52.41762869275238756, 4.89453781695211454 52.41652509873642174, 4.88940586126861998 52.41580666499512375, 4.88741740087795229 52.41587033192472944, 4.8843512944730314 52.42111379126015436, 4.8843512944730314 52.42111379126015436)))</t>
  </si>
  <si>
    <t>MultiPolygon (((4.86954412258499403 52.42984645362817275, 4.87146158059368162 52.43010128088777577, 4.8765735475269123 52.42622792343871652, 4.87542918688544802 52.42414032129784829, 4.87402650378971813 52.4224833127538119, 4.86776175910443687 52.4182692029353916, 4.863625586701259 52.41390368822184342, 4.85571248360283203 52.41632291702250512, 4.85607801084279966 52.41666216730576622, 4.85985771313814308 52.42047369610786234, 4.8579475785612054 52.42471710545429886, 4.86245372915953222 52.42877595115534461, 4.86267745344934621 52.42994131496621435, 4.86597048049996683 52.4306786640908129, 4.86954412258499403 52.42984645362817275)))</t>
  </si>
  <si>
    <t>MultiPolygon (((4.88774778617149508 52.4255899410446915, 4.89873971382939821 52.42446133971984068, 4.89857421661624404 52.42056811679825046, 4.89822676767909027 52.41683508104252098, 4.89654936595676649 52.41646922796865482, 4.88774778617149508 52.4255899410446915, 4.88774778617149508 52.4255899410446915)))</t>
  </si>
  <si>
    <t>MultiPolygon (((4.8765735475269123 52.42622792343871652, 4.87899345759392045 52.42569632751582986, 4.88774778617149508 52.4255899410446915, 4.89654936595676649 52.41646922796865482, 4.89453781695211454 52.41652509873642174, 4.89440594047712896 52.41762869275238756, 4.89047940076952603 52.42154729921492873, 4.8843512944730314 52.42111379126015436, 4.87997048827019064 52.41995621132659977, 4.87542918688544802 52.42414032129784829, 4.8765735475269123 52.42622792343871652, 4.8765735475269123 52.42622792343871652)))</t>
  </si>
  <si>
    <t>MultiPolygon (((4.87542918688544802 52.42414032129784829, 4.87997048827019064 52.41995621132659977, 4.88598385130600121 52.41507546329810907, 4.88952726546022642 52.41543051053898239, 4.88940586126861998 52.41580666499512375, 4.89453781695211454 52.41652509873642174, 4.89654936595676649 52.41646922796865482, 4.89822676767909027 52.41683508104252098, 4.89784277422621894 52.4152896194134641, 4.89590838781361004 52.41589407726107197, 4.88599799904220067 52.41472425761123333, 4.88301549795949974 52.41679962552394301, 4.87926205840554594 52.41908538771102855, 4.87839617848312912 52.41901990080113904, 4.87500742442566892 52.41612835585159047, 4.87299317557743716 52.41611759851247143, 4.86776175910443687 52.4182692029353916, 4.87402650378971813 52.4224833127538119, 4.87542918688544802 52.42414032129784829, 4.87542918688544802 52.42414032129784829)))</t>
  </si>
  <si>
    <t>MultiPolygon (((4.90203871392950852 52.41229271194070094, 4.90738460335974125 52.40789696127730224, 4.90522388718431213 52.4055997922357264, 4.90240411866402415 52.40405192990035488, 4.90210943003287447 52.40378316855143481, 4.89902667795210434 52.40516627682146122, 4.90203871392950852 52.41229271194070094, 4.90203871392950852 52.41229271194070094)))</t>
  </si>
  <si>
    <t>MultiPolygon (((4.89590838781361004 52.41589407726107197, 4.89784277422621894 52.4152896194134641, 4.90203871392950852 52.41229271194070094, 4.89902667795210434 52.40516627682146122, 4.90210943003287447 52.40378316855143481, 4.90018925231077507 52.40147424346138649, 4.89350622944132052 52.40462430914370628, 4.89254112095812843 52.40706480753453178, 4.89050662250378565 52.40819509110239238, 4.89416963080317302 52.41175598289193971, 4.8940538897434438 52.41434155795711547, 4.89590838781361004 52.41589407726107197, 4.89590838781361004 52.41589407726107197)))</t>
  </si>
  <si>
    <t>MultiPolygon (((4.88301549795949974 52.41679962552394301, 4.88599799904220067 52.41472425761123333, 4.89590838781361004 52.41589407726107197, 4.8940538897434438 52.41434155795711547, 4.89416963080317302 52.41175598289193971, 4.89050662250378565 52.40819509110239238, 4.87934499842029012 52.4139289576738534, 4.88301549795949974 52.41679962552394301, 4.88301549795949974 52.41679962552394301)))</t>
  </si>
  <si>
    <t>MultiPolygon (((4.87500742442566892 52.41612835585159047, 4.87839617848312912 52.41901990080113904, 4.87926205840554594 52.41908538771102855, 4.88301549795949974 52.41679962552394301, 4.87934499842029012 52.4139289576738534, 4.87500742442566892 52.41612835585159047, 4.87500742442566892 52.41612835585159047)))</t>
  </si>
  <si>
    <t>MultiPolygon (((4.9490464100644358 52.38583211746684043, 4.94452928077777987 52.385638283974302, 4.938366176864732 52.38673297552309549, 4.93895784590693854 52.38824296742861009, 4.94314580390155278 52.38990107617924963, 4.9490464100644358 52.38583211746684043, 4.9490464100644358 52.38583211746684043)))</t>
  </si>
  <si>
    <t>MultiPolygon (((4.94102527018284121 52.39124778844886521, 4.94793818720007295 52.38687738740394195, 4.95242315732711358 52.38672002531937721, 4.95242397314740845 52.38630815485301184, 4.9490464100644358 52.38583211746684043, 4.94314580390155278 52.38990107617924963, 4.93895784590693854 52.38824296742861009, 4.93962452293070164 52.38994430325143981, 4.94102527018284121 52.39124778844886521, 4.94102527018284121 52.39124778844886521)))</t>
  </si>
  <si>
    <t>MultiPolygon (((4.92390914802984003 52.39443245473792388, 4.92420672319564812 52.39484002005793428, 4.9251385140798396 52.3911791568905798, 4.9310083408544978 52.39177902543697485, 4.93389249006436881 52.39299451195964252, 4.93501392945492512 52.3930810291631488, 4.94102527018284121 52.39124778844886521, 4.93962452293070164 52.38994430325143981, 4.93839904581024669 52.39077257678339095, 4.93341138225882858 52.39144876223777203, 4.92475319095255237 52.39066713706727541, 4.92390914802984003 52.39443245473792388, 4.92390914802984003 52.39443245473792388)))</t>
  </si>
  <si>
    <t>MultiPolygon (((4.9221016693452988 52.39925733927146467, 4.92230552646395658 52.39935423716922713, 4.92274411774432075 52.39867399502126943, 4.92483263597615917 52.39561654960038339, 4.92453917956319387 52.395263760188449, 4.92420672319564812 52.39484002005793428, 4.92390914802984003 52.39443245473792388, 4.92153784826016505 52.39907366818700751, 4.9221016693452988 52.39925733927146467, 4.9221016693452988 52.39925733927146467)))</t>
  </si>
  <si>
    <t>MultiPolygon (((4.91483114997535342 52.40089943367146219, 4.91472347012294275 52.4014959230977837, 4.91986464146768565 52.4004025978300092, 4.9221016693452988 52.39925733927146467, 4.92153784826016505 52.39907366818700751, 4.91483114997535342 52.40089943367146219, 4.91483114997535342 52.40089943367146219)))</t>
  </si>
  <si>
    <t>MultiPolygon (((4.92420672319564812 52.39484002005793428, 4.92453917956319387 52.395263760188449, 4.93389249006436881 52.39299451195964252, 4.9310083408544978 52.39177902543697485, 4.9251385140798396 52.3911791568905798, 4.92420672319564812 52.39484002005793428, 4.92420672319564812 52.39484002005793428)))</t>
  </si>
  <si>
    <t>MultiPolygon (((4.94337177390587623 52.39374078018295933, 4.94420654895598677 52.39349208397904079, 4.95193044609368904 52.3907085841911595, 4.95242315732711358 52.38672002531937721, 4.94793818720007295 52.38687738740394195, 4.94102527018284121 52.39124778844886521, 4.94337177390587623 52.39374078018295933, 4.94337177390587623 52.39374078018295933)))</t>
  </si>
  <si>
    <t>MultiPolygon (((4.94093257057373858 52.39446742025172199, 4.94337177390587623 52.39374078018295933, 4.94102527018284121 52.39124778844886521, 4.93501392945492512 52.3930810291631488, 4.93677180954061967 52.39356798006426885, 4.94093257057373858 52.39446742025172199, 4.94093257057373858 52.39446742025172199)))</t>
  </si>
  <si>
    <t>MultiPolygon (((4.92475319095255237 52.39066713706727541, 4.93341138225882858 52.39144876223777203, 4.93839904581024669 52.39077257678339095, 4.93962452293070164 52.38994430325143981, 4.93895784590693854 52.38824296742861009, 4.938366176864732 52.38673297552309549, 4.93296219104044997 52.38760520518054165, 4.93230162246373549 52.3864216059472767, 4.92966632563431606 52.38741953868721879, 4.92502191403951173 52.38918630346878302, 4.92475319095255237 52.39066713706727541, 4.92475319095255237 52.39066713706727541)))</t>
  </si>
  <si>
    <t>MultiPolygon (((4.92131220714591411 52.39457362540495211, 4.92227015851366012 52.39653075353381695, 4.92082407822772971 52.39847543050752421, 4.92153784826016505 52.39907366818700751, 4.92390914802984003 52.39443245473792388, 4.92475319095255237 52.39066713706727541, 4.92502191403951173 52.38918630346878302, 4.92966632563431606 52.38741953868721879, 4.92828970505856212 52.38624715295198797, 4.92391359676127838 52.38756410337505542, 4.91822910951955716 52.38974370078042853, 4.92131220714591411 52.39457362540495211, 4.92131220714591411 52.39457362540495211)))</t>
  </si>
  <si>
    <t>MultiPolygon (((4.91822910951955716 52.38974370078042853, 4.92391359676127838 52.38756410337505542, 4.91893933712075704 52.38551454045406786, 4.91421469306663372 52.38315716002495748, 4.90826243556274999 52.38312680340317939, 4.90746804330315989 52.38370251245346054, 4.9144511684448533 52.38702801408570764, 4.91822910951955716 52.38974370078042853, 4.91822910951955716 52.38974370078042853)))</t>
  </si>
  <si>
    <t>MultiPolygon (((4.90746804330315989 52.38370251245346054, 4.90826243556274999 52.38312680340317939, 4.91421469306663372 52.38315716002495748, 4.91893933712075704 52.38551454045406786, 4.91985268859608293 52.38081105244796021, 4.9109992191491818 52.37992536627326956, 4.91058838283998078 52.37991295701661443, 4.90640428432607845 52.38003992077474891, 4.90209145103830402 52.38119473986341745, 4.90746804330315989 52.38370251245346054, 4.90746804330315989 52.38370251245346054)))</t>
  </si>
  <si>
    <t>MultiPolygon (((4.90891538320047438 52.40094691006927263, 4.91066604609270385 52.40078413128182433, 4.91483114997535342 52.40089943367146219, 4.92153784826016505 52.39907366818700751, 4.92082407822772971 52.39847543050752421, 4.92227015851366012 52.39653075353381695, 4.92131220714591411 52.39457362540495211, 4.91413458620273502 52.39605996951827649, 4.91083620114570607 52.39999121626224365, 4.90913455413649125 52.39980403471482617, 4.90891538320047438 52.40094691006927263, 4.90891538320047438 52.40094691006927263)))</t>
  </si>
  <si>
    <t>MultiPolygon (((4.90913455413649125 52.39980403471482617, 4.91083620114570607 52.39999121626224365, 4.91413458620273502 52.39605996951827649, 4.92131220714591411 52.39457362540495211, 4.91822910951955716 52.38974370078042853, 4.9127322224677874 52.39214493239113324, 4.91271349629481424 52.39361135323972718, 4.90913455413649125 52.39980403471482617, 4.90913455413649125 52.39980403471482617)))</t>
  </si>
  <si>
    <t>MultiPolygon (((4.90855770704491867 52.39332683893110953, 4.9127322224677874 52.39214493239113324, 4.91822910951955716 52.38974370078042853, 4.9144511684448533 52.38702801408570764, 4.90746804330315989 52.38370251245346054, 4.90209145103830402 52.38119473986341745, 4.90005462955002713 52.38215406146264996, 4.90661550715502948 52.38528205313985353, 4.90721459098823942 52.38647772344013021, 4.90605413022597237 52.38890288523865735, 4.9062451564100229 52.39097470057784989, 4.90855770704491867 52.39332683893110953, 4.90855770704491867 52.39332683893110953)))</t>
  </si>
  <si>
    <t>MultiPolygon (((4.87839895839653082 52.34467681856274623, 4.88109613807485854 52.34564064774934167, 4.88303173564548754 52.34440019028342306, 4.88572077513036795 52.34437532677490879, 4.88540022782831951 52.34200423114855028, 4.87831318038909956 52.34179088376180289, 4.87839895839653082 52.34467681856274623, 4.87839895839653082 52.34467681856274623)))</t>
  </si>
  <si>
    <t>MultiPolygon (((4.87659620125069893 52.34461655706969907, 4.87839895839653082 52.34467681856274623, 4.87831318038909956 52.34179088376180289, 4.8649776530510529 52.34139333607141253, 4.86479933575586632 52.34315648011669708, 4.86797112197188486 52.34397919616559847, 4.87659620125069893 52.34461655706969907, 4.87659620125069893 52.34461655706969907)))</t>
  </si>
  <si>
    <t>MultiPolygon (((4.90941761670486798 52.33877109342611078, 4.91179432190614751 52.33945854506542616, 4.91520922321178588 52.33466474922119005, 4.91748325548921805 52.33153652355263574, 4.91293171901790071 52.33051041494324096, 4.91110550991843908 52.33607942471208929, 4.90748042271171947 52.33796102421231922, 4.90941761670486798 52.33877109342611078, 4.90941761670486798 52.33877109342611078)))</t>
  </si>
  <si>
    <t>MultiPolygon (((4.9221671043034716 52.33829526377316199, 4.92522389377009606 52.33537935180425649, 4.92376528381490086 52.33544267366073655, 4.9225504634510111 52.33308419514433751, 4.91748325548921805 52.33153652355263574, 4.91520922321178588 52.33466474922119005, 4.91954646197231238 52.33579934732633632, 4.92025794714718856 52.33761419488011057, 4.9221671043034716 52.33829526377316199, 4.9221671043034716 52.33829526377316199)))</t>
  </si>
  <si>
    <t>MultiPolygon (((4.91318779022161412 52.34560371161786207, 4.91740990962987912 52.34650470864647787, 4.91957488969382162 52.34366296857426448, 4.92046862815859054 52.34276434066119066, 4.91945403916684043 52.34257646562293331, 4.91496420108177379 52.34186030811250134, 4.91413310873375941 52.34352985561301352, 4.91318779022161412 52.34560371161786207, 4.91318779022161412 52.34560371161786207)))</t>
  </si>
  <si>
    <t>MultiPolygon (((4.91496420108177379 52.34186030811250134, 4.91945403916684043 52.34257646562293331, 4.9221671043034716 52.33829526377316199, 4.92025794714718856 52.33761419488011057, 4.91954646197231238 52.33579934732633632, 4.91520922321178588 52.33466474922119005, 4.91179432190614751 52.33945854506542616, 4.91496420108177379 52.34186030811250134, 4.91496420108177379 52.34186030811250134)))</t>
  </si>
  <si>
    <t>MultiPolygon (((4.9142814976782363 52.32040797820726397, 4.91237560588230426 52.31824801066657926, 4.90913528219866979 52.31825319718976175, 4.90784054749084575 52.31950484745903651, 4.90253236117299895 52.32132435247181945, 4.89828059248390346 52.32164397245399101, 4.8962916485442376 52.32241985871993961, 4.895250027738971 52.32420077887564247, 4.8987510694802312 52.3327908918150797, 4.90624307315710428 52.32948424671997145, 4.91326556463357544 52.32840083531088027, 4.913592503871544 52.3263331147554851, 4.91388130586505945 52.32455153592581354, 4.91033416853571314 52.32356632411568853, 4.91134335727854499 52.32288412491340779, 4.91080706652314802 52.32188302798234503, 4.9142814976782363 52.32040797820726397, 4.9142814976782363 52.32040797820726397)))</t>
  </si>
  <si>
    <t>MultiPolygon (((4.90679244818164051 52.33596012469870118, 4.90748042271171947 52.33796102421231922, 4.91110550991843908 52.33607942471208929, 4.91293171901790071 52.33051041494324096, 4.91326556463357544 52.32840083531088027, 4.90624307315710428 52.32948424671997145, 4.8987510694802312 52.3327908918150797, 4.90019641400889316 52.33337525473507412, 4.90425429745253805 52.33357027408995066, 4.90679244818164051 52.33596012469870118, 4.90679244818164051 52.33596012469870118)))</t>
  </si>
  <si>
    <t>MultiPolygon (((4.92913989443585976 52.33897218339575375, 4.94259701767729087 52.33652111529073636, 4.94172113842703986 52.33640698902389232, 4.9417055517418822 52.33553287192093251, 4.93967461965820753 52.33560753674592547, 4.93651166657878271 52.33459198772242615, 4.93562371435205716 52.33551395462684042, 4.92849332124570161 52.33655481496217732, 4.92536269244787484 52.33538138284713881, 4.92522389377009606 52.33537935180425649, 4.9221671043034716 52.33829526377316199, 4.91945403916684043 52.34257646562293331, 4.92046862815859054 52.34276434066119066, 4.92129195643741379 52.34249517507032579, 4.92713966895945266 52.33981034966431167, 4.92913989443585976 52.33897218339575375, 4.92913989443585976 52.33897218339575375)))</t>
  </si>
  <si>
    <t>MultiPolygon (((4.92713966895945266 52.33981034966431167, 4.93262388327627566 52.3430883169117962, 4.93780013899415593 52.33954536006051228, 4.94300586914240547 52.33657438767492209, 4.94259701767729087 52.33652111529073636, 4.92913989443585976 52.33897218339575375, 4.92713966895945266 52.33981034966431167, 4.92713966895945266 52.33981034966431167)))</t>
  </si>
  <si>
    <t>MultiPolygon (((4.94018182659523575 52.34778326126299675, 4.94530428669216437 52.34455039231537654, 4.93780013899415593 52.33954536006051228, 4.93262388327627566 52.3430883169117962, 4.94018182659523575 52.34778326126299675, 4.94018182659523575 52.34778326126299675)))</t>
  </si>
  <si>
    <t>MultiPolygon (((4.94530428669216437 52.34455039231537654, 4.94563442572890466 52.34433679882936019, 4.95273096273309488 52.34015863295871895, 4.952499200719779 52.34000674573895395, 4.94986018044794474 52.33852824618746524, 4.94300586914240547 52.33657438767492209, 4.93780013899415593 52.33954536006051228, 4.94530428669216437 52.34455039231537654, 4.94530428669216437 52.34455039231537654)))</t>
  </si>
  <si>
    <t>MultiPolygon (((4.96831004555724576 52.3549269408225868, 4.96623986552241004 52.3541637675512419, 4.96585712691669823 52.35465115711349426, 4.96453851387695533 52.35277319247510519, 4.96042875125939986 52.34793609648492918, 4.9553467451313864 52.35007159546465516, 4.94879839028964419 52.35283121317959143, 4.95649283360966919 52.35778737534091221, 4.96130624388716424 52.35913049576037537, 4.96454060198897906 52.35746909590236697, 4.96959478051994274 52.35610167822196814, 4.96831004555724576 52.3549269408225868, 4.96831004555724576 52.3549269408225868)))</t>
  </si>
  <si>
    <t>MultiPolygon (((4.94094334605134122 52.35841328983213572, 4.94467724447272428 52.35826282403995435, 4.95649283360966919 52.35778737534091221, 4.94879839028964419 52.35283121317959143, 4.94189039526192886 52.35574158071295159, 4.93763923460294762 52.35749397437940189, 4.93714281793166876 52.35769009192576107, 4.93742723068298606 52.35773903780714988, 4.94094334605134122 52.35841328983213572, 4.94094334605134122 52.35841328983213572)))</t>
  </si>
  <si>
    <t>MultiPolygon (((4.9553467451313864 52.35007159546465516, 4.96042875125939986 52.34793609648492918, 4.96037726269557044 52.34788573420644298, 4.9563606932307076 52.3436800133317135, 4.95626790181102361 52.3435868619671254, 4.95002692552409762 52.34698393168112318, 4.9553467451313864 52.35007159546465516, 4.9553467451313864 52.35007159546465516)))</t>
  </si>
  <si>
    <t>MultiPolygon (((4.94563442572890466 52.34433679882936019, 4.95002692552409762 52.34698393168112318, 4.95626790181102361 52.3435868619671254, 4.95273096273309488 52.34015863295871895, 4.94563442572890466 52.34433679882936019, 4.94563442572890466 52.34433679882936019)))</t>
  </si>
  <si>
    <t>MultiPolygon (((4.94430952456013983 52.35023969365570906, 4.94879839028964419 52.35283121317959143, 4.9553467451313864 52.35007159546465516, 4.95002692552409762 52.34698393168112318, 4.94430952456013983 52.35023969365570906, 4.94430952456013983 52.35023969365570906)))</t>
  </si>
  <si>
    <t>MultiPolygon (((4.94018182659523575 52.34778326126299675, 4.94430952456013983 52.35023969365570906, 4.95002692552409762 52.34698393168112318, 4.94563442572890466 52.34433679882936019, 4.94530428669216437 52.34455039231537654, 4.94018182659523575 52.34778326126299675, 4.94018182659523575 52.34778326126299675)))</t>
  </si>
  <si>
    <t>MultiPolygon (((4.94189039526192886 52.35574158071295159, 4.94879839028964419 52.35283121317959143, 4.94430952456013983 52.35023969365570906, 4.94018182659523575 52.34778326126299675, 4.93517112514235823 52.35088190308927381, 4.93679678125542498 52.3523382285607326, 4.94189039526192886 52.35574158071295159, 4.94189039526192886 52.35574158071295159)))</t>
  </si>
  <si>
    <t>MultiPolygon (((4.93763923460294762 52.35749397437940189, 4.94189039526192886 52.35574158071295159, 4.93679678125542498 52.3523382285607326, 4.93268425237717523 52.35494907585819391, 4.93763923460294762 52.35749397437940189, 4.93763923460294762 52.35749397437940189)))</t>
  </si>
  <si>
    <t>MultiPolygon (((4.93714281793166876 52.35769009192576107, 4.93763923460294762 52.35749397437940189, 4.93268425237717523 52.35494907585819391, 4.93679678125542498 52.3523382285607326, 4.93517112514235823 52.35088190308927381, 4.93055590889092965 52.35374356843174581, 4.92822707411678795 52.3553359012794175, 4.93714281793166876 52.35769009192576107, 4.93714281793166876 52.35769009192576107)))</t>
  </si>
  <si>
    <t>MultiPolygon (((4.91222854843669232 52.34811367153718464, 4.91540808071558732 52.34953632158067194, 4.91660146038732204 52.3478824076652316, 4.91740990962987912 52.34650470864647787, 4.91318779022161412 52.34560371161786207, 4.91270357436514082 52.34733549111672346, 4.91222854843669232 52.34811367153718464, 4.91222854843669232 52.34811367153718464)))</t>
  </si>
  <si>
    <t>MultiPolygon (((4.93517112514235823 52.35088190308927381, 4.94018182659523575 52.34778326126299675, 4.93262388327627566 52.3430883169117962, 4.92749067635555082 52.34657329636763734, 4.93517112514235823 52.35088190308927381, 4.93517112514235823 52.35088190308927381)))</t>
  </si>
  <si>
    <t>MultiPolygon (((4.92556692528124085 52.34593664651949751, 4.92749067635555082 52.34657329636763734, 4.93262388327627566 52.3430883169117962, 4.92713966895945266 52.33981034966431167, 4.92129195643741379 52.34249517507032579, 4.92556692528124085 52.34593664651949751, 4.92556692528124085 52.34593664651949751)))</t>
  </si>
  <si>
    <t>MultiPolygon (((4.91957488969382162 52.34366296857426448, 4.91954022932085255 52.34559292898673277, 4.92556692528124085 52.34593664651949751, 4.92129195643741379 52.34249517507032579, 4.92046862815859054 52.34276434066119066, 4.91957488969382162 52.34366296857426448, 4.91957488969382162 52.34366296857426448)))</t>
  </si>
  <si>
    <t>MultiPolygon (((4.93055590889092965 52.35374356843174581, 4.93517112514235823 52.35088190308927381, 4.92749067635555082 52.34657329636763734, 4.9237358462706764 52.34866661956247214, 4.92504914347967748 52.35009062551561954, 4.93055590889092965 52.35374356843174581, 4.93055590889092965 52.35374356843174581)))</t>
  </si>
  <si>
    <t>MultiPolygon (((4.92822707411678795 52.3553359012794175, 4.93055590889092965 52.35374356843174581, 4.92504914347967748 52.35009062551561954, 4.92161433348518162 52.3523293903186584, 4.92822707411678795 52.3553359012794175, 4.92822707411678795 52.3553359012794175)))</t>
  </si>
  <si>
    <t>MultiPolygon (((4.91660146038732204 52.3478824076652316, 4.9237358462706764 52.34866661956247214, 4.92749067635555082 52.34657329636763734, 4.92556692528124085 52.34593664651949751, 4.91954022932085255 52.34559292898673277, 4.91957488969382162 52.34366296857426448, 4.91740990962987912 52.34650470864647787, 4.91660146038732204 52.3478824076652316, 4.91660146038732204 52.3478824076652316)))</t>
  </si>
  <si>
    <t>MultiPolygon (((4.92161433348518162 52.3523293903186584, 4.92504914347967748 52.35009062551561954, 4.9237358462706764 52.34866661956247214, 4.91660146038732204 52.3478824076652316, 4.91540808071558732 52.34953632158067194, 4.91649497470794472 52.35002481916686889, 4.92161433348518162 52.3523293903186584, 4.92161433348518162 52.3523293903186584)))</t>
  </si>
  <si>
    <t>MultiPolygon (((4.89913795643578354 52.33816651972057343, 4.90679244818164051 52.33596012469870118, 4.90425429745253805 52.33357027408995066, 4.90019641400889316 52.33337525473507412, 4.8987510694802312 52.3327908918150797, 4.89274155069662608 52.33457855213435295, 4.89913795643578354 52.33816651972057343, 4.89913795643578354 52.33816651972057343)))</t>
  </si>
  <si>
    <t>MultiPolygon (((4.89718395836142495 52.34238059200969673, 4.9020601637634913 52.34286385991112667, 4.90175986939006947 52.34037875425571684, 4.89742812032567443 52.34061008239370238, 4.89718395836142495 52.34238059200969673, 4.89718395836142495 52.34238059200969673)))</t>
  </si>
  <si>
    <t>MultiPolygon (((4.9020601637634913 52.34286385991112667, 4.90654381496027447 52.34278964429167047, 4.90941761670486798 52.33877109342611078, 4.90748042271171947 52.33796102421231922, 4.90679244818164051 52.33596012469870118, 4.89913795643578354 52.33816651972057343, 4.90146295397149867 52.33805483530503722, 4.90175986939006947 52.34037875425571684, 4.9020601637634913 52.34286385991112667, 4.9020601637634913 52.34286385991112667)))</t>
  </si>
  <si>
    <t>MultiPolygon (((4.90654381496027447 52.34278964429167047, 4.90877992218587877 52.34310599776287631, 4.9086756983939912 52.3443137441601607, 4.91413310873375941 52.34352985561301352, 4.91496420108177379 52.34186030811250134, 4.91179432190614751 52.33945854506542616, 4.90941761670486798 52.33877109342611078, 4.90654381496027447 52.34278964429167047, 4.90654381496027447 52.34278964429167047)))</t>
  </si>
  <si>
    <t>MultiPolygon (((4.90523244162305705 52.34629009897497554, 4.91270357436514082 52.34733549111672346, 4.91318779022161412 52.34560371161786207, 4.91413310873375941 52.34352985561301352, 4.9086756983939912 52.3443137441601607, 4.90877992218587877 52.34310599776287631, 4.90654381496027447 52.34278964429167047, 4.90523244162305705 52.34629009897497554, 4.90523244162305705 52.34629009897497554)))</t>
  </si>
  <si>
    <t>MultiPolygon (((4.90418952275175446 52.34907359680370575, 4.91105980963771316 52.35002816218176491, 4.91222854843669232 52.34811367153718464, 4.91270357436514082 52.34733549111672346, 4.90523244162305705 52.34629009897497554, 4.90418952275175446 52.34907359680370575, 4.90418952275175446 52.34907359680370575)))</t>
  </si>
  <si>
    <t>MultiPolygon (((4.89979991225708389 52.34846215742322073, 4.90418952275175446 52.34907359680370575, 4.90523244162305705 52.34629009897497554, 4.89998679271060578 52.34669731661323056, 4.89511569487279186 52.34693751733592393, 4.8952577912492341 52.34801112439937043, 4.89979991225708389 52.34846215742322073, 4.89979991225708389 52.34846215742322073)))</t>
  </si>
  <si>
    <t>MultiPolygon (((4.89228448856836007 52.34084307336539155, 4.89442601990104276 52.34074886980175023, 4.89415059035119082 52.33840023096504979, 4.89913795643578354 52.33816651972057343, 4.89274155069662608 52.33457855213435295, 4.89013007802431776 52.33617446493672531, 4.89188127114963311 52.3376169207334101, 4.89228448856836007 52.34084307336539155, 4.89228448856836007 52.34084307336539155)))</t>
  </si>
  <si>
    <t>MultiPolygon (((4.89442601990104276 52.34074886980175023, 4.89742812032567443 52.34061008239370238, 4.90175986939006947 52.34037875425571684, 4.90146295397149867 52.33805483530503722, 4.89913795643578354 52.33816651972057343, 4.89415059035119082 52.33840023096504979, 4.89442601990104276 52.34074886980175023, 4.89442601990104276 52.34074886980175023)))</t>
  </si>
  <si>
    <t>MultiPolygon (((4.89998679271060578 52.34669731661323056, 4.90523244162305705 52.34629009897497554, 4.90654381496027447 52.34278964429167047, 4.9020601637634913 52.34286385991112667, 4.89998679271060578 52.34669731661323056, 4.89998679271060578 52.34669731661323056)))</t>
  </si>
  <si>
    <t>MultiPolygon (((4.89511569487279186 52.34693751733592393, 4.89998679271060578 52.34669731661323056, 4.9020601637634913 52.34286385991112667, 4.89718395836142495 52.34238059200969673, 4.89549245455486393 52.34416478661663064, 4.89511569487279186 52.34693751733592393, 4.89511569487279186 52.34693751733592393)))</t>
  </si>
  <si>
    <t>MultiPolygon (((4.89127559437239601 52.34822658592241851, 4.8952577912492341 52.34801112439937043, 4.89511569487279186 52.34693751733592393, 4.89549245455486393 52.34416478661663064, 4.89718395836142495 52.34238059200969673, 4.89742812032567443 52.34061008239370238, 4.89442601990104276 52.34074886980175023, 4.89228448856836007 52.34084307336539155, 4.89067624687390001 52.34424534373267335, 4.89127559437239601 52.34822658592241851, 4.89127559437239601 52.34822658592241851)))</t>
  </si>
  <si>
    <t>MultiPolygon (((4.88627636365434181 52.34847182545599509, 4.89127559437239601 52.34822658592241851, 4.89067624687390001 52.34424534373267335, 4.88573778248227519 52.3445044262785828, 4.88627636365434181 52.34847182545599509, 4.88627636365434181 52.34847182545599509)))</t>
  </si>
  <si>
    <t>MultiPolygon (((5.00624357968544764 52.35455375249370746, 5.00952197611394379 52.35324981473266348, 5.00997346764343021 52.35273889072546893, 5.00348816510255023 52.35084198854334403, 5.00074352055321469 52.35230186970162691, 5.00388275575244901 52.35450886530509251, 5.0053518750051138 52.35375641785797995, 5.00624357968544764 52.35455375249370746, 5.00624357968544764 52.35455375249370746)))</t>
  </si>
  <si>
    <t>MultiPolygon (((4.99865226839781052 52.35087832495808158, 5.00074352055321469 52.35230186970162691, 5.00348816510255023 52.35084198854334403, 5.00997346764343021 52.35273889072546893, 5.0143296589087738 52.34780790409071471, 5.01457196048341203 52.34706981325955155, 5.00908854615454135 52.34503690305919577, 4.99865226839781052 52.35087832495808158, 4.99865226839781052 52.35087832495808158)))</t>
  </si>
  <si>
    <t>MultiPolygon (((4.99839663649752186 52.34840103239440623, 5.00496688053401417 52.34614282393598472, 5.0075278983390854 52.34441957363254261, 5.00508823858682117 52.3441830038728142, 4.99944363795210212 52.34619181406294786, 4.99839663649752186 52.34840103239440623, 4.99839663649752186 52.34840103239440623)))</t>
  </si>
  <si>
    <t>MultiPolygon (((5.01524938104686147 52.35508691634587564, 5.01648765484196879 52.35369026666813852, 5.01916371435226338 52.3504089705652973, 5.01518008666384851 52.34879580590013148, 5.01511907323998773 52.34743338953555281, 5.0143296589087738 52.34780790409071471, 5.00997346764343021 52.35273889072546893, 5.00952197611394379 52.35324981473266348, 5.01524938104686147 52.35508691634587564, 5.01524938104686147 52.35508691634587564)))</t>
  </si>
  <si>
    <t>MultiPolygon (((5.00270148703112305 52.36693265636513672, 5.01453173823195719 52.36797766845499069, 5.01275096409866627 52.36729369817472701, 5.00317207687449361 52.36639069606273722, 5.00270148703112305 52.36693265636513672, 5.00270148703112305 52.36693265636513672)))</t>
  </si>
  <si>
    <t>MultiPolygon (((5.01981048312187461 52.35631361487881463, 5.01986999098351561 52.35583054401526226, 5.02009325844219934 52.3540179784340296, 5.01648765484196879 52.35369026666813852, 5.01524938104686147 52.35508691634587564, 5.01981048312187461 52.35631361487881463, 5.01981048312187461 52.35631361487881463)))</t>
  </si>
  <si>
    <t>MultiPolygon (((5.01981048312187461 52.35631361487881463, 5.02051359269290032 52.35590784962667499, 5.01986999098351561 52.35583054401526226, 5.01981048312187461 52.35631361487881463, 5.01981048312187461 52.35631361487881463)))</t>
  </si>
  <si>
    <t>MultiPolygon (((5.01986999098351561 52.35583054401526226, 5.02051359269290032 52.35590784962667499, 5.02126196106859979 52.35410309882684743, 5.02009325844219934 52.3540179784340296, 5.01986999098351561 52.35583054401526226, 5.01986999098351561 52.35583054401526226)))</t>
  </si>
  <si>
    <t>MultiPolygon (((4.86816367905519165 52.34655829051917664, 4.87687285513377855 52.3468954230465684, 4.87659620125069893 52.34461655706969907, 4.86797112197188486 52.34397919616559847, 4.86708395703668018 52.34644942537962464, 4.86816367905519165 52.34655829051917664, 4.86816367905519165 52.34655829051917664)))</t>
  </si>
  <si>
    <t>MultiPolygon (((4.86739529987909503 52.34867492464461947, 4.87724286310663846 52.34904896781966954, 4.87687285513377855 52.3468954230465684, 4.86816367905519165 52.34655829051917664, 4.86739529987909503 52.34867492464461947, 4.86739529987909503 52.34867492464461947)))</t>
  </si>
  <si>
    <t>MultiPolygon (((4.86677206858765832 52.35039156719349052, 4.87872839133819092 52.350530246571779, 4.87724286310663846 52.34904896781966954, 4.86739529987909503 52.34867492464461947, 4.86677206858765832 52.35039156719349052, 4.86677206858765832 52.35039156719349052)))</t>
  </si>
  <si>
    <t>MultiPolygon (((4.87056046823855571 52.35206976910716747, 4.87748791198750364 52.3514704663067505, 4.87904742758578802 52.35119229498879179, 4.87872839133819092 52.350530246571779, 4.86677206858765832 52.35039156719349052, 4.86529766480963577 52.35069178891306052, 4.86607348315089716 52.35089558048470337, 4.87056046823855571 52.35206976910716747, 4.87056046823855571 52.35206976910716747)))</t>
  </si>
  <si>
    <t>MultiPolygon (((4.87872839133819092 52.350530246571779, 4.87904742758578802 52.35119229498879179, 4.88367884133770414 52.35036447870466958, 4.88477703307695243 52.34955479549262236, 4.87964502159795988 52.34699985741363548, 4.87687285513377855 52.3468954230465684, 4.87724286310663846 52.34904896781966954, 4.87872839133819092 52.350530246571779, 4.87872839133819092 52.350530246571779)))</t>
  </si>
  <si>
    <t>MultiPolygon (((4.88477703307695243 52.34955479549262236, 4.88627636365434181 52.34847182545599509, 4.88573778248227519 52.3445044262785828, 4.88572077513036795 52.34437532677490879, 4.88303173564548754 52.34440019028342306, 4.88109613807485854 52.34564064774934167, 4.87839895839653082 52.34467681856274623, 4.87659620125069893 52.34461655706969907, 4.87687285513377855 52.3468954230465684, 4.87964502159795988 52.34699985741363548, 4.88477703307695243 52.34955479549262236, 4.88477703307695243 52.34955479549262236)))</t>
  </si>
  <si>
    <t>MultiPolygon (((4.86566690145116976 52.3462577843355561, 4.86708395703668018 52.34644942537962464, 4.86797112197188486 52.34397919616559847, 4.86479933575586632 52.34315648011669708, 4.85804973189922418 52.34235772557576638, 4.85776793029677822 52.34318076368764849, 4.85869177978481837 52.34329910972931543, 4.85803999500089567 52.34522665402876385, 4.86566690145116976 52.3462577843355561, 4.86566690145116976 52.3462577843355561)))</t>
  </si>
  <si>
    <t>MultiPolygon (((4.84817559417610777 52.34276569455870032, 4.85201665063021448 52.34339773435429066, 4.85285168138003797 52.34164749493243107, 4.85729490578358991 52.34225155665044582, 4.85709011103503308 52.33889998471537552, 4.85077402565427818 52.33864673955207536, 4.84696618478886965 52.3381450207412442, 4.84817559417610777 52.34276569455870032, 4.84817559417610777 52.34276569455870032)))</t>
  </si>
  <si>
    <t>MultiPolygon (((4.85756797863030787 52.3474169277408734, 4.85803999500089567 52.34522665402876385, 4.85869177978481837 52.34329910972931543, 4.85776793029677822 52.34318076368764849, 4.85804973189922418 52.34235772557576638, 4.85729490578358991 52.34225155665044582, 4.85285168138003797 52.34164749493243107, 4.85201665063021448 52.34339773435429066, 4.85146505727103694 52.34526358985257133, 4.85241856163330088 52.34641581907465024, 4.85756797863030787 52.3474169277408734, 4.85756797863030787 52.3474169277408734)))</t>
  </si>
  <si>
    <t>MultiPolygon (((4.85756797863030787 52.3474169277408734, 4.86012116828559293 52.34873885709239261, 4.86566690145116976 52.3462577843355561, 4.85803999500089567 52.34522665402876385, 4.85756797863030787 52.3474169277408734, 4.85756797863030787 52.3474169277408734)))</t>
  </si>
  <si>
    <t>MultiPolygon (((4.86529766480963577 52.35069178891306052, 4.86677206858765832 52.35039156719349052, 4.86739529987909503 52.34867492464461947, 4.86816367905519165 52.34655829051917664, 4.86708395703668018 52.34644942537962464, 4.86566690145116976 52.3462577843355561, 4.86012116828559293 52.34873885709239261, 4.86157802470120259 52.34972610747554711, 4.86529766480963577 52.35069178891306052, 4.86529766480963577 52.35069178891306052)))</t>
  </si>
  <si>
    <t>MultiPolygon (((4.85740778011266361 52.34982917911200673, 4.86157802470120259 52.34972610747554711, 4.86012116828559293 52.34873885709239261, 4.85756797863030787 52.3474169277408734, 4.85740778011266361 52.34982917911200673, 4.85740778011266361 52.34982917911200673)))</t>
  </si>
  <si>
    <t>MultiPolygon (((4.88171513966048654 52.35368887171287611, 4.886754323373526 52.3546205313770372, 4.88648006675619051 52.35223436041990652, 4.88245380987410105 52.35288750786593681, 4.88171513966048654 52.35368887171287611, 4.88171513966048654 52.35368887171287611)))</t>
  </si>
  <si>
    <t>MultiPolygon (((4.8820928853949539 52.36205490848684718, 4.88238662601962492 52.36195631847263599, 4.87714856495921811 52.36009934924944531, 4.87386945891868884 52.35813748533738732, 4.86712982195360055 52.35610171340556462, 4.86553431277462778 52.35885179741992346, 4.873930855215729 52.36099551982896116, 4.87744822477301909 52.36077919100763722, 4.8820928853949539 52.36205490848684718, 4.8820928853949539 52.36205490848684718)))</t>
  </si>
  <si>
    <t>MultiPolygon (((4.88538061868124807 52.36123480008702558, 4.88629504199386311 52.36077793454109042, 4.88738383208111671 52.36023082261531414, 4.88671836948298211 52.35873043400935956, 4.88479377743509868 52.35898029435723799, 4.88136922064832035 52.35609376732222131, 4.87998691601015544 52.35613613546329503, 4.87855825039277846 52.35814977721376096, 4.88339953455018527 52.35944850807336337, 4.88538061868124807 52.36123480008702558, 4.88538061868124807 52.36123480008702558)))</t>
  </si>
  <si>
    <t>MultiPolygon (((4.88245380987410105 52.35288750786593681, 4.88648006675619051 52.35223436041990652, 4.88627636365434181 52.34847182545599509, 4.88477703307695243 52.34955479549262236, 4.88367884133770414 52.35036447870466958, 4.87904742758578802 52.35119229498879179, 4.88245380987410105 52.35288750786593681, 4.88245380987410105 52.35288750786593681)))</t>
  </si>
  <si>
    <t>MultiPolygon (((4.8762437054322314 52.35480171389434645, 4.87998691601015544 52.35613613546329503, 4.88171513966048654 52.35368887171287611, 4.88245380987410105 52.35288750786593681, 4.87904742758578802 52.35119229498879179, 4.87748791198750364 52.3514704663067505, 4.87792757577474934 52.35239940893209365, 4.8762437054322314 52.35480171389434645, 4.8762437054322314 52.35480171389434645)))</t>
  </si>
  <si>
    <t>MultiPolygon (((4.86993980814419025 52.35308582269958322, 4.8762437054322314 52.35480171389434645, 4.87792757577474934 52.35239940893209365, 4.87748791198750364 52.3514704663067505, 4.87056046823855571 52.35206976910716747, 4.86993980814419025 52.35308582269958322, 4.86993980814419025 52.35308582269958322)))</t>
  </si>
  <si>
    <t>MultiPolygon (((4.86712982195360055 52.35610171340556462, 4.87386945891868884 52.35813748533738732, 4.8762437054322314 52.35480171389434645, 4.86993980814419025 52.35308582269958322, 4.8679740571758412 52.35526664994060297, 4.8671937515974939 52.35601492269672264, 4.86712982195360055 52.35610171340556462, 4.86712982195360055 52.35610171340556462)))</t>
  </si>
  <si>
    <t>MultiPolygon (((4.87386945891868884 52.35813748533738732, 4.87714856495921811 52.36009934924944531, 4.87855825039277846 52.35814977721376096, 4.87998691601015544 52.35613613546329503, 4.8762437054322314 52.35480171389434645, 4.87386945891868884 52.35813748533738732, 4.87386945891868884 52.35813748533738732)))</t>
  </si>
  <si>
    <t>MultiPolygon (((4.88238662601962492 52.36195631847263599, 4.88538061868124807 52.36123480008702558, 4.88339953455018527 52.35944850807336337, 4.87855825039277846 52.35814977721376096, 4.87714856495921811 52.36009934924944531, 4.88238662601962492 52.36195631847263599, 4.88238662601962492 52.36195631847263599)))</t>
  </si>
  <si>
    <t>MultiPolygon (((4.87998691601015544 52.35613613546329503, 4.88136922064832035 52.35609376732222131, 4.88479377743509868 52.35898029435723799, 4.88671836948298211 52.35873043400935956, 4.88669266622006315 52.35529344197352231, 4.886754323373526 52.3546205313770372, 4.88171513966048654 52.35368887171287611, 4.87998691601015544 52.35613613546329503, 4.87998691601015544 52.35613613546329503)))</t>
  </si>
  <si>
    <t>MultiPolygon (((4.86544609970197683 52.35900674483789885, 4.86553431277462778 52.35885179741992346, 4.86712982195360055 52.35610171340556462, 4.8671937515974939 52.35601492269672264, 4.86680910323182037 52.35478326959284345, 4.86274653432514281 52.35573987313669875, 4.85583699960633908 52.35462065785961983, 4.85507925681822528 52.3564077376258652, 4.86544609970197683 52.35900674483789885, 4.86544609970197683 52.35900674483789885)))</t>
  </si>
  <si>
    <t>MultiPolygon (((4.8671937515974939 52.35601492269672264, 4.8679740571758412 52.35526664994060297, 4.86348638080762363 52.35325485157510172, 4.85660188060024911 52.35152016291269206, 4.85583699960633908 52.35462065785961983, 4.86274653432514281 52.35573987313669875, 4.86680910323182037 52.35478326959284345, 4.8671937515974939 52.35601492269672264, 4.8671937515974939 52.35601492269672264)))</t>
  </si>
  <si>
    <t>MultiPolygon (((4.85660188060024911 52.35152016291269206, 4.86348638080762363 52.35325485157510172, 4.86607348315089716 52.35089558048470337, 4.86529766480963577 52.35069178891306052, 4.86157802470120259 52.34972610747554711, 4.85740778011266361 52.34982917911200673, 4.85660188060024911 52.35152016291269206, 4.85660188060024911 52.35152016291269206)))</t>
  </si>
  <si>
    <t>MultiPolygon (((4.8679740571758412 52.35526664994060297, 4.86993980814419025 52.35308582269958322, 4.87056046823855571 52.35206976910716747, 4.86607348315089716 52.35089558048470337, 4.86348638080762363 52.35325485157510172, 4.8679740571758412 52.35526664994060297, 4.8679740571758412 52.35526664994060297)))</t>
  </si>
  <si>
    <t>MultiPolygon (((4.85236536402159135 52.35094947363884188, 4.85660188060024911 52.35152016291269206, 4.85740778011266361 52.34982917911200673, 4.85756797863030787 52.3474169277408734, 4.85241856163330088 52.34641581907465024, 4.85146505727103694 52.34526358985257133, 4.85201665063021448 52.34339773435429066, 4.84817559417610777 52.34276569455870032, 4.85137340331634359 52.34804725255535374, 4.85236536402159135 52.35094947363884188, 4.85236536402159135 52.35094947363884188)))</t>
  </si>
  <si>
    <t>MultiPolygon (((4.85411727593404585 52.35652074091594699, 4.85507925681822528 52.3564077376258652, 4.85583699960633908 52.35462065785961983, 4.85660188060024911 52.35152016291269206, 4.85236536402159135 52.35094947363884188, 4.85354766763884538 52.35477403763281501, 4.85411727593404585 52.35652074091594699, 4.85411727593404585 52.35652074091594699)))</t>
  </si>
  <si>
    <t>MultiPolygon (((4.8419383643060927 52.34598019446282535, 4.8456483475196741 52.34631898884248358, 4.84685501920539608 52.34543230375074785, 4.84829530026698308 52.34544358399630681, 4.84819856259035653 52.34689621652470493, 4.85137340331634359 52.34804725255535374, 4.84817559417610777 52.34276569455870032, 4.84696618478886965 52.3381450207412442, 4.84406481211293016 52.33824724372629333, 4.84223573287929909 52.33943823954362529, 4.8419383643060927 52.34598019446282535, 4.8419383643060927 52.34598019446282535)))</t>
  </si>
  <si>
    <t>MultiPolygon (((4.85033683945399829 52.3548701101264129, 4.85354766763884538 52.35477403763281501, 4.85236536402159135 52.35094947363884188, 4.85039300410432084 52.35161052126117909, 4.85033683945399829 52.3548701101264129, 4.85033683945399829 52.3548701101264129)))</t>
  </si>
  <si>
    <t>MultiPolygon (((4.84944067108560617 52.35160472971266898, 4.85039300410432084 52.35161052126117909, 4.85236536402159135 52.35094947363884188, 4.85137340331634359 52.34804725255535374, 4.84819856259035653 52.34689621652470493, 4.84829530026698308 52.34544358399630681, 4.84685501920539608 52.34543230375074785, 4.8456483475196741 52.34631898884248358, 4.84564027583788182 52.3468785817442992, 4.84646003993125873 52.3467988909962898, 4.84927238463722965 52.34965599226962496, 4.84944067108560617 52.35160472971266898, 4.84944067108560617 52.35160472971266898)))</t>
  </si>
  <si>
    <t>MultiPolygon (((4.84555066995981409 52.35158099280098298, 4.84944067108560617 52.35160472971266898, 4.84927238463722965 52.34965599226962496, 4.84646003993125873 52.3467988909962898, 4.84564027583788182 52.3468785817442992, 4.84555066995981409 52.35158099280098298, 4.84555066995981409 52.35158099280098298)))</t>
  </si>
  <si>
    <t>MultiPolygon (((4.84888607695874008 52.3579119735887204, 4.85028161573730987 52.35791529898001784, 4.85033683945399829 52.3548701101264129, 4.85039300410432084 52.35161052126117909, 4.84944067108560617 52.35160472971266898, 4.84555066995981409 52.35158099280098298, 4.84478779042002206 52.35209224356604807, 4.84473482093309205 52.35547878238737951, 4.84892768859045642 52.35550451315053522, 4.84888607695874008 52.3579119735887204, 4.84888607695874008 52.3579119735887204)))</t>
  </si>
  <si>
    <t>MultiPolygon (((4.85028161573730987 52.35791529898001784, 4.85389133348985791 52.35802186200957919, 4.85477599088870804 52.35775369138338675, 4.85411727593404585 52.35652074091594699, 4.85354766763884538 52.35477403763281501, 4.85033683945399829 52.3548701101264129, 4.85028161573730987 52.35791529898001784, 4.85028161573730987 52.35791529898001784)))</t>
  </si>
  <si>
    <t>MultiPolygon (((4.84945518457350122 52.36336485597939827, 4.85318469244862793 52.36355118047514168, 4.85389133348985791 52.35802186200957919, 4.85028161573730987 52.35791529898001784, 4.84888607695874008 52.3579119735887204, 4.84887983772435227 52.35804257156054575, 4.84945518457350122 52.36336485597939827, 4.84945518457350122 52.36336485597939827)))</t>
  </si>
  <si>
    <t>MultiPolygon (((4.85824813213553686 52.36420626967220215, 4.85923335042706395 52.36366882243576981, 4.85745048744934849 52.3615481149920825, 4.8548595438724762 52.35785953851344487, 4.85477599088870804 52.35775369138338675, 4.85389133348985791 52.35802186200957919, 4.85318469244862793 52.36355118047514168, 4.85824813213553686 52.36420626967220215, 4.85824813213553686 52.36420626967220215)))</t>
  </si>
  <si>
    <t>MultiPolygon (((4.8496989390530203 52.36670365537744232, 4.85248238691179345 52.36718565721227492, 4.85318469244862793 52.36355118047514168, 4.84945518457350122 52.36336485597939827, 4.84918195919362383 52.36422287332454317, 4.8496989390530203 52.36670365537744232, 4.8496989390530203 52.36670365537744232)))</t>
  </si>
  <si>
    <t>MultiPolygon (((4.84835263822257456 52.36971388630658453, 4.85026006970271695 52.37003690279748724, 4.85248238691179345 52.36718565721227492, 4.8496989390530203 52.36670365537744232, 4.84835263822257456 52.36971388630658453, 4.84835263822257456 52.36971388630658453)))</t>
  </si>
  <si>
    <t>MultiPolygon (((4.85248238691179345 52.36718565721227492, 4.85736136233243609 52.36846338742914497, 4.85824813213553686 52.36420626967220215, 4.85318469244862793 52.36355118047514168, 4.85248238691179345 52.36718565721227492, 4.85248238691179345 52.36718565721227492)))</t>
  </si>
  <si>
    <t>MultiPolygon (((4.85368795282282317 52.37063372215151702, 4.85655051806173255 52.37112452993468281, 4.85736136233243609 52.36846338742914497, 4.85248238691179345 52.36718565721227492, 4.85026006970271695 52.37003690279748724, 4.85368795282282317 52.37063372215151702, 4.85368795282282317 52.37063372215151702)))</t>
  </si>
  <si>
    <t>MultiPolygon (((4.84303184005723608 52.37221321172062716, 4.84677773927798228 52.37241039118520547, 4.84835263822257456 52.36971388630658453, 4.84256298971329002 52.36958556713277346, 4.84303184005723608 52.37221321172062716, 4.84303184005723608 52.37221321172062716)))</t>
  </si>
  <si>
    <t>MultiPolygon (((4.84677773927798228 52.37241039118520547, 4.84887446538573741 52.37274157880353442, 4.85026006970271695 52.37003690279748724, 4.84835263822257456 52.36971388630658453, 4.84677773927798228 52.37241039118520547, 4.84677773927798228 52.37241039118520547)))</t>
  </si>
  <si>
    <t>MultiPolygon (((4.8499875060601525 52.37294266920191177, 4.85241110189312863 52.37339976297588606, 4.85368795282282317 52.37063372215151702, 4.85026006970271695 52.37003690279748724, 4.84887446538573741 52.37274157880353442, 4.8499875060601525 52.37294266920191177, 4.8499875060601525 52.37294266920191177)))</t>
  </si>
  <si>
    <t>MultiPolygon (((4.85241110189312863 52.37339976297588606, 4.85556244613371746 52.37435593787165544, 4.85655051806173255 52.37112452993468281, 4.85368795282282317 52.37063372215151702, 4.85241110189312863 52.37339976297588606, 4.85241110189312863 52.37339976297588606)))</t>
  </si>
  <si>
    <t>MultiPolygon (((4.85556244613371746 52.37435593787165544, 4.85856322830470155 52.37465386178188709, 4.85960305312060825 52.37151248186949459, 4.85888696751228721 52.37144392192059428, 4.85655051806173255 52.37112452993468281, 4.85556244613371746 52.37435593787165544, 4.85556244613371746 52.37435593787165544)))</t>
  </si>
  <si>
    <t>MultiPolygon (((4.85856322830470155 52.37465386178188709, 4.86286138261728063 52.37519674184339635, 4.86365067813838792 52.37066583215487725, 4.85960305312060825 52.37151248186949459, 4.85856322830470155 52.37465386178188709, 4.85856322830470155 52.37465386178188709)))</t>
  </si>
  <si>
    <t>MultiPolygon (((4.86286138261728063 52.37519674184339635, 4.86443349380789769 52.37541121599979732, 4.86723083919733757 52.372539138500386, 4.86635197869490899 52.37158567659714947, 4.86502169357629644 52.37013666379730381, 4.86365067813838792 52.37066583215487725, 4.86286138261728063 52.37519674184339635, 4.86286138261728063 52.37519674184339635)))</t>
  </si>
  <si>
    <t>MultiPolygon (((4.83925156142749824 52.38501557637620465, 4.84457393103035727 52.38510133816016179, 4.84406197170367303 52.37790181042102944, 4.83771779170282024 52.37885772808193252, 4.83929040808160504 52.38269546515203245, 4.83925156142749824 52.38501557637620465, 4.83925156142749824 52.38501557637620465)))</t>
  </si>
  <si>
    <t>MultiPolygon (((4.83771779170282024 52.37885772808193252, 4.84406197170367303 52.37790181042102944, 4.84300549289563875 52.37536241555019956, 4.83669489233598693 52.37635055338022028, 4.83771779170282024 52.37885772808193252, 4.83771779170282024 52.37885772808193252)))</t>
  </si>
  <si>
    <t>MultiPolygon (((4.83669489233598693 52.37635055338022028, 4.84300549289563875 52.37536241555019956, 4.84213108274941106 52.37223825790145071, 4.83533106919805 52.37315083069765365, 4.83669489233598693 52.37635055338022028, 4.83669489233598693 52.37635055338022028)))</t>
  </si>
  <si>
    <t>MultiPolygon (((4.84406197170367303 52.37790181042102944, 4.8460763310205035 52.37794824569113672, 4.8474116969955503 52.37546955599017906, 4.84677773927798228 52.37241039118520547, 4.84303184005723608 52.37221321172062716, 4.84213108274941106 52.37223825790145071, 4.84300549289563875 52.37536241555019956, 4.84406197170367303 52.37790181042102944, 4.84406197170367303 52.37790181042102944)))</t>
  </si>
  <si>
    <t>MultiPolygon (((4.8474116969955503 52.37546955599017906, 4.84833859600255224 52.37567044919877901, 4.8499875060601525 52.37294266920191177, 4.84887446538573741 52.37274157880353442, 4.84677773927798228 52.37241039118520547, 4.8474116969955503 52.37546955599017906, 4.8474116969955503 52.37546955599017906)))</t>
  </si>
  <si>
    <t>MultiPolygon (((4.8460763310205035 52.37794824569113672, 4.8519436932476383 52.37913890344836432, 4.85361202523840163 52.38007211147127862, 4.8563643383752586 52.37815843118961823, 4.85679719801020404 52.37684892289443894, 4.85466215722075045 52.37659845819381133, 4.85556244613371746 52.37435593787165544, 4.85241110189312863 52.37339976297588606, 4.8499875060601525 52.37294266920191177, 4.84833859600255224 52.37567044919877901, 4.8474116969955503 52.37546955599017906, 4.8460763310205035 52.37794824569113672, 4.8460763310205035 52.37794824569113672)))</t>
  </si>
  <si>
    <t>MultiPolygon (((4.85459785344176087 52.38071297977251106, 4.85551291015517705 52.38250635997454197, 4.85704795977662052 52.38253319931870067, 4.86150063099726282 52.380118259353317, 4.85676714931253084 52.37908083497645606, 4.85459785344176087 52.38071297977251106, 4.85459785344176087 52.38071297977251106)))</t>
  </si>
  <si>
    <t>MultiPolygon (((4.84750341450355737 52.38516336908583071, 4.85666864579988911 52.38532255949748162, 4.85704795977662052 52.38253319931870067, 4.85551291015517705 52.38250635997454197, 4.85459785344176087 52.38071297977251106, 4.84848224728495669 52.38380351231729293, 4.84750341450355737 52.38516336908583071, 4.84750341450355737 52.38516336908583071)))</t>
  </si>
  <si>
    <t>MultiPolygon (((4.85361202523840163 52.38007211147127862, 4.85459785344176087 52.38071297977251106, 4.85676714931253084 52.37908083497645606, 4.85856322830470155 52.37465386178188709, 4.85556244613371746 52.37435593787165544, 4.85466215722075045 52.37659845819381133, 4.85679719801020404 52.37684892289443894, 4.8563643383752586 52.37815843118961823, 4.85361202523840163 52.38007211147127862, 4.85361202523840163 52.38007211147127862)))</t>
  </si>
  <si>
    <t>MultiPolygon (((4.86150063099726282 52.380118259353317, 4.8626207878233414 52.38039199725862005, 4.86443349380789769 52.37541121599979732, 4.86286138261728063 52.37519674184339635, 4.85856322830470155 52.37465386178188709, 4.85676714931253084 52.37908083497645606, 4.86150063099726282 52.380118259353317, 4.86150063099726282 52.380118259353317)))</t>
  </si>
  <si>
    <t>MultiPolygon (((4.84480752402800707 52.38510625320364511, 4.84750341450355737 52.38516336908583071, 4.84848224728495669 52.38380351231729293, 4.85459785344176087 52.38071297977251106, 4.85361202523840163 52.38007211147127862, 4.8519436932476383 52.37913890344836432, 4.8460763310205035 52.37794824569113672, 4.84406197170367303 52.37790181042102944, 4.84457393103035727 52.38510133816016179, 4.84480752402800707 52.38510625320364511, 4.84480752402800707 52.38510625320364511)))</t>
  </si>
  <si>
    <t>MultiPolygon (((4.85666864579988911 52.38532255949748162, 4.86066741082719744 52.38539225138687527, 4.8621123612995607 52.38171283760226515, 4.8626207878233414 52.38039199725862005, 4.86150063099726282 52.380118259353317, 4.85704795977662052 52.38253319931870067, 4.85666864579988911 52.38532255949748162, 4.85666864579988911 52.38532255949748162)))</t>
  </si>
  <si>
    <t>MultiPolygon (((4.84431243695440195 52.3953024966062344, 4.85689901421567072 52.3954005207309379, 4.85730632986630795 52.39238466951113082, 4.85916454931422148 52.38893120438493156, 4.84468069021528169 52.3889183003578367, 4.84431243695440195 52.3953024966062344, 4.84431243695440195 52.3953024966062344)))</t>
  </si>
  <si>
    <t>MultiPolygon (((4.84468069021528169 52.3889183003578367, 4.85916454931422148 52.38893120438493156, 4.86495638972452316 52.38896512737503741, 4.8649102519860481 52.38805596936643383, 4.86318374410034959 52.38802669953813052, 4.86396511526158548 52.38611211520090194, 4.86461882376749433 52.38545856228832776, 4.86066741082719744 52.38539225138687527, 4.85666864579988911 52.38532255949748162, 4.84750341450355737 52.38516336908583071, 4.84480752402800707 52.38510625320364511, 4.84468069021528169 52.3889183003578367, 4.84468069021528169 52.3889183003578367)))</t>
  </si>
  <si>
    <t>MultiPolygon (((4.99187996381982924 52.3570153180482194, 4.99499942995426949 52.35915539562864041, 4.99605713634151272 52.35861850343913204, 4.9971464898924296 52.35936445457251409, 5.00577301667615782 52.35480263771379583, 5.00646626342694301 52.35488263071350445, 5.00624357968544764 52.35455375249370746, 5.0053518750051138 52.35375641785797995, 5.00388275575244901 52.35450886530509251, 5.00074352055321469 52.35230186970162691, 4.99187996381982924 52.3570153180482194, 4.99187996381982924 52.3570153180482194)))</t>
  </si>
  <si>
    <t>MultiPolygon (((4.9971464898924296 52.35936445457251409, 4.99605713634151272 52.35861850343913204, 4.99499942995426949 52.35915539562864041, 4.99187996381982924 52.3570153180482194, 4.98641351778423481 52.35996502281946618, 4.98652804182950682 52.36002780654126099, 4.98769858257668552 52.35978585027487497, 4.99207765166809825 52.36165798992074372, 4.9971464898924296 52.35936445457251409, 4.9971464898924296 52.35936445457251409)))</t>
  </si>
  <si>
    <t>MultiPolygon (((4.99187996381982924 52.3570153180482194, 5.00074352055321469 52.35230186970162691, 4.99865226839781052 52.35087832495808158, 4.99758120040115283 52.35030205835283112, 4.99187742369348531 52.35288194904509851, 4.98927863973043006 52.35470804497918351, 4.99023846727877984 52.3549415239120961, 4.98672147792664866 52.35663955209674469, 4.98652445308114789 52.35800350114752177, 4.98819077101884645 52.35864359385460887, 4.98634548595387272 52.35992760056684858, 4.98641351778423481 52.35996502281946618, 4.99187996381982924 52.3570153180482194, 4.99187996381982924 52.3570153180482194)))</t>
  </si>
  <si>
    <t>MultiPolygon (((4.97661302004280071 52.36512018743076879, 4.97663935700600213 52.36513598562408589, 4.98641351778423481 52.35996502281946618, 4.98634548595387272 52.35992760056684858, 4.98477496072397308 52.36035252820241936, 4.98043693679731003 52.35855580744151894, 4.9784282780453859 52.36081564629129304, 4.97711221798373238 52.36029124279203018, 4.97539428983420162 52.36077048618945184, 4.97421560770055748 52.36183091335909978, 4.9774547952569117 52.36414919160762338, 4.97661302004280071 52.36512018743076879, 4.97661302004280071 52.36512018743076879)))</t>
  </si>
  <si>
    <t>MultiPolygon (((4.99077672819871232 52.36377110677789659, 4.98662540413694622 52.36080869991150166, 4.98559606579542525 52.36108179960446307, 4.98652804182950682 52.36002780654126099, 4.98641351778423481 52.35996502281946618, 4.97663935700600213 52.36513598562408589, 4.97672994943493574 52.36519032465353263, 4.98091178217094388 52.36329515922131606, 4.98473994065072112 52.36487505447428958, 4.98469151743474637 52.36567291164574556, 4.99077672819871232 52.36377110677789659, 4.99077672819871232 52.36377110677789659)))</t>
  </si>
  <si>
    <t>MultiPolygon (((4.97218956118954836 52.37287565220773189, 4.98020891004870148 52.36899077296034477, 4.97366009813314136 52.36857187766848654, 4.97328765257957173 52.36756142862243024, 4.97672994943493574 52.36519032465353263, 4.97663935700600213 52.36513598562408589, 4.96797290777554323 52.36979706645998078, 4.97218956118954836 52.37287565220773189, 4.97218956118954836 52.37287565220773189)))</t>
  </si>
  <si>
    <t>MultiPolygon (((4.96481043086608675 52.37682529263226883, 4.97218956118954836 52.37287565220773189, 4.96797290777554323 52.36979706645998078, 4.96234899103150084 52.3720515011513541, 4.96302181026732736 52.37523276445531906, 4.96481043086608675 52.37682529263226883, 4.96481043086608675 52.37682529263226883)))</t>
  </si>
  <si>
    <t>MultiPolygon (((4.96130445981704504 52.36369520039711034, 4.96832778189219582 52.36092037925067189, 4.96974178721605142 52.36352850495112676, 4.97036100666597491 52.36327892638065862, 4.96891247279847015 52.36078539230891238, 4.97405902301293423 52.36039770747272115, 4.97410657712570536 52.3579202146472511, 4.97527239740901628 52.35715233306202521, 4.98479354488723025 52.35802401996398459, 4.98580782498677166 52.35755633591956837, 4.98512924853676065 52.35537136135113201, 4.99142904357157224 52.35242362799400695, 4.99439707029919422 52.35003025120952458, 4.99572407482031977 52.34983427194758576, 4.99880009864180508 52.34601939979927465, 5.00248838004200991 52.34412106404123932, 5.00581391903229278 52.34355535680273164, 5.01019338664129865 52.3442269740395929, 5.01230437676815122 52.34384629751307472, 5.01225823463782749 52.3438011355695636, 5.00906847086662754 52.34189140787719907, 5.00416219066280465 52.34257750860896863, 5.00145265620570267 52.34233563080887564, 4.99932065299995987 52.34153632479545593, 4.99834315778543292 52.34201131916379524, 4.98991254973025455 52.34646072741874434, 4.98380376989742757 52.34970992946644941, 4.98036232164592452 52.35154413895067904, 4.97670917605878937 52.35349188830672063, 4.97248066120275478 52.35545635063803616, 4.96959478051994274 52.35610167822196814, 4.96454060198897906 52.35746909590236697, 4.96130624388716424 52.35913049576037537, 4.95730177313591547 52.36589953169236367, 4.95932154637695266 52.3660883148620826, 4.96108556169936499 52.36599118793714069, 4.96229600716540098 52.36472447376034722, 4.96130445981704504 52.36369520039711034, 4.96130445981704504 52.36369520039711034)))</t>
  </si>
  <si>
    <t>MultiPolygon (((4.95575147336590849 52.37333663491238411, 4.96234899103150084 52.3720515011513541, 4.9623163253475786 52.3685677494418016, 4.9580088636018278 52.3684262616536742, 4.95817675247334755 52.3668679108339532, 4.95968753495606851 52.36714247029365055, 4.95932154637695266 52.3660883148620826, 4.95730177313591547 52.36589953169236367, 4.95656911217686336 52.36846080455470087, 4.95575147336590849 52.37333663491238411, 4.95575147336590849 52.37333663491238411)))</t>
  </si>
  <si>
    <t>MultiPolygon (((4.96234899103150084 52.3720515011513541, 4.96797290777554323 52.36979706645998078, 4.97663935700600213 52.36513598562408589, 4.97661302004280071 52.36512018743076879, 4.97580682917979011 52.36555319334904368, 4.97240878075905357 52.3652312349340221, 4.97036100666597491 52.36327892638065862, 4.96974178721605142 52.36352850495112676, 4.96980929929579052 52.36569773117179949, 4.96842905364895682 52.36673399375866467, 4.96988763201710881 52.3682143753662217, 4.96912532448662692 52.36862800068472268, 4.9623163253475786 52.3685677494418016, 4.96234899103150084 52.3720515011513541, 4.96234899103150084 52.3720515011513541)))</t>
  </si>
  <si>
    <t>MultiPolygon (((4.96302181026732736 52.37523276445531906, 4.96234899103150084 52.3720515011513541, 4.95575147336590849 52.37333663491238411, 4.95498461621585751 52.37647904389064735, 4.95574268152861031 52.3765519894201006, 4.95842857957275029 52.38086476594780549, 4.96021251833470167 52.38132205465415581, 4.95901587854861781 52.38058925220421713, 4.96186753464760155 52.37978343196520825, 4.96148254884704265 52.37918377435548933, 4.95986037171150063 52.37953198893310258, 4.96481043086608675 52.37682529263226883, 4.96302181026732736 52.37523276445531906)))</t>
  </si>
  <si>
    <t>MultiPolygon (((4.94612557548782306 52.36736074239343708, 4.95187355345868951 52.36741086072133555, 4.94998397571691928 52.36670487453727674, 4.94614131975464844 52.36667486418928519, 4.93946004829309349 52.36664728352908327, 4.93209150530024676 52.36657103555859294, 4.93158186985290659 52.36656742712636259, 4.93198423389439711 52.36723446706223939, 4.93419319738647921 52.36724325487728038, 4.93947383503147641 52.36728453074110945, 4.94612557548782306 52.36736074239343708, 4.94612557548782306 52.36736074239343708)))</t>
  </si>
  <si>
    <t>MultiPolygon (((4.95451574593098876 52.37342610377295671, 4.95575147336590849 52.37333663491238411, 4.95656911217686336 52.36846080455470087, 4.95187355345868951 52.36741086072133555, 4.94612557548782306 52.36736074239343708, 4.94557745998820319 52.37021186096727376, 4.95144347305677446 52.37053548151389037, 4.95451574593098876 52.37342610377295671, 4.95451574593098876 52.37342610377295671)))</t>
  </si>
  <si>
    <t>MultiPolygon (((4.93854561105260625 52.36855210763074808, 4.93947383503147641 52.36728453074110945, 4.93419319738647921 52.36724325487728038, 4.93854561105260625 52.36855210763074808, 4.93854561105260625 52.36855210763074808)))</t>
  </si>
  <si>
    <t>MultiPolygon (((4.93851548997007317 52.36991708509594901, 4.94557745998820319 52.37021186096727376, 4.94612557548782306 52.36736074239343708, 4.93947383503147641 52.36728453074110945, 4.93854561105260625 52.36855210763074808, 4.93851548997007317 52.36991708509594901, 4.93851548997007317 52.36991708509594901)))</t>
  </si>
  <si>
    <t>MultiPolygon (((4.93293778911780922 52.37054575683735891, 4.93848848739922897 52.37114065545990371, 4.93851548997007317 52.36991708509594901, 4.93854561105260625 52.36855210763074808, 4.93419319738647921 52.36724325487728038, 4.93198423389439711 52.36723446706223939, 4.93293778911780922 52.37054575683735891, 4.93293778911780922 52.37054575683735891)))</t>
  </si>
  <si>
    <t>MultiPolygon (((4.9384728180712516 52.37185064838187287, 4.95451574593098876 52.37342610377295671, 4.95144347305677446 52.37053548151389037, 4.94557745998820319 52.37021186096727376, 4.93851548997007317 52.36991708509594901, 4.93848848739922897 52.37114065545990371, 4.9384728180712516 52.37185064838187287, 4.9384728180712516 52.37185064838187287)))</t>
  </si>
  <si>
    <t>MultiPolygon (((4.93870214969316024 52.37524435530518474, 4.95498461621585751 52.37647904389064735, 4.95575147336590849 52.37333663491238411, 4.95451574593098876 52.37342610377295671, 4.9384728180712516 52.37185064838187287, 4.93843627783641992 52.373506221790187, 4.93955307377627495 52.37447980539787551, 4.93870214969316024 52.37524435530518474, 4.93870214969316024 52.37524435530518474)))</t>
  </si>
  <si>
    <t>MultiPolygon (((4.94318350508813165 52.38250909346881912, 4.95242356266092099 52.38257056003543255, 4.95840759943755049 52.38247320093579162, 4.96060669328853709 52.38166160605312172, 4.96115251230440357 52.38141361970989607, 4.96021251833470167 52.38132205465415581, 4.95842857957275029 52.38086476594780549, 4.95574268152861031 52.3765519894201006, 4.95498461621585751 52.37647904389064735, 4.93870214969316024 52.37524435530518474, 4.93698459851277072 52.37777048674843883, 4.93734984046450442 52.38240731063913813, 4.94318350508813165 52.38250909346881912, 4.94318350508813165 52.38250909346881912)))</t>
  </si>
  <si>
    <t>MultiPolygon (((4.91985268859608293 52.38081105244796021, 4.93734984046450442 52.38240731063913813, 4.93698459851277072 52.37777048674843883, 4.93870214969316024 52.37524435530518474, 4.92904668594519446 52.3769202959770297, 4.9109992191491818 52.37992536627326956, 4.91985268859608293 52.38081105244796021, 4.91985268859608293 52.38081105244796021)))</t>
  </si>
  <si>
    <t>MultiPolygon (((4.92904668594519446 52.3769202959770297, 4.93870214969316024 52.37524435530518474, 4.93955307377627495 52.37447980539787551, 4.93843627783641992 52.373506221790187, 4.9384728180712516 52.37185064838187287, 4.93848848739922897 52.37114065545990371, 4.93293778911780922 52.37054575683735891, 4.93196930575956483 52.37215513243242526, 4.92790230346703328 52.37385235773476211, 4.92769315013241638 52.37391337796536561, 4.92904668594519446 52.3769202959770297, 4.92904668594519446 52.3769202959770297)))</t>
  </si>
  <si>
    <t>MultiPolygon (((4.91058838283998078 52.37991295701661443, 4.9109992191491818 52.37992536627326956, 4.92904668594519446 52.3769202959770297, 4.92769315013241638 52.37391337796536561, 4.9249274179500997 52.37480309740804785, 4.92140633430624863 52.37560374079559011, 4.91302525061437212 52.37679434429834657, 4.91115299361775026 52.37763564324247767, 4.91058838283998078 52.37991295701661443, 4.91058838283998078 52.37991295701661443)))</t>
  </si>
  <si>
    <t>MultiPolygon (((4.94849685447020793 52.36525863169107708, 4.95730177313591547 52.36589953169236367, 4.96130624388716424 52.35913049576037537, 4.95649283360966919 52.35778737534091221, 4.94467724447272428 52.35826282403995435, 4.94591919794350865 52.362513131542336, 4.94849685447020793 52.36525863169107708, 4.94849685447020793 52.36525863169107708)))</t>
  </si>
  <si>
    <t>MultiPolygon (((4.95656911217686336 52.36846080455470087, 4.95730177313591547 52.36589953169236367, 4.94849685447020793 52.36525863169107708, 4.94614131975464844 52.36667486418928519, 4.94998397571691928 52.36670487453727674, 4.95187355345868951 52.36741086072133555, 4.95656911217686336 52.36846080455470087, 4.95656911217686336 52.36846080455470087)))</t>
  </si>
  <si>
    <t>MultiPolygon (((4.93974016304789565 52.36164436976250158, 4.94591919794350865 52.362513131542336, 4.94467724447272428 52.35826282403995435, 4.94094334605134122 52.35841328983213572, 4.93974016304789565 52.36164436976250158, 4.93974016304789565 52.36164436976250158)))</t>
  </si>
  <si>
    <t>MultiPolygon (((4.93946004829309349 52.36664728352908327, 4.94614131975464844 52.36667486418928519, 4.94849685447020793 52.36525863169107708, 4.94591919794350865 52.362513131542336, 4.93974016304789565 52.36164436976250158, 4.93953707357911309 52.36378099944115405, 4.93946004829309349 52.36664728352908327, 4.93946004829309349 52.36664728352908327)))</t>
  </si>
  <si>
    <t>MultiPolygon (((4.93211545486072644 52.36119690841726992, 4.93974016304789565 52.36164436976250158, 4.94094334605134122 52.35841328983213572, 4.93742723068298606 52.35773903780714988, 4.93211545486072644 52.36119690841726992, 4.93211545486072644 52.36119690841726992)))</t>
  </si>
  <si>
    <t>MultiPolygon (((4.9312235249024976 52.36338063378043017, 4.93953707357911309 52.36378099944115405, 4.93974016304789565 52.36164436976250158, 4.93211545486072644 52.36119690841726992, 4.93140381100126302 52.36321662473308436, 4.9312235249024976 52.36338063378043017, 4.9312235249024976 52.36338063378043017)))</t>
  </si>
  <si>
    <t>MultiPolygon (((4.93209150530024676 52.36657103555859294, 4.93946004829309349 52.36664728352908327, 4.93953707357911309 52.36378099944115405, 4.9312235249024976 52.36338063378043017, 4.93209150530024676 52.36657103555859294, 4.93209150530024676 52.36657103555859294)))</t>
  </si>
  <si>
    <t>MultiPolygon (((4.91918012494255041 52.35565484432128613, 4.92668663075115809 52.35786510772999947, 4.92822707411678795 52.3553359012794175, 4.92161433348518162 52.3523293903186584, 4.91918012494255041 52.35565484432128613, 4.91918012494255041 52.35565484432128613)))</t>
  </si>
  <si>
    <t>MultiPolygon (((4.91574892505105066 52.35432024302177467, 4.91918012494255041 52.35565484432128613, 4.92161433348518162 52.3523293903186584, 4.91649497470794472 52.35002481916686889, 4.91471517875610253 52.35109052306258803, 4.91574892505105066 52.35432024302177467, 4.91574892505105066 52.35432024302177467)))</t>
  </si>
  <si>
    <t>MultiPolygon (((4.93140381100126302 52.36321662473308436, 4.93211545486072644 52.36119690841726992, 4.93742723068298606 52.35773903780714988, 4.93714281793166876 52.35769009192576107, 4.92822707411678795 52.3553359012794175, 4.92668663075115809 52.35786510772999947, 4.92988721749827796 52.35978332905489907, 4.93140381100126302 52.36321662473308436, 4.93140381100126302 52.36321662473308436)))</t>
  </si>
  <si>
    <t>MultiPolygon (((4.9312235249024976 52.36338063378043017, 4.93140381100126302 52.36321662473308436, 4.92988721749827796 52.35978332905489907, 4.92668663075115809 52.35786510772999947, 4.92529029940679575 52.36002584986970021, 4.92397917925245832 52.36193008548388406, 4.9312235249024976 52.36338063378043017, 4.9312235249024976 52.36338063378043017)))</t>
  </si>
  <si>
    <t>MultiPolygon (((4.93158186985290659 52.36656742712636259, 4.93209150530024676 52.36657103555859294, 4.9312235249024976 52.36338063378043017, 4.92397917925245832 52.36193008548388406, 4.92230854482954427 52.36375781795755557, 4.92713155304637773 52.36645850179672834, 4.93158186985290659 52.36656742712636259, 4.93158186985290659 52.36656742712636259)))</t>
  </si>
  <si>
    <t>MultiPolygon (((4.91087375854124186 52.356398533947754, 4.91744074709181511 52.35804273256700725, 4.91918012494255041 52.35565484432128613, 4.91574892505105066 52.35432024302177467, 4.91132498503243742 52.35563451880088337, 4.91087375854124186 52.356398533947754, 4.91087375854124186 52.356398533947754)))</t>
  </si>
  <si>
    <t>MultiPolygon (((4.91744074709181511 52.35804273256700725, 4.92529029940679575 52.36002584986970021, 4.92668663075115809 52.35786510772999947, 4.91918012494255041 52.35565484432128613, 4.91744074709181511 52.35804273256700725, 4.91744074709181511 52.35804273256700725)))</t>
  </si>
  <si>
    <t>MultiPolygon (((4.92230854482954427 52.36375781795755557, 4.92397917925245832 52.36193008548388406, 4.92529029940679575 52.36002584986970021, 4.91744074709181511 52.35804273256700725, 4.91507530048778918 52.36178535169398174, 4.91748524041740076 52.36212920813130722, 4.92230854482954427 52.36375781795755557, 4.92230854482954427 52.36375781795755557)))</t>
  </si>
  <si>
    <t>MultiPolygon (((4.91507530048778918 52.36178535169398174, 4.91744074709181511 52.35804273256700725, 4.91087375854124186 52.356398533947754, 4.90831654323429678 52.36058842422681892, 4.91507530048778918 52.36178535169398174, 4.91507530048778918 52.36178535169398174)))</t>
  </si>
  <si>
    <t>MultiPolygon (((4.91132498503243742 52.35563451880088337, 4.91574892505105066 52.35432024302177467, 4.91471517875610253 52.35109052306258803, 4.91132498503243742 52.35563451880088337, 4.91132498503243742 52.35563451880088337)))</t>
  </si>
  <si>
    <t>MultiPolygon (((4.91087375854124186 52.356398533947754, 4.91132498503243742 52.35563451880088337, 4.91471517875610253 52.35109052306258803, 4.91649497470794472 52.35002481916686889, 4.91540808071558732 52.34953632158067194, 4.91222854843669232 52.34811367153718464, 4.91105980963771316 52.35002816218176491, 4.90835909008360094 52.3533885407077193, 4.90654724946103649 52.35538348480372406, 4.91087375854124186 52.356398533947754, 4.91087375854124186 52.356398533947754)))</t>
  </si>
  <si>
    <t>MultiPolygon (((4.90462911161774162 52.35921067494734871, 4.90831654323429678 52.36058842422681892, 4.91087375854124186 52.356398533947754, 4.90654724946103649 52.35538348480372406, 4.90605082285947702 52.35616727441503571, 4.90462911161774162 52.35921067494734871, 4.90462911161774162 52.35921067494734871)))</t>
  </si>
  <si>
    <t>MultiPolygon (((4.89474248439303672 52.35132072173040285, 4.89758288568928357 52.3517223988581506, 4.89979991225708389 52.34846215742322073, 4.8952577912492341 52.34801112439937043, 4.89474248439303672 52.35132072173040285, 4.89474248439303672 52.35132072173040285)))</t>
  </si>
  <si>
    <t>MultiPolygon (((4.89758288568928357 52.3517223988581506, 4.90302824929362036 52.35216990923957781, 4.90418952275175446 52.34907359680370575, 4.89979991225708389 52.34846215742322073, 4.89758288568928357 52.3517223988581506, 4.89758288568928357 52.3517223988581506)))</t>
  </si>
  <si>
    <t>MultiPolygon (((4.90302824929362036 52.35216990923957781, 4.90835909008360094 52.3533885407077193, 4.91105980963771316 52.35002816218176491, 4.90418952275175446 52.34907359680370575, 4.90302824929362036 52.35216990923957781, 4.90302824929362036 52.35216990923957781)))</t>
  </si>
  <si>
    <t>MultiPolygon (((4.88648006675619051 52.35223436041990652, 4.89113027605179251 52.35279017566754334, 4.89127559437239601 52.34822658592241851, 4.88627636365434181 52.34847182545599509, 4.88648006675619051 52.35223436041990652, 4.88648006675619051 52.35223436041990652)))</t>
  </si>
  <si>
    <t>MultiPolygon (((4.89113027605179251 52.35279017566754334, 4.89455138399498768 52.35324796402170477, 4.89474248439303672 52.35132072173040285, 4.8952577912492341 52.34801112439937043, 4.89127559437239601 52.34822658592241851, 4.89113027605179251 52.35279017566754334, 4.89113027605179251 52.35279017566754334)))</t>
  </si>
  <si>
    <t>MultiPolygon (((4.89455138399498768 52.35324796402170477, 4.90124069955255948 52.35482659099460534, 4.90302824929362036 52.35216990923957781, 4.89758288568928357 52.3517223988581506, 4.89474248439303672 52.35132072173040285, 4.89455138399498768 52.35324796402170477, 4.89455138399498768 52.35324796402170477)))</t>
  </si>
  <si>
    <t>MultiPolygon (((4.90605082285947702 52.35616727441503571, 4.90654724946103649 52.35538348480372406, 4.90835909008360094 52.3533885407077193, 4.90302824929362036 52.35216990923957781, 4.90124069955255948 52.35482659099460534, 4.90605082285947702 52.35616727441503571, 4.90605082285947702 52.35616727441503571)))</t>
  </si>
  <si>
    <t>MultiPolygon (((4.89825334642505794 52.35794670631751302, 4.89924144083753799 52.3580988877416118, 4.90124069955255948 52.35482659099460534, 4.89455138399498768 52.35324796402170477, 4.89113027605179251 52.35279017566754334, 4.89041218022365953 52.35543482123588888, 4.89850663156111299 52.35735943230226752, 4.89825334642505794 52.35794670631751302, 4.89825334642505794 52.35794670631751302)))</t>
  </si>
  <si>
    <t>MultiPolygon (((4.88669266622006315 52.35529344197352231, 4.89041218022365953 52.35543482123588888, 4.89113027605179251 52.35279017566754334, 4.88648006675619051 52.35223436041990652, 4.886754323373526 52.3546205313770372, 4.88669266622006315 52.35529344197352231, 4.88669266622006315 52.35529344197352231)))</t>
  </si>
  <si>
    <t>MultiPolygon (((4.88738383208111671 52.36023082261531414, 4.89087536794080258 52.35836780421775671, 4.89041218022365953 52.35543482123588888, 4.88669266622006315 52.35529344197352231, 4.88671836948298211 52.35873043400935956, 4.88738383208111671 52.36023082261531414, 4.88738383208111671 52.36023082261531414)))</t>
  </si>
  <si>
    <t>MultiPolygon (((4.89087536794080258 52.35836780421775671, 4.89617213175648214 52.35804522108088577, 4.89825334642505794 52.35794670631751302, 4.89850663156111299 52.35735943230226752, 4.89041218022365953 52.35543482123588888, 4.89087536794080258 52.35836780421775671, 4.89087536794080258 52.35836780421775671)))</t>
  </si>
  <si>
    <t>MultiPolygon (((4.89924144083753799 52.3580988877416118, 4.90462911161774162 52.35921067494734871, 4.90605082285947702 52.35616727441503571, 4.90124069955255948 52.35482659099460534, 4.89924144083753799 52.3580988877416118, 4.89924144083753799 52.3580988877416118)))</t>
  </si>
  <si>
    <t>MultiPolygon (((4.87664007955903234 52.3383664329993934, 4.88462299583598369 52.33811394078032464, 4.89013007802431776 52.33617446493672531, 4.88998242953552698 52.33468807965088132, 4.87864690760967168 52.33508650679015517, 4.87664007955903234 52.3383664329993934, 4.87664007955903234 52.3383664329993934)))</t>
  </si>
  <si>
    <t>MultiPolygon (((4.86868152769176454 52.33810823451953098, 4.87664007955903234 52.3383664329993934, 4.87864690760967168 52.33508650679015517, 4.86882568859539244 52.33499046665489374, 4.86868152769176454 52.33810823451953098, 4.86868152769176454 52.33810823451953098)))</t>
  </si>
  <si>
    <t>MultiPolygon (((4.85759419609908427 52.33699659237299073, 4.86868152769176454 52.33810823451953098, 4.86882568859539244 52.33499046665489374, 4.86884157969660158 52.33209953155552085, 4.8574434383252898 52.3322949140958471, 4.85742048077733735 52.33360648931412129, 4.85759419609908427 52.33699659237299073, 4.85759419609908427 52.33699659237299073)))</t>
  </si>
  <si>
    <t>MultiPolygon (((4.88572077513036795 52.34437532677490879, 4.88573778248227519 52.3445044262785828, 4.89067624687390001 52.34424534373267335, 4.89228448856836007 52.34084307336539155, 4.89188127114963311 52.3376169207334101, 4.89013007802431776 52.33617446493672531, 4.88462299583598369 52.33811394078032464, 4.88540022782831951 52.34200423114855028, 4.88572077513036795 52.34437532677490879, 4.88572077513036795 52.34437532677490879)))</t>
  </si>
  <si>
    <t>MultiPolygon (((4.85804973189922418 52.34235772557576638, 4.86479933575586632 52.34315648011669708, 4.8649776530510529 52.34139333607141253, 4.87831318038909956 52.34179088376180289, 4.88540022782831951 52.34200423114855028, 4.88462299583598369 52.33811394078032464, 4.87664007955903234 52.3383664329993934, 4.86868152769176454 52.33810823451953098, 4.85759419609908427 52.33699659237299073, 4.85709011103503308 52.33889998471537552, 4.85729490578358991 52.34225155665044582, 4.85804973189922418 52.34235772557576638, 4.85804973189922418 52.34235772557576638)))</t>
  </si>
  <si>
    <t>MultiPolygon (((4.87362192906567593 52.36232088464824841, 4.873930855215729 52.36099551982896116, 4.86553431277462778 52.35885179741992346, 4.86544609970197683 52.35900674483789885, 4.86468787839811867 52.36009888227952302, 4.86553397178639635 52.36029305970306069, 4.86791067777171449 52.36083093901309127, 4.87362192906567593 52.36232088464824841, 4.87362192906567593 52.36232088464824841)))</t>
  </si>
  <si>
    <t>MultiPolygon (((4.87931129961491994 52.36434196313740586, 4.88123079127629733 52.36326791999520225, 4.8820928853949539 52.36205490848684718, 4.87744822477301909 52.36077919100763722, 4.873930855215729 52.36099551982896116, 4.87362192906567593 52.36232088464824841, 4.87528797356022725 52.36274931724064174, 4.87931129961491994 52.36434196313740586, 4.87931129961491994 52.36434196313740586)))</t>
  </si>
  <si>
    <t>MultiPolygon (((4.86468787839811867 52.36009888227952302, 4.86544609970197683 52.35900674483789885, 4.85507925681822528 52.3564077376258652, 4.85411727593404585 52.35652074091594699, 4.85477599088870804 52.35775369138338675, 4.8548595438724762 52.35785953851344487, 4.86468787839811867 52.36009888227952302, 4.86468787839811867 52.36009888227952302)))</t>
  </si>
  <si>
    <t>MultiPolygon (((4.85745048744934849 52.3615481149920825, 4.86377873104364955 52.36306512387060508, 4.86553397178639635 52.36029305970306069, 4.86468787839811867 52.36009888227952302, 4.8548595438724762 52.35785953851344487, 4.85745048744934849 52.3615481149920825, 4.85745048744934849 52.3615481149920825)))</t>
  </si>
  <si>
    <t>MultiPolygon (((4.86377873104364955 52.36306512387060508, 4.86670775046048742 52.36378095835040369, 4.86791067777171449 52.36083093901309127, 4.86553397178639635 52.36029305970306069, 4.86377873104364955 52.36306512387060508, 4.86377873104364955 52.36306512387060508)))</t>
  </si>
  <si>
    <t>MultiPolygon (((4.87197870786412235 52.36514548502618283, 4.87334683632682353 52.36554862244243935, 4.87528797356022725 52.36274931724064174, 4.87362192906567593 52.36232088464824841, 4.86791067777171449 52.36083093901309127, 4.86670775046048742 52.36378095835040369, 4.87197870786412235 52.36514548502618283, 4.87197870786412235 52.36514548502618283)))</t>
  </si>
  <si>
    <t>MultiPolygon (((4.87334683632682353 52.36554862244243935, 4.8775127228381141 52.36677026366757559, 4.87921941198656306 52.3649230346966732, 4.87931129961491994 52.36434196313740586, 4.87528797356022725 52.36274931724064174, 4.87334683632682353 52.36554862244243935, 4.87334683632682353 52.36554862244243935)))</t>
  </si>
  <si>
    <t>MultiPolygon (((4.86006531795983854 52.36459709373595217, 4.86267741922945262 52.36480637920648462, 4.86377873104364955 52.36306512387060508, 4.85745048744934849 52.3615481149920825, 4.85923335042706395 52.36366882243576981, 4.86006531795983854 52.36459709373595217, 4.86006531795983854 52.36459709373595217)))</t>
  </si>
  <si>
    <t>MultiPolygon (((4.87080364795859477 52.36684861196422958, 4.87197870786412235 52.36514548502618283, 4.86670775046048742 52.36378095835040369, 4.86377873104364955 52.36306512387060508, 4.86267741922945262 52.36480637920648462, 4.87080364795859477 52.36684861196422958, 4.87080364795859477 52.36684861196422958)))</t>
  </si>
  <si>
    <t>MultiPolygon (((4.87080364795859477 52.36684861196422958, 4.87680356692352479 52.36850153535478825, 4.8775127228381141 52.36677026366757559, 4.87334683632682353 52.36554862244243935, 4.87197870786412235 52.36514548502618283, 4.87080364795859477 52.36684861196422958, 4.87080364795859477 52.36684861196422958)))</t>
  </si>
  <si>
    <t>MultiPolygon (((4.86225311470893828 52.36712063638811543, 4.86958011288281156 52.36860327804135551, 4.87080364795859477 52.36684861196422958, 4.86267741922945262 52.36480637920648462, 4.86006531795983854 52.36459709373595217, 4.86225311470893828 52.36712063638811543, 4.86225311470893828 52.36712063638811543)))</t>
  </si>
  <si>
    <t>MultiPolygon (((4.86635197869490899 52.37158567659714947, 4.86739978970163456 52.37179491833927614, 4.86958011288281156 52.36860327804135551, 4.86225311470893828 52.36712063638811543, 4.86327828037241083 52.36823748442366622, 4.86502169357629644 52.37013666379730381, 4.86635197869490899 52.37158567659714947, 4.86635197869490899 52.37158567659714947)))</t>
  </si>
  <si>
    <t>MultiPolygon (((4.86963895753809606 52.37224203054910987, 4.87548145890569717 52.3734084043356205, 4.87449760695975787 52.37188726560302854, 4.87680356692352479 52.36850153535478825, 4.87080364795859477 52.36684861196422958, 4.86958011288281156 52.36860327804135551, 4.86739978970163456 52.37179491833927614, 4.86963895753809606 52.37224203054910987, 4.86963895753809606 52.37224203054910987)))</t>
  </si>
  <si>
    <t>MultiPolygon (((4.87236814625837944 52.3783557858051978, 4.87210338433141477 52.37655376909498983, 4.86963895753809606 52.37224203054910987, 4.86739978970163456 52.37179491833927614, 4.86635197869490899 52.37158567659714947, 4.86723083919733757 52.372539138500386, 4.86980623717877226 52.37541398005135562, 4.87016404755874355 52.37587416911991056, 4.87236814625837944 52.3783557858051978, 4.87236814625837944 52.3783557858051978)))</t>
  </si>
  <si>
    <t>MultiPolygon (((4.87210338433141477 52.37655376909498983, 4.87658636110188137 52.37548731702891303, 4.87550844612579493 52.3740763245462233, 4.87548145890569717 52.3734084043356205, 4.86963895753809606 52.37224203054910987, 4.87210338433141477 52.37655376909498983, 4.87210338433141477 52.37655376909498983)))</t>
  </si>
  <si>
    <t>MultiPolygon (((4.87909079735980722 52.38179466167052567, 4.87963254568848015 52.3819300927417757, 4.87816043623478368 52.37850479026852213, 4.87658636110188137 52.37548731702891303, 4.87210338433141477 52.37655376909498983, 4.87236814625837944 52.3783557858051978, 4.87398828624768043 52.380568295190848, 4.87909079735980722 52.38179466167052567, 4.87909079735980722 52.38179466167052567)))</t>
  </si>
  <si>
    <t>MultiPolygon (((4.86443349380789769 52.37541121599979732, 4.86980623717877226 52.37541398005135562, 4.86723083919733757 52.372539138500386, 4.86443349380789769 52.37541121599979732, 4.86443349380789769 52.37541121599979732)))</t>
  </si>
  <si>
    <t>MultiPolygon (((4.86461882376749433 52.38545856228832776, 4.86686585119548809 52.38549676493945384, 4.86803026082298551 52.38207894338925286, 4.86781473841044843 52.38200707362874198, 4.8621123612995607 52.38171283760226515, 4.86066741082719744 52.38539225138687527, 4.86461882376749433 52.38545856228832776, 4.86461882376749433 52.38545856228832776)))</t>
  </si>
  <si>
    <t>MultiPolygon (((4.8621123612995607 52.38171283760226515, 4.86781473841044843 52.38200707362874198, 4.86831298219876896 52.3804579910946444, 4.87016404755874355 52.37587416911991056, 4.86980623717877226 52.37541398005135562, 4.86443349380789769 52.37541121599979732, 4.8626207878233414 52.38039199725862005, 4.8621123612995607 52.38171283760226515, 4.8621123612995607 52.38171283760226515)))</t>
  </si>
  <si>
    <t>MultiPolygon (((4.86686585119548809 52.38549676493945384, 4.86940741374742814 52.3855428361066231, 4.87066840544224178 52.38253300121168365, 4.86803026082298551 52.38207894338925286, 4.86686585119548809 52.38549676493945384, 4.86686585119548809 52.38549676493945384)))</t>
  </si>
  <si>
    <t>MultiPolygon (((4.87305201670570565 52.38122252394749268, 4.87374529530501555 52.3809804767817937, 4.87398828624768043 52.380568295190848, 4.87236814625837944 52.3783557858051978, 4.87016404755874355 52.37587416911991056, 4.86831298219876896 52.3804579910946444, 4.87305201670570565 52.38122252394749268, 4.87305201670570565 52.38122252394749268)))</t>
  </si>
  <si>
    <t>MultiPolygon (((4.86940741374742814 52.3855428361066231, 4.87149153849657779 52.38558057561652248, 4.87305201670570565 52.38122252394749268, 4.86831298219876896 52.3804579910946444, 4.86781473841044843 52.38200707362874198, 4.86803026082298551 52.38207894338925286, 4.87066840544224178 52.38253300121168365, 4.86940741374742814 52.3855428361066231, 4.86940741374742814 52.3855428361066231)))</t>
  </si>
  <si>
    <t>MultiPolygon (((4.87149153849657779 52.38558057561652248, 4.87499312336599289 52.38564335006321926, 4.87704736115601722 52.38317741858651999, 4.87374529530501555 52.3809804767817937, 4.87305201670570565 52.38122252394749268, 4.87149153849657779 52.38558057561652248, 4.87149153849657779 52.38558057561652248)))</t>
  </si>
  <si>
    <t>MultiPolygon (((4.87499312336599289 52.38564335006321926, 4.88123742903166669 52.38570680539127977, 4.87704736115601722 52.38317741858651999, 4.87499312336599289 52.38564335006321926, 4.87499312336599289 52.38564335006321926)))</t>
  </si>
  <si>
    <t>MultiPolygon (((4.87704736115601722 52.38317741858651999, 4.87909079735980722 52.38179466167052567, 4.87398828624768043 52.380568295190848, 4.87374529530501555 52.3809804767817937, 4.87704736115601722 52.38317741858651999, 4.87704736115601722 52.38317741858651999)))</t>
  </si>
  <si>
    <t>MultiPolygon (((4.88123742903166669 52.38570680539127977, 4.88258543980819404 52.38546037836189839, 4.88166130248744778 52.384178783436532, 4.87963254568848015 52.3819300927417757, 4.87909079735980722 52.38179466167052567, 4.87704736115601722 52.38317741858651999, 4.88123742903166669 52.38570680539127977, 4.88123742903166669 52.38570680539127977)))</t>
  </si>
  <si>
    <t>MultiPolygon (((4.86492183781056031 52.39301618632728719, 4.86553852959058997 52.39314473620517276, 4.86631033114940958 52.39311888256030159, 4.87260045098162387 52.39043336095934222, 4.87454294071395555 52.38956440505476309, 4.87876404643244932 52.38770501377722155, 4.87213317677814928 52.38834776643423652, 4.86396511526158548 52.38611211520090194, 4.86318374410034959 52.38802669953813052, 4.8649102519860481 52.38805596936643383, 4.86495638972452316 52.38896512737503741, 4.85916454931422148 52.38893120438493156, 4.85730632986630795 52.39238466951113082, 4.85689901421567072 52.3954005207309379, 4.86058165907971329 52.39488894804689068, 4.86492183781056031 52.39301618632728719, 4.86492183781056031 52.39301618632728719)))</t>
  </si>
  <si>
    <t>MultiPolygon (((4.87876404643244932 52.38770501377722155, 4.88150755106846912 52.38678657909406411, 4.88323344774730472 52.38624232013687276, 4.8830337433751394 52.38600134333341174, 4.88258543980819404 52.38546037836189839, 4.88123742903166669 52.38570680539127977, 4.87499312336599289 52.38564335006321926, 4.87149153849657779 52.38558057561652248, 4.86940741374742814 52.3855428361066231, 4.86686585119548809 52.38549676493945384, 4.86461882376749433 52.38545856228832776, 4.86396511526158548 52.38611211520090194, 4.87213317677814928 52.38834776643423652, 4.87876404643244932 52.38770501377722155, 4.87876404643244932 52.38770501377722155)))</t>
  </si>
  <si>
    <t>MultiPolygon (((4.86631033114940958 52.39311888256030159, 4.87631497739052833 52.39281448365551341, 4.87746227238103014 52.39221859758832522, 4.87260045098162387 52.39043336095934222, 4.86631033114940958 52.39311888256030159, 4.86631033114940958 52.39311888256030159)))</t>
  </si>
  <si>
    <t>MultiPolygon (((4.87746227238103014 52.39221859758832522, 4.87820230402905164 52.39165490097663991, 4.87835611163420158 52.39071151264807469, 4.87454294071395555 52.38956440505476309, 4.87260045098162387 52.39043336095934222, 4.87746227238103014 52.39221859758832522, 4.87746227238103014 52.39221859758832522)))</t>
  </si>
  <si>
    <t>MultiPolygon (((4.87454294071395555 52.38956440505476309, 4.87835611163420158 52.39071151264807469, 4.87970386059668115 52.38903306597592291, 4.88150755106846912 52.38678657909406411, 4.87876404643244932 52.38770501377722155, 4.87454294071395555 52.38956440505476309, 4.87454294071395555 52.38956440505476309)))</t>
  </si>
  <si>
    <t>MultiPolygon (((4.87970386059668115 52.38903306597592291, 4.88447893670000699 52.38837845673162263, 4.88323344774730472 52.38624232013687276, 4.88150755106846912 52.38678657909406411, 4.87970386059668115 52.38903306597592291, 4.87970386059668115 52.38903306597592291)))</t>
  </si>
  <si>
    <t>MultiPolygon (((4.87835611163420158 52.39071151264807469, 4.87820230402905164 52.39165490097663991, 4.88551786792752107 52.39047085810362603, 4.88447893670000699 52.38837845673162263, 4.87970386059668115 52.38903306597592291, 4.87835611163420158 52.39071151264807469, 4.87835611163420158 52.39071151264807469)))</t>
  </si>
  <si>
    <t>MultiPolygon (((4.88551786792752107 52.39047085810362603, 4.88565927704100655 52.3907556357690396, 4.89136501770865539 52.39002975944008256, 4.89193426248391994 52.38908561101324324, 4.89100918655129924 52.38843983166825069, 4.88574541639802806 52.38816652337539637, 4.88447893670000699 52.38837845673162263, 4.88551786792752107 52.39047085810362603, 4.88551786792752107 52.39047085810362603)))</t>
  </si>
  <si>
    <t>MultiPolygon (((4.88565927704100655 52.3907556357690396, 4.88783568704252325 52.39364100157246185, 4.89155417795110292 52.39511208006198473, 4.8932094167831055 52.3935632320633502, 4.89466966847999441 52.38994011520561145, 4.89507757048339975 52.38869093194539062, 4.89100918655129924 52.38843983166825069, 4.89193426248391994 52.38908561101324324, 4.89136501770865539 52.39002975944008256, 4.88565927704100655 52.3907556357690396, 4.88565927704100655 52.3907556357690396)))</t>
  </si>
  <si>
    <t>MultiPolygon (((4.88585529463665669 52.39937688159430706, 4.89155417795110292 52.39511208006198473, 4.88783568704252325 52.39364100157246185, 4.88565927704100655 52.3907556357690396, 4.88551786792752107 52.39047085810362603, 4.87820230402905164 52.39165490097663991, 4.87746227238103014 52.39221859758832522, 4.87631497739052833 52.39281448365551341, 4.86631033114940958 52.39311888256030159, 4.86553852959058997 52.39314473620517276, 4.87148875204353793 52.39507783159475451, 4.87644091508347 52.39455841747390252, 4.88585529463665669 52.39937688159430706, 4.88585529463665669 52.39937688159430706)))</t>
  </si>
  <si>
    <t>MultiPolygon (((4.76954261088966192 52.38915489271321491, 4.79450267505343319 52.38914926979912678, 4.80173258517181445 52.3891496515983448, 4.80193608237551128 52.38453168525757064, 4.79421719653573497 52.38444426315286506, 4.78734429953900786 52.38437631238620185, 4.75895262785500073 52.38411756540632069, 4.75830825374872646 52.38789515009117537, 4.75829847379688431 52.38794865718394789, 4.7660825770259585 52.38795500242032688, 4.76891721736275098 52.38837602501018154, 4.76954261088966192 52.38915489271321491, 4.76954261088966192 52.38915489271321491)))</t>
  </si>
  <si>
    <t>MultiPolygon (((4.80173258517181445 52.3891496515983448, 4.8187181943677615 52.38903733335316559, 4.81924999717512126 52.38903625473781744, 4.81926129961978411 52.38748180691980849, 4.83158700047748724 52.38741029112805592, 4.83152346905216579 52.38487767157928232, 4.81872906780376731 52.38472933731976156, 4.81200319006137622 52.38465355484369468, 4.80708447630562663 52.38459903826919373, 4.80193608237551128 52.38453168525757064, 4.80173258517181445 52.3891496515983448, 4.80173258517181445 52.3891496515983448)))</t>
  </si>
  <si>
    <t>MultiPolygon (((4.84065912909739815 52.3942090730402299, 4.84431243695440195 52.3953024966062344, 4.84468069021528169 52.3889183003578367, 4.84480752402800707 52.38510625320364511, 4.84457393103035727 52.38510133816016179, 4.83925156142749824 52.38501557637620465, 4.83152346905216579 52.38487767157928232, 4.83158700047748724 52.38741029112805592, 4.81926129961978411 52.38748180691980849, 4.81924999717512126 52.38903625473781744, 4.82691788655575849 52.38907347177456586, 4.8338019191043875 52.38991370792759739, 4.83629184862590922 52.39092344666598677, 4.84065912909739815 52.3942090730402299, 4.84065912909739815 52.3942090730402299)))</t>
  </si>
  <si>
    <t>MultiPolygon (((4.75981272589146975 52.40021387845450107, 4.77124514854595283 52.39838827186940051, 4.77062627223773905 52.39737122537800218, 4.77298455748099748 52.39482209395006862, 4.76954261088966192 52.38915489271321491, 4.76891721736275098 52.38837602501018154, 4.7660825770259585 52.38795500242032688, 4.75829847379688431 52.38794865718394789, 4.75748199714897524 52.3968827772374155, 4.75828547285293801 52.39920220071775958, 4.75936434093984939 52.39890695778703389, 4.75981272589146975 52.40021387845450107, 4.75981272589146975 52.40021387845450107)))</t>
  </si>
  <si>
    <t>MultiPolygon (((4.77298455748099748 52.39482209395006862, 4.77500394690149488 52.39912350052157564, 4.79270751262955041 52.39914047790770724, 4.79913611505381965 52.40028105832083583, 4.80137885303664458 52.39972909722652616, 4.80598205324435757 52.39444323645360413, 4.80318027294714689 52.39354268271794268, 4.79470496688745484 52.39349683961750515, 4.79450267505343319 52.38914926979912678, 4.76954261088966192 52.38915489271321491, 4.77298455748099748 52.39482209395006862, 4.77298455748099748 52.39482209395006862)))</t>
  </si>
  <si>
    <t>MultiPolygon (((4.80598205324435757 52.39444323645360413, 4.80965432809137106 52.3947980602073855, 4.81434651439798511 52.39231290933949481, 4.81877819223241488 52.39189264989241224, 4.8187181943677615 52.38903733335316559, 4.80173258517181445 52.3891496515983448, 4.79450267505343319 52.38914926979912678, 4.79470496688745484 52.39349683961750515, 4.80318027294714689 52.39354268271794268, 4.80598205324435757 52.39444323645360413, 4.80598205324435757 52.39444323645360413)))</t>
  </si>
  <si>
    <t>MultiPolygon (((4.83613298691841287 52.39543456070300209, 4.83788685047324929 52.39543113150374154, 4.83884902495587088 52.39617252021324845, 4.84175851403637303 52.39508243461022374, 4.84065912909739815 52.3942090730402299, 4.83629184862590922 52.39092344666598677, 4.8338019191043875 52.38991370792759739, 4.82691788655575849 52.38907347177456586, 4.81924999717512126 52.38903625473781744, 4.8187181943677615 52.38903733335316559, 4.81877819223241488 52.39189264989241224, 4.83429642820417893 52.39196566263218813, 4.83552180489919259 52.39218931072434771, 4.83565713158798793 52.39378171162728393, 4.83613298691841287 52.39543456070300209, 4.83613298691841287 52.39543456070300209)))</t>
  </si>
  <si>
    <t>MultiPolygon (((4.80965432809137106 52.3947980602073855, 4.82893225714601648 52.39488819185292812, 4.82908976065495121 52.39377461544846426, 4.83565713158798793 52.39378171162728393, 4.83552180489919259 52.39218931072434771, 4.83429642820417893 52.39196566263218813, 4.81877819223241488 52.39189264989241224, 4.81434651439798511 52.39231290933949481, 4.80965432809137106 52.3947980602073855, 4.80965432809137106 52.3947980602073855)))</t>
  </si>
  <si>
    <t>MultiPolygon (((4.73920809583993474 52.43106382971274115, 4.75008539213003278 52.42963655346252949, 4.75320515757331563 52.42924091087004967, 4.75251514677732789 52.42723458767770239, 4.76026666668755905 52.40118145720739307, 4.75981272589146975 52.40021387845450107, 4.75936434093984939 52.39890695778703389, 4.75828547285293801 52.39920220071775958, 4.75748199714897524 52.3968827772374155, 4.72875892771866457 52.4007113478502049, 4.73856677193068698 52.42922271241588561, 4.73920809583993474 52.43106382971274115, 4.73920809583993474 52.43106382971274115)))</t>
  </si>
  <si>
    <t>MultiPolygon (((4.75320515757331563 52.42924091087004967, 4.76718363635674081 52.42746813964317454, 4.76753787989295841 52.42849810342331551, 4.78348037025708539 52.42641336757431958, 4.80993955831353137 52.423024178006699, 4.80405508841943263 52.41170635075172868, 4.80241732238675834 52.4009929664545453, 4.80137885303664458 52.39972909722652616, 4.79913611505381965 52.40028105832083583, 4.79270751262955041 52.39914047790770724, 4.77500394690149488 52.39912350052157564, 4.77298455748099748 52.39482209395006862, 4.77062627223773905 52.39737122537800218, 4.77124514854595283 52.39838827186940051, 4.75981272589146975 52.40021387845450107, 4.76026666668755905 52.40118145720739307, 4.75251514677732789 52.42723458767770239, 4.75320515757331563 52.42924091087004967, 4.75320515757331563 52.42924091087004967)))</t>
  </si>
  <si>
    <t>MultiPolygon (((4.83891895694582708 52.40594759178373607, 4.84933988868422983 52.40110537360967413, 4.84582290627527801 52.39801952080144076, 4.84431243695440195 52.3953024966062344, 4.84065912909739815 52.3942090730402299, 4.84175851403637303 52.39508243461022374, 4.83884902495587088 52.39617252021324845, 4.83788685047324929 52.39543113150374154, 4.83613298691841287 52.39543456070300209, 4.83640245978446259 52.40366858845836617, 4.83891895694582708 52.40594759178373607, 4.83891895694582708 52.40594759178373607)))</t>
  </si>
  <si>
    <t>MultiPolygon (((4.80993955831353137 52.423024178006699, 4.81081932626734776 52.42291010832688158, 4.82681094599555216 52.42089544638020016, 4.82772367341383379 52.42078407390450678, 4.82572965011211519 52.4151172692485332, 4.82628546674016512 52.41288984053956312, 4.82940436650957228 52.41015153042543062, 4.83891895694582708 52.40594759178373607, 4.83640245978446259 52.40366858845836617, 4.83613298691841287 52.39543456070300209, 4.83565713158798793 52.39378171162728393, 4.82908976065495121 52.39377461544846426, 4.82893225714601648 52.39488819185292812, 4.80965432809137106 52.3947980602073855, 4.80598205324435757 52.39444323645360413, 4.80137885303664458 52.39972909722652616, 4.80241732238675834 52.4009929664545453, 4.80405508841943263 52.41170635075172868, 4.80993955831353137 52.423024178006699, 4.80993955831353137 52.423024178006699)))</t>
  </si>
  <si>
    <t>MultiPolygon (((4.82772367341383379 52.42078407390450678, 4.84263794519026458 52.41879852377424953, 4.85607801084279966 52.41666216730576622, 4.85571248360283203 52.41632291702250512, 4.863625586701259 52.41390368822184342, 4.859704985287709 52.40974938373432934, 4.84933988868422983 52.40110537360967413, 4.83891895694582708 52.40594759178373607, 4.82940436650957228 52.41015153042543062, 4.82628546674016512 52.41288984053956312, 4.82572965011211519 52.4151172692485332, 4.82772367341383379 52.42078407390450678, 4.82772367341383379 52.42078407390450678)))</t>
  </si>
  <si>
    <t>MultiPolygon (((4.84431243695440195 52.3953024966062344, 4.84582290627527801 52.39801952080144076, 4.84933988868422983 52.40110537360967413, 4.86202939859842953 52.39516953190842941, 4.86492183781056031 52.39301618632728719, 4.86058165907971329 52.39488894804689068, 4.85689901421567072 52.3954005207309379, 4.84431243695440195 52.3953024966062344, 4.84431243695440195 52.3953024966062344)))</t>
  </si>
  <si>
    <t>MultiPolygon (((4.863625586701259 52.41390368822184342, 4.87098529010887926 52.41013062160883607, 4.88269703913522424 52.40170163850842044, 4.88585529463665669 52.39937688159430706, 4.87644091508347 52.39455841747390252, 4.87148875204353793 52.39507783159475451, 4.86553852959058997 52.39314473620517276, 4.86492183781056031 52.39301618632728719, 4.86202939859842953 52.39516953190842941, 4.84933988868422983 52.40110537360967413, 4.859704985287709 52.40974938373432934, 4.863625586701259 52.41390368822184342, 4.863625586701259 52.41390368822184342)))</t>
  </si>
  <si>
    <t>MultiPolygon (((4.91340784895560567 52.37146552947902478, 4.9144482756320329 52.37090565788368934, 4.91701153368898769 52.36991600361132271, 4.92019460588893143 52.36875008907971818, 4.92429713652345313 52.36744088331388269, 4.92529546944166974 52.36721760649296442, 4.92161805639976979 52.3655742919473326, 4.91067992816026333 52.36969847701220004, 4.9111217489945389 52.36996645035211628, 4.91340784895560567 52.37146552947902478, 4.91340784895560567 52.37146552947902478)))</t>
  </si>
  <si>
    <t>MultiPolygon (((4.92529546944166974 52.36721760649296442, 4.92670303711245072 52.3671049236705386, 4.92713155304637773 52.36645850179672834, 4.92230854482954427 52.36375781795755557, 4.92054723464263599 52.3648189968672213, 4.92161805639976979 52.3655742919473326, 4.92529546944166974 52.36721760649296442, 4.92529546944166974 52.36721760649296442)))</t>
  </si>
  <si>
    <t>MultiPolygon (((4.93293778911780922 52.37054575683735891, 4.93198423389439711 52.36723446706223939, 4.93158186985290659 52.36656742712636259, 4.92713155304637773 52.36645850179672834, 4.92670303711245072 52.3671049236705386, 4.93293778911780922 52.37054575683735891, 4.93293778911780922 52.37054575683735891)))</t>
  </si>
  <si>
    <t>MultiPolygon (((4.93196930575956483 52.37215513243242526, 4.93293778911780922 52.37054575683735891, 4.92670303711245072 52.3671049236705386, 4.92529546944166974 52.36721760649296442, 4.92429713652345313 52.36744088331388269, 4.93196930575956483 52.37215513243242526, 4.93196930575956483 52.37215513243242526)))</t>
  </si>
  <si>
    <t>MultiPolygon (((4.92790230346703328 52.37385235773476211, 4.93196930575956483 52.37215513243242526, 4.92429713652345313 52.36744088331388269, 4.92019460588893143 52.36875008907971818, 4.92790230346703328 52.37385235773476211, 4.92790230346703328 52.37385235773476211)))</t>
  </si>
  <si>
    <t>MultiPolygon (((4.9249274179500997 52.37480309740804785, 4.92769315013241638 52.37391337796536561, 4.92790230346703328 52.37385235773476211, 4.92019460588893143 52.36875008907971818, 4.91701153368898769 52.36991600361132271, 4.9249274179500997 52.37480309740804785, 4.9249274179500997 52.37480309740804785)))</t>
  </si>
  <si>
    <t>MultiPolygon (((4.92140633430624863 52.37560374079559011, 4.9249274179500997 52.37480309740804785, 4.91701153368898769 52.36991600361132271, 4.9144482756320329 52.37090565788368934, 4.92087136011084691 52.37410169868747545, 4.92140633430624863 52.37560374079559011, 4.92140633430624863 52.37560374079559011)))</t>
  </si>
  <si>
    <t>MultiPolygon (((4.91115299361775026 52.37763564324247767, 4.91302525061437212 52.37679434429834657, 4.92140633430624863 52.37560374079559011, 4.92087136011084691 52.37410169868747545, 4.9144482756320329 52.37090565788368934, 4.91340784895560567 52.37146552947902478, 4.91306218625878444 52.37452182221871766, 4.91271783348296776 52.37506245740780741, 4.91137436997041288 52.37493994511056883, 4.91115299361775026 52.37763564324247767, 4.91115299361775026 52.37763564324247767)))</t>
  </si>
  <si>
    <t>MultiPolygon (((4.92054723464263599 52.3648189968672213, 4.92230854482954427 52.36375781795755557, 4.91748524041740076 52.36212920813130722, 4.91677450350789869 52.3634215092334685, 4.92054723464263599 52.3648189968672213, 4.92054723464263599 52.3648189968672213)))</t>
  </si>
  <si>
    <t>MultiPolygon (((4.90709970547978447 52.36734107199714572, 4.91067992816026333 52.36969847701220004, 4.92161805639976979 52.3655742919473326, 4.92054723464263599 52.3648189968672213, 4.91677450350789869 52.3634215092334685, 4.91438172254637617 52.36394410918038744, 4.90611059534573535 52.36676314938636523, 4.90709970547978447 52.36734107199714572, 4.90709970547978447 52.36734107199714572)))</t>
  </si>
  <si>
    <t>MultiPolygon (((4.91438172254637617 52.36394410918038744, 4.91677450350789869 52.3634215092334685, 4.91748524041740076 52.36212920813130722, 4.91507530048778918 52.36178535169398174, 4.90831654323429678 52.36058842422681892, 4.90462911161774162 52.35921067494734871, 4.90340963543654595 52.36152853284773556, 4.91438172254637617 52.36394410918038744, 4.91438172254637617 52.36394410918038744)))</t>
  </si>
  <si>
    <t>MultiPolygon (((4.90611059534573535 52.36676314938636523, 4.91438172254637617 52.36394410918038744, 4.90340963543654595 52.36152853284773556, 4.90334575118541593 52.36165490608095752, 4.90276456480590728 52.36280316351941622, 4.90121197936548114 52.36577759888407968, 4.90611059534573535 52.36676314938636523, 4.90611059534573535 52.36676314938636523)))</t>
  </si>
  <si>
    <t>MultiPolygon (((4.90334575118541593 52.36165490608095752, 4.90340963543654595 52.36152853284773556, 4.90462911161774162 52.35921067494734871, 4.89924144083753799 52.3580988877416118, 4.89825334642505794 52.35794670631751302, 4.89617213175648214 52.35804522108088577, 4.89617964707081388 52.35969416672106291, 4.89617537784823664 52.36025137029481868, 4.90334575118541593 52.36165490608095752, 4.90334575118541593 52.36165490608095752)))</t>
  </si>
  <si>
    <t>MultiPolygon (((4.90276456480590728 52.36280316351941622, 4.90334575118541593 52.36165490608095752, 4.89617537784823664 52.36025137029481868, 4.8960827531195612 52.36161798628593544, 4.90276456480590728 52.36280316351941622, 4.90276456480590728 52.36280316351941622)))</t>
  </si>
  <si>
    <t>MultiPolygon (((4.88629504199386311 52.36077793454109042, 4.8869779239911848 52.36153746602584391, 4.89001128098123061 52.3600879188069257, 4.89617964707081388 52.35969416672106291, 4.89617213175648214 52.35804522108088577, 4.89087536794080258 52.35836780421775671, 4.88738383208111671 52.36023082261531414, 4.88629504199386311 52.36077793454109042, 4.88629504199386311 52.36077793454109042)))</t>
  </si>
  <si>
    <t>MultiPolygon (((4.88787003697906997 52.3627723356568211, 4.88802975583605281 52.36269121188359321, 4.8960827531195612 52.36161798628593544, 4.89617537784823664 52.36025137029481868, 4.89617964707081388 52.35969416672106291, 4.89001128098123061 52.3600879188069257, 4.8869779239911848 52.36153746602584391, 4.88682378238847726 52.3616135779363816, 4.88787003697906997 52.3627723356568211, 4.88787003697906997 52.3627723356568211)))</t>
  </si>
  <si>
    <t>MultiPolygon (((4.88123079127629733 52.36326791999520225, 4.88258381204216363 52.36390413303973901, 4.88682378238847726 52.3616135779363816, 4.8869779239911848 52.36153746602584391, 4.88629504199386311 52.36077793454109042, 4.88538061868124807 52.36123480008702558, 4.88238662601962492 52.36195631847263599, 4.8820928853949539 52.36205490848684718, 4.88123079127629733 52.36326791999520225, 4.88123079127629733 52.36326791999520225)))</t>
  </si>
  <si>
    <t>MultiPolygon (((4.88297377051781822 52.36424061807240093, 4.88446318341106611 52.36502411482292985, 4.88787003697906997 52.3627723356568211, 4.88682378238847726 52.3616135779363816, 4.88258381204216363 52.36390413303973901, 4.88297377051781822 52.36424061807240093, 4.88297377051781822 52.36424061807240093)))</t>
  </si>
  <si>
    <t>MultiPolygon (((4.87921941198656306 52.3649230346966732, 4.88071338784617925 52.3654257622617294, 4.88297377051781822 52.36424061807240093, 4.88258381204216363 52.36390413303973901, 4.88123079127629733 52.36326791999520225, 4.87931129961491994 52.36434196313740586, 4.87921941198656306 52.3649230346966732, 4.87921941198656306 52.3649230346966732)))</t>
  </si>
  <si>
    <t>MultiPolygon (((4.88090778140546888 52.36549174039328847, 4.88279276353002345 52.36617532557626475, 4.88446318341106611 52.36502411482292985, 4.88297377051781822 52.36424061807240093, 4.88071338784617925 52.3654257622617294, 4.88090778140546888 52.36549174039328847, 4.88090778140546888 52.36549174039328847)))</t>
  </si>
  <si>
    <t>MultiPolygon (((4.88712290738664468 52.379094169141176, 4.88620070152098851 52.37808787623697526, 4.88477376972321764 52.37652840985985137, 4.87759758695531698 52.37520431283785882, 4.87917735039617106 52.37770457513818911, 4.88712290738664468 52.379094169141176, 4.88712290738664468 52.379094169141176)))</t>
  </si>
  <si>
    <t>MultiPolygon (((4.88806438997594661 52.38072618829040294, 4.88843072720097815 52.3805201699439138, 4.88712290738664468 52.379094169141176, 4.87917735039617106 52.37770457513818911, 4.88036116730389846 52.37958000576752227, 4.88806438997594661 52.38072618829040294, 4.88806438997594661 52.38072618829040294)))</t>
  </si>
  <si>
    <t>MultiPolygon (((4.87680356692352479 52.36850153535478825, 4.87829024357041696 52.36885062793207624, 4.87906990677393626 52.36774329062655653, 4.88090778140546888 52.36549174039328847, 4.88071338784617925 52.3654257622617294, 4.87921941198656306 52.3649230346966732, 4.8775127228381141 52.36677026366757559, 4.87680356692352479 52.36850153535478825, 4.87680356692352479 52.36850153535478825)))</t>
  </si>
  <si>
    <t>MultiPolygon (((4.87449760695975787 52.37188726560302854, 4.87630846094356407 52.3723125501836293, 4.87829024357041696 52.36885062793207624, 4.87680356692352479 52.36850153535478825, 4.87449760695975787 52.37188726560302854, 4.87449760695975787 52.37188726560302854)))</t>
  </si>
  <si>
    <t>MultiPolygon (((4.87906990677393626 52.36774329062655653, 4.88259760807396681 52.36875429534867976, 4.88279276353002345 52.36617532557626475, 4.88090778140546888 52.36549174039328847, 4.87906990677393626 52.36774329062655653, 4.87906990677393626 52.36774329062655653)))</t>
  </si>
  <si>
    <t>MultiPolygon (((4.87630846094356407 52.3723125501836293, 4.8830630879329826 52.37399010818217704, 4.88260888117508873 52.36892990775755408, 4.88259760807396681 52.36875429534867976, 4.87906990677393626 52.36774329062655653, 4.87829024357041696 52.36885062793207624, 4.87630846094356407 52.3723125501836293, 4.87630846094356407 52.3723125501836293)))</t>
  </si>
  <si>
    <t>MultiPolygon (((4.87550844612579493 52.3740763245462233, 4.87692151966481635 52.37395945634836636, 4.87630846094356407 52.3723125501836293, 4.87449760695975787 52.37188726560302854, 4.87548145890569717 52.3734084043356205, 4.87550844612579493 52.3740763245462233, 4.87550844612579493 52.3740763245462233)))</t>
  </si>
  <si>
    <t>MultiPolygon (((4.87816043623478368 52.37850479026852213, 4.87917735039617106 52.37770457513818911, 4.87759758695531698 52.37520431283785882, 4.87692151966481635 52.37395945634836636, 4.87550844612579493 52.3740763245462233, 4.87658636110188137 52.37548731702891303, 4.87816043623478368 52.37850479026852213, 4.87816043623478368 52.37850479026852213)))</t>
  </si>
  <si>
    <t>MultiPolygon (((4.88166130248744778 52.384178783436532, 4.88260395458604091 52.38389206436033874, 4.88295911392255633 52.38365057591853002, 4.88036116730389846 52.37958000576752227, 4.87917735039617106 52.37770457513818911, 4.87816043623478368 52.37850479026852213, 4.87963254568848015 52.3819300927417757, 4.88166130248744778 52.384178783436532, 4.88166130248744778 52.384178783436532)))</t>
  </si>
  <si>
    <t>MultiPolygon (((4.87759758695531698 52.37520431283785882, 4.88477376972321764 52.37652840985985137, 4.8830630879329826 52.37399010818217704, 4.87630846094356407 52.3723125501836293, 4.87692151966481635 52.37395945634836636, 4.87759758695531698 52.37520431283785882, 4.87759758695531698 52.37520431283785882)))</t>
  </si>
  <si>
    <t>MultiPolygon (((4.88295911392255633 52.38365057591853002, 4.88806438997594661 52.38072618829040294, 4.88036116730389846 52.37958000576752227, 4.88295911392255633 52.38365057591853002, 4.88295911392255633 52.38365057591853002)))</t>
  </si>
  <si>
    <t>MultiPolygon (((4.8830337433751394 52.38600134333341174, 4.88407201817823911 52.38566661461992169, 4.88392314569254982 52.38550502780432083, 4.88260395458604091 52.38389206436033874, 4.88166130248744778 52.384178783436532, 4.88258543980819404 52.38546037836189839, 4.8830337433751394 52.38600134333341174, 4.8830337433751394 52.38600134333341174)))</t>
  </si>
  <si>
    <t>MultiPolygon (((4.88447893670000699 52.38837845673162263, 4.88574541639802806 52.38816652337539637, 4.88407201817823911 52.38566661461992169, 4.8830337433751394 52.38600134333341174, 4.88323344774730472 52.38624232013687276, 4.88447893670000699 52.38837845673162263, 4.88447893670000699 52.38837845673162263)))</t>
  </si>
  <si>
    <t>MultiPolygon (((4.88574541639802806 52.38816652337539637, 4.89100918655129924 52.38843983166825069, 4.89017984585106458 52.38239388804897345, 4.89015044469290583 52.38236251713788505, 4.88392314569254982 52.38550502780432083, 4.88407201817823911 52.38566661461992169, 4.88574541639802806 52.38816652337539637, 4.88574541639802806 52.38816652337539637)))</t>
  </si>
  <si>
    <t>MultiPolygon (((4.88260395458604091 52.38389206436033874, 4.88392314569254982 52.38550502780432083, 4.89015044469290583 52.38236251713788505, 4.88843072720097815 52.3805201699439138, 4.88806438997594661 52.38072618829040294, 4.88295911392255633 52.38365057591853002, 4.88260395458604091 52.38389206436033874, 4.88260395458604091 52.38389206436033874)))</t>
  </si>
  <si>
    <t>MultiPolygon (((4.89015044469290583 52.38236251713788505, 4.89017984585106458 52.38239388804897345, 4.89580097825091265 52.38014235850825173, 4.89546252766260093 52.379854366572836, 4.89399806329164111 52.37876494973872354, 4.88843072720097815 52.3805201699439138, 4.89015044469290583 52.38236251713788505, 4.89015044469290583 52.38236251713788505)))</t>
  </si>
  <si>
    <t>MultiPolygon (((4.89100918655129924 52.38843983166825069, 4.89507757048339975 52.38869093194539062, 4.89624120676743946 52.38564782862114555, 4.89876736372351651 52.3829687877060266, 4.89580097825091265 52.38014235850825173, 4.89017984585106458 52.38239388804897345, 4.89100918655129924 52.38843983166825069, 4.89100918655129924 52.38843983166825069)))</t>
  </si>
  <si>
    <t>MultiPolygon (((4.90111546606720694 52.36962057977255824, 4.90396297460795694 52.36844586987601957, 4.90709970547978447 52.36734107199714572, 4.90611059534573535 52.36676314938636523, 4.90121197936548114 52.36577759888407968, 4.89823632131632092 52.36731839369518582, 4.90111546606720694 52.36962057977255824, 4.90111546606720694 52.36962057977255824)))</t>
  </si>
  <si>
    <t>MultiPolygon (((4.89874945363769942 52.37099403226695671, 4.8998517307146896 52.37222234593747316, 4.90111546606720694 52.36962057977255824, 4.89823632131632092 52.36731839369518582, 4.89526302915491041 52.36736646088406388, 4.89874945363769942 52.37099403226695671, 4.89874945363769942 52.37099403226695671)))</t>
  </si>
  <si>
    <t>MultiPolygon (((4.90914866260459792 52.37038453732188259, 4.9111217489945389 52.36996645035211628, 4.91067992816026333 52.36969847701220004, 4.90709970547978447 52.36734107199714572, 4.90396297460795694 52.36844586987601957, 4.90914866260459792 52.37038453732188259, 4.90914866260459792 52.37038453732188259)))</t>
  </si>
  <si>
    <t>MultiPolygon (((4.90480769547975903 52.37141415503568709, 4.90636486979471265 52.37207498510689874, 4.90914866260459792 52.37038453732188259, 4.90396297460795694 52.36844586987601957, 4.90111546606720694 52.36962057977255824, 4.90480769547975903 52.37141415503568709, 4.90480769547975903 52.37141415503568709)))</t>
  </si>
  <si>
    <t>MultiPolygon (((4.8998517307146896 52.37222234593747316, 4.90093029853034867 52.37349285571405488, 4.90480769547975903 52.37141415503568709, 4.90111546606720694 52.36962057977255824, 4.8998517307146896 52.37222234593747316, 4.8998517307146896 52.37222234593747316)))</t>
  </si>
  <si>
    <t>MultiPolygon (((4.9032486548573182 52.3765885012852408, 4.90427761488381453 52.37621582648908003, 4.90317536809085652 52.37417415101848661, 4.90636486979471265 52.37207498510689874, 4.90480769547975903 52.37141415503568709, 4.90093029853034867 52.37349285571405488, 4.90126107708043879 52.37417232050151483, 4.9032486548573182 52.3765885012852408, 4.9032486548573182 52.3765885012852408)))</t>
  </si>
  <si>
    <t>MultiPolygon (((4.90956977284009444 52.37396646556772595, 4.91137436997041288 52.37493994511056883, 4.91271783348296776 52.37506245740780741, 4.91306218625878444 52.37452182221871766, 4.91340784895560567 52.37146552947902478, 4.9111217489945389 52.36996645035211628, 4.90914866260459792 52.37038453732188259, 4.90636486979471265 52.37207498510689874, 4.90956977284009444 52.37396646556772595, 4.90956977284009444 52.37396646556772595)))</t>
  </si>
  <si>
    <t>MultiPolygon (((4.90427761488381453 52.37621582648908003, 4.90956977284009444 52.37396646556772595, 4.90636486979471265 52.37207498510689874, 4.90317536809085652 52.37417415101848661, 4.90427761488381453 52.37621582648908003, 4.90427761488381453 52.37621582648908003)))</t>
  </si>
  <si>
    <t>MultiPolygon (((4.90640428432607845 52.38003992077474891, 4.91058838283998078 52.37991295701661443, 4.91115299361775026 52.37763564324247767, 4.91137436997041288 52.37493994511056883, 4.90956977284009444 52.37396646556772595, 4.90427761488381453 52.37621582648908003, 4.9032486548573182 52.3765885012852408, 4.90640428432607845 52.38003992077474891, 4.90640428432607845 52.38003992077474891)))</t>
  </si>
  <si>
    <t>MultiPolygon (((4.8880544308184426 52.36849743365483079, 4.88853510328609886 52.36812839034819689, 4.88963545083195594 52.36728355165858773, 4.88892718820865557 52.36697273366199568, 4.88826334444538002 52.36677793863593422, 4.88446318341106611 52.36502411482292985, 4.88279276353002345 52.36617532557626475, 4.8880544308184426 52.36849743365483079, 4.8880544308184426 52.36849743365483079)))</t>
  </si>
  <si>
    <t>MultiPolygon (((4.89414218650011623 52.36728711409819681, 4.89526302915491041 52.36736646088406388, 4.89578269291250923 52.36572525421744473, 4.89314970664486726 52.36608838118488762, 4.88892718820865557 52.36697273366199568, 4.88963545083195594 52.36728355165858773, 4.89414218650011623 52.36728711409819681, 4.89414218650011623 52.36728711409819681)))</t>
  </si>
  <si>
    <t>MultiPolygon (((4.89526302915491041 52.36736646088406388, 4.89823632131632092 52.36731839369518582, 4.90121197936548114 52.36577759888407968, 4.89586865082666911 52.36475296254693745, 4.89578269291250923 52.36572525421744473, 4.89526302915491041 52.36736646088406388, 4.89526302915491041 52.36736646088406388)))</t>
  </si>
  <si>
    <t>MultiPolygon (((4.89586865082666911 52.36475296254693745, 4.90121197936548114 52.36577759888407968, 4.90276456480590728 52.36280316351941622, 4.8960827531195612 52.36161798628593544, 4.89586865082666911 52.36475296254693745, 4.89586865082666911 52.36475296254693745)))</t>
  </si>
  <si>
    <t>MultiPolygon (((4.89314970664486726 52.36608838118488762, 4.89578269291250923 52.36572525421744473, 4.89586865082666911 52.36475296254693745, 4.8960827531195612 52.36161798628593544, 4.88802975583605281 52.36269121188359321, 4.88943727547195284 52.3642655632459082, 4.89314970664486726 52.36608838118488762, 4.89314970664486726 52.36608838118488762)))</t>
  </si>
  <si>
    <t>MultiPolygon (((4.88826334444538002 52.36677793863593422, 4.88892718820865557 52.36697273366199568, 4.89314970664486726 52.36608838118488762, 4.88943727547195284 52.3642655632459082, 4.88826334444538002 52.36677793863593422, 4.88826334444538002 52.36677793863593422)))</t>
  </si>
  <si>
    <t>MultiPolygon (((4.88446318341106611 52.36502411482292985, 4.88826334444538002 52.36677793863593422, 4.88943727547195284 52.3642655632459082, 4.88802975583605281 52.36269121188359321, 4.88787003697906997 52.3627723356568211, 4.88446318341106611 52.36502411482292985, 4.88446318341106611 52.36502411482292985)))</t>
  </si>
  <si>
    <t>MultiPolygon (((4.88259760807396681 52.36875429534867976, 4.88260888117508873 52.36892990775755408, 4.88783425598137633 52.36876295065352593, 4.8880544308184426 52.36849743365483079, 4.88279276353002345 52.36617532557626475, 4.88259760807396681 52.36875429534867976, 4.88259760807396681 52.36875429534867976)))</t>
  </si>
  <si>
    <t>MultiPolygon (((4.8830630879329826 52.37399010818217704, 4.88884991327500984 52.37325879442700227, 4.88783425598137633 52.36876295065352593, 4.88260888117508873 52.36892990775755408, 4.8830630879329826 52.37399010818217704, 4.8830630879329826 52.37399010818217704)))</t>
  </si>
  <si>
    <t>MultiPolygon (((4.88477376972321764 52.37652840985985137, 4.88620070152098851 52.37808787623697526, 4.89130911840209848 52.37632312015144009, 4.88884991327500984 52.37325879442700227, 4.8830630879329826 52.37399010818217704, 4.88477376972321764 52.37652840985985137, 4.88477376972321764 52.37652840985985137)))</t>
  </si>
  <si>
    <t>MultiPolygon (((4.88712290738664468 52.379094169141176, 4.88843072720097815 52.3805201699439138, 4.89399806329164111 52.37876494973872354, 4.89207667906078036 52.37703041338577492, 4.89130911840209848 52.37632312015144009, 4.88620070152098851 52.37808787623697526, 4.88712290738664468 52.379094169141176, 4.88712290738664468 52.379094169141176)))</t>
  </si>
  <si>
    <t>MultiPolygon (((4.89200883031171863 52.36904972737777797, 4.89238641155579757 52.3690793242824455, 4.89414218650011623 52.36728711409819681, 4.88963545083195594 52.36728355165858773, 4.88853510328609886 52.36812839034819689, 4.8891840544303049 52.36870186894796575, 4.89200883031171863 52.36904972737777797, 4.89200883031171863 52.36904972737777797)))</t>
  </si>
  <si>
    <t>MultiPolygon (((4.89059962616303334 52.3726415331540025, 4.89296927496975975 52.37270661628821244, 4.89200883031171863 52.36904972737777797, 4.8891840544303049 52.36870186894796575, 4.89059962616303334 52.3726415331540025, 4.89059962616303334 52.3726415331540025)))</t>
  </si>
  <si>
    <t>MultiPolygon (((4.88884991327500984 52.37325879442700227, 4.89058409369704883 52.37317357008974028, 4.89059962616303334 52.3726415331540025, 4.8891840544303049 52.36870186894796575, 4.88853510328609886 52.36812839034819689, 4.8880544308184426 52.36849743365483079, 4.88783425598137633 52.36876295065352593, 4.88884991327500984 52.37325879442700227, 4.88884991327500984 52.37325879442700227)))</t>
  </si>
  <si>
    <t>MultiPolygon (((4.8935789739394524 52.37622081604438051, 4.8964679097454793 52.37576253967893081, 4.8930054796013156 52.37270515590668651, 4.89296927496975975 52.37270661628821244, 4.89059962616303334 52.3726415331540025, 4.89058409369704883 52.37317357008974028, 4.8935789739394524 52.37622081604438051, 4.8935789739394524 52.37622081604438051)))</t>
  </si>
  <si>
    <t>MultiPolygon (((4.89207667906078036 52.37703041338577492, 4.89419469426873821 52.37660795233455957, 4.8935789739394524 52.37622081604438051, 4.89058409369704883 52.37317357008974028, 4.88884991327500984 52.37325879442700227, 4.89130911840209848 52.37632312015144009, 4.89207667906078036 52.37703041338577492, 4.89207667906078036 52.37703041338577492)))</t>
  </si>
  <si>
    <t>MultiPolygon (((4.89770757077804397 52.37867648156636591, 4.8996863016681651 52.37730160974635396, 4.89707405720160338 52.37550386848855055, 4.8964679097454793 52.37576253967893081, 4.8935789739394524 52.37622081604438051, 4.89419469426873821 52.37660795233455957, 4.89770757077804397 52.37867648156636591, 4.89770757077804397 52.37867648156636591)))</t>
  </si>
  <si>
    <t>MultiPolygon (((4.89399806329164111 52.37876494973872354, 4.89546252766260093 52.379854366572836, 4.89770757077804397 52.37867648156636591, 4.89419469426873821 52.37660795233455957, 4.89207667906078036 52.37703041338577492, 4.89399806329164111 52.37876494973872354, 4.89399806329164111 52.37876494973872354)))</t>
  </si>
  <si>
    <t>MultiPolygon (((4.89876736372351651 52.3829687877060266, 4.90005462955002713 52.38215406146264996, 4.90209145103830402 52.38119473986341745, 4.90640428432607845 52.38003992077474891, 4.9032486548573182 52.3765885012852408, 4.8996863016681651 52.37730160974635396, 4.89770757077804397 52.37867648156636591, 4.89546252766260093 52.379854366572836, 4.89580097825091265 52.38014235850825173, 4.89876736372351651 52.3829687877060266, 4.89876736372351651 52.3829687877060266)))</t>
  </si>
  <si>
    <t>MultiPolygon (((4.89587079579551965 52.37185858347766754, 4.89874945363769942 52.37099403226695671, 4.89526302915491041 52.36736646088406388, 4.89414218650011623 52.36728711409819681, 4.89238641155579757 52.3690793242824455, 4.89425795584686618 52.36922919539602361, 4.89587079579551965 52.37185858347766754, 4.89587079579551965 52.37185858347766754)))</t>
  </si>
  <si>
    <t>MultiPolygon (((4.89296927496975975 52.37270661628821244, 4.8930054796013156 52.37270515590668651, 4.89587079579551965 52.37185858347766754, 4.89425795584686618 52.36922919539602361, 4.89238641155579757 52.3690793242824455, 4.89200883031171863 52.36904972737777797, 4.89296927496975975 52.37270661628821244, 4.89296927496975975 52.37270661628821244)))</t>
  </si>
  <si>
    <t>MultiPolygon (((4.89940042960630873 52.37474749635068605, 4.90126107708043879 52.37417232050151483, 4.90093029853034867 52.37349285571405488, 4.8998517307146896 52.37222234593747316, 4.89874945363769942 52.37099403226695671, 4.89587079579551965 52.37185858347766754, 4.89940042960630873 52.37474749635068605, 4.89940042960630873 52.37474749635068605)))</t>
  </si>
  <si>
    <t>MultiPolygon (((4.8964679097454793 52.37576253967893081, 4.89707405720160338 52.37550386848855055, 4.89940042960630873 52.37474749635068605, 4.89587079579551965 52.37185858347766754, 4.8930054796013156 52.37270515590668651, 4.8964679097454793 52.37576253967893081, 4.8964679097454793 52.37576253967893081)))</t>
  </si>
  <si>
    <t>MultiPolygon (((4.8996863016681651 52.37730160974635396, 4.9032486548573182 52.3765885012852408, 4.90126107708043879 52.37417232050151483, 4.89940042960630873 52.37474749635068605, 4.89707405720160338 52.37550386848855055, 4.8996863016681651 52.37730160974635396, 4.8996863016681651 52.37730160974635396)))</t>
  </si>
  <si>
    <t>MultiPolygon (((4.84302620506245951 52.29766371239874445, 4.84010410687069648 52.29262232003691935, 4.83281728226086216 52.29379450359219561, 4.82384216426005885 52.29053987454393138, 4.8224022105716795 52.29202363911534235, 4.80988369261714332 52.30577609982681508, 4.81707540620780694 52.31182059935314754, 4.81715265125455172 52.31196688424335406, 4.82586045104886985 52.30819263843309841, 4.8400541282288394 52.30518105134780171, 4.83923251054031756 52.30294968460727745, 4.84369446487939559 52.3011901551269105, 4.84446528433933299 52.30063689669426452, 4.84412580925035741 52.29952921312324321, 4.84302620506245951 52.29766371239874445, 4.84302620506245951 52.29766371239874445)))</t>
  </si>
  <si>
    <t>MultiPolygon (((4.85592442001253932 52.33031758647973675, 4.85646645807963839 52.3217648643316906, 4.85556776729643413 52.3163676475108943, 4.84059845596887861 52.31665444636820439, 4.84095273634865642 52.31209331434804, 4.84141598796850836 52.30737264978180434, 4.8400541282288394 52.30518105134780171, 4.82586045104886985 52.30819263843309841, 4.81715265125455172 52.31196688424335406, 4.81612410647770073 52.31349120447014656, 4.81906174708685509 52.32331833284298028, 4.81875257068546858 52.32556025805024547, 4.82517880456538517 52.32573101706402241, 4.83940527449804225 52.32735935879217948, 4.83947648422141263 52.32914569446730013, 4.84396096317321589 52.3302184828486574, 4.84511199963257422 52.32973467198760886, 4.8476235555783056 52.33007126826444733, 4.8479875108376671 52.33056687065133161, 4.85592442001253932 52.33031758647973675, 4.85592442001253932 52.33031758647973675)))</t>
  </si>
  <si>
    <t>MultiPolygon (((4.83974524747006907 52.26243184680208742, 4.83476345327208357 52.24982397008815127, 4.82483561419773821 52.25274858001375833, 4.80752422539537605 52.25757350165203974, 4.79531887615561381 52.26098401024997742, 4.79469729887480334 52.26068175822467055, 4.79557141187368519 52.26155450505360989, 4.80062572910706642 52.26605379575431698, 4.80686207460505432 52.27309556868535623, 4.81327649505913691 52.27126133933196428, 4.83513413312639884 52.269737736969482, 4.83618271484436502 52.26945254428589749, 4.83499158832942122 52.26593073738066408, 4.83974524747006907 52.26243184680208742, 4.83974524747006907 52.26243184680208742)))</t>
  </si>
  <si>
    <t>MultiPolygon (((4.88454208954255176 52.28417952300091542, 4.87878347696141912 52.27890253852439884, 4.88162963257606464 52.27446285594118081, 4.88157823459376061 52.27208050376640358, 4.87947015159076702 52.26707560853429868, 4.88234483122944418 52.26403950340743876, 4.87908032107364864 52.26171254846573078, 4.87327350613909971 52.26059985061764479, 4.8736455750666785 52.25805286280758821, 4.87066978171798848 52.2548496039380268, 4.87012126627845365 52.25328215519233055, 4.86877915833061614 52.25169834489170739, 4.86611332111365158 52.25098827545571822, 4.86062084093035729 52.24821680907314914, 4.85752171636413532 52.24772305570535025, 4.85653492135191733 52.24627575598570672, 4.85529095483689588 52.24555596316659489, 4.85493788568803364 52.2421456193184639, 4.85205325858766301 52.24201349017285878, 4.8437720878035142 52.24566543961165621, 4.83476345327208357 52.24982397008815127, 4.83974524747006907 52.26243184680208742, 4.83499158832942122 52.26593073738066408, 4.83618271484436502 52.26945254428589749, 4.83892666754331913 52.2774862430469085, 4.84958465954349727 52.27604825354701745, 4.85358701158975059 52.27549456749036239, 4.86733222948298927 52.27360229162773209, 4.86939037633390459 52.27537438115156476, 4.86955702949170899 52.27844619067811749, 4.87022054675539184 52.28141568222537927, 4.87146729291298453 52.28129438006961038, 4.87513560930278533 52.28813145796819839, 4.8771402379619273 52.29227044822874859, 4.87946514115154795 52.29683685817848726, 4.88807311878184603 52.29551050914248833, 4.89177956638749833 52.29470278081289081, 4.89146934044783421 52.29446615375152874, 4.89091330978288497 52.29149400918584689, 4.887074571134435 52.28973844317851416, 4.88748104726709087 52.28896730194230003, 4.88977086863152444 52.28791828844008904, 4.88867154919278502 52.28689847078899788, 4.88532605223817118 52.28649651628506234, 4.88454208954255176 52.28417952300091542, 4.88454208954255176 52.28417952300091542)))</t>
  </si>
  <si>
    <t>MultiPolygon (((4.81022041973320746 52.27680770971981161, 4.8197748063914041 52.27402768008766287, 4.82855468460364534 52.27159812911584424, 4.83513413312639884 52.269737736969482, 4.81327649505913691 52.27126133933196428, 4.80686207460505432 52.27309556868535623, 4.81022041973320746 52.27680770971981161, 4.81022041973320746 52.27680770971981161)))</t>
  </si>
  <si>
    <t>MultiPolygon (((4.83375784556349419 52.2783833774350839, 4.83949405016662126 52.27866023474818746, 4.83892666754331913 52.2774862430469085, 4.83618271484436502 52.26945254428589749, 4.83513413312639884 52.269737736969482, 4.82855468460364534 52.27159812911584424, 4.8319620348842669 52.27596621380218522, 4.83375784556349419 52.2783833774350839, 4.83375784556349419 52.2783833774350839)))</t>
  </si>
  <si>
    <t>MultiPolygon (((4.82287125159071817 52.27818805231971311, 4.83103149151625377 52.2757673860362857, 4.8319620348842669 52.27596621380218522, 4.82855468460364534 52.27159812911584424, 4.8197748063914041 52.27402768008766287, 4.82287125159071817 52.27818805231971311, 4.82287125159071817 52.27818805231971311)))</t>
  </si>
  <si>
    <t>MultiPolygon (((4.81495351337235711 52.28142817009693033, 4.82399654973226433 52.27987981061231437, 4.82287125159071817 52.27818805231971311, 4.8197748063914041 52.27402768008766287, 4.81022041973320746 52.27680770971981161, 4.81495351337235711 52.28142817009693033, 4.81495351337235711 52.28142817009693033)))</t>
  </si>
  <si>
    <t>MultiPolygon (((4.82675235883075437 52.28353082458701095, 4.83195066883983682 52.2817598313285572, 4.83375784556349419 52.2783833774350839, 4.8319620348842669 52.27596621380218522, 4.83103149151625377 52.2757673860362857, 4.82287125159071817 52.27818805231971311, 4.82399654973226433 52.27987981061231437, 4.82675235883075437 52.28353082458701095, 4.82675235883075437 52.28353082458701095)))</t>
  </si>
  <si>
    <t>MultiPolygon (((4.81910429406797824 52.28547288355734679, 4.82675235883075437 52.28353082458701095, 4.82399654973226433 52.27987981061231437, 4.81495351337235711 52.28142817009693033, 4.81910429406797824 52.28547288355734679, 4.81910429406797824 52.28547288355734679)))</t>
  </si>
  <si>
    <t>MultiPolygon (((4.83572482467578979 52.28667347578840463, 4.84195172339241164 52.28636437387787339, 4.84111628620923273 52.28350103017888983, 4.83949405016662126 52.27866023474818746, 4.83375784556349419 52.2783833774350839, 4.83195066883983682 52.2817598313285572, 4.83572482467578979 52.28667347578840463, 4.83572482467578979 52.28667347578840463)))</t>
  </si>
  <si>
    <t>MultiPolygon (((4.82997317530157844 52.28781503356677263, 4.83572482467578979 52.28667347578840463, 4.83195066883983682 52.2817598313285572, 4.82675235883075437 52.28353082458701095, 4.82997317530157844 52.28781503356677263, 4.82997317530157844 52.28781503356677263)))</t>
  </si>
  <si>
    <t>MultiPolygon (((4.82382698564692358 52.29001535029532732, 4.82997317530157844 52.28781503356677263, 4.82675235883075437 52.28353082458701095, 4.81910429406797824 52.28547288355734679, 4.82382698564692358 52.29001535029532732, 4.82382698564692358 52.29001535029532732)))</t>
  </si>
  <si>
    <t>MultiPolygon (((4.84337982523947552 52.29153465383880928, 4.84195172339241164 52.28636437387787339, 4.83572482467578979 52.28667347578840463, 4.82997317530157844 52.28781503356677263, 4.82382698564692358 52.29001535029532732, 4.82384216426005885 52.29053987454393138, 4.83281728226086216 52.29379450359219561, 4.84010410687069648 52.29262232003691935, 4.84337982523947552 52.29153465383880928, 4.84337982523947552 52.29153465383880928)))</t>
  </si>
  <si>
    <t>MultiPolygon (((4.85638722270081313 52.28000966128144711, 4.86114141991857629 52.2790320324887503, 4.86955702949170899 52.27844619067811749, 4.86939037633390459 52.27537438115156476, 4.86733222948298927 52.27360229162773209, 4.85358701158975059 52.27549456749036239, 4.8547115643548997 52.2788044700650687, 4.85638722270081313 52.28000966128144711, 4.85638722270081313 52.28000966128144711)))</t>
  </si>
  <si>
    <t>MultiPolygon (((4.84111628620923273 52.28350103017888983, 4.84671344055350861 52.28296472273412121, 4.85092418284470472 52.28063611752551765, 4.84958465954349727 52.27604825354701745, 4.83892666754331913 52.2774862430469085, 4.83949405016662126 52.27866023474818746, 4.84111628620923273 52.28350103017888983, 4.84111628620923273 52.28350103017888983)))</t>
  </si>
  <si>
    <t>MultiPolygon (((4.86112346702852083 52.28410396276213135, 4.86546207646508844 52.2828799995815956, 4.87022054675539184 52.28141568222537927, 4.86955702949170899 52.27844619067811749, 4.86114141991857629 52.2790320324887503, 4.85638722270081313 52.28000966128144711, 4.86112346702852083 52.28410396276213135, 4.86112346702852083 52.28410396276213135)))</t>
  </si>
  <si>
    <t>MultiPolygon (((4.85327176459519372 52.28505237329134303, 4.86004679253683669 52.28542215593029141, 4.86112346702852083 52.28410396276213135, 4.85638722270081313 52.28000966128144711, 4.8547115643548997 52.2788044700650687, 4.85358701158975059 52.27549456749036239, 4.84958465954349727 52.27604825354701745, 4.85092418284470472 52.28063611752551765, 4.8521761352524404 52.2807057475340784, 4.85327176459519372 52.28505237329134303, 4.85327176459519372 52.28505237329134303)))</t>
  </si>
  <si>
    <t>MultiPolygon (((4.84195172339241164 52.28636437387787339, 4.85327176459519372 52.28505237329134303, 4.8521761352524404 52.2807057475340784, 4.85092418284470472 52.28063611752551765, 4.84671344055350861 52.28296472273412121, 4.84111628620923273 52.28350103017888983, 4.84195172339241164 52.28636437387787339, 4.84195172339241164 52.28636437387787339)))</t>
  </si>
  <si>
    <t>MultiPolygon (((4.86767691689911164 52.28909386898346412, 4.86899072834195668 52.2904717518667681, 4.87513560930278533 52.28813145796819839, 4.87146729291298453 52.28129438006961038, 4.87022054675539184 52.28141568222537927, 4.86546207646508844 52.2828799995815956, 4.86890692295510696 52.28777237821621782, 4.86767691689911164 52.28909386898346412, 4.86767691689911164 52.28909386898346412)))</t>
  </si>
  <si>
    <t>MultiPolygon (((4.86388470306453335 52.28995109602298186, 4.86767691689911164 52.28909386898346412, 4.86890692295510696 52.28777237821621782, 4.86546207646508844 52.2828799995815956, 4.86112346702852083 52.28410396276213135, 4.86004679253683669 52.28542215593029141, 4.86388470306453335 52.28995109602298186, 4.86388470306453335 52.28995109602298186)))</t>
  </si>
  <si>
    <t>MultiPolygon (((4.87021763674343777 52.29240183513620366, 4.87550502016731802 52.29133907106277945, 4.8771402379619273 52.29227044822874859, 4.87513560930278533 52.28813145796819839, 4.86899072834195668 52.2904717518667681, 4.87021763674343777 52.29240183513620366, 4.87021763674343777 52.29240183513620366)))</t>
  </si>
  <si>
    <t>MultiPolygon (((4.86673544833718719 52.29458713006261661, 4.87021763674343777 52.29240183513620366, 4.86899072834195668 52.2904717518667681, 4.86767691689911164 52.28909386898346412, 4.86388470306453335 52.28995109602298186, 4.86381835303747057 52.2899695348882787, 4.86673544833718719 52.29458713006261661, 4.86673544833718719 52.29458713006261661)))</t>
  </si>
  <si>
    <t>MultiPolygon (((4.86928769404546635 52.29860806767961634, 4.87946514115154795 52.29683685817848726, 4.8771402379619273 52.29227044822874859, 4.87550502016731802 52.29133907106277945, 4.87021763674343777 52.29240183513620366, 4.86673544833718719 52.29458713006261661, 4.86694420849613518 52.29491954979253876, 4.86928769404546635 52.29860806767961634, 4.86928769404546635 52.29860806767961634)))</t>
  </si>
  <si>
    <t>MultiPolygon (((4.84337982523947552 52.29153465383880928, 4.85478258087810488 52.29070231663121149, 4.86130883096893118 52.29061863456267645, 4.86381835303747057 52.2899695348882787, 4.86388470306453335 52.28995109602298186, 4.86004679253683669 52.28542215593029141, 4.85327176459519372 52.28505237329134303, 4.84195172339241164 52.28636437387787339, 4.84337982523947552 52.29153465383880928, 4.84337982523947552 52.29153465383880928)))</t>
  </si>
  <si>
    <t>MultiPolygon (((4.86694420849613518 52.29491954979253876, 4.86673544833718719 52.29458713006261661, 4.86381835303747057 52.2899695348882787, 4.86130883096893118 52.29061863456267645, 4.85478258087810488 52.29070231663121149, 4.85475557206263186 52.29501260016721176, 4.85831791967053928 52.29515722925687271, 4.86177598074786577 52.29603789340327324, 4.86694420849613518 52.29491954979253876, 4.86694420849613518 52.29491954979253876)))</t>
  </si>
  <si>
    <t>MultiPolygon (((4.84302620506245951 52.29766371239874445, 4.85182201248086287 52.29602970605974122, 4.85265131625691293 52.29508545392651797, 4.85475557206263186 52.29501260016721176, 4.85478258087810488 52.29070231663121149, 4.84337982523947552 52.29153465383880928, 4.84010410687069648 52.29262232003691935, 4.84302620506245951 52.29766371239874445, 4.84302620506245951 52.29766371239874445)))</t>
  </si>
  <si>
    <t>MultiPolygon (((4.85676338193317392 52.30149690556761755, 4.86928769404546635 52.29860806767961634, 4.86694420849613518 52.29491954979253876, 4.86177598074786577 52.29603789340327324, 4.85831791967053928 52.29515722925687271, 4.85475557206263186 52.29501260016721176, 4.85506098774682648 52.29899246274923286, 4.85676338193317392 52.30149690556761755, 4.85676338193317392 52.30149690556761755)))</t>
  </si>
  <si>
    <t>MultiPolygon (((4.85000838909632392 52.30358630983124613, 4.85676338193317392 52.30149690556761755, 4.85506098774682648 52.29899246274923286, 4.85475557206263186 52.29501260016721176, 4.85265131625691293 52.29508545392651797, 4.85182201248086287 52.29602970605974122, 4.84302620506245951 52.29766371239874445, 4.84412580925035741 52.29952921312324321, 4.84519993646077562 52.29935296237376008, 4.85000838909632392 52.30358630983124613, 4.85000838909632392 52.30358630983124613)))</t>
  </si>
  <si>
    <t>MultiPolygon (((4.8400541282288394 52.30518105134780171, 4.85000838909632392 52.30358630983124613, 4.84519993646077562 52.29935296237376008, 4.84412580925035741 52.29952921312324321, 4.84446528433933299 52.30063689669426452, 4.84369446487939559 52.3011901551269105, 4.83923251054031756 52.30294968460727745, 4.8400541282288394 52.30518105134780171, 4.8400541282288394 52.30518105134780171)))</t>
  </si>
  <si>
    <t>MultiPolygon (((4.89297163997625617 52.29522393179497897, 4.89177956638749833 52.29470278081289081, 4.88807311878184603 52.29551050914248833, 4.89540028298521701 52.30328674187991567, 4.89960586889979766 52.30098105023208888, 4.89856617579413278 52.29934202151427769, 4.90117563650249366 52.29698571054979794, 4.90101809232876562 52.29607550269034277, 4.89297163997625617 52.29522393179497897, 4.89297163997625617 52.29522393179497897)))</t>
  </si>
  <si>
    <t>MultiPolygon (((4.90541207813758184 52.3160052898082597, 4.90606662359345425 52.31391410096512118, 4.90525520609149712 52.31068428236041967, 4.90781192455293969 52.30700292708569776, 4.90409171706064839 52.30371278413896619, 4.89960586889979766 52.30098105023208888, 4.89540028298521701 52.30328674187991567, 4.88807311878184603 52.29551050914248833, 4.87946514115154795 52.29683685817848726, 4.88202258456416782 52.30072331403200536, 4.88301576512934954 52.30095006328101448, 4.88336910201242791 52.30697951319469041, 4.88466537749508145 52.31279909020288699, 4.88374754409107759 52.31281313611254546, 4.88396537690600141 52.31758940860109419, 4.88162114953713466 52.31753463424628592, 4.88269353109516047 52.31783715392209189, 4.88217695630983695 52.32216403240390434, 4.89283433523270705 52.32236635768369837, 4.8962916485442376 52.32241985871993961, 4.89828059248390346 52.32164397245399101, 4.90253236117299895 52.32132435247181945, 4.90784054749084575 52.31950484745903651, 4.90913528219866979 52.31825319718976175, 4.90541207813758184 52.3160052898082597)))</t>
  </si>
  <si>
    <t>MultiPolygon (((4.87210639364467912 52.30305539151162719, 4.88202258456416782 52.30072331403200536, 4.87946514115154795 52.29683685817848726, 4.86928769404546635 52.29860806767961634, 4.87210639364467912 52.30305539151162719, 4.87210639364467912 52.30305539151162719)))</t>
  </si>
  <si>
    <t>MultiPolygon (((4.87271854974871754 52.30774666088693436, 4.87452314349014859 52.30854944347635893, 4.87981838831861481 52.30850395258173791, 4.88186007492602325 52.30700494652101185, 4.88336910201242791 52.30697951319469041, 4.88301576512934954 52.30095006328101448, 4.88202258456416782 52.30072331403200536, 4.87210639364467912 52.30305539151162719, 4.87271854974871754 52.30774666088693436, 4.87271854974871754 52.30774666088693436)))</t>
  </si>
  <si>
    <t>MultiPolygon (((4.87254777295627761 52.31199733721708611, 4.88216562300599222 52.31177660674145358, 4.88374754409107759 52.31281313611254546, 4.88466537749508145 52.31279909020288699, 4.88336910201242791 52.30697951319469041, 4.88186007492602325 52.30700494652101185, 4.87981838831861481 52.30850395258173791, 4.87452314349014859 52.30854944347635893, 4.87271854974871754 52.30774666088693436, 4.87254777295627761 52.31199733721708611, 4.87254777295627761 52.31199733721708611)))</t>
  </si>
  <si>
    <t>MultiPolygon (((4.87093717244476565 52.31577390182616227, 4.88162114953713466 52.31753463424628592, 4.88396537690600141 52.31758940860109419, 4.88374754409107759 52.31281313611254546, 4.88216562300599222 52.31177660674145358, 4.87254777295627761 52.31199733721708611, 4.87254414450285633 52.31200497546559802, 4.87094268331936231 52.3157654863100916, 4.87093717244476565 52.31577390182616227, 4.87093717244476565 52.31577390182616227)))</t>
  </si>
  <si>
    <t>MultiPolygon (((4.87811755304120442 52.32209223393686415, 4.88217695630983695 52.32216403240390434, 4.88269353109516047 52.31783715392209189, 4.88162114953713466 52.31753463424628592, 4.87093717244476565 52.31577390182616227, 4.86950782115917047 52.32003141449089867, 4.8723161644617301 52.31735879350628693, 4.87566449664513435 52.31792504281014544, 4.87810312459263695 52.32010164699977395, 4.87811755304120442 52.32209223393686415, 4.87811755304120442 52.32209223393686415)))</t>
  </si>
  <si>
    <t>MultiPolygon (((4.86935489906705943 52.32193667348401078, 4.87811755304120442 52.32209223393686415, 4.87810312459263695 52.32010164699977395, 4.87566449664513435 52.31792504281014544, 4.8723161644617301 52.31735879350628693, 4.86950782115917047 52.32003141449089867, 4.86935489906705943 52.32193667348401078, 4.86935489906705943 52.32193667348401078)))</t>
  </si>
  <si>
    <t>MultiPolygon (((4.85671959243224816 52.30596745254405278, 4.86245393907175671 52.30563067225379825, 4.87210639364467912 52.30305539151162719, 4.86928769404546635 52.29860806767961634, 4.85676338193317392 52.30149690556761755, 4.85671959243224816 52.30596745254405278, 4.85671959243224816 52.30596745254405278)))</t>
  </si>
  <si>
    <t>MultiPolygon (((4.87254414450285633 52.31200497546559802, 4.87254777295627761 52.31199733721708611, 4.87271854974871754 52.30774666088693436, 4.87210639364467912 52.30305539151162719, 4.86245393907175671 52.30563067225379825, 4.86329101567580224 52.31064536717977376, 4.87254414450285633 52.31200497546559802, 4.87254414450285633 52.31200497546559802)))</t>
  </si>
  <si>
    <t>MultiPolygon (((4.86341763088443191 52.31343097476922566, 4.86396115693073749 52.31465635974568329, 4.87094268331936231 52.3157654863100916, 4.87254414450285633 52.31200497546559802, 4.86329101567580224 52.31064536717977376, 4.86341763088443191 52.31343097476922566, 4.86341763088443191 52.31343097476922566)))</t>
  </si>
  <si>
    <t>MultiPolygon (((4.85659807290069701 52.31347173210787815, 4.86067866359927514 52.31341797926567949, 4.86341763088443191 52.31343097476922566, 4.86329101567580224 52.31064536717977376, 4.86245393907175671 52.30563067225379825, 4.85671959243224816 52.30596745254405278, 4.85659807290069701 52.31347173210787815, 4.85659807290069701 52.31347173210787815)))</t>
  </si>
  <si>
    <t>MultiPolygon (((4.85379586553663867 52.31367363581296104, 4.85659807290069701 52.31347173210787815, 4.85671959243224816 52.30596745254405278, 4.85676338193317392 52.30149690556761755, 4.85000838909632392 52.30358630983124613, 4.85076995578804215 52.31103805869449275, 4.85379586553663867 52.31367363581296104, 4.85379586553663867 52.31367363581296104)))</t>
  </si>
  <si>
    <t>MultiPolygon (((4.84095273634865642 52.31209331434804, 4.85021469396498084 52.31169135528424619, 4.85076995578804215 52.31103805869449275, 4.85000838909632392 52.30358630983124613, 4.8400541282288394 52.30518105134780171, 4.84141598796850836 52.30737264978180434, 4.84095273634865642 52.31209331434804, 4.84095273634865642 52.31209331434804)))</t>
  </si>
  <si>
    <t>MultiPolygon (((4.85556776729643413 52.3163676475108943, 4.85379586553663867 52.31367363581296104, 4.85076995578804215 52.31103805869449275, 4.85021469396498084 52.31169135528424619, 4.84095273634865642 52.31209331434804, 4.84059845596887861 52.31665444636820439, 4.85556776729643413 52.3163676475108943, 4.85556776729643413 52.3163676475108943)))</t>
  </si>
  <si>
    <t>MultiPolygon (((4.86914212145572289 52.32193284876393591, 4.86935489906705943 52.32193667348401078, 4.86950782115917047 52.32003141449089867, 4.87093717244476565 52.31577390182616227, 4.87094268331936231 52.3157654863100916, 4.86396115693073749 52.31465635974568329, 4.86341763088443191 52.31343097476922566, 4.86067866359927514 52.31341797926567949, 4.86148555487810086 52.32180265576079137, 4.86914212145572289 52.32193284876393591, 4.86914212145572289 52.32193284876393591)))</t>
  </si>
  <si>
    <t>MultiPolygon (((4.86148555487810086 52.32180265576079137, 4.86067866359927514 52.31341797926567949, 4.85659807290069701 52.31347173210787815, 4.85379586553663867 52.31367363581296104, 4.85556776729643413 52.3163676475108943, 4.85646645807963839 52.3217648643316906, 4.85675488581251091 52.3214132870074593, 4.86148555487810086 52.32180265576079137, 4.86148555487810086 52.32180265576079137)))</t>
  </si>
  <si>
    <t>MultiPolygon (((4.81952565475323702 52.291624734000969, 4.8015968790774064 52.28509883456933949, 4.79450644504716017 52.292372957786732, 4.79713900139412441 52.29357507170822572, 4.7944428783184625 52.29626702741122557, 4.79566333328227223 52.29932391304413386, 4.7988357546516518 52.30142111141690009, 4.80988369261714332 52.30577609982681508, 4.8224022105716795 52.29202363911534235, 4.81952565475323702 52.291624734000969, 4.81952565475323702 52.291624734000969)))</t>
  </si>
  <si>
    <t>MultiPolygon (((4.80686207460505432 52.27309556868535623, 4.80062572910706642 52.26605379575431698, 4.78749645018921477 52.28002183015853177, 4.8015968790774064 52.28509883456933949, 4.81952565475323702 52.291624734000969, 4.8224022105716795 52.29202363911534235, 4.82384216426005885 52.29053987454393138, 4.82382698564692358 52.29001535029532732, 4.81910429406797824 52.28547288355734679, 4.81495351337235711 52.28142817009693033, 4.81022041973320746 52.27680770971981161, 4.80686207460505432 52.27309556868535623, 4.80686207460505432 52.27309556868535623)))</t>
  </si>
  <si>
    <t>MultiPolygon (((4.78749645018921477 52.28002183015853177, 4.80062572910706642 52.26605379575431698, 4.79557141187368519 52.26155450505360989, 4.7892618023126472 52.26814573695860844, 4.7781578004192804 52.26507597952977591, 4.76806377178124752 52.27023804369697046, 4.77623999722422177 52.27632608672794134, 4.78749645018921477 52.28002183015853177, 4.78749645018921477 52.28002183015853177)))</t>
  </si>
  <si>
    <t>MultiPolygon (((4.77623999722422177 52.27632608672794134, 4.76806377178124752 52.27023804369697046, 4.76487477868309206 52.27179711328287226, 4.75928950119919847 52.27013627369363746, 4.75687845101101381 52.27440113544218292, 4.76511297793342159 52.27678214874165974, 4.77101981188080515 52.27936621070184486, 4.77991031479309747 52.28313029522475119, 4.78834139715570295 52.28853094373526744, 4.79324822842117637 52.29409944956282175, 4.7944428783184625 52.29626702741122557, 4.79713900139412441 52.29357507170822572, 4.79450644504716017 52.292372957786732, 4.8015968790774064 52.28509883456933949, 4.78749645018921477 52.28002183015853177, 4.77623999722422177 52.27632608672794134, 4.77623999722422177 52.27632608672794134)))</t>
  </si>
  <si>
    <t>MultiPolygon (((4.77327152044337222 52.24103401868972441, 4.72376439995501496 52.2165736521099646, 4.72330196035957339 52.21635386511619714, 4.72364957721783529 52.21823496816105603, 4.72289659841004283 52.22036390548758078, 4.72415453131907892 52.23237133344954231, 4.70442804931485981 52.23384206157585652, 4.70024366076546407 52.23307944044003648, 4.70226865193916232 52.23693484382064156, 4.75500868903411877 52.25162737843837846, 4.76750576749255561 52.24940869969672264, 4.76899434041750592 52.24839810999909417, 4.7678883376201231 52.2469774709752528, 4.7680652501942431 52.24539430606063917, 4.77327152044337222 52.24103401868972441, 4.77327152044337222 52.24103401868972441)))</t>
  </si>
  <si>
    <t>MultiPolygon (((4.69624410562446659 52.23210927288356231, 4.68621056384013368 52.226633459714634, 4.68363230097257865 52.22635403358114559, 4.67997512569598406 52.2267631089147315, 4.67669902339460375 52.22592552023062495, 4.67034808714490168 52.23075578542270847, 4.67707383466633164 52.23438670348932078, 4.68124868253147408 52.23914288514832549, 4.69551275008043234 52.24322276475220406, 4.70186726225848517 52.24446790860626777, 4.70526715817241392 52.24675519655431088, 4.71322017902865475 52.25540089699575219, 4.72078565649426896 52.25878149919572735, 4.72587721232298108 52.2633388489928663, 4.72979544429874199 52.26516299342139149, 4.73456728694840123 52.2665466608666236, 4.73923491922329632 52.26761352331428157, 4.74376536528003978 52.26983760749885732, 4.74966682605543422 52.26446235718003663, 4.75478384306850632 52.25926638382618705, 4.75487054066596571 52.25662430335176367, 4.75500868903411877 52.25162737843837846, 4.70226865193916232 52.23693484382064156, 4.70024366076546407 52.23307944044003648, 4.69624410562446659 52.23210927288356231, 4.69624410562446659 52.23210927288356231)))</t>
  </si>
  <si>
    <t>MultiPolygon (((4.7781578004192804 52.26507597952977591, 4.7892618023126472 52.26814573695860844, 4.79557141187368519 52.26155450505360989, 4.79469729887480334 52.26068175822467055, 4.79460317045361162 52.26005503161249521, 4.78293107679944107 52.25514832487354511, 4.78088822536014302 52.25351974943959021, 4.77919718615685074 52.25353577354783141, 4.77086668768134281 52.24990888768794406, 4.76899434041750592 52.24839810999909417, 4.76750576749255561 52.24940869969672264, 4.75500868903411877 52.25162737843837846, 4.75487054066596571 52.25662430335176367, 4.76047933601321471 52.25706687509014614, 4.76629352194353118 52.25908770511197332, 4.77827186146513849 52.26394643742878543, 4.7781578004192804 52.26507597952977591, 4.7781578004192804 52.26507597952977591)))</t>
  </si>
  <si>
    <t>MultiPolygon (((4.75928950119919847 52.27013627369363746, 4.76487477868309206 52.27179711328287226, 4.76806377178124752 52.27023804369697046, 4.7781578004192804 52.26507597952977591, 4.77827186146513849 52.26394643742878543, 4.76629352194353118 52.25908770511197332, 4.76047933601321471 52.25706687509014614, 4.75487054066596571 52.25662430335176367, 4.75478384306850632 52.25926638382618705, 4.74966682605543422 52.26446235718003663, 4.75065517182879749 52.26479102733637205, 4.7534470263076507 52.26855955805636, 4.75928950119919847 52.27013627369363746, 4.75928950119919847 52.27013627369363746)))</t>
  </si>
  <si>
    <t>MultiPolygon (((4.75065517182879749 52.26479102733637205, 4.74966682605543422 52.26446235718003663, 4.74376536528003978 52.26983760749885732, 4.74669928721726286 52.272253352282668, 4.75132200716252129 52.27368949302285017, 4.75687845101101381 52.27440113544218292, 4.75928950119919847 52.27013627369363746, 4.7534470263076507 52.26855955805636, 4.75065517182879749 52.26479102733637205, 4.75065517182879749 52.26479102733637205)))</t>
  </si>
  <si>
    <t>MultiPolygon (((5.2646488558940927 52.11524185757019012, 5.27756012200911062 52.11881894009963645, 5.28221305047571033 52.11208301872404292, 5.27442263187817684 52.11004522845140485, 5.26895881327134585 52.1090103598828378, 5.2646488558940927 52.11524185757019012, 5.2646488558940927 52.11524185757019012)))</t>
  </si>
  <si>
    <t>MultiPolygon (((5.23835980464915707 52.16777471143948475, 5.23904131841394349 52.1676222703063317, 5.24317262813961715 52.17007641732889311, 5.24966638521761997 52.15875547196385043, 5.25099491587873324 52.1563396094151841, 5.2378643030019516 52.15379999524819965, 5.22688357320452823 52.15299130663754568, 5.22670260747046633 52.15416319220514652, 5.22499882092830692 52.16569961100128694, 5.23631578871889314 52.16745825071987497, 5.2359854021108756 52.17109932863607469, 5.23790072132266271 52.17125091060242426, 5.23835980464915707 52.16777471143948475, 5.23835980464915707 52.16777471143948475)))</t>
  </si>
  <si>
    <t>MultiPolygon (((5.22688357320452823 52.15299130663754568, 5.2378643030019516 52.15379999524819965, 5.25099491587873324 52.1563396094151841, 5.25479395841348662 52.14951592273524739, 5.25638630495563053 52.14417184514019965, 5.25642188096325658 52.14405594532608035, 5.22929919884729966 52.13663217111258774, 5.22928519390105251 52.13673021113455519, 5.22688357320452823 52.15299130663754568, 5.22688357320452823 52.15299130663754568)))</t>
  </si>
  <si>
    <t>MultiPolygon (((5.22929919884729966 52.13663217111258774, 5.25642188096325658 52.14405594532608035, 5.25526733095070497 52.13888523932339325, 5.25618335484964394 52.13637795306292588, 5.25681340090330185 52.13101499038107534, 5.25012620230969418 52.1291291431480488, 5.24949297539920767 52.13097660383141374, 5.2464764067261509 52.13315776235590704, 5.24700715630723291 52.13565712964307863, 5.24511298588013641 52.13657445205774366, 5.23619749515247701 52.13534522751303513, 5.23371677690503123 52.13554127356778878, 5.23370551078891211 52.13594249092851385, 5.22946091644889677 52.13557015023910424, 5.22929919884729966 52.13663217111258774, 5.22929919884729966 52.13663217111258774)))</t>
  </si>
  <si>
    <t>MultiPolygon (((5.25012620230969418 52.1291291431480488, 5.25681340090330185 52.13101499038107534, 5.25618335484964394 52.13637795306292588, 5.26410182113316871 52.12508006981091313, 5.27193611029807041 52.12704553313635358, 5.27421308188074622 52.1237401492214687, 5.27714700656556523 52.11945360030270535, 5.27756012200911062 52.11881894009963645, 5.2646488558940927 52.11524185757019012, 5.2609108259538031 52.11431465956628273, 5.25949405421032257 52.1168363534833432, 5.25168793431245007 52.12540367562043286, 5.25012620230969418 52.1291291431480488, 5.25012620230969418 52.1291291431480488)))</t>
  </si>
  <si>
    <t>MultiPolygon (((5.22946091644889677 52.13557015023910424, 5.23370551078891211 52.13594249092851385, 5.23371677690503123 52.13554127356778878, 5.23619749515247701 52.13534522751303513, 5.24511298588013641 52.13657445205774366, 5.24700715630723291 52.13565712964307863, 5.2464764067261509 52.13315776235590704, 5.24949297539920767 52.13097660383141374, 5.25012620230969418 52.1291291431480488, 5.25168793431245007 52.12540367562043286, 5.24552375930686487 52.12396658547035599, 5.24459225993829659 52.11931782710663441, 5.25066899316308167 52.11431064565932303, 5.25210136133917604 52.11197299580049958, 5.25177515672324713 52.11167942428407684, 5.23652022590753585 52.10732209686018024, 5.22089642112875119 52.10600979289024792, 5.21821918075019298 52.11367266355155436, 5.23093038597649596 52.116788885418039, 5.23023208200504364 52.12262457507349467, 5.22899868225322528 52.13165518767063134, 5.22957401859150384 52.13458627020936831, 5.22946091644889677 52.13557015023910424)))</t>
  </si>
  <si>
    <t>MultiPolygon (((5.25168793431245007 52.12540367562043286, 5.25949405421032257 52.1168363534833432, 5.2609108259538031 52.11431465956628273, 5.25210136133917604 52.11197299580049958, 5.25066899316308167 52.11431064565932303, 5.24459225993829659 52.11931782710663441, 5.24552375930686487 52.12396658547035599, 5.25168793431245007 52.12540367562043286, 5.25168793431245007 52.12540367562043286)))</t>
  </si>
  <si>
    <t>MultiPolygon (((5.2609108259538031 52.11431465956628273, 5.2646488558940927 52.11524185757019012, 5.26895881327134585 52.1090103598828378, 5.25654575351619613 52.1066217670129106, 5.25483138103557668 52.10615775507623937, 5.25497776531961236 52.10574539641294223, 5.24864966227223828 52.10498029594660352, 5.25184775331858678 52.1103046125012952, 5.25177515672324713 52.11167942428407684, 5.25210136133917604 52.11197299580049958, 5.2609108259538031 52.11431465956628273, 5.2609108259538031 52.11431465956628273)))</t>
  </si>
  <si>
    <t>MultiPolygon (((5.29115296208277197 52.08635309415999615, 5.29293941914290933 52.08803695042165316, 5.2941015193805594 52.09150522089771584, 5.29087670008711708 52.09344908045275702, 5.2983007120981318 52.09644539921305295, 5.32692492440015464 52.08672979554341254, 5.33225088470982733 52.08416337884463587, 5.3326085185928056 52.07880983126526075, 5.32042276233030353 52.07032690379078588, 5.29115296208277197 52.08635309415999615, 5.29115296208277197 52.08635309415999615),(5.30624839238456136 52.08809925856188983, 5.30167006553714515 52.08829264741918763, 5.30210264544392995 52.08475385257791146, 5.30625207694120693 52.08285685053895975, 5.30908405518632076 52.08018185474043094, 5.30798406474158746 52.077579374295631, 5.31078440130640672 52.07658869705053206, 5.31219067921625676 52.0770562887913897, 5.32074586407148509 52.07572142317855679, 5.31997435041486444 52.08064006567246196, 5.31743588919182297 52.08247004126744173, 5.31573205067506827 52.08286225629075261, 5.31094206534023261 52.08266264317097693, 5.30625301021437057 52.0855432395776603, 5.30624839238456136 52.08809925856188983, 5.30624839238456136 52.08809925856188983)))</t>
  </si>
  <si>
    <t>MultiPolygon (((5.30624839238456136 52.08809925856188983, 5.30625301021437057 52.0855432395776603, 5.31094206534023261 52.08266264317097693, 5.31573205067506827 52.08286225629075261, 5.31743588919182297 52.08247004126744173, 5.31997435041486444 52.08064006567246196, 5.32074586407148509 52.07572142317855679, 5.31219067921625676 52.0770562887913897, 5.31078440130640672 52.07658869705053206, 5.30798406474158746 52.077579374295631, 5.30908405518632076 52.08018185474043094, 5.30625207694120693 52.08285685053895975, 5.30210264544392995 52.08475385257791146, 5.30167006553714515 52.08829264741918763, 5.30624839238456136 52.08809925856188983, 5.30624839238456136 52.08809925856188983)))</t>
  </si>
  <si>
    <t>MultiPolygon (((5.29115296208277197 52.08635309415999615, 5.26615863860806588 52.07071465636385454, 5.26536271752694418 52.0702068537017837, 5.26338961411530182 52.07134611035662886, 5.26313005982366366 52.07149525604769025, 5.27647781047581788 52.08005365991844826, 5.27832519339724016 52.08054106598595467, 5.27206549792263868 52.08270313904372983, 5.26984551222950426 52.08218211708926049, 5.26775058147893738 52.0835722716128231, 5.25966609690169129 52.08181511359808269, 5.24908454835570115 52.08088249068135411, 5.24761255723501474 52.08127571081617191, 5.2465832156708645 52.08237511064750436, 5.25671188877022466 52.08742723237270411, 5.27420843302144959 52.09656640135696648, 5.26687475730867494 52.1007853281057578, 5.27174063313437102 52.10492320088532381, 5.26970735827055758 52.10816473294729434, 5.27442263187817684 52.11004522845140485, 5.28221305047571033 52.11208301872404292, 5.29053368034476712 52.11421263950560956, 5.29180323207487557 52.11453858706737208, 5.29459949059018964 52.11347397213425836, 5.29896577578234496 52.1117997075022501, 5.30645863564504161 52.11027146355066719, 5.31091980092467075 52.10838438725853194, 5.32246238103753999 52.1019009208340762, 5.2983007120981318 52.09644539921305295, 5.29087670008711708 52.09344908045275702, 5.2941015193805594 52.09150522089771584, 5.29293941914290933 52.08803695042165316, 5.29115296208277197 52.08635309415999615, 5.29115296208277197 52.08635309415999615)))</t>
  </si>
  <si>
    <t>MultiPolygon (((5.25220832474466004 52.06702603592154333, 5.25935329114415229 52.06676610354876544, 5.25752331150944663 52.06549009647643089, 5.25600102803811708 52.06289313066546498, 5.25212161684869372 52.06202598037543794, 5.24999054247994756 52.06522586715828282, 5.25189517186082 52.06610116793113008, 5.25104191915167906 52.06656124959710752, 5.25220832474466004 52.06702603592154333, 5.25220832474466004 52.06702603592154333)))</t>
  </si>
  <si>
    <t>MultiPolygon (((5.2465832156708645 52.08237511064750436, 5.24761255723501474 52.08127571081617191, 5.24465165960850399 52.08035228789771764, 5.2455390313597503 52.07816218680690667, 5.24665686802363496 52.0775216637713072, 5.24752956036821772 52.07794680707634427, 5.25368116444353372 52.07458172948617658, 5.25166819061742896 52.07380500104031995, 5.25472057200138742 52.07173866172650634, 5.26003784863553392 52.06970416568254478, 5.26338961411530182 52.07134611035662886, 5.26536271752694418 52.0702068537017837, 5.25935329114415229 52.06676610354876544, 5.25220832474466004 52.06702603592154333, 5.24534918793472293 52.0695349280838542, 5.23680688670070538 52.07471619071073832, 5.24110568851754621 52.07760413041123826, 5.24021205161719905 52.0801854971790803, 5.2465832156708645 52.08237511064750436, 5.2465832156708645 52.08237511064750436)))</t>
  </si>
  <si>
    <t>MultiPolygon (((5.26984551222950426 52.08218211708926049, 5.27206549792263868 52.08270313904372983, 5.27832519339724016 52.08054106598595467, 5.27647781047581788 52.08005365991844826, 5.26313005982366366 52.07149525604769025, 5.25948681326022971 52.0735654701639703, 5.26125816886545294 52.07483770163732117, 5.25981451799410671 52.07623143911109054, 5.26358934512114107 52.07726330168268447, 5.26896866018151755 52.08072169104530502, 5.27037641753771346 52.08185189112891322, 5.26984551222950426 52.08218211708926049, 5.26984551222950426 52.08218211708926049)))</t>
  </si>
  <si>
    <t>MultiPolygon (((5.24761255723501474 52.08127571081617191, 5.24908454835570115 52.08088249068135411, 5.25966609690169129 52.08181511359808269, 5.26775058147893738 52.0835722716128231, 5.26984551222950426 52.08218211708926049, 5.27037641753771346 52.08185189112891322, 5.26896866018151755 52.08072169104530502, 5.26358934512114107 52.07726330168268447, 5.25981451799410671 52.07623143911109054, 5.26125816886545294 52.07483770163732117, 5.25948681326022971 52.0735654701639703, 5.26313005982366366 52.07149525604769025, 5.26338961411530182 52.07134611035662886, 5.26003784863553392 52.06970416568254478, 5.25472057200138742 52.07173866172650634, 5.25166819061742896 52.07380500104031995, 5.25368116444353372 52.07458172948617658, 5.24752956036821772 52.07794680707634427, 5.24665686802363496 52.0775216637713072, 5.2455390313597503 52.07816218680690667, 5.24465165960850399 52.08035228789771764, 5.24761255723501474 52.08127571081617191, 5.24761255723501474 52.08127571081617191)))</t>
  </si>
  <si>
    <t>MultiPolygon (((5.21500986990479198 52.07949386223974386, 5.22701894364531672 52.07398094641502695, 5.23173158843991981 52.07135955522045379, 5.23320912969968788 52.06847085959718413, 5.23926997288915963 52.06485077237329762, 5.24999054247994756 52.06522586715828282, 5.25212161684869372 52.06202598037543794, 5.24742309567079879 52.05864655111071926, 5.21913142772637073 52.05975276273112939, 5.21846026220680326 52.06023876403105533, 5.22502198553793207 52.06492173780829802, 5.20054815307646656 52.07681217470130264, 5.19893689627950106 52.07631387649855981, 5.19515497015992267 52.07734628555675727, 5.1927520575462518 52.08607644850869178, 5.20552461687617551 52.08489559029575133, 5.20803735031285076 52.08275123591067057, 5.21500986990479198 52.07949386223974386, 5.21500986990479198 52.07949386223974386)))</t>
  </si>
  <si>
    <t>MultiPolygon (((5.22928700730852203 52.0755662212710817, 5.22939052479927735 52.07563800366006035, 5.23378116055453368 52.07342055988885932, 5.23680688670070538 52.07471619071073832, 5.24534918793472293 52.0695349280838542, 5.25220832474466004 52.06702603592154333, 5.25104191915167906 52.06656124959710752, 5.25189517186082 52.06610116793113008, 5.24999054247994756 52.06522586715828282, 5.23926997288915963 52.06485077237329762, 5.23320912969968788 52.06847085959718413, 5.23173158843991981 52.07135955522045379, 5.22701894364531672 52.07398094641502695, 5.22928700730852203 52.0755662212710817, 5.22928700730852203 52.0755662212710817)))</t>
  </si>
  <si>
    <t>MultiPolygon (((5.21728663211789367 52.08091749842063223, 5.21979246641500971 52.08192454965474383, 5.22716318867172181 52.07811465912610771, 5.2275071212397668 52.07660123983808376, 5.22928700730852203 52.0755662212710817, 5.22701894364531672 52.07398094641502695, 5.21500986990479198 52.07949386223974386, 5.21728663211789367 52.08091749842063223, 5.21728663211789367 52.08091749842063223)))</t>
  </si>
  <si>
    <t>MultiPolygon (((5.21498361663473098 52.08393316747892499, 5.22272308975183464 52.08393793201479838, 5.21979246641500971 52.08192454965474383, 5.21728663211789367 52.08091749842063223, 5.21393126138087393 52.08376267141937177, 5.21498361663473098 52.08393316747892499, 5.21498361663473098 52.08393316747892499)))</t>
  </si>
  <si>
    <t>MultiPolygon (((5.21728663211789367 52.08091749842063223, 5.21500986990479198 52.07949386223974386, 5.20803735031285076 52.08275123591067057, 5.20552461687617551 52.08489559029575133, 5.20671502793350705 52.08627053146858543, 5.20551720289283804 52.08682954654421593, 5.20722978222996513 52.08643929483948654, 5.21260410359260451 52.08518538213265714, 5.21393126138087393 52.08376267141937177, 5.21728663211789367 52.08091749842063223, 5.21728663211789367 52.08091749842063223)))</t>
  </si>
  <si>
    <t>MultiPolygon (((5.20959090322790619 52.09148281497915178, 5.21322838210470252 52.09435140088527305, 5.21506533075329859 52.0928479094220549, 5.2131858862685192 52.09102103539388651, 5.22051276624318472 52.08997460649795386, 5.22136737373759274 52.08863692545754276, 5.21839816809049317 52.08706878482487213, 5.21498361663473098 52.08393316747892499, 5.21393126138087393 52.08376267141937177, 5.21260410359260451 52.08518538213265714, 5.20722978222996513 52.08643929483948654, 5.21058763636009825 52.09031442637851939, 5.20959090322790619 52.09148281497915178, 5.20959090322790619 52.09148281497915178)))</t>
  </si>
  <si>
    <t>MultiPolygon (((5.21506533075329859 52.0928479094220549, 5.21769420824946639 52.09398543863883901, 5.22016234914550559 52.09206422540869141, 5.22051276624318472 52.08997460649795386, 5.2131858862685192 52.09102103539388651, 5.21506533075329859 52.0928479094220549, 5.21506533075329859 52.0928479094220549)))</t>
  </si>
  <si>
    <t>MultiPolygon (((5.22136737373759274 52.08863692545754276, 5.22367457056123818 52.08916730428955333, 5.22769658780273438 52.08752135776674663, 5.22622564514987342 52.08653811856326854, 5.22272308975183464 52.08393793201479838, 5.21498361663473098 52.08393316747892499, 5.21839816809049317 52.08706878482487213, 5.22136737373759274 52.08863692545754276, 5.22136737373759274 52.08863692545754276)))</t>
  </si>
  <si>
    <t>MultiPolygon (((5.22272308975183464 52.08393793201479838, 5.22622564514987342 52.08653811856326854, 5.22916264843398082 52.08490358488475636, 5.22849559228686189 52.08444731972144837, 5.22971427226715591 52.08340485663296704, 5.23416125160957613 52.08514953785249446, 5.23703841027750361 52.08314231584451903, 5.23679996864882646 52.08259844816774375, 5.23024747290072156 52.07824167079144928, 5.23066648603921713 52.0765255195841803, 5.22939052479927735 52.07563800366006035, 5.22928700730852203 52.0755662212710817, 5.2275071212397668 52.07660123983808376, 5.22716318867172181 52.07811465912610771, 5.21979246641500971 52.08192454965474383, 5.22272308975183464 52.08393793201479838, 5.22272308975183464 52.08393793201479838)))</t>
  </si>
  <si>
    <t>MultiPolygon (((5.2127271971251421 52.09767432762314598, 5.2150022554164277 52.09806491090545677, 5.22123155432158992 52.09710572888114655, 5.22554617549014111 52.09430834953569445, 5.22407122222503606 52.09375661541306357, 5.22415898759664454 52.09262145799092991, 5.22843290578762865 52.08914905546671292, 5.23010197699752943 52.0895785716930817, 5.23141798669831282 52.08849632970784427, 5.22989643088092571 52.08803048255967383, 5.23085473467030226 52.08730666430672329, 5.23670346228317918 52.08521135691389503, 5.23703841027750361 52.08314231584451903, 5.23416125160957613 52.08514953785249446, 5.22971427226715591 52.08340485663296704, 5.22849559228686189 52.08444731972144837, 5.22916264843398082 52.08490358488475636, 5.22622564514987342 52.08653811856326854, 5.22769658780273438 52.08752135776674663, 5.22367457056123818 52.08916730428955333, 5.22136737373759274 52.08863692545754276, 5.22051276624318472 52.08997460649795386, 5.22016234914550559 52.09206422540869141, 5.21769420824946639 52.09398543863883901, 5.21506533075329859 52.0928479094220549, 5.21322838210470252 52.09435140088527305, 5.20959090322790619 52.09148281497915178, 5.2086087529472529 52.09361891065584871, 5.21231898904427737 52.09700340472887348, 5.2127271971251421 52.09767432762314598)))</t>
  </si>
  <si>
    <t>MultiPolygon (((5.22089642112875119 52.10600979289024792, 5.23652022590753585 52.10732209686018024, 5.23961734789579747 52.10295668075142572, 5.23451715831440811 52.10172096525489138, 5.2196678606269229 52.09935598242737598, 5.21665887744888845 52.10008927425858616, 5.21564470409431635 52.10202413819136069, 5.22232888514437743 52.10389324551795198, 5.22089642112875119 52.10600979289024792, 5.22089642112875119 52.10600979289024792)))</t>
  </si>
  <si>
    <t>MultiPolygon (((5.21665887744888845 52.10008927425858616, 5.2196678606269229 52.09935598242737598, 5.23451715831440811 52.10172096525489138, 5.23512415379282015 52.09937446503987246, 5.23348604803417317 52.09720723449044044, 5.22770055910963372 52.09574153778076067, 5.22554617549014111 52.09430834953569445, 5.22123155432158992 52.09710572888114655, 5.2150022554164277 52.09806491090545677, 5.2127271971251421 52.09767432762314598, 5.21140715361945439 52.09831055397135913, 5.21198168038560539 52.09887970391903167, 5.21081044493148049 52.1007212412747478, 5.21564470409431635 52.10202413819136069, 5.21665887744888845 52.10008927425858616, 5.21665887744888845 52.10008927425858616)))</t>
  </si>
  <si>
    <t>MultiPolygon (((5.23451715831440811 52.10172096525489138, 5.23961734789579747 52.10295668075142572, 5.24198037512161275 52.09866409448835611, 5.23518333107299583 52.0967375172902436, 5.23348604803417317 52.09720723449044044, 5.23512415379282015 52.09937446503987246, 5.23451715831440811 52.10172096525489138, 5.23451715831440811 52.10172096525489138)))</t>
  </si>
  <si>
    <t>MultiPolygon (((5.26895881327134585 52.1090103598828378, 5.27442263187817684 52.11004522845140485, 5.26970735827055758 52.10816473294729434, 5.26688616256086917 52.10738495863672171, 5.24523813155869156 52.09620898302999592, 5.24347440530532705 52.09583700561192643, 5.24362215400005383 52.0964047641738901, 5.24198037512161275 52.09866409448835611, 5.23961734789579747 52.10295668075142572, 5.23652022590753585 52.10732209686018024, 5.25177515672324713 52.11167942428407684, 5.25184775331858678 52.1103046125012952, 5.24864966227223828 52.10498029594660352, 5.25497776531961236 52.10574539641294223, 5.25483138103557668 52.10615775507623937, 5.25654575351619613 52.1066217670129106, 5.26895881327134585 52.1090103598828378, 5.26895881327134585 52.1090103598828378)))</t>
  </si>
  <si>
    <t>MultiPolygon (((5.24198037512161275 52.09866409448835611, 5.24362215400005383 52.0964047641738901, 5.23010197699752943 52.0895785716930817, 5.22843290578762865 52.08914905546671292, 5.22415898759664454 52.09262145799092991, 5.22407122222503606 52.09375661541306357, 5.22554617549014111 52.09430834953569445, 5.22770055910963372 52.09574153778076067, 5.23348604803417317 52.09720723449044044, 5.23518333107299583 52.0967375172902436, 5.24198037512161275 52.09866409448835611, 5.24198037512161275 52.09866409448835611)))</t>
  </si>
  <si>
    <t>MultiPolygon (((5.23679996864882646 52.08259844816774375, 5.24021205161719905 52.0801854971790803, 5.24110568851754621 52.07760413041123826, 5.23680688670070538 52.07471619071073832, 5.23378116055453368 52.07342055988885932, 5.22939052479927735 52.07563800366006035, 5.23066648603921713 52.0765255195841803, 5.23024747290072156 52.07824167079144928, 5.23679996864882646 52.08259844816774375, 5.23679996864882646 52.08259844816774375)))</t>
  </si>
  <si>
    <t>MultiPolygon (((5.24347440530532705 52.09583700561192643, 5.24523813155869156 52.09620898302999592, 5.26688616256086917 52.10738495863672171, 5.26970735827055758 52.10816473294729434, 5.27174063313437102 52.10492320088532381, 5.26687475730867494 52.1007853281057578, 5.27420843302144959 52.09656640135696648, 5.25671188877022466 52.08742723237270411, 5.25086980412524085 52.08994447774756509, 5.25029324487237847 52.09026542446628127, 5.25165188394985982 52.09307125498270352, 5.24867021054739968 52.0937465004216449, 5.24267251947617297 52.09273681919511034, 5.24347440530532705 52.09583700561192643, 5.24347440530532705 52.09583700561192643)))</t>
  </si>
  <si>
    <t>MultiPolygon (((5.24362215400005383 52.0964047641738901, 5.24347440530532705 52.09583700561192643, 5.24267251947617297 52.09273681919511034, 5.24867021054739968 52.0937465004216449, 5.25165188394985982 52.09307125498270352, 5.25029324487237847 52.09026542446628127, 5.24688686560260464 52.08976805557099254, 5.24523325935633 52.09070594717498892, 5.24152875507175864 52.09054952157347174, 5.23866144034097214 52.08645822437368622, 5.23670346228317918 52.08521135691389503, 5.23085473467030226 52.08730666430672329, 5.22989643088092571 52.08803048255967383, 5.23141798669831282 52.08849632970784427, 5.23010197699752943 52.0895785716930817, 5.24362215400005383 52.0964047641738901, 5.24362215400005383 52.0964047641738901)))</t>
  </si>
  <si>
    <t>MultiPolygon (((5.25086980412524085 52.08994447774756509, 5.25671188877022466 52.08742723237270411, 5.2465832156708645 52.08237511064750436, 5.24021205161719905 52.0801854971790803, 5.23679996864882646 52.08259844816774375, 5.23703841027750361 52.08314231584451903, 5.23670346228317918 52.08521135691389503, 5.23866144034097214 52.08645822437368622, 5.242757351282612 52.0840687702250591, 5.25086980412524085 52.08994447774756509, 5.25086980412524085 52.08994447774756509)))</t>
  </si>
  <si>
    <t>MultiPolygon (((5.25029324487237847 52.09026542446628127, 5.25086980412524085 52.08994447774756509, 5.242757351282612 52.0840687702250591, 5.23866144034097214 52.08645822437368622, 5.24152875507175864 52.09054952157347174, 5.24523325935633 52.09070594717498892, 5.24688686560260464 52.08976805557099254, 5.25029324487237847 52.09026542446628127, 5.25029324487237847 52.09026542446628127)))</t>
  </si>
  <si>
    <t>MultiPolygon (((5.07486076708379752 52.00355350290070078, 5.07253526209763717 52.00029962888731916, 5.07570412689206307 52.00091937044174983, 5.07753524167988957 51.99745183199728871, 5.07009670970025272 51.99556842407466917, 5.06628618510730888 51.99407340669866784, 5.06263811544404252 51.99123307748735101, 5.05586611719536094 51.99408059119716086, 5.05327176916170284 51.99548344949430856, 5.05424025694292123 51.9963187086069496, 5.05261181783223634 51.99765422868031095, 5.04247007974013162 52.00566824492537421, 5.05078174911625055 52.0076521624889736, 5.06122873143859753 52.00917330912030678, 5.06429015009540962 52.00973845193257716, 5.06630762665182566 52.01114275525161901, 5.07142639251167004 52.0098626961665218, 5.07360155583234107 52.00590937591822183, 5.07486076708379752 52.00355350290070078)))</t>
  </si>
  <si>
    <t>MultiPolygon (((5.02161043937175222 52.05580788830413042, 5.02559314046995631 52.05585635567671687, 5.02711959430456634 52.05539561500515333, 5.02696105269426585 52.0546323060285232, 5.02823475022974353 52.05368471660676022, 5.02767220149127692 52.05169581945120427, 5.02833994295490694 52.05076092084753014, 5.03804418880674376 52.04417146998052601, 5.0455831423714379 52.03477365683363587, 5.038834823636404 52.03185942445820444, 5.03679883723336985 52.03019225718450258, 5.03393291466269677 52.03182881371905211, 5.02751839654967991 52.02963369688602313, 5.02860025409389166 52.02827950013892178, 5.02046517873334874 52.02630036037055561, 5.0197216382749783 52.0255328984058707, 4.99519469744523814 52.02172038086970218, 4.99404625814016079 52.02974006292535591, 4.98313897984180088 52.02778455146023617, 4.97898975682617362 52.03807135978708232, 4.97839258108684479 52.03968646366080009, 4.98327664430896888 52.04023666423938721, 4.99107475472294659 52.05286434112679927, 4.99474472179629103 52.05254265693567817, 4.99714765838635433 52.05295210222136149, 5.00490120371949931 52.05555592307734969, 5.01028366567240369 52.05374101921423602, 5.01707454088969307 52.06114287197439694, 5.02161043937175222 52.05580788830413042)))</t>
  </si>
  <si>
    <t>MultiPolygon (((5.03850549821253857 52.02686607702318611, 5.03917849458959832 52.02733432966322624, 5.04025645122401134 52.0257845189253274, 5.04762770631547131 52.02101164870164496, 5.04719109781625885 52.02077079799059334, 5.04527768274124089 52.02159217065771912, 5.04064257425301321 52.02439979068550713, 5.03850549821253857 52.02686607702318611, 5.03850549821253857 52.02686607702318611)))</t>
  </si>
  <si>
    <t>MultiPolygon (((5.03850549821253857 52.02686607702318611, 5.04064257425301321 52.02439979068550713, 5.03580618133459623 52.02159041357407432, 5.03280271807388591 52.02377228448636259, 5.03850549821253857 52.02686607702318611, 5.03850549821253857 52.02686607702318611)))</t>
  </si>
  <si>
    <t>MultiPolygon (((5.02860025409389166 52.02827950013892178, 5.02751839654967991 52.02963369688602313, 5.03393291466269677 52.03182881371905211, 5.03679883723336985 52.03019225718450258, 5.03917849458959832 52.02733432966322624, 5.03850549821253857 52.02686607702318611, 5.03280271807388591 52.02377228448636259, 5.03275769225557124 52.02378029498150624, 5.02860025409389166 52.02827950013892178, 5.02860025409389166 52.02827950013892178)))</t>
  </si>
  <si>
    <t>MultiPolygon (((5.0197216382749783 52.0255328984058707, 5.02046517873334874 52.02630036037055561, 5.02860025409389166 52.02827950013892178, 5.03275769225557124 52.02378029498150624, 5.02929002628962341 52.02290244684716214, 5.02811789330006942 52.02179024059701362, 5.02827963012039625 52.02082450342142295, 5.02391323577621485 52.01993200203107648, 5.02035371786122564 52.02556553759860236, 5.0197216382749783 52.0255328984058707, 5.0197216382749783 52.0255328984058707)))</t>
  </si>
  <si>
    <t>MultiPolygon (((5.03275769225557124 52.02378029498150624, 5.03280271807388591 52.02377228448636259, 5.03580618133459623 52.02159041357407432, 5.03585375310415362 52.02156077043714788, 5.03322377247822317 52.0209768781482893, 5.0344218034174455 52.02011164901161777, 5.03052963143737308 52.0192623373284988, 5.02827963012039625 52.02082450342142295, 5.02811789330006942 52.02179024059701362, 5.02929002628962341 52.02290244684716214, 5.03275769225557124 52.02378029498150624, 5.03275769225557124 52.02378029498150624)))</t>
  </si>
  <si>
    <t>MultiPolygon (((5.04057424211063321 52.01831121262416957, 5.0433964961172153 52.0170207871280823, 5.04610235640736171 52.01585813042972717, 5.04915295045765244 52.01472486468255596, 5.04446205088667554 52.01447508320836022, 5.03962132067325275 52.01515073848704418, 5.03515305520286649 52.01576748177615173, 5.03565578100272493 52.01679223364112659, 5.04057424211063321 52.01831121262416957, 5.04057424211063321 52.01831121262416957)))</t>
  </si>
  <si>
    <t>MultiPolygon (((5.03515305520286649 52.01576748177615173, 5.03962132067325275 52.01515073848704418, 5.03920709410578205 52.01389662636643152, 5.02935174198416934 52.01147187018167983, 5.027316409865624 52.0147795607155814, 5.03115037532340192 52.01577537660600115, 5.03515305520286649 52.01576748177615173, 5.03515305520286649 52.01576748177615173)))</t>
  </si>
  <si>
    <t>MultiPolygon (((5.03920709410578205 52.01389662636643152, 5.03860511527606203 52.01207480742955624, 5.03014215732574232 52.01016418601837188, 5.02935174198416934 52.01147187018167983, 5.03920709410578205 52.01389662636643152, 5.03920709410578205 52.01389662636643152)))</t>
  </si>
  <si>
    <t>MultiPolygon (((5.03014215732574232 52.01016418601837188, 5.03860511527606203 52.01207480742955624, 5.03751302538814993 52.00876820714203319, 5.03662421757185896 52.00604050461634387, 5.03604557073696935 52.00425886649857432, 5.03400213638070326 52.0039368576986476, 5.03014215732574232 52.01016418601837188, 5.03014215732574232 52.01016418601837188)))</t>
  </si>
  <si>
    <t>MultiPolygon (((5.03962132067325275 52.01515073848704418, 5.04446205088667554 52.01447508320836022, 5.04285179771907366 52.0098743245413857, 5.03751302538814993 52.00876820714203319, 5.03860511527606203 52.01207480742955624, 5.03920709410578205 52.01389662636643152, 5.03962132067325275 52.01515073848704418, 5.03962132067325275 52.01515073848704418)))</t>
  </si>
  <si>
    <t>MultiPolygon (((5.04446205088667554 52.01447508320836022, 5.04915295045765244 52.01472486468255596, 5.05205330231024341 52.01177800299746679, 5.04285179771907366 52.0098743245413857, 5.04446205088667554 52.01447508320836022, 5.04446205088667554 52.01447508320836022)))</t>
  </si>
  <si>
    <t>MultiPolygon (((5.04285179771907366 52.0098743245413857, 5.05205330231024341 52.01177800299746679, 5.05136537534998897 52.00888968873310603, 5.03662421757185896 52.00604050461634387, 5.03751302538814993 52.00876820714203319, 5.04285179771907366 52.0098743245413857, 5.04285179771907366 52.0098743245413857)))</t>
  </si>
  <si>
    <t>MultiPolygon (((5.05136537534998897 52.00888968873310603, 5.05078174911625055 52.0076521624889736, 5.04247007974013162 52.00566824492537421, 5.03604557073696935 52.00425886649857432, 5.03662421757185896 52.00604050461634387, 5.05136537534998897 52.00888968873310603, 5.05136537534998897 52.00888968873310603)))</t>
  </si>
  <si>
    <t>MultiPolygon (((5.05629307908785375 52.01502153264789285, 5.05632584017596898 52.01502330999093004, 5.06086778379347546 52.01167608417917876, 5.06122873143859753 52.00917330912030678, 5.05078174911625055 52.0076521624889736, 5.05136537534998897 52.00888968873310603, 5.05205330231024341 52.01177800299746679, 5.04915295045765244 52.01472486468255596, 5.05629307908785375 52.01502153264789285, 5.05629307908785375 52.01502153264789285)))</t>
  </si>
  <si>
    <t>MultiPolygon (((5.05632584017596898 52.01502330999093004, 5.06486729820173487 52.01550034079247808, 5.06630762665182566 52.01114275525161901, 5.06429015009540962 52.00973845193257716, 5.06122873143859753 52.00917330912030678, 5.06086778379347546 52.01167608417917876, 5.05632584017596898 52.01502330999093004, 5.05632584017596898 52.01502330999093004)))</t>
  </si>
  <si>
    <t>MultiPolygon (((5.04610235640736171 52.01585813042972717, 5.05092323870583737 52.01894820484451287, 5.05251022000895489 52.01868027131209971, 5.05543693442872044 52.0173428509298148, 5.05629307908785375 52.01502153264789285, 5.04915295045765244 52.01472486468255596, 5.04610235640736171 52.01585813042972717, 5.04610235640736171 52.01585813042972717)))</t>
  </si>
  <si>
    <t>MultiPolygon (((5.05251022000895489 52.01868027131209971, 5.05250131300177951 52.01895831812184667, 5.05542014496644487 52.01976512148462461, 5.06090225080627487 52.01826059191395046, 5.06357483674755393 52.0185707571356275, 5.06486729820173487 52.01550034079247808, 5.05632584017596898 52.01502330999093004, 5.05629307908785375 52.01502153264789285, 5.05543693442872044 52.0173428509298148, 5.05251022000895489 52.01868027131209971, 5.05251022000895489 52.01868027131209971)))</t>
  </si>
  <si>
    <t>MultiPolygon (((5.06592851237007924 52.01881456702226103, 5.06799844498009744 52.01440384111753445, 5.06893299536924058 52.01416909143340916, 5.07142639251167004 52.0098626961665218, 5.06630762665182566 52.01114275525161901, 5.06486729820173487 52.01550034079247808, 5.06357483674755393 52.0185707571356275, 5.06251539507071069 52.02046575105460136, 5.05841499928313354 52.02328733799853211, 5.06029142664693321 52.02317571599508028, 5.06287357640565805 52.0257431807976829, 5.06294176883403502 52.02525724122063622, 5.06592851237007924 52.01881456702226103)))</t>
  </si>
  <si>
    <t>MultiPolygon (((5.04762770631547131 52.02101164870164496, 5.04920129453658273 52.02210908339502282, 5.05805197398207262 52.02020759151654516, 5.06251539507071069 52.02046575105460136, 5.06357483674755393 52.0185707571356275, 5.06090225080627487 52.01826059191395046, 5.05542014496644487 52.01976512148462461, 5.05250131300177951 52.01895831812184667, 5.04762770631547131 52.02101164870164496, 5.04762770631547131 52.02101164870164496)))</t>
  </si>
  <si>
    <t>MultiPolygon (((5.03917849458959832 52.02733432966322624, 5.04192603155226404 52.02825078360413613, 5.04257424035377078 52.02662048390136817, 5.04585833922901816 52.02437991260324424, 5.04920129453658273 52.02210908339502282, 5.04762770631547131 52.02101164870164496, 5.04025645122401134 52.0257845189253274, 5.03917849458959832 52.02733432966322624, 5.03917849458959832 52.02733432966322624)))</t>
  </si>
  <si>
    <t>MultiPolygon (((5.05142128737749374 52.03010542477196054, 5.0484459718193877 52.0280124307970766, 5.04803856783854066 52.02624985539467417, 5.04585833922901816 52.02437991260324424, 5.04257424035377078 52.02662048390136817, 5.04192603155226404 52.02825078360413613, 5.03917849458959832 52.02733432966322624, 5.03679883723336985 52.03019225718450258, 5.038834823636404 52.03185942445820444, 5.0455831423714379 52.03477365683363587, 5.05142128737749374 52.03010542477196054, 5.05142128737749374 52.03010542477196054)))</t>
  </si>
  <si>
    <t>MultiPolygon (((5.05197976478679589 52.03088788297026923, 5.0553396628645233 52.02973822861630993, 5.0549097541731296 52.02886547818415863, 5.06102076928349032 52.02628198454678454, 5.06280103877535126 52.02682319886891094, 5.06287357640565805 52.0257431807976829, 5.06029142664693321 52.02317571599508028, 5.05841499928313354 52.02328733799853211, 5.05259940668574892 52.02487647404448268, 5.04803856783854066 52.02624985539467417, 5.0484459718193877 52.0280124307970766, 5.05142128737749374 52.03010542477196054, 5.05197976478679589 52.03088788297026923, 5.05197976478679589 52.03088788297026923)))</t>
  </si>
  <si>
    <t>MultiPolygon (((5.04803856783854066 52.02624985539467417, 5.05259940668574892 52.02487647404448268, 5.04920129453658273 52.02210908339502282, 5.04585833922901816 52.02437991260324424, 5.04803856783854066 52.02624985539467417, 5.04803856783854066 52.02624985539467417)))</t>
  </si>
  <si>
    <t>MultiPolygon (((5.05259940668574892 52.02487647404448268, 5.05841499928313354 52.02328733799853211, 5.06251539507071069 52.02046575105460136, 5.05805197398207262 52.02020759151654516, 5.04920129453658273 52.02210908339502282, 5.05259940668574892 52.02487647404448268, 5.05259940668574892 52.02487647404448268)))</t>
  </si>
  <si>
    <t>MultiPolygon (((5.03580618133459623 52.02159041357407432, 5.04064257425301321 52.02439979068550713, 5.04527768274124089 52.02159217065771912, 5.0397696795006155 52.0187394337436757, 5.03585375310415362 52.02156077043714788, 5.03580618133459623 52.02159041357407432, 5.03580618133459623 52.02159041357407432)))</t>
  </si>
  <si>
    <t>MultiPolygon (((5.03585375310415362 52.02156077043714788, 5.0397696795006155 52.0187394337436757, 5.04057424211063321 52.01831121262416957, 5.03565578100272493 52.01679223364112659, 5.03515305520286649 52.01576748177615173, 5.03115037532340192 52.01577537660600115, 5.027316409865624 52.0147795607155814, 5.02391323577621485 52.01993200203107648, 5.02827963012039625 52.02082450342142295, 5.03052963143737308 52.0192623373284988, 5.0344218034174455 52.02011164901161777, 5.03322377247822317 52.0209768781482893, 5.03585375310415362 52.02156077043714788, 5.03585375310415362 52.02156077043714788)))</t>
  </si>
  <si>
    <t>MultiPolygon (((5.04719109781625885 52.02077079799059334, 5.04762770631547131 52.02101164870164496, 5.05250131300177951 52.01895831812184667, 5.05251022000895489 52.01868027131209971, 5.05092323870583737 52.01894820484451287, 5.04610235640736171 52.01585813042972717, 5.0433964961172153 52.0170207871280823, 5.0478819067238625 52.0201790081670481, 5.04719109781625885 52.02077079799059334, 5.04719109781625885 52.02077079799059334)))</t>
  </si>
  <si>
    <t>MultiPolygon (((5.04527768274124089 52.02159217065771912, 5.04719109781625885 52.02077079799059334, 5.0478819067238625 52.0201790081670481, 5.0433964961172153 52.0170207871280823, 5.04057424211063321 52.01831121262416957, 5.0397696795006155 52.0187394337436757, 5.04527768274124089 52.02159217065771912, 5.04527768274124089 52.02159217065771912)))</t>
  </si>
  <si>
    <t>MultiPolygon (((5.3146481635063294 52.02700065731369961, 5.32398548586675613 52.02282544489181504, 5.34429157196453808 52.0201936895190471, 5.35025996990932917 52.01603745734409046, 5.3636652757973593 52.01002048294675717, 5.38164705357753892 52.00213780347215931, 5.3989055970516322 52.00292280261749767, 5.415276657360379 51.99670192581626793, 5.39942228877104125 51.98794812406245569, 5.3784298950830145 51.98608204581022818, 5.3574852327276572 51.98396867265093135, 5.33499419351521631 51.99350349612354449, 5.33695145938162518 51.9956525151747897, 5.32568574144877349 52.00009294584057784, 5.32382830548361952 52.00080820508271273, 5.32437020783525305 52.00249742560333033, 5.32374512358776641 52.00364111318879878, 5.32219341446817484 52.00493568484336038, 5.31953873373142549 52.00569705907028606, 5.31538633547431694 52.00178476209048739, 5.29977180723236163 52.00438078180084744, 5.29121998939895199 52.00835381338529828, 5.3146481635063294 52.02700065731369961),(5.33047822049683351 52.0175956198854692, 5.32915552247902813 52.0179976764093297, 5.32188760937139005 52.01241162489353798, 5.32063016854546778 52.00862766862785236, 5.32224808413406247 52.00789424478978162, 5.32509888901916728 52.01021006818661618, 5.3288471371206434 52.01041503305261671, 5.33537522766277483 52.01570496059597559, 5.33388152163708718 52.01755469311076041, 5.3328529300170926 52.01673402330096252, 5.33047822049683351 52.0175956198854692)))</t>
  </si>
  <si>
    <t>MultiPolygon (((5.33047822049683351 52.0175956198854692, 5.3328529300170926 52.01673402330096252, 5.33388152163708718 52.01755469311076041, 5.33537522766277483 52.01570496059597559, 5.3288471371206434 52.01041503305261671, 5.32509888901916728 52.01021006818661618, 5.32224808413406247 52.00789424478978162, 5.32063016854546778 52.00862766862785236, 5.32188760937139005 52.01241162489353798, 5.32915552247902813 52.0179976764093297, 5.33047822049683351 52.0175956198854692, 5.33047822049683351 52.0175956198854692)))</t>
  </si>
  <si>
    <t>MultiPolygon (((5.29977180723236163 52.00438078180084744, 5.31538633547431694 52.00178476209048739, 5.31953873373142549 52.00569705907028606, 5.32219341446817484 52.00493568484336038, 5.32374512358776641 52.00364111318879878, 5.32437020783525305 52.00249742560333033, 5.32382830548361952 52.00080820508271273, 5.32568574144877349 52.00009294584057784, 5.32384086455062455 51.99690201827127822, 5.32229846757291014 51.99710959170690927, 5.32306037234362872 51.99491071983564439, 5.32761713546118987 51.99211779175346493, 5.328728840329088 51.9902243731839917, 5.31142985429167336 51.97912593161880324, 5.30224576466920983 51.98056143157716491, 5.29245153984765082 51.98318665714403863, 5.28239258161059144 51.98404100440267683, 5.27780552795313707 51.98406829332873968, 5.2714075570710861 51.98114487104232495, 5.25414113117101067 51.98607068774270346, 5.25332533090842091 51.9923350235584607, 5.25612985817594236 51.9936106412743797, 5.24538526662291549 51.99598371887791615, 5.24354102705060843 51.99761382666048348, 5.24401843207960816 51.99835073441636268, 5.24235510608112598 51.99866197442580784, 5.24319059192980141 51.99879303049291934, 5.25956256608075101 52.00099921896343602, 5.26473623479239272 52.00322012816956629, 5.26616872292466276 52.00301666934057465, 5.26633254031919673 52.00029681503427526, 5.26736658087652021 51.99907976910811414, 5.27157534662738225 51.99777903735152762, 5.27447667464174241 51.99841867754489044, 5.27754331794282994 52.00014291995417892, 5.27758669740653019 52.00095442892092024, 5.27580701762753179 52.00248318205950682, 5.27570163993092489 52.00572028167223237, 5.27990990994340326 52.01072158712195659, 5.28799586238051766 52.00992160638269723, 5.29121998939895199 52.00835381338529828, 5.29977180723236163 52.00438078180084744),(5.30615414406090835 52.00009400260065462, 5.30067346865507183 51.99738493113402171, 5.30091128210954921 51.99562280636269662, 5.31110871408913798 51.99177279158747211, 5.31566622511670772 51.9953114275943733, 5.31700923534229108 51.99414685420623528, 5.31842715018838952 51.99585827265443783, 5.31570887910284018 51.99798906649623831, 5.3098437462716408 52.00034899849317327, 5.30615414406090835 52.00009400260065462)))</t>
  </si>
  <si>
    <t>MultiPolygon (((5.3098437462716408 52.00034899849317327, 5.31570887910284018 51.99798906649623831, 5.31842715018838952 51.99585827265443783, 5.31700923534229108 51.99414685420623528, 5.31566622511670772 51.9953114275943733, 5.31110871408913798 51.99177279158747211, 5.30091128210954921 51.99562280636269662, 5.30067346865507183 51.99738493113402171, 5.30615414406090835 52.00009400260065462, 5.3098437462716408 52.00034899849317327, 5.3098437462716408 52.00034899849317327)))</t>
  </si>
  <si>
    <t>MultiPolygon (((5.25627113766840104 51.97094139916173106, 5.26659114751315016 51.97626289531356747, 5.2712683273438854 51.98105067188978978, 5.33048633261664762 51.96449027216742422, 5.33982506754325836 51.96113701683217556, 5.33969352386851526 51.96102800718588099, 5.3331183831299187 51.957200904359361, 5.32343914369875115 51.95509710562206607, 5.31660070638150906 51.95522093962134846, 5.31087099335262991 51.95701367397698078, 5.30089413708027912 51.96156856001280744, 5.28260803477647745 51.96316251529988506, 5.27037360372899499 51.96542662131199819, 5.2621042597696599 51.96820597995689184, 5.25627113766840104 51.97094139916173106, 5.25627113766840104 51.97094139916173106)))</t>
  </si>
  <si>
    <t>MultiPolygon (((5.32568574144877349 52.00009294584057784, 5.33695145938162518 51.9956525151747897, 5.33499419351521631 51.99350349612354449, 5.3574852327276572 51.98396867265093135, 5.3784298950830145 51.98608204581022818, 5.38759070717838728 51.97630891200780923, 5.39416474496787846 51.97593426783753756, 5.3949509304285721 51.97444163125012295, 5.39200963335089156 51.9734025786586642, 5.39051700661379574 51.97124810148891072, 5.3909760679219767 51.97073019670433069, 5.38279834310197902 51.96926394404294314, 5.37601128791946525 51.96921064311417382, 5.36301612084186541 51.97095010533983839, 5.35563826610886995 51.97035385244854666, 5.34825522327628633 51.96768632785822462, 5.33982506754325836 51.96113701683217556, 5.33048633261664762 51.96449027216742422, 5.2712683273438854 51.98105067188978978, 5.2714075570710861 51.98114487104232495, 5.27780552795313707 51.98406829332873968, 5.28239258161059144 51.98404100440267683, 5.29245153984765082 51.98318665714403863, 5.30224576466920983 51.98056143157716491, 5.31142985429167336 51.97912593161880324, 5.328728840329088 51.9902243731839917, 5.32761713546118987 51.99211779175346493, 5.32306037234362872 51.99491071983564439, 5.32229846757291014 51.99710959170690927, 5.32384086455062455 51.99690201827127822, 5.32568574144877349 52.00009294584057784, 5.32568574144877349 52.00009294584057784),(5.3404487924690045 51.98212643898325069, 5.33965290443218166 51.98181654053055212, 5.33717745139498589 51.98448575860662402, 5.33288997781084007 51.98659028665001358, 5.32577572720503412 51.98284612896772217, 5.32832868879629551 51.98046591948766348, 5.32968742377934923 51.97980915317427986, 5.33138711857022418 51.98003686977713045, 5.33134674163189626 51.97955384312087546, 5.32688713659710711 51.97811577859791754, 5.32333901467272597 51.9756918071549876, 5.32139346878091679 51.97420916301626193, 5.31506581940883915 51.97595913618273045, 5.31383566109486427 51.97450174116064403, 5.31001921447058223 51.97558769510523291, 5.30911689496245298 51.97450679023397413, 5.30496508208187478 51.97579648646504324, 5.30252059376362617 51.97290993954806737, 5.31482609975735709 51.96981551849069803, 5.31686661399240545 51.96949546889958782, 5.31847004339467233 51.97030782619699352, 5.32402592853338419 51.96809921424535617, 5.32398261806059114 51.96936601282570223, 5.33531245073205351 51.97022364404028849, 5.34122578449317764 51.96991702179859374, 5.34215443653706412 51.96766968600130809, 5.3447852222288601 51.96775346965424092, 5.34993840471436233 51.97154885924616963, 5.34987532669362764 51.97332767761090366, 5.34872290791946181 51.97346879086747151, 5.34912335337842748 51.97614042413374591, 5.35220481511646096 51.98000449860561645, 5.35175702920579788 51.98232269207070289, 5.34817717802144355 51.98451465348910006, 5.34261646425661851 51.98634475626177931, 5.3430530617980514 51.98488629513069981, 5.3404487924690045 51.98212643898325069, 5.3404487924690045 51.98212643898325069)))</t>
  </si>
  <si>
    <t>MultiPolygon (((5.33138711857022418 51.98003686977713045, 5.32968742377934923 51.97980915317427986, 5.32832868879629551 51.98046591948766348, 5.32577572720503412 51.98284612896772217, 5.33288997781084007 51.98659028665001358, 5.33717745139498589 51.98448575860662402, 5.33965290443218166 51.98181654053055212, 5.33210880957439759 51.97989986604710566, 5.33138711857022418 51.98003686977713045, 5.33138711857022418 51.98003686977713045)))</t>
  </si>
  <si>
    <t>MultiPolygon (((5.31847004339467233 51.97030782619699352, 5.31686661399240545 51.96949546889958782, 5.31482609975735709 51.96981551849069803, 5.30252059376362617 51.97290993954806737, 5.30496508208187478 51.97579648646504324, 5.30911689496245298 51.97450679023397413, 5.31001921447058223 51.97558769510523291, 5.31383566109486427 51.97450174116064403, 5.31506581940883915 51.97595913618273045, 5.32139346878091679 51.97420916301626193, 5.32116685897505981 51.97393555372472917, 5.31847004339467233 51.97030782619699352, 5.31847004339467233 51.97030782619699352)))</t>
  </si>
  <si>
    <t>MultiPolygon (((5.33376151770759499 51.97584896260580933, 5.33744239481579807 51.9751824122963626, 5.33589836882830237 51.97203433069185508, 5.33132652511774907 51.97154614414563412, 5.32572783504675584 51.97392625037707603, 5.32464185722475047 51.97501481713975835, 5.33376151770759499 51.97584896260580933, 5.33376151770759499 51.97584896260580933)))</t>
  </si>
  <si>
    <t>MultiPolygon (((5.32572783504675584 51.97392625037707603, 5.33132652511774907 51.97154614414563412, 5.33589836882830237 51.97203433069185508, 5.33531245073205351 51.97022364404028849, 5.32398261806059114 51.96936601282570223, 5.32572783504675584 51.97392625037707603, 5.32572783504675584 51.97392625037707603)))</t>
  </si>
  <si>
    <t>MultiPolygon (((5.32333901467272597 51.9756918071549876, 5.32464185722475047 51.97501481713975835, 5.32572783504675584 51.97392625037707603, 5.32398261806059114 51.96936601282570223, 5.32402592853338419 51.96809921424535617, 5.31847004339467233 51.97030782619699352, 5.32116685897505981 51.97393555372472917, 5.32139346878091679 51.97420916301626193, 5.32333901467272597 51.9756918071549876, 5.32333901467272597 51.9756918071549876)))</t>
  </si>
  <si>
    <t>MultiPolygon (((5.33134674163189626 51.97955384312087546, 5.33376151770759499 51.97584896260580933, 5.32464185722475047 51.97501481713975835, 5.32333901467272597 51.9756918071549876, 5.32688713659710711 51.97811577859791754, 5.33134674163189626 51.97955384312087546, 5.33134674163189626 51.97955384312087546)))</t>
  </si>
  <si>
    <t>MultiPolygon (((5.34395509651088485 51.97789083373775298, 5.34663222123243642 51.97891432293191372, 5.34927314481225036 51.98138154497071639, 5.35175702920579788 51.98232269207070289, 5.35220481511646096 51.98000449860561645, 5.34912335337842748 51.97614042413374591, 5.34872290791946181 51.97346879086747151, 5.34460817760274232 51.97412992004418442, 5.34448738893845476 51.97466522697583713, 5.3449078468669633 51.97626459156109036, 5.34395509651088485 51.97789083373775298, 5.34395509651088485 51.97789083373775298)))</t>
  </si>
  <si>
    <t>MultiPolygon (((5.3404487924690045 51.98212643898325069, 5.3430530617980514 51.98488629513069981, 5.34261646425661851 51.98634475626177931, 5.34817717802144355 51.98451465348910006, 5.35175702920579788 51.98232269207070289, 5.34927314481225036 51.98138154497071639, 5.34663222123243642 51.97891432293191372, 5.34395509651088485 51.97789083373775298, 5.3404487924690045 51.98212643898325069, 5.3404487924690045 51.98212643898325069)))</t>
  </si>
  <si>
    <t>MultiPolygon (((5.33965290443218166 51.98181654053055212, 5.3404487924690045 51.98212643898325069, 5.34395509651088485 51.97789083373775298, 5.3386118767508135 51.9765858306712758, 5.33744239481579807 51.9751824122963626, 5.33376151770759499 51.97584896260580933, 5.33134674163189626 51.97955384312087546, 5.33138711857022418 51.98003686977713045, 5.33210880957439759 51.97989986604710566, 5.33965290443218166 51.98181654053055212, 5.33965290443218166 51.98181654053055212)))</t>
  </si>
  <si>
    <t>MultiPolygon (((5.33744239481579807 51.9751824122963626, 5.3386118767508135 51.9765858306712758, 5.34395509651088485 51.97789083373775298, 5.3449078468669633 51.97626459156109036, 5.34448738893845476 51.97466522697583713, 5.33744239481579807 51.9751824122963626, 5.33744239481579807 51.9751824122963626)))</t>
  </si>
  <si>
    <t>MultiPolygon (((5.33744239481579807 51.9751824122963626, 5.34448738893845476 51.97466522697583713, 5.34460817760274232 51.97412992004418442, 5.34122578449317764 51.96991702179859374, 5.33531245073205351 51.97022364404028849, 5.33589836882830237 51.97203433069185508, 5.33744239481579807 51.9751824122963626, 5.33744239481579807 51.9751824122963626)))</t>
  </si>
  <si>
    <t>MultiPolygon (((5.34460817760274232 51.97412992004418442, 5.34872290791946181 51.97346879086747151, 5.34987532669362764 51.97332767761090366, 5.34993840471436233 51.97154885924616963, 5.3447852222288601 51.96775346965424092, 5.34215443653706412 51.96766968600130809, 5.34122578449317764 51.96991702179859374, 5.34460817760274232 51.97412992004418442, 5.34460817760274232 51.97412992004418442)))</t>
  </si>
  <si>
    <t>MultiPolygon (((5.46643973917224102 52.07610048153580351, 5.46737387582575884 52.07549204945941312, 5.47090442536575061 52.07468628214444095, 5.47366148221175397 52.07313480101309011, 5.47635927224695962 52.07264719788406637, 5.48389745908077053 52.06965639748653274, 5.48828200218638518 52.07039258985903274, 5.49069648300488389 52.07141053574881084, 5.49406715222836883 52.07190829124400722, 5.49612804529045285 52.07167793342414086, 5.49557476841492853 52.07096348939230523, 5.49787596276079071 52.05701820975252048, 5.49142875108077533 52.0573220193898365, 5.48537963984080701 52.05623467171798069, 5.47719475805568656 52.05285491676497145, 5.46585767089873276 52.05079260926324025, 5.46209979202553253 52.04898816281630047, 5.46113808233322384 52.04725905951209342, 5.4538919299696369 52.04976779140472587, 5.44861272174264499 52.04323692502941157, 5.4457027141767318 52.04525887786716254, 5.44160191503026258 52.04569308661197624, 5.43515057900912524 52.04788530001972902, 5.42986857614372553 52.05286660997552417, 5.4283352675288592 52.05630558097937666, 5.42871492567140645 52.05734106194243793, 5.43062296118165744 52.0590476463512033, 5.43526729694925681 52.0595975508336366, 5.43645119201792681 52.06160928171863134, 5.43831344451897891 52.0702732454275079, 5.43746622027698567 52.07201545083523087, 5.43546906908124239 52.07285093718020619, 5.43338116465075416 52.07229467966680403, 5.42407175696639232 52.07249862320755796, 5.4223556917633644 52.07301583719088711, 5.40935420079112284 52.06898446973858796, 5.41109229917900603 52.07688063300306425, 5.41209268784887509 52.07690276788775208, 5.42526918228895827 52.07494910266442645, 5.42950655522787606 52.0749545901725952, 5.43754941715844353 52.07894209917391493, 5.44178537884349289 52.07754127113662435, 5.44222592089092316 52.07834119111445403, 5.44944599678828467 52.0766078198410014, 5.45246479810787132 52.07771318029035257, 5.45189584588860932 52.07888687227796964, 5.45701663315336827 52.08102353910419424, 5.45924334798836774 52.08022547313986195, 5.46565333242423268 52.07828818708075858, 5.46643973917224102 52.07610048153580351)))</t>
  </si>
  <si>
    <t>MultiPolygon (((5.49187325760685319 52.11448512374668951, 5.49392191655853157 52.11276407804561472, 5.49386174126277371 52.11109726320614755, 5.48430174275353366 52.10554211771859912, 5.48526715052201652 52.0991001759266581, 5.48473953794762892 52.09662442344925637, 5.48608269643976776 52.09365676943772172, 5.47678463509311708 52.09037989358561305, 5.47472098166558307 52.09022100188528981, 5.47294519636369792 52.08911004212289697, 5.47183525773050761 52.08930221830073037, 5.47149169975144645 52.08820065024605839, 5.46790359847868501 52.08595549040143169, 5.46405356642965856 52.08305617718556135, 5.46336770986312104 52.08344216535564186, 5.46129913411492574 52.08264602449838065, 5.45967809855978548 52.08200340967250241, 5.4601477837692709 52.08095210274419884, 5.45924334798836774 52.08022547313986195, 5.45701663315336827 52.08102353910419424, 5.45329706435505024 52.08363403344368692, 5.45117007408140797 52.08648487545764993, 5.45137264504773267 52.08766944144588962, 5.44986004762554987 52.08966469212479211, 5.44448617263510215 52.09168210934636534, 5.44311706555490105 52.09430003585696767, 5.43572644569900909 52.09891243770792357, 5.43798324161945867 52.09979116751572548, 5.43918080053805841 52.1018759879855935, 5.44213469244659631 52.10421459992807769, 5.4438066678937771 52.10707456219275002, 5.44578918790182964 52.1068503359413171, 5.45786596222226716 52.10536925349559567, 5.46751649544389018 52.10040025801583852, 5.46841226883055587 52.10059840386644225, 5.47198731866882504 52.10145568358651502, 5.47356286791131907 52.10456297777639634, 5.47603713399911207 52.10501215369363592, 5.47513066285758665 52.10689092340765427, 5.47680159631848795 52.11415226994905936, 5.47907903129604978 52.11742618018661233, 5.4821611083360331 52.11616219724196952, 5.48644708827618466 52.11535973632496166, 5.49187325760685319 52.11448512374668951)))</t>
  </si>
  <si>
    <t>MultiPolygon (((5.40738468094297176 52.10301679855489709, 5.41015851304092266 52.10326325950002513, 5.41500119091519583 52.10011608377209313, 5.42025876862862699 52.09810925998892372, 5.42057845638478586 52.09714716433393278, 5.42198088230985409 52.09665477090126018, 5.42446035181508712 52.09663566512974597, 5.42476942049154776 52.09704368539439656, 5.42603673135082865 52.09639658513012961, 5.4286609751003656 52.09643473146384451, 5.42967577246942845 52.09591766559964299, 5.43240632479297236 52.09689771411741077, 5.43220672265570403 52.09787350361312264, 5.43409808907322756 52.09777993534708429, 5.43572644569900909 52.09891243770792357, 5.44311706555490105 52.09430003585696767, 5.44448617263510215 52.09168210934636534, 5.44986004762554987 52.08966469212479211, 5.45137264504773267 52.08766944144588962, 5.4466574611965024 52.08932579061496426, 5.44371617741528535 52.08733171091304115, 5.4422801450254914 52.0856895785266758, 5.43845673577667732 52.08485056840698491, 5.43843807332831908 52.08242785260274843, 5.42810795377291644 52.08397463854248599, 5.42827237609422308 52.08437263416681873, 5.42540582923252224 52.08479924781756409, 5.4252426808457157 52.0844128252984504, 5.41726276108214844 52.08644602410016233, 5.41627417143317746 52.08610273483531472, 5.40133209443882478 52.08933353324280091, 5.40078140773015125 52.09187903398924391, 5.40452086649382046 52.10410639758789841, 5.40738468094297176 52.10301679855489709)))</t>
  </si>
  <si>
    <t>MultiPolygon (((5.2983007120981318 52.09644539921305295, 5.32246238103753999 52.1019009208340762, 5.33429745583754311 52.09633324547954913, 5.34056771636883365 52.09503154368250222, 5.37801380207219903 52.09048954599433756, 5.40120728819115037 52.08933762168861392, 5.4018393550369348 52.0843597380542036, 5.4006726362563402 52.08325400109810488, 5.40383079810221734 52.08214783942972304, 5.4062940857903774 52.07806297423937991, 5.41109229917900603 52.07688063300306425, 5.40935420079112284 52.06898446973858796, 5.40189632950314991 52.06429857206786949, 5.40052997404667234 52.06474539816898073, 5.39895634804334446 52.06693826776788114, 5.4004806629603701 52.06768713238691504, 5.39953689123843272 52.06921058582241812, 5.40536528247317793 52.07099967715745947, 5.40706122671280376 52.07257682196802051, 5.4058938453170331 52.0752204802800307, 5.40350368768208877 52.07567853680220793, 5.39450735292130457 52.07496476619165549, 5.39105613964207375 52.07507433692981635, 5.38982267707648965 52.07566876095880559, 5.38834129580672361 52.07493217588903889, 5.38452721554036184 52.0782684057330485, 5.33225088470982733 52.08416337884463587, 5.32692492440015464 52.08672979554341254, 5.2983007120981318 52.09644539921305295)))</t>
  </si>
  <si>
    <t>MultiPolygon (((5.44371617741528535 52.08733171091304115, 5.4466574611965024 52.08932579061496426, 5.45137264504773267 52.08766944144588962, 5.45117007408140797 52.08648487545764993, 5.45329706435505024 52.08363403344368692, 5.45701663315336827 52.08102353910419424, 5.45189584588860932 52.07888687227796964, 5.45246479810787132 52.07771318029035257, 5.44371617741528535 52.08733171091304115, 5.44371617741528535 52.08733171091304115)))</t>
  </si>
  <si>
    <t>MultiPolygon (((5.4422801450254914 52.0856895785266758, 5.44371617741528535 52.08733171091304115, 5.45246479810787132 52.07771318029035257, 5.44944599678828467 52.0766078198410014, 5.44222592089092316 52.07834119111445403, 5.44178537884349289 52.07754127113662435, 5.43754941715844353 52.07894209917391493, 5.43791324496679529 52.0790674426583422, 5.43843807332831908 52.08242785260274843, 5.43845673577667732 52.08485056840698491, 5.4422801450254914 52.0856895785266758, 5.4422801450254914 52.0856895785266758)))</t>
  </si>
  <si>
    <t>MultiPolygon (((5.4252426808457157 52.0844128252984504, 5.42540582923252224 52.08479924781756409, 5.42827237609422308 52.08437263416681873, 5.42810795377291644 52.08397463854248599, 5.43843807332831908 52.08242785260274843, 5.43791324496679529 52.0790674426583422, 5.42768543457527741 52.08051113735247384, 5.4273297930656641 52.08056230258020491, 5.42846788682962877 52.0829842108712171, 5.4252426808457157 52.0844128252984504, 5.4252426808457157 52.0844128252984504)))</t>
  </si>
  <si>
    <t>MultiPolygon (((5.42768543457527741 52.08051113735247384, 5.43791324496679529 52.0790674426583422, 5.43754941715844353 52.07894209917391493, 5.42950655522787606 52.0749545901725952, 5.42526918228895827 52.07494910266442645, 5.42768543457527741 52.08051113735247384, 5.42768543457527741 52.08051113735247384)))</t>
  </si>
  <si>
    <t>MultiPolygon (((5.41458430910636945 52.08232766296831784, 5.41488677534692098 52.08232080590076407, 5.4273297930656641 52.08056230258020491, 5.42768543457527741 52.08051113735247384, 5.42526918228895827 52.07494910266442645, 5.41209268784887509 52.07690276788775208, 5.41458430910636945 52.08232766296831784, 5.41458430910636945 52.08232766296831784)))</t>
  </si>
  <si>
    <t>MultiPolygon (((5.40383079810221734 52.08214783942972304, 5.40971800895305766 52.08276460188564982, 5.41458430910636945 52.08232766296831784, 5.41209268784887509 52.07690276788775208, 5.41109229917900603 52.07688063300306425, 5.4062940857903774 52.07806297423937991, 5.40383079810221734 52.08214783942972304, 5.40383079810221734 52.08214783942972304)))</t>
  </si>
  <si>
    <t>MultiPolygon (((5.41627417143317746 52.08610273483531472, 5.41726276108214844 52.08644602410016233, 5.4252426808457157 52.0844128252984504, 5.42846788682962877 52.0829842108712171, 5.4273297930656641 52.08056230258020491, 5.41488677534692098 52.08232080590076407, 5.41627417143317746 52.08610273483531472, 5.41627417143317746 52.08610273483531472)))</t>
  </si>
  <si>
    <t>MultiPolygon (((5.40120728819115037 52.08933762168861392, 5.40133209443882478 52.08933353324280091, 5.41627417143317746 52.08610273483531472, 5.41488677534692098 52.08232080590076407, 5.41458430910636945 52.08232766296831784, 5.40971800895305766 52.08276460188564982, 5.40383079810221734 52.08214783942972304, 5.4006726362563402 52.08325400109810488, 5.4018393550369348 52.0843597380542036, 5.40120728819115037 52.08933762168861392, 5.40120728819115037 52.08933762168861392)))</t>
  </si>
  <si>
    <t>MultiPolygon (((5.07420307314378949 52.07371824180106046, 5.07309423065910536 52.06805417496353527, 5.07572183695144297 52.06548269203252488, 5.08582528966757685 52.06248772319784024, 5.09724949913630532 52.06103958363303263, 5.09735212985702635 52.05948050485629608, 5.09677445366535498 52.05927933699795318, 5.0941241532644419 52.05875472118720637, 5.08998624066581939 52.06072880871653297, 5.07322137200238465 52.0622222047367913, 5.06964144637844516 52.06141581520270023, 5.06723027409382354 52.05750088097656914, 5.065143913164464 52.05498120552279318, 5.06417150579791908 52.05157727047197369, 5.06351100784550212 52.04120999118617874, 5.06280103877535126 52.02682319886891094, 5.06102076928349032 52.02628198454678454, 5.0549097541731296 52.02886547818415863, 5.0553396628645233 52.02973822861630993, 5.05197976478679589 52.03088788297026923, 5.05142128737749374 52.03010542477196054, 5.0455831423714379 52.03477365683363587, 5.03804418880674376 52.04417146998052601, 5.02833994295490694 52.05076092084753014, 5.02767220149127692 52.05169581945120427, 5.02823475022974353 52.05368471660676022, 5.02696105269426585 52.0546323060285232, 5.02711959430456634 52.05539561500515333, 5.02559314046995631 52.05585635567671687, 5.02161043937175222 52.05580788830413042, 5.01707454088969307 52.06114287197439694, 5.01801050597446441 52.06221897473049864, 5.02179338151982968 52.06381666143620635, 5.02839533836863684 52.07065912973261135, 5.03828042380799435 52.06938921662990793, 5.05254203508732136 52.06743133031649506, 5.05340582601631194 52.06975758674720822, 5.06254767775435255 52.06804669107851424, 5.06562178339852576 52.06814201615365789, 5.06918683453482188 52.06923342718985737, 5.07238102746517949 52.07431756082920771, 5.07322920622509788 52.07403857637417843, 5.07420307314378949 52.07371824180106046)))</t>
  </si>
  <si>
    <t>MultiPolygon (((5.04848770770876332 52.08282423312704168, 5.05310008299833413 52.08280204555636317, 5.05329055689972417 52.08353325487792773, 5.05427812430363055 52.08349907012623703, 5.05849758210714739 52.08318788775414276, 5.0601094661397843 52.08240963463416762, 5.06125690200765099 52.08110108876553568, 5.06013560421951336 52.07874571575386113, 5.0583494336192496 52.07872097327300054, 5.05490531750390737 52.07199118267335081, 5.05340582601631194 52.06975758674720822, 5.05254203508732136 52.06743133031649506, 5.03828042380799435 52.06938921662990793, 5.04528193024718341 52.08121208450312878, 5.04809133703376478 52.0807009472853224, 5.04814792625884223 52.08194473123557344, 5.04848770770876332 52.08282423312704168, 5.04848770770876332 52.08282423312704168)))</t>
  </si>
  <si>
    <t>MultiPolygon (((5.02574449426052894 52.0848234683322886, 5.04343212679679986 52.08173530394718398, 5.04814792625884223 52.08194473123557344, 5.04809133703376478 52.0807009472853224, 5.04528193024718341 52.08121208450312878, 5.03828042380799435 52.06938921662990793, 5.02839533836863684 52.07065912973261135, 5.02179338151982968 52.06381666143620635, 5.01801050597446441 52.06221897473049864, 4.999498257094241 52.06613144714707175, 5.00161803749852663 52.07814401090170264, 5.00323018291039379 52.07795675707372851, 5.02523573898054909 52.07359372704650724, 5.02703633929049953 52.08370358513334963, 5.02574449426052894 52.0848234683322886, 5.02574449426052894 52.0848234683322886)))</t>
  </si>
  <si>
    <t>MultiPolygon (((5.02139693480735083 52.09047635869029591, 5.02123885453951591 52.09086102536181784, 5.02675829298938304 52.09263353116298134, 5.02992110370021184 52.09247299570716905, 5.03196172132703179 52.09121258644479013, 5.03161821569428103 52.08967271738810467, 5.04022794927240891 52.08922715159500427, 5.04391449784358414 52.08977538800603924, 5.04837507087847026 52.0897394678053729, 5.04812918134821498 52.08711923546697165, 5.04771084734965036 52.08561715398622027, 5.04893497948292413 52.08550430307719381, 5.04848770770876332 52.08282423312704168, 5.04814792625884223 52.08194473123557344, 5.04343212679679986 52.08173530394718398, 5.02574449426052894 52.0848234683322886, 5.01966525310853751 52.08597783601682352, 5.02139693480735083 52.09047635869029591, 5.02139693480735083 52.09047635869029591)))</t>
  </si>
  <si>
    <t>MultiPolygon (((5.00500707895730379 52.08845210600385656, 5.01966525310853751 52.08597783601682352, 5.02574449426052894 52.0848234683322886, 5.02703633929049953 52.08370358513334963, 5.02523573898054909 52.07359372704650724, 5.00323018291039379 52.07795675707372851, 5.00500707895730379 52.08845210600385656, 5.00500707895730379 52.08845210600385656)))</t>
  </si>
  <si>
    <t>MultiPolygon (((5.00586490428668451 52.09235820808932971, 5.01729170933652124 52.09007109248542378, 5.02139693480735083 52.09047635869029591, 5.01966525310853751 52.08597783601682352, 5.00500707895730379 52.08845210600385656, 4.99421796133200679 52.09038489018414708, 4.99352427265498644 52.09222588696448497, 4.99461225541996079 52.09468062592881665, 5.00586490428668451 52.09235820808932971, 5.00586490428668451 52.09235820808932971)))</t>
  </si>
  <si>
    <t>MultiPolygon (((4.9998461441059936 52.10380815072375071, 5.01289407644554785 52.10272421946526578, 5.02123885453951591 52.09086102536181784, 5.02139693480735083 52.09047635869029591, 5.01729170933652124 52.09007109248542378, 5.00586490428668451 52.09235820808932971, 5.0110906407452882 52.09554626853782366, 5.00794320895246337 52.09780859328751745, 5.00770912332761764 52.09956778141386735, 5.00200685812901469 52.09999003058803169, 5.00253943863989115 52.10091740847003905, 4.99957268701480295 52.10299707426395344, 4.9998461441059936 52.10380815072375071, 4.9998461441059936 52.10380815072375071)))</t>
  </si>
  <si>
    <t>MultiPolygon (((4.99461225541996079 52.09468062592881665, 4.99595322890577176 52.09886789628194492, 4.99505497323796721 52.10417890986791889, 4.9998461441059936 52.10380815072375071, 4.99957268701480295 52.10299707426395344, 5.00253943863989115 52.10091740847003905, 5.00200685812901469 52.09999003058803169, 5.00770912332761764 52.09956778141386735, 5.00794320895246337 52.09780859328751745, 5.0110906407452882 52.09554626853782366, 5.00586490428668451 52.09235820808932971, 4.99461225541996079 52.09468062592881665, 4.99461225541996079 52.09468062592881665)))</t>
  </si>
  <si>
    <t>MultiPolygon (((5.03084140423435322 52.11504394137752172, 5.03519228020423171 52.1128600382732472, 5.03202870669213009 52.10920202660414446, 5.02894581120607143 52.1015450421679418, 5.027514087881233 52.09946667365951356, 5.02934640906477171 52.09799167636947459, 5.032930373706062 52.09773221868383075, 5.03585328067106364 52.0958773207766086, 5.03968083592329652 52.0913707108794668, 5.04022794927240891 52.08922715159500427, 5.03161821569428103 52.08967271738810467, 5.03196172132703179 52.09121258644479013, 5.02992110370021184 52.09247299570716905, 5.02675829298938304 52.09263353116298134, 5.02123885453951591 52.09086102536181784, 5.01289407644554785 52.10272421946526578, 5.02258130946292347 52.10198341312398185, 5.02766265462357342 52.11044961506410544, 5.03084140423435322 52.11504394137752172, 5.03084140423435322 52.11504394137752172)))</t>
  </si>
  <si>
    <t>MultiPolygon (((5.00386683113337138 52.11779637265294696, 5.00700449798111258 52.11730992837858878, 5.01060112706478655 52.11515978303165753, 5.02766265462357342 52.11044961506410544, 5.02258130946292347 52.10198341312398185, 5.01289407644554785 52.10272421946526578, 4.9998461441059936 52.10380815072375071, 4.99990940007545071 52.10591315389088152, 4.99835486030098153 52.10692352126279303, 5.00386683113337138 52.11779637265294696, 5.00386683113337138 52.11779637265294696)))</t>
  </si>
  <si>
    <t>MultiPolygon (((5.01211228316451773 52.12969158653758939, 5.01168478581949906 52.12917612974486303, 5.01008242268984727 52.12936690352667313, 5.00386683113337138 52.11779637265294696, 4.99835486030098153 52.10692352126279303, 4.99990940007545071 52.10591315389088152, 4.9998461441059936 52.10380815072375071, 4.99505497323796721 52.10417890986791889, 4.99595322890577176 52.09886789628194492, 4.99461225541996079 52.09468062592881665, 4.99352427265498644 52.09222588696448497, 4.98932714967930835 52.10075530690540546, 4.97565972750424734 52.09978958411625172, 4.9734404637398768 52.10123002617157084, 4.97304962128442263 52.10278376753615248, 4.97582042821222803 52.10571647978255072, 4.97626944604197163 52.10797177562357518, 4.97872871963260444 52.10810041025520434, 4.97962491667881135 52.10872243160253703, 4.97958036549123584 52.11156407913295396, 4.98022154117606242 52.11219949569461818, 4.97846666601918475 52.11315703949221501, 4.97819801188903099 52.11284627958242055, 4.97009598170040601 52.12244167086069524, 4.97393834649829891 52.12967323935885133, 4.98523799223115915 52.1324371331821439, 4.98637767577743052 52.13524320814082103, 4.99450319704070278 52.13861122321254271, 5.00310180711069385 52.14205047962936135, 5.00270003917198913 52.14130126034626045, 5.01211228316451773 52.12969158653758939, 5.01211228316451773 52.12969158653758939)))</t>
  </si>
  <si>
    <t>MultiPolygon (((5.01211228316451773 52.12969158653758939, 5.03251082175202047 52.11683659492690168, 5.03084140423435322 52.11504394137752172, 5.02766265462357342 52.11044961506410544, 5.01060112706478655 52.11515978303165753, 5.00700449798111258 52.11730992837858878, 5.00386683113337138 52.11779637265294696, 5.01008242268984727 52.12936690352667313, 5.01168478581949906 52.12917612974486303, 5.01211228316451773 52.12969158653758939, 5.01211228316451773 52.12969158653758939)))</t>
  </si>
  <si>
    <t>MultiPolygon (((5.07520183408607206 52.08241703655813382, 5.08028432181037015 52.08219457669419938, 5.08028918643105953 52.08217235282095459, 5.08133048957945554 52.07894786631113959, 5.08802913611450691 52.07097316320832192, 5.09542567949403491 52.06302037617468415, 5.09724949913630532 52.06103958363303263, 5.08582528966757685 52.06248772319784024, 5.07572183695144297 52.06548269203252488, 5.07309423065910536 52.06805417496353527, 5.07420307314378949 52.07371824180106046, 5.07322920622509788 52.07403857637417843, 5.07521453869815264 52.07872826677318301, 5.07447923486551744 52.07883235995743121, 5.07520183408607206 52.08241703655813382, 5.07520183408607206 52.08241703655813382)))</t>
  </si>
  <si>
    <t>MultiPolygon (((5.07447923486551744 52.07883235995743121, 5.07521453869815264 52.07872826677318301, 5.07322920622509788 52.07403857637417843, 5.07238102746517949 52.07431756082920771, 5.06918683453482188 52.06923342718985737, 5.06562178339852576 52.06814201615365789, 5.06254767775435255 52.06804669107851424, 5.05340582601631194 52.06975758674720822, 5.05490531750390737 52.07199118267335081, 5.05823501241436446 52.07102295783468549, 5.06024069316998037 52.07494436268326155, 5.0689888965997687 52.07328693553296262, 5.06993572539993576 52.07528701369863455, 5.07161624700671876 52.07488762657710168, 5.07338470915765161 52.07898730018727917, 5.07447923486551744 52.07883235995743121, 5.07447923486551744 52.07883235995743121)))</t>
  </si>
  <si>
    <t>MultiPolygon (((5.0601094661397843 52.08240963463416762, 5.07520183408607206 52.08241703655813382, 5.07447923486551744 52.07883235995743121, 5.07338470915765161 52.07898730018727917, 5.07161624700671876 52.07488762657710168, 5.06993572539993576 52.07528701369863455, 5.0689888965997687 52.07328693553296262, 5.06024069316998037 52.07494436268326155, 5.05823501241436446 52.07102295783468549, 5.05490531750390737 52.07199118267335081, 5.0583494336192496 52.07872097327300054, 5.06013560421951336 52.07874571575386113, 5.06125690200765099 52.08110108876553568, 5.0601094661397843 52.08240963463416762, 5.0601094661397843 52.08240963463416762)))</t>
  </si>
  <si>
    <t>MultiPolygon (((5.04812918134821498 52.08711923546697165, 5.04962738987501059 52.08712636631878468, 5.06500839887952736 52.08730915232070657, 5.0694579097706427 52.08652537819619255, 5.07472176685705367 52.08684650778285885, 5.07520183408607206 52.08241703655813382, 5.0601094661397843 52.08240963463416762, 5.05849758210714739 52.08318788775414276, 5.05427812430363055 52.08349907012623703, 5.05329055689972417 52.08353325487792773, 5.05310008299833413 52.08280204555636317, 5.04848770770876332 52.08282423312704168, 5.04893497948292413 52.08550430307719381, 5.04771084734965036 52.08561715398622027, 5.04812918134821498 52.08711923546697165, 5.04812918134821498 52.08711923546697165)))</t>
  </si>
  <si>
    <t>MultiPolygon (((5.04962738987501059 52.08712636631878468, 5.05419503239251 52.08958231164309893, 5.06268962591092464 52.09199504051633056, 5.07013981742452291 52.0869839797763845, 5.0694579097706427 52.08652537819619255, 5.06500839887952736 52.08730915232070657, 5.04962738987501059 52.08712636631878468, 5.04962738987501059 52.08712636631878468)))</t>
  </si>
  <si>
    <t>MultiPolygon (((5.05749823895116002 52.09570414050861586, 5.06268962591092464 52.09199504051633056, 5.05419503239251 52.08958231164309893, 5.04962738987501059 52.08712636631878468, 5.04812918134821498 52.08711923546697165, 5.04837507087847026 52.0897394678053729, 5.04391449784358414 52.08977538800603924, 5.04418148838946934 52.09090968058843174, 5.05036572174581888 52.09117514230297274, 5.05388828741700991 52.09272839932272348, 5.05749823895116002 52.09570414050861586, 5.05749823895116002 52.09570414050861586)))</t>
  </si>
  <si>
    <t>MultiPolygon (((5.07032631164515113 52.09427418499095097, 5.07346027930084187 52.09519436122076996, 5.07227552695729678 52.09660991644572903, 5.0771677361458929 52.09803665092437797, 5.07892890466681823 52.0883924968500267, 5.08028432181037015 52.08219457669419938, 5.07520183408607206 52.08241703655813382, 5.07472176685705367 52.08684650778285885, 5.07032631164515113 52.09427418499095097, 5.07032631164515113 52.09427418499095097)))</t>
  </si>
  <si>
    <t>MultiPolygon (((5.06568338046571487 52.09289297275898889, 5.07032631164515113 52.09427418499095097, 5.07472176685705367 52.08684650778285885, 5.0694579097706427 52.08652537819619255, 5.07013981742452291 52.0869839797763845, 5.06268962591092464 52.09199504051633056, 5.06568338046571487 52.09289297275898889, 5.06568338046571487 52.09289297275898889)))</t>
  </si>
  <si>
    <t>MultiPolygon (((5.05625823011293196 52.09970866631901742, 5.06088140651611518 52.09935848698580685, 5.06568338046571487 52.09289297275898889, 5.06268962591092464 52.09199504051633056, 5.05749823895116002 52.09570414050861586, 5.05625823011293196 52.09970866631901742, 5.05625823011293196 52.09970866631901742)))</t>
  </si>
  <si>
    <t>MultiPolygon (((5.0611589624615565 52.10167859084375408, 5.06131748799256176 52.10242466135592565, 5.06520293657679854 52.10121904179482755, 5.06730104058019748 52.09892038187840768, 5.07714086798571795 52.0981841005649855, 5.07715597840230881 52.09810119030181852, 5.0771677361458929 52.09803665092437797, 5.07227552695729678 52.09660991644572903, 5.07346027930084187 52.09519436122076996, 5.07032631164515113 52.09427418499095097, 5.06568338046571487 52.09289297275898889, 5.06088140651611518 52.09935848698580685, 5.0611589624615565 52.10167859084375408, 5.0611589624615565 52.10167859084375408)))</t>
  </si>
  <si>
    <t>MultiPolygon (((5.04747047477267685 52.10025361765204366, 5.05625823011293196 52.09970866631901742, 5.05749823895116002 52.09570414050861586, 5.05388828741700991 52.09272839932272348, 5.05036572174581888 52.09117514230297274, 5.04418148838946934 52.09090968058843174, 5.04747047477267685 52.10025361765204366, 5.04747047477267685 52.10025361765204366)))</t>
  </si>
  <si>
    <t>MultiPolygon (((5.02894581120607143 52.1015450421679418, 5.0433330050400178 52.10044844892522775, 5.04747047477267685 52.10025361765204366, 5.04418148838946934 52.09090968058843174, 5.04391449784358414 52.08977538800603924, 5.04022794927240891 52.08922715159500427, 5.03968083592329652 52.0913707108794668, 5.03585328067106364 52.0958773207766086, 5.032930373706062 52.09773221868383075, 5.02934640906477171 52.09799167636947459, 5.027514087881233 52.09946667365951356, 5.02894581120607143 52.1015450421679418, 5.02894581120607143 52.1015450421679418)))</t>
  </si>
  <si>
    <t>MultiPolygon (((5.04523602352030665 52.1083114006148449, 5.05330582454273181 52.10432996370905556, 5.05582281848206172 52.10200710415776371, 5.0611589624615565 52.10167859084375408, 5.06088140651611518 52.09935848698580685, 5.05625823011293196 52.09970866631901742, 5.04747047477267685 52.10025361765204366, 5.0433330050400178 52.10044844892522775, 5.04295589206390105 52.10358217417962834, 5.04523602352030665 52.1083114006148449, 5.04523602352030665 52.1083114006148449)))</t>
  </si>
  <si>
    <t>MultiPolygon (((5.03519228020423171 52.1128600382732472, 5.04523602352030665 52.1083114006148449, 5.04295589206390105 52.10358217417962834, 5.0433330050400178 52.10044844892522775, 5.02894581120607143 52.1015450421679418, 5.03202870669213009 52.10920202660414446, 5.03519228020423171 52.1128600382732472, 5.03519228020423171 52.1128600382732472)))</t>
  </si>
  <si>
    <t>MultiPolygon (((5.03354503368746453 52.1167588134618569, 5.03707318108905699 52.11571035794329276, 5.03881647137640698 52.11585241834318083, 5.05286375239183183 52.10977059856536187, 5.05827225967466099 52.10680507861127353, 5.06520293657679854 52.10121904179482755, 5.06131748799256176 52.10242466135592565, 5.0611589624615565 52.10167859084375408, 5.05582281848206172 52.10200710415776371, 5.05330582454273181 52.10432996370905556, 5.04523602352030665 52.1083114006148449, 5.03519228020423171 52.1128600382732472, 5.03084140423435322 52.11504394137752172, 5.03251082175202047 52.11683659492690168, 5.03354503368746453 52.1167588134618569, 5.03354503368746453 52.1167588134618569)))</t>
  </si>
  <si>
    <t>MultiPolygon (((5.08133048957945554 52.07894786631113959, 5.090769772511198 52.08098301214116788, 5.097100679404301 52.07415974917435619, 5.08802913611450691 52.07097316320832192, 5.08133048957945554 52.07894786631113959, 5.08133048957945554 52.07894786631113959)))</t>
  </si>
  <si>
    <t>MultiPolygon (((5.08802913611450691 52.07097316320832192, 5.097100679404301 52.07415974917435619, 5.10346866471654437 52.06738948483356921, 5.10515461419936489 52.06669052675408693, 5.10748397602460713 52.06669029043772667, 5.10787825469751233 52.06546223699559306, 5.10370626339062117 52.06593659994916123, 5.09542567949403491 52.06302037617468415, 5.08802913611450691 52.07097316320832192, 5.08802913611450691 52.07097316320832192)))</t>
  </si>
  <si>
    <t>MultiPolygon (((5.09830245437578977 52.08522269652522141, 5.10503450508833279 52.08180377336069711, 5.10804426447459647 52.0794186522055611, 5.10946268383982893 52.07696321240755566, 5.10275925593403734 52.07608379699606616, 5.097100679404301 52.07415974917435619, 5.090769772511198 52.08098301214116788, 5.09421833696658943 52.08241223638605533, 5.09830245437578977 52.08522269652522141, 5.09830245437578977 52.08522269652522141)))</t>
  </si>
  <si>
    <t>MultiPolygon (((5.097100679404301 52.07415974917435619, 5.10275925593403734 52.07608379699606616, 5.10946268383982893 52.07696321240755566, 5.1120202771652723 52.06709435909515804, 5.10748397602460713 52.06669029043772667, 5.10515461419936489 52.06669052675408693, 5.10346866471654437 52.06738948483356921, 5.097100679404301 52.07415974917435619, 5.097100679404301 52.07415974917435619)))</t>
  </si>
  <si>
    <t>MultiPolygon (((5.1120202771652723 52.06709435909515804, 5.11308260768704326 52.06258832121033464, 5.11240148777492553 52.06139395009066817, 5.11125691382167702 52.05831797591496723, 5.10734436234266731 52.05002560517949917, 5.1044491203338147 52.04994694736891603, 5.10403372720069992 52.05071977014578977, 5.10208580678397183 52.0542638429154394, 5.09735212985702635 52.05948050485629608, 5.09724949913630532 52.06103958363303263, 5.09542567949403491 52.06302037617468415, 5.10370626339062117 52.06593659994916123, 5.10787825469751233 52.06546223699559306, 5.10748397602460713 52.06669029043772667, 5.1120202771652723 52.06709435909515804, 5.1120202771652723 52.06709435909515804)))</t>
  </si>
  <si>
    <t>MultiPolygon (((5.11919657958599039 52.07956975492095353, 5.11969407326119708 52.0797572536075819, 5.12237418567650948 52.07865698859267667, 5.11919125505221562 52.07311894911742911, 5.11556696586514636 52.06689622923428828, 5.11308260768704326 52.06258832121033464, 5.1120202771652723 52.06709435909515804, 5.10946268383982893 52.07696321240755566, 5.11436419075233228 52.07759559248702885, 5.11919657958599039 52.07956975492095353, 5.11919657958599039 52.07956975492095353)))</t>
  </si>
  <si>
    <t>MultiPolygon (((5.10503450508833279 52.08180377336069711, 5.10881323537897991 52.08500706657308399, 5.11195604756721789 52.08465659436167527, 5.11554757706863672 52.08087769057885197, 5.11919657958599039 52.07956975492095353, 5.11436419075233228 52.07759559248702885, 5.10946268383982893 52.07696321240755566, 5.10804426447459647 52.0794186522055611, 5.10503450508833279 52.08180377336069711, 5.10503450508833279 52.08180377336069711)))</t>
  </si>
  <si>
    <t>MultiPolygon (((5.1197939768348304 52.06623287499007802, 5.1263934249233909 52.06505961553975226, 5.12124920742621903 52.054385678210366, 5.11775166239736023 52.05663906217782966, 5.11125691382167702 52.05831797591496723, 5.11240148777492553 52.06139395009066817, 5.11693509666464585 52.06030668000343553, 5.1197939768348304 52.06623287499007802, 5.1197939768348304 52.06623287499007802)))</t>
  </si>
  <si>
    <t>MultiPolygon (((5.12551022155003899 52.0704566727557463, 5.12853654046279672 52.06993198546128809, 5.12982187774049425 52.06893862167022746, 5.1263934249233909 52.06505961553975226, 5.1197939768348304 52.06623287499007802, 5.12133456593218472 52.06990771031617271, 5.12495606912720447 52.06927571703329249, 5.12551022155003899 52.0704566727557463, 5.12551022155003899 52.0704566727557463)))</t>
  </si>
  <si>
    <t>MultiPolygon (((5.12987724059818362 52.07572333848224844, 5.13395109242337799 52.07380597809348188, 5.13622755460932545 52.07272078955953987, 5.12982187774049425 52.06893862167022746, 5.12853654046279672 52.06993198546128809, 5.12987724059818362 52.07572333848224844, 5.12987724059818362 52.07572333848224844)))</t>
  </si>
  <si>
    <t>MultiPolygon (((5.11556696586514636 52.06689622923428828, 5.1197939768348304 52.06623287499007802, 5.11693509666464585 52.06030668000343553, 5.11240148777492553 52.06139395009066817, 5.11308260768704326 52.06258832121033464, 5.11556696586514636 52.06689622923428828, 5.11556696586514636 52.06689622923428828)))</t>
  </si>
  <si>
    <t>MultiPolygon (((5.11919125505221562 52.07311894911742911, 5.12591195329393567 52.07136790396867099, 5.12551022155003899 52.0704566727557463, 5.12495606912720447 52.06927571703329249, 5.12133456593218472 52.06990771031617271, 5.1197939768348304 52.06623287499007802, 5.11556696586514636 52.06689622923428828, 5.11919125505221562 52.07311894911742911, 5.11919125505221562 52.07311894911742911)))</t>
  </si>
  <si>
    <t>MultiPolygon (((5.12237418567650948 52.07865698859267667, 5.12987724059818362 52.07572333848224844, 5.12853654046279672 52.06993198546128809, 5.12551022155003899 52.0704566727557463, 5.12591195329393567 52.07136790396867099, 5.11919125505221562 52.07311894911742911, 5.12237418567650948 52.07865698859267667, 5.12237418567650948 52.07865698859267667)))</t>
  </si>
  <si>
    <t>MultiPolygon (((5.14387235501913498 52.06582778926553345, 5.1528086630523644 52.05668804367859082, 5.14994157890339732 52.05558927050257267, 5.145675682031289 52.05255911748378139, 5.12683195656895219 52.05491822431142168, 5.12407986838506702 52.05521602688162375, 5.12124920742621903 52.054385678210366, 5.1263934249233909 52.06505961553975226, 5.1387022373330753 52.06389225685550315, 5.14387235501913498 52.06582778926553345, 5.14387235501913498 52.06582778926553345)))</t>
  </si>
  <si>
    <t>MultiPolygon (((5.12982187774049425 52.06893862167022746, 5.13622755460932545 52.07272078955953987, 5.14387235501913498 52.06582778926553345, 5.1387022373330753 52.06389225685550315, 5.1263934249233909 52.06505961553975226, 5.12982187774049425 52.06893862167022746, 5.12982187774049425 52.06893862167022746)))</t>
  </si>
  <si>
    <t>MultiPolygon (((5.11698095256540064 52.08730224605525905, 5.11985586148277072 52.08415671776648992, 5.12131747141541194 52.08114703990012373, 5.11954060626154117 52.08015503233303178, 5.11363317331490475 52.08614431312700077, 5.11698095256540064 52.08730224605525905, 5.11698095256540064 52.08730224605525905)))</t>
  </si>
  <si>
    <t>MultiPolygon (((5.12131747141541194 52.08114703990012373, 5.12401599187443146 52.08133201157277625, 5.12237418567650948 52.07865698859267667, 5.11969407326119708 52.0797572536075819, 5.11954060626154117 52.08015503233303178, 5.12131747141541194 52.08114703990012373, 5.12131747141541194 52.08114703990012373)))</t>
  </si>
  <si>
    <t>MultiPolygon (((5.12639003737299426 52.09117933282595914, 5.12738946780956795 52.09141589393794902, 5.12979730770907061 52.08541444130331399, 5.12821049568088405 52.08442733879564912, 5.12428844108604409 52.08892613033698638, 5.12386486913994332 52.09003348556862534, 5.12639003737299426 52.09117933282595914, 5.12639003737299426 52.09117933282595914)))</t>
  </si>
  <si>
    <t>MultiPolygon (((5.12145276770678581 52.0883959936115275, 5.12428844108604409 52.08892613033698638, 5.12821049568088405 52.08442733879564912, 5.12520751665586616 52.08136032732148379, 5.12417976591036695 52.08136345873349882, 5.12273065896881263 52.08240040711152119, 5.1230251982765056 52.08388978039349837, 5.12145276770678581 52.0883959936115275, 5.12145276770678581 52.0883959936115275)))</t>
  </si>
  <si>
    <t>MultiPolygon (((5.11660957680498196 52.08769167346565609, 5.12145276770678581 52.0883959936115275, 5.1230251982765056 52.08388978039349837, 5.12273065896881263 52.08240040711152119, 5.12417976591036695 52.08136345873349882, 5.12401599187443146 52.08133201157277625, 5.12131747141541194 52.08114703990012373, 5.11985586148277072 52.08415671776648992, 5.11698095256540064 52.08730224605525905, 5.11660957680498196 52.08769167346565609, 5.11660957680498196 52.08769167346565609)))</t>
  </si>
  <si>
    <t>MultiPolygon (((5.12355694158963093 52.09518976081763952, 5.12624388863179359 52.09501668649101447, 5.12738946780956795 52.09141589393794902, 5.12639003737299426 52.09117933282595914, 5.12307490053920667 52.09267956627802931, 5.12355694158963093 52.09518976081763952, 5.12355694158963093 52.09518976081763952)))</t>
  </si>
  <si>
    <t>MultiPolygon (((5.12426416740632007 52.09750825403764907, 5.12666757090742209 52.09780969889219193, 5.12624388863179359 52.09501668649101447, 5.12355694158963093 52.09518976081763952, 5.11679662667989987 52.09341837394012487, 5.11589744780261757 52.09647245592150711, 5.11750359490785378 52.09653228866771713, 5.12426416740632007 52.09750825403764907, 5.12426416740632007 52.09750825403764907)))</t>
  </si>
  <si>
    <t>MultiPolygon (((5.11521906576970498 52.09713570392720783, 5.11589744780261757 52.09647245592150711, 5.11679662667989987 52.09341837394012487, 5.11471477257093898 52.09312680828659126, 5.11181921313425569 52.09264014571977697, 5.1095476547585541 52.09523626111289474, 5.11521906576970498 52.09713570392720783, 5.11521906576970498 52.09713570392720783)))</t>
  </si>
  <si>
    <t>MultiPolygon (((5.10628898994015046 52.09356165251828941, 5.1095476547585541 52.09523626111289474, 5.11181921313425569 52.09264014571977697, 5.11471477257093898 52.09312680828659126, 5.11442029731752079 52.08996114977679071, 5.11660957680498196 52.08769167346565609, 5.11698095256540064 52.08730224605525905, 5.11363317331490475 52.08614431312700077, 5.11954060626154117 52.08015503233303178, 5.11969407326119708 52.0797572536075819, 5.11919657958599039 52.07956975492095353, 5.11554757706863672 52.08087769057885197, 5.11195604756721789 52.08465659436167527, 5.10881323537897991 52.08500706657308399, 5.10503450508833279 52.08180377336069711, 5.09830245437578977 52.08522269652522141, 5.1010402684019267 52.08832371702923325, 5.1054191501088626 52.09075327651213172, 5.10628898994015046 52.09356165251828941, 5.10628898994015046 52.09356165251828941)))</t>
  </si>
  <si>
    <t>MultiPolygon (((5.11471477257093898 52.09312680828659126, 5.11679662667989987 52.09341837394012487, 5.11687510937126344 52.09194458243465675, 5.1198687900296207 52.09141637517679868, 5.12145276770678581 52.0883959936115275, 5.11660957680498196 52.08769167346565609, 5.11442029731752079 52.08996114977679071, 5.11471477257093898 52.09312680828659126, 5.11471477257093898 52.09312680828659126)))</t>
  </si>
  <si>
    <t>MultiPolygon (((5.11679662667989987 52.09341837394012487, 5.12355694158963093 52.09518976081763952, 5.12307490053920667 52.09267956627802931, 5.12639003737299426 52.09117933282595914, 5.12386486913994332 52.09003348556862534, 5.12428844108604409 52.08892613033698638, 5.12145276770678581 52.0883959936115275, 5.1198687900296207 52.09141637517679868, 5.11687510937126344 52.09194458243465675, 5.11679662667989987 52.09341837394012487, 5.11679662667989987 52.09341837394012487)))</t>
  </si>
  <si>
    <t>MultiPolygon (((5.14784287870126356 52.08504959262977962, 5.15080953398990893 52.084022991841465, 5.15248100225132877 52.08417190176830047, 5.15577006490518475 52.08119408749190882, 5.15395786519822963 52.08087606885921161, 5.14709487242900821 52.07720309446927587, 5.1412432977293312 52.07714101309696275, 5.14295469942602335 52.07953710629451649, 5.14784287870126356 52.08504959262977962, 5.14784287870126356 52.08504959262977962)))</t>
  </si>
  <si>
    <t>MultiPolygon (((5.15626971549934332 52.09840200870777238, 5.15640311815089092 52.0981486200559516, 5.1596385162820102 52.09423652986225051, 5.16230080094103627 52.08816528204346952, 5.16206768605657018 52.08379172350971231, 5.16071905224375893 52.08056268578137349, 5.1601798950051192 52.0802961593259397, 5.15577006490518475 52.08119408749190882, 5.15248100225132877 52.08417190176830047, 5.15080953398990893 52.084022991841465, 5.14784287870126356 52.08504959262977962, 5.14877035202655087 52.08655220882001657, 5.14795666581894551 52.08850948176759488, 5.14392800856720278 52.09615671597455133, 5.15626971549934332 52.09840200870777238, 5.15626971549934332 52.09840200870777238)))</t>
  </si>
  <si>
    <t>MultiPolygon (((5.16132095046537476 52.09438452582875101, 5.16611516912369328 52.09372552932848066, 5.172011683050032 52.09378519695214749, 5.17586478528751215 52.09340907512626728, 5.17600936418180702 52.09408364424309923, 5.17680769967957044 52.09335733607469621, 5.18056411328832578 52.09313187022137015, 5.18070265288218046 52.09460846201757533, 5.18269192041731852 52.09430762901074274, 5.18461926107021043 52.09314711870651138, 5.18617003549697042 52.09292767946698888, 5.18975777566234608 52.08633407728859055, 5.1927520575462518 52.08607644850869178, 5.19515497015992267 52.07734628555675727, 5.19263926110328278 52.0779142517196405, 5.18155373366203165 52.07625891843661492, 5.17910156271765398 52.07791507172402845, 5.17160624875048835 52.07867498301725817, 5.16691725464708362 52.07668121947119033, 5.16239734742628542 52.07860989601796575, 5.16071905224375893 52.08056268578137349, 5.16206768605657018 52.08379172350971231, 5.16230080094103627 52.08816528204346952, 5.1596385162820102 52.09423652986225051, 5.15640311815089092 52.0981486200559516, 5.15730961170255853 52.09833922664402905, 5.16132095046537476 52.09438452582875101, 5.16132095046537476 52.09438452582875101)))</t>
  </si>
  <si>
    <t>MultiPolygon (((5.14199552721005304 52.09571479871458877, 5.14392800856720278 52.09615671597455133, 5.14795666581894551 52.08850948176759488, 5.13881608217513719 52.08420701304686418, 5.13726819818861813 52.08502552118541473, 5.13725277200893782 52.08747093472486256, 5.14084462315431967 52.09160971243593252, 5.13831819950777291 52.09438026063405403, 5.13904288888129113 52.09563254745422967, 5.14199552721005304 52.09571479871458877, 5.14199552721005304 52.09571479871458877)))</t>
  </si>
  <si>
    <t>MultiPolygon (((5.14795666581894551 52.08850948176759488, 5.14877035202655087 52.08655220882001657, 5.14784287870126356 52.08504959262977962, 5.14295469942602335 52.07953710629451649, 5.14059172961136834 52.08247382278491955, 5.13881608217513719 52.08420701304686418, 5.14795666581894551 52.08850948176759488, 5.14795666581894551 52.08850948176759488)))</t>
  </si>
  <si>
    <t>MultiPolygon (((5.15303062539772849 52.05675729602533153, 5.1528086630523644 52.05668804367859082, 5.14387235501913498 52.06582778926553345, 5.13622755460932545 52.07272078955953987, 5.13890218934120124 52.07412560166930859, 5.1412432977293312 52.07714101309696275, 5.14709487242900821 52.07720309446927587, 5.15395786519822963 52.08087606885921161, 5.15577006490518475 52.08119408749190882, 5.1601798950051192 52.0802961593259397, 5.16044141563889713 52.07778845162410164, 5.155658250286832 52.07141621586714564, 5.15640042998865056 52.06905791268047778, 5.15938892410419836 52.06706248261068737, 5.15832714030392747 52.06524986603206173, 5.15889724158560448 52.06486497173469274, 5.15689066010486652 52.06342685362070455, 5.15775529092703966 52.05834183424714467, 5.15303062539772849 52.05675729602533153, 5.15303062539772849 52.05675729602533153)))</t>
  </si>
  <si>
    <t>MultiPolygon (((5.1323160489770876 52.07853567738572309, 5.1412432977293312 52.07714101309696275, 5.13890218934120124 52.07412560166930859, 5.13622755460932545 52.07272078955953987, 5.13395109242337799 52.07380597809348188, 5.1323160489770876 52.07853567738572309, 5.1323160489770876 52.07853567738572309)))</t>
  </si>
  <si>
    <t>MultiPolygon (((5.12417976591036695 52.08136345873349882, 5.12520751665586616 52.08136032732148379, 5.12618021699104354 52.08079350272848274, 5.1323160489770876 52.07853567738572309, 5.13395109242337799 52.07380597809348188, 5.12987724059818362 52.07572333848224844, 5.12237418567650948 52.07865698859267667, 5.12401599187443146 52.08133201157277625, 5.12417976591036695 52.08136345873349882, 5.12417976591036695 52.08136345873349882)))</t>
  </si>
  <si>
    <t>MultiPolygon (((5.13092786009988888 52.08281089354431259, 5.13334898865962419 52.08330768903185515, 5.14059172961136834 52.08247382278491955, 5.14295469942602335 52.07953710629451649, 5.1412432977293312 52.07714101309696275, 5.1323160489770876 52.07853567738572309, 5.13092786009988888 52.08281089354431259, 5.13092786009988888 52.08281089354431259)))</t>
  </si>
  <si>
    <t>MultiPolygon (((5.12618021699104354 52.08079350272848274, 5.13092786009988888 52.08281089354431259, 5.1323160489770876 52.07853567738572309, 5.12618021699104354 52.08079350272848274, 5.12618021699104354 52.08079350272848274)))</t>
  </si>
  <si>
    <t>MultiPolygon (((5.12979730770907061 52.08541444130331399, 5.13037884604404937 52.08549065198257466, 5.13881608217513719 52.08420701304686418, 5.14059172961136834 52.08247382278491955, 5.13334898865962419 52.08330768903185515, 5.13092786009988888 52.08281089354431259, 5.12618021699104354 52.08079350272848274, 5.12520751665586616 52.08136032732148379, 5.12821049568088405 52.08442733879564912, 5.12979730770907061 52.08541444130331399, 5.12979730770907061 52.08541444130331399)))</t>
  </si>
  <si>
    <t>MultiPolygon (((5.13037884604404937 52.08549065198257466, 5.13241117389864687 52.08912063169046291, 5.1364347093338294 52.0919175873923308, 5.13831819950777291 52.09438026063405403, 5.14084462315431967 52.09160971243593252, 5.13725277200893782 52.08747093472486256, 5.13726819818861813 52.08502552118541473, 5.13881608217513719 52.08420701304686418, 5.13037884604404937 52.08549065198257466, 5.13037884604404937 52.08549065198257466)))</t>
  </si>
  <si>
    <t>MultiPolygon (((5.13805672736446439 52.09562731239548583, 5.13904288888129113 52.09563254745422967, 5.13831819950777291 52.09438026063405403, 5.1364347093338294 52.0919175873923308, 5.13241117389864687 52.08912063169046291, 5.13037884604404937 52.08549065198257466, 5.12979730770907061 52.08541444130331399, 5.12738946780956795 52.09141589393794902, 5.12624388863179359 52.09501668649101447, 5.13805672736446439 52.09562731239548583, 5.13805672736446439 52.09562731239548583)))</t>
  </si>
  <si>
    <t>MultiPolygon (((5.12666757090742209 52.09780969889219193, 5.12903908341324222 52.10006428286869351, 5.13330792242129519 52.10049386656135795, 5.13628642985533723 52.09962606373746041, 5.13789884176148703 52.09852641609893453, 5.13805672736446439 52.09562731239548583, 5.12624388863179359 52.09501668649101447, 5.12666757090742209 52.09780969889219193, 5.12666757090742209 52.09780969889219193)))</t>
  </si>
  <si>
    <t>MultiPolygon (((5.13059569004327809 52.1035487675215947, 5.13183914483935144 52.10325284855597516, 5.13356084524389189 52.10293678722277377, 5.1332037020699941 52.10227732078822527, 5.14147874698426399 52.09911380236534484, 5.14199552721005304 52.09571479871458877, 5.13904288888129113 52.09563254745422967, 5.13805672736446439 52.09562731239548583, 5.13789884176148703 52.09852641609893453, 5.13628642985533723 52.09962606373746041, 5.13330792242129519 52.10049386656135795, 5.12903908341324222 52.10006428286869351, 5.13059569004327809 52.1035487675215947, 5.13059569004327809 52.1035487675215947)))</t>
  </si>
  <si>
    <t>MultiPolygon (((5.13356084524389189 52.10293678722277377, 5.14039010299421673 52.10249356944642329, 5.14330525189519694 52.1023528223287542, 5.14300745436919815 52.09883119367868431, 5.14392800856720278 52.09615671597455133, 5.14199552721005304 52.09571479871458877, 5.14147874698426399 52.09911380236534484, 5.1332037020699941 52.10227732078822527, 5.13356084524389189 52.10293678722277377, 5.13356084524389189 52.10293678722277377)))</t>
  </si>
  <si>
    <t>MultiPolygon (((5.15626971549934332 52.09840200870777238, 5.14392800856720278 52.09615671597455133, 5.14300745436919815 52.09883119367868431, 5.14330525189519694 52.1023528223287542, 5.14039010299421673 52.10249356944642329, 5.14195877013973845 52.11360674352100375, 5.1486510911996568 52.11524373171744884, 5.15038081121192093 52.11087538626863136, 5.15726457777127845 52.10813923541702053, 5.16191501053963453 52.10721536933619547, 5.15626971549934332 52.09840200870777238, 5.15626971549934332 52.09840200870777238)))</t>
  </si>
  <si>
    <t>MultiPolygon (((5.13680313656605314 52.11246968526226908, 5.14195877013973845 52.11360674352100375, 5.14039010299421673 52.10249356944642329, 5.13356084524389189 52.10293678722277377, 5.13183914483935144 52.10325284855597516, 5.13680313656605314 52.11246968526226908, 5.13680313656605314 52.11246968526226908)))</t>
  </si>
  <si>
    <t>MultiPolygon (((5.12669333153748408 52.11025996855925513, 5.13680313656605314 52.11246968526226908, 5.13183914483935144 52.10325284855597516, 5.13059569004327809 52.1035487675215947, 5.12564065763944132 52.10462756597048184, 5.11948473252305813 52.1059220256712905, 5.11538316222763356 52.10619812226278214, 5.11444137306991209 52.10707367629444775, 5.12669333153748408 52.11025996855925513, 5.12669333153748408 52.11025996855925513)))</t>
  </si>
  <si>
    <t>MultiPolygon (((5.12564065763944132 52.10462756597048184, 5.13059569004327809 52.1035487675215947, 5.12903908341324222 52.10006428286869351, 5.12666757090742209 52.09780969889219193, 5.12426416740632007 52.09750825403764907, 5.12466130815467746 52.09940267894974397, 5.11829961864975758 52.10053886831648384, 5.12564065763944132 52.10462756597048184, 5.12564065763944132 52.10462756597048184)))</t>
  </si>
  <si>
    <t>MultiPolygon (((5.11948473252305813 52.1059220256712905, 5.12564065763944132 52.10462756597048184, 5.11829961864975758 52.10053886831648384, 5.11704087848403688 52.10070045570726194, 5.11778930373975527 52.10509281975821949, 5.11948473252305813 52.1059220256712905, 5.11948473252305813 52.1059220256712905)))</t>
  </si>
  <si>
    <t>MultiPolygon (((5.11538316222763356 52.10619812226278214, 5.11948473252305813 52.1059220256712905, 5.11778930373975527 52.10509281975821949, 5.11704087848403688 52.10070045570726194, 5.11489167228451702 52.10099277443591603, 5.11538316222763356 52.10619812226278214, 5.11538316222763356 52.10619812226278214)))</t>
  </si>
  <si>
    <t>MultiPolygon (((5.11444137306991209 52.10707367629444775, 5.11538316222763356 52.10619812226278214, 5.11489167228451702 52.10099277443591603, 5.11468324597800272 52.09989747528884863, 5.11750359490785378 52.09653228866771713, 5.11589744780261757 52.09647245592150711, 5.11521906576970498 52.09713570392720783, 5.1116955388894123 52.10081314882457804, 5.10982263940845094 52.10469763665270193, 5.11444137306991209 52.10707367629444775, 5.11444137306991209 52.10707367629444775)))</t>
  </si>
  <si>
    <t>MultiPolygon (((5.11489167228451702 52.10099277443591603, 5.11704087848403688 52.10070045570726194, 5.11829961864975758 52.10053886831648384, 5.12466130815467746 52.09940267894974397, 5.12426416740632007 52.09750825403764907, 5.11750359490785378 52.09653228866771713, 5.11468324597800272 52.09989747528884863, 5.11489167228451702 52.10099277443591603, 5.11489167228451702 52.10099277443591603)))</t>
  </si>
  <si>
    <t>MultiPolygon (((5.10709284935172114 52.13321116002113342, 5.12654838816801117 52.12459871040698545, 5.1403971286860255 52.12099300470290331, 5.1401634549748092 52.12058202396534767, 5.14159620924285399 52.12117475598139293, 5.14220218526864592 52.12019196224484574, 5.14262421109346413 52.1208444330740619, 5.14673201079581943 52.12041275247397465, 5.14931011679696038 52.11849121851457056, 5.1486510911996568 52.11524373171744884, 5.14195877013973845 52.11360674352100375, 5.13680313656605314 52.11246968526226908, 5.133400747007693 52.11725177328039393, 5.12843591691308909 52.11838755223867992, 5.12281145293290407 52.12004422013284, 5.11676504476843608 52.12275134974149182, 5.11129455127788201 52.12528204012888722, 5.1049336224595363 52.12801319921427989, 5.10186575632889028 52.12856567379927952, 5.09872589007568422 52.12909755362713327, 5.10019459307808454 52.13021318774710267, 5.10108436278876098 52.12984462747839842, 5.10227409772101748 52.13032492306777499, 5.10339742308271127 52.12984837173891606, 5.10557632091465408 52.13188547766311842, 5.10709284935172114 52.13321116002113342, 5.10709284935172114 52.13321116002113342)))</t>
  </si>
  <si>
    <t>MultiPolygon (((5.10186575632889028 52.12856567379927952, 5.1049336224595363 52.12801319921427989, 5.11129455127788201 52.12528204012888722, 5.10587180967676169 52.12170394450416921, 5.10685011387186094 52.12109773122286072, 5.10422997095124664 52.11950696679967621, 5.10081946804944319 52.12158361720555888, 5.0961312512475816 52.12345577220941806, 5.10186575632889028 52.12856567379927952, 5.10186575632889028 52.12856567379927952)))</t>
  </si>
  <si>
    <t>MultiPolygon (((5.11129455127788201 52.12528204012888722, 5.11676504476843608 52.12275134974149182, 5.11274430963742788 52.11909930785342482, 5.10972758105542635 52.116171221654362, 5.10422997095124664 52.11950696679967621, 5.10685011387186094 52.12109773122286072, 5.10587180967676169 52.12170394450416921, 5.11129455127788201 52.12528204012888722, 5.11129455127788201 52.12528204012888722)))</t>
  </si>
  <si>
    <t>MultiPolygon (((5.09885076982801255 52.12847065712892203, 5.08593091110048956 52.12046408535076836, 5.08549174717184549 52.11882685290416362, 5.0804653989001114 52.11903310748625273, 5.07520231338107575 52.12166516620584389, 5.0723895855207326 52.12535921623330637, 5.07615846271546545 52.12704912144518232, 5.08553282580087984 52.13436600866536708, 5.08576448704121109 52.13455036068282311, 5.08716452340479197 52.13567145637883016, 5.10019459307808454 52.13021318774710267, 5.09872589007568422 52.12909755362713327, 5.09885076982801255 52.12847065712892203, 5.09885076982801255 52.12847065712892203)))</t>
  </si>
  <si>
    <t>MultiPolygon (((5.09872589007568422 52.12909755362713327, 5.10186575632889028 52.12856567379927952, 5.0961312512475816 52.12345577220941806, 5.10081946804944319 52.12158361720555888, 5.09383724160006679 52.11740765220377369, 5.08549174717184549 52.11882685290416362, 5.08593091110048956 52.12046408535076836, 5.09885076982801255 52.12847065712892203, 5.09872589007568422 52.12909755362713327, 5.09872589007568422 52.12909755362713327)))</t>
  </si>
  <si>
    <t>MultiPolygon (((5.10081946804944319 52.12158361720555888, 5.10422997095124664 52.11950696679967621, 5.10972758105542635 52.116171221654362, 5.10187748941262065 52.1111003179112231, 5.09648612684898694 52.11478623444948255, 5.09383724160006679 52.11740765220377369, 5.10081946804944319 52.12158361720555888, 5.10081946804944319 52.12158361720555888)))</t>
  </si>
  <si>
    <t>MultiPolygon (((5.11274430963742788 52.11909930785342482, 5.11676504476843608 52.12275134974149182, 5.12281145293290407 52.12004422013284, 5.12843591691308909 52.11838755223867992, 5.12737402974432754 52.11691033822442876, 5.12220373189035705 52.11367122547585495, 5.11759323978680758 52.11521103401451427, 5.11812735961495946 52.11554188962743694, 5.11274430963742788 52.11909930785342482, 5.11274430963742788 52.11909930785342482)))</t>
  </si>
  <si>
    <t>MultiPolygon (((5.10972758105542635 52.116171221654362, 5.11274430963742788 52.11909930785342482, 5.11812735961495946 52.11554188962743694, 5.11759323978680758 52.11521103401451427, 5.11103690034248803 52.11036441821575238, 5.11276721442716475 52.10867096752232897, 5.10731452380307971 52.10641653540261586, 5.10569565777921941 52.10851540881641597, 5.10187748941262065 52.1111003179112231, 5.10972758105542635 52.116171221654362, 5.10972758105542635 52.116171221654362)))</t>
  </si>
  <si>
    <t>MultiPolygon (((5.12220373189035705 52.11367122547585495, 5.12737402974432754 52.11691033822442876, 5.12843591691308909 52.11838755223867992, 5.133400747007693 52.11725177328039393, 5.13680313656605314 52.11246968526226908, 5.12669333153748408 52.11025996855925513, 5.12220373189035705 52.11367122547585495, 5.12220373189035705 52.11367122547585495)))</t>
  </si>
  <si>
    <t>MultiPolygon (((5.11759323978680758 52.11521103401451427, 5.12220373189035705 52.11367122547585495, 5.12669333153748408 52.11025996855925513, 5.11444137306991209 52.10707367629444775, 5.11276721442716475 52.10867096752232897, 5.11103690034248803 52.11036441821575238, 5.11759323978680758 52.11521103401451427, 5.11759323978680758 52.11521103401451427)))</t>
  </si>
  <si>
    <t>MultiPolygon (((5.0723895855207326 52.12535921623330637, 5.07520231338107575 52.12166516620584389, 5.0804653989001114 52.11903310748625273, 5.07865581992089155 52.11782439507333464, 5.07406163208401306 52.1151078213897847, 5.0612045414680189 52.12256177901472398, 5.06572718594996196 52.12525543847488763, 5.06698957126642835 52.12598498009911907, 5.06973345513554818 52.12641462707151163, 5.07019866394373686 52.1271814874943118, 5.0723895855207326 52.12535921623330637)))</t>
  </si>
  <si>
    <t>MultiPolygon (((5.0804653989001114 52.11903310748625273, 5.08549174717184549 52.11882685290416362, 5.0852018603612974 52.11747878539824796, 5.08248300079165549 52.11561507126807413, 5.07865581992089155 52.11782439507333464, 5.0804653989001114 52.11903310748625273, 5.0804653989001114 52.11903310748625273)))</t>
  </si>
  <si>
    <t>MultiPolygon (((5.08549174717184549 52.11882685290416362, 5.09383724160006679 52.11740765220377369, 5.09648612684898694 52.11478623444948255, 5.09459281865362357 52.11353381509318439, 5.09203021825677826 52.11010883622094525, 5.08706263344702503 52.11295500124305136, 5.08248300079165549 52.11561507126807413, 5.0852018603612974 52.11747878539824796, 5.08549174717184549 52.11882685290416362, 5.08549174717184549 52.11882685290416362)))</t>
  </si>
  <si>
    <t>MultiPolygon (((5.09648612684898694 52.11478623444948255, 5.10187748941262065 52.1111003179112231, 5.0943323972605814 52.10660565026073243, 5.09203021825677826 52.11010883622094525, 5.09459281865362357 52.11353381509318439, 5.09648612684898694 52.11478623444948255, 5.09648612684898694 52.11478623444948255)))</t>
  </si>
  <si>
    <t>MultiPolygon (((5.07865581992089155 52.11782439507333464, 5.08248300079165549 52.11561507126807413, 5.08706263344702503 52.11295500124305136, 5.08146936269266902 52.11143236799044587, 5.08220737491381946 52.111005352030773, 5.07814944013954417 52.10978178791364712, 5.07724351909645666 52.1103034049402396, 5.07619621268677523 52.11287822290224625, 5.07406163208401306 52.1151078213897847, 5.07865581992089155 52.11782439507333464, 5.07865581992089155 52.11782439507333464)))</t>
  </si>
  <si>
    <t>MultiPolygon (((5.08706263344702503 52.11295500124305136, 5.09203021825677826 52.11010883622094525, 5.08684464512979417 52.10832188064444637, 5.08387679024163663 52.10648358908949263, 5.07814944013954417 52.10978178791364712, 5.08220737491381946 52.111005352030773, 5.08146936269266902 52.11143236799044587, 5.08706263344702503 52.11295500124305136, 5.08706263344702503 52.11295500124305136)))</t>
  </si>
  <si>
    <t>MultiPolygon (((5.09203021825677826 52.11010883622094525, 5.0943323972605814 52.10660565026073243, 5.08940493724678422 52.10329094655403992, 5.08387679024163663 52.10648358908949263, 5.08684464512979417 52.10832188064444637, 5.09203021825677826 52.11010883622094525, 5.09203021825677826 52.11010883622094525)))</t>
  </si>
  <si>
    <t>MultiPolygon (((5.0943323972605814 52.10660565026073243, 5.09925387935694374 52.10374224874023952, 5.09374380434078766 52.10073919325108704, 5.08940493724678422 52.10329094655403992, 5.0943323972605814 52.10660565026073243, 5.0943323972605814 52.10660565026073243)))</t>
  </si>
  <si>
    <t>MultiPolygon (((5.09925387935694374 52.10374224874023952, 5.10215253890540321 52.10227491640101505, 5.10502445302700103 52.10093308469289042, 5.10406871028231013 52.09835030450155813, 5.10547234712649178 52.09421535658656666, 5.10374951822707068 52.09520970197155521, 5.10012935013283641 52.09660293921621133, 5.09374380434078766 52.10073919325108704, 5.09925387935694374 52.10374224874023952, 5.09925387935694374 52.10374224874023952)))</t>
  </si>
  <si>
    <t>MultiPolygon (((5.0943323972605814 52.10660565026073243, 5.10187748941262065 52.1111003179112231, 5.10569565777921941 52.10851540881641597, 5.10731452380307971 52.10641653540261586, 5.10577640939398503 52.10541256740286542, 5.1050315923957843 52.10322284539403626, 5.10215253890540321 52.10227491640101505, 5.09925387935694374 52.10374224874023952, 5.0943323972605814 52.10660565026073243, 5.0943323972605814 52.10660565026073243)))</t>
  </si>
  <si>
    <t>MultiPolygon (((5.11276721442716475 52.10867096752232897, 5.11444137306991209 52.10707367629444775, 5.10982263940845094 52.10469763665270193, 5.10502445302700103 52.10093308469289042, 5.10215253890540321 52.10227491640101505, 5.1050315923957843 52.10322284539403626, 5.10577640939398503 52.10541256740286542, 5.10731452380307971 52.10641653540261586, 5.11276721442716475 52.10867096752232897, 5.11276721442716475 52.10867096752232897)))</t>
  </si>
  <si>
    <t>MultiPolygon (((5.10502445302700103 52.10093308469289042, 5.10982263940845094 52.10469763665270193, 5.1116955388894123 52.10081314882457804, 5.10853499183840842 52.10014477710450365, 5.10556836458988617 52.09747228472465252, 5.10406871028231013 52.09835030450155813, 5.10502445302700103 52.10093308469289042, 5.10502445302700103 52.10093308469289042)))</t>
  </si>
  <si>
    <t>MultiPolygon (((5.10406871028231013 52.09835030450155813, 5.10556836458988617 52.09747228472465252, 5.10853499183840842 52.10014477710450365, 5.1116955388894123 52.10081314882457804, 5.11521906576970498 52.09713570392720783, 5.1095476547585541 52.09523626111289474, 5.10628898994015046 52.09356165251828941, 5.10547234712649178 52.09421535658656666, 5.10406871028231013 52.09835030450155813, 5.10406871028231013 52.09835030450155813)))</t>
  </si>
  <si>
    <t>MultiPolygon (((5.0612045414680189 52.12256177901472398, 5.07406163208401306 52.1151078213897847, 5.07619621268677523 52.11287822290224625, 5.07724351909645666 52.1103034049402396, 5.07641192422232113 52.10207161472273896, 5.07714086798571795 52.0981841005649855, 5.06730104058019748 52.09892038187840768, 5.06520293657679854 52.10121904179482755, 5.05827225967466099 52.10680507861127353, 5.05286375239183183 52.10977059856536187, 5.03881647137640698 52.11585241834318083, 5.03707318108905699 52.11571035794329276, 5.03354503368746453 52.1167588134618569, 5.04088121867453065 52.12549976191755263, 5.04541944549983334 52.1284624173038651, 5.04497846114661819 52.12877938723766391, 5.04755601785943764 52.12997241235426316, 5.0612045414680189 52.12256177901472398, 5.0612045414680189 52.12256177901472398)))</t>
  </si>
  <si>
    <t>MultiPolygon (((5.07724351909645666 52.1103034049402396, 5.07814944013954417 52.10978178791364712, 5.08387679024163663 52.10648358908949263, 5.08940493724678422 52.10329094655403992, 5.09374380434078766 52.10073919325108704, 5.10012935013283641 52.09660293921621133, 5.10374951822707068 52.09520970197155521, 5.09736386362475002 52.09657838677649977, 5.07715597840230881 52.09810119030181852, 5.07714086798571795 52.0981841005649855, 5.07641192422232113 52.10207161472273896, 5.07724351909645666 52.1103034049402396, 5.07724351909645666 52.1103034049402396)))</t>
  </si>
  <si>
    <t>MultiPolygon (((5.07715597840230881 52.09810119030181852, 5.09736386362475002 52.09657838677649977, 5.10374951822707068 52.09520970197155521, 5.10547234712649178 52.09421535658656666, 5.10628898994015046 52.09356165251828941, 5.09957922040480405 52.09313709452941055, 5.09276496636936038 52.09396489339233227, 5.0817767729104304 52.09548163261481335, 5.08001272879982402 52.09483270407535827, 5.07715597840230881 52.09810119030181852, 5.07715597840230881 52.09810119030181852)))</t>
  </si>
  <si>
    <t>MultiPolygon (((5.08001272879982402 52.09483270407535827, 5.0817767729104304 52.09548163261481335, 5.09276496636936038 52.09396489339233227, 5.09360690835844299 52.08765226842088225, 5.08432507008301027 52.09243902009107074, 5.08001272879982402 52.09483270407535827, 5.08001272879982402 52.09483270407535827)))</t>
  </si>
  <si>
    <t>MultiPolygon (((5.09276496636936038 52.09396489339233227, 5.09957922040480405 52.09313709452941055, 5.10116407138386752 52.08944907180269013, 5.09454648622858208 52.08717438934368005, 5.09360690835844299 52.08765226842088225, 5.09276496636936038 52.09396489339233227, 5.09276496636936038 52.09396489339233227)))</t>
  </si>
  <si>
    <t>MultiPolygon (((5.10116407138386752 52.08944907180269013, 5.1054191501088626 52.09075327651213172, 5.1010402684019267 52.08832371702923325, 5.09830245437578977 52.08522269652522141, 5.09454648622858208 52.08717438934368005, 5.10116407138386752 52.08944907180269013, 5.10116407138386752 52.08944907180269013)))</t>
  </si>
  <si>
    <t>MultiPolygon (((5.09957922040480405 52.09313709452941055, 5.10628898994015046 52.09356165251828941, 5.1054191501088626 52.09075327651213172, 5.10116407138386752 52.08944907180269013, 5.09957922040480405 52.09313709452941055, 5.09957922040480405 52.09313709452941055)))</t>
  </si>
  <si>
    <t>MultiPolygon (((5.0771677361458929 52.09803665092437797, 5.07715597840230881 52.09810119030181852, 5.08001272879982402 52.09483270407535827, 5.08432507008301027 52.09243902009107074, 5.08276498612137573 52.09012025681447255, 5.0831572245448724 52.08738830903339334, 5.08214201220474937 52.08730742728504026, 5.08178997747872696 52.08859558666834744, 5.07892890466681823 52.0883924968500267, 5.0771677361458929 52.09803665092437797, 5.0771677361458929 52.09803665092437797)))</t>
  </si>
  <si>
    <t>MultiPolygon (((5.07892890466681823 52.0883924968500267, 5.08178997747872696 52.08859558666834744, 5.08214201220474937 52.08730742728504026, 5.0831572245448724 52.08738830903339334, 5.08392337723949694 52.08468844527716612, 5.08759921977336926 52.08263577027213387, 5.08539167886315813 52.08155178520780026, 5.08028918643105953 52.08217235282095459, 5.08028432181037015 52.08219457669419938, 5.07892890466681823 52.0883924968500267, 5.07892890466681823 52.0883924968500267)))</t>
  </si>
  <si>
    <t>MultiPolygon (((5.08432507008301027 52.09243902009107074, 5.09360690835844299 52.08765226842088225, 5.09454648622858208 52.08717438934368005, 5.08759921977336926 52.08263577027213387, 5.08392337723949694 52.08468844527716612, 5.0831572245448724 52.08738830903339334, 5.08276498612137573 52.09012025681447255, 5.08432507008301027 52.09243902009107074, 5.08432507008301027 52.09243902009107074)))</t>
  </si>
  <si>
    <t>MultiPolygon (((5.09454648622858208 52.08717438934368005, 5.09830245437578977 52.08522269652522141, 5.09421833696658943 52.08241223638605533, 5.090769772511198 52.08098301214116788, 5.08133048957945554 52.07894786631113959, 5.08028918643105953 52.08217235282095459, 5.08539167886315813 52.08155178520780026, 5.08759921977336926 52.08263577027213387, 5.09454648622858208 52.08717438934368005, 5.09454648622858208 52.08717438934368005)))</t>
  </si>
  <si>
    <t>MultiPolygon (((5.27714700656556523 52.11945360030270535, 5.28152446963474187 52.1220838816610339, 5.28421051956727439 52.12287885125451936, 5.29053368034476712 52.11421263950560956, 5.28221305047571033 52.11208301872404292, 5.27756012200911062 52.11881894009963645, 5.27714700656556523 52.11945360030270535, 5.27714700656556523 52.11945360030270535)))</t>
  </si>
  <si>
    <t>MultiPolygon (((5.33126784399939702 52.12663020148616511, 5.31158320192200062 52.11414309073737172, 5.30645863564504161 52.11027146355066719, 5.29896577578234496 52.1117997075022501, 5.29459949059018964 52.11347397213425836, 5.30000276838905204 52.11437215974640225, 5.30472278578506273 52.11383368647243941, 5.30540958741972712 52.11418514429023219, 5.30395736920484318 52.12062070956044124, 5.30233677771105771 52.12328717590980176, 5.3058112745068744 52.12425554184298448, 5.30426950120160967 52.12636700540269885, 5.30223713851143774 52.12605765742050323, 5.30136559644170013 52.12772456448222158, 5.33064350405677168 52.13570333676605628, 5.33204894175613564 52.1337864398744415, 5.33385166177925196 52.13134535125021074, 5.33126784399939702 52.12663020148616511)))</t>
  </si>
  <si>
    <t>MultiPolygon (((5.30088287673526448 52.12759532431130083, 5.30223713851143774 52.12605765742050323, 5.30426950120160967 52.12636700540269885, 5.3058112745068744 52.12425554184298448, 5.30233677771105771 52.12328717590980176, 5.30395736920484318 52.12062070956044124, 5.30540958741972712 52.11418514429023219, 5.30472278578506273 52.11383368647243941, 5.30000276838905204 52.11437215974640225, 5.29459949059018964 52.11347397213425836, 5.29180323207487557 52.11453858706737208, 5.29053368034476712 52.11421263950560956, 5.28421051956727439 52.12287885125451936, 5.28259623734747219 52.12522478551025529, 5.29709346180327501 52.12524227457755899, 5.30005687437756379 52.12628002074873734, 5.2994204930252673 52.1272061468654897, 5.30088287673526448 52.12759532431130083, 5.30088287673526448 52.12759532431130083)))</t>
  </si>
  <si>
    <t>MultiPolygon (((5.27421308188074622 52.1237401492214687, 5.27964082812847746 52.12559995998722684, 5.28259623734747219 52.12522478551025529, 5.28421051956727439 52.12287885125451936, 5.28152446963474187 52.1220838816610339, 5.27714700656556523 52.11945360030270535, 5.27421308188074622 52.1237401492214687, 5.27421308188074622 52.1237401492214687)))</t>
  </si>
  <si>
    <t>MultiPolygon (((5.33631646192958353 52.14595091798732085, 5.33064350405677168 52.13570333676605628, 5.30136559644170013 52.12772456448222158, 5.29659476155822695 52.13094673047682193, 5.29213488057736559 52.13200307847608173, 5.29096811943522383 52.1334847689043599, 5.29065356430501055 52.1364382545623144, 5.29414262419852388 52.14062927137993597, 5.29980196970655459 52.1448697504215275, 5.291948041995167 52.14521960241158638, 5.30007329616535916 52.14508511327408513, 5.31767345460171192 52.14443526396356532, 5.33633535030932382 52.14604895850147415, 5.33631646192958353 52.14595091798732085)))</t>
  </si>
  <si>
    <t>MultiPolygon (((5.27317571718385203 52.14960912103662594, 5.27849379899621773 52.14577677551083212, 5.291948041995167 52.14521960241158638, 5.29980196970655459 52.1448697504215275, 5.29414262419852388 52.14062927137993597, 5.29065356430501055 52.1364382545623144, 5.29096811943522383 52.1334847689043599, 5.29213488057736559 52.13200307847608173, 5.29659476155822695 52.13094673047682193, 5.30136559644170013 52.12772456448222158, 5.30223713851143774 52.12605765742050323, 5.30088287673526448 52.12759532431130083, 5.2994204930252673 52.1272061468654897, 5.30005687437756379 52.12628002074873734, 5.29709346180327501 52.12524227457755899, 5.28259623734747219 52.12522478551025529, 5.27964082812847746 52.12559995998722684, 5.27421308188074622 52.1237401492214687, 5.27193611029807041 52.12704553313635358, 5.26410182113316871 52.12508006981091313, 5.25618335484964394 52.13637795306292588, 5.25526733095070497 52.13888523932339325, 5.25642188096325658 52.14405594532608035, 5.25638630495563053 52.14417184514019965, 5.27317571718385203 52.14960912103662594, 5.27317571718385203 52.14960912103662594)))</t>
  </si>
  <si>
    <t>MultiPolygon (((5.33633535030932382 52.14604895850147415, 5.31767345460171192 52.14443526396356532, 5.30007329616535916 52.14508511327408513, 5.30607622804325096 52.15087424220997292, 5.30607643456867262 52.15628593480445829, 5.30628003483998878 52.15681350942281114, 5.31245416476392407 52.15565035728481291, 5.31540866412373258 52.15681098404900951, 5.31753732816027025 52.16167127927251101, 5.33872028122415987 52.1600565103205227, 5.33633535030932382 52.14604895850147415)))</t>
  </si>
  <si>
    <t>MultiPolygon (((5.28527363602811739 52.15578494445625779, 5.28988079438892544 52.15805835608959029, 5.30238116337321941 52.15693639019350769, 5.30318917466657425 52.15761003820745145, 5.30600178573401315 52.15686776208317355, 5.30607643456867262 52.15628593480445829, 5.30607622804325096 52.15087424220997292, 5.30007329616535916 52.14508511327408513, 5.291948041995167 52.14521960241158638, 5.27849379899621773 52.14577677551083212, 5.27317571718385203 52.14960912103662594, 5.28527363602811739 52.15578494445625779, 5.28527363602811739 52.15578494445625779)))</t>
  </si>
  <si>
    <t>MultiPolygon (((5.34066287233501225 52.17817931074657167, 5.34432190383849903 52.17703759910787653, 5.34989762182119932 52.17560503923645143, 5.3490998178296465 52.17467801635076796, 5.34992543522728603 52.17385666812518963, 5.34850580228950889 52.17353066234850445, 5.34868372385273894 52.17295424536998638, 5.34731478777470226 52.17278490079349496, 5.34688372313429383 52.17167925191137101, 5.34761376693883417 52.17072882056771732, 5.34467359832096456 52.16362827023706927, 5.34348372560981844 52.16027054302771404, 5.33872028122415987 52.1600565103205227, 5.31753732816027025 52.16167127927251101, 5.31644241813271545 52.16293061232087069, 5.31756997385514296 52.16556906434804119, 5.31411881549050058 52.16850303523409593, 5.31424386592256948 52.17045338974749313, 5.3155023250699438 52.17268559657507154, 5.31718987649091446 52.17341520298008817, 5.32250699073220357 52.17922993991986402, 5.32093956662600043 52.1802156570920701, 5.32369656774127442 52.18258845925640088, 5.32670859508759786 52.18181101233769681, 5.33356362450922372 52.18317423892954565, 5.33643967224453153 52.18271764622142683, 5.34066287233501225 52.17817931074657167)))</t>
  </si>
  <si>
    <t>MultiPolygon (((5.30540695010518704 52.17056437766601107, 5.30878797481041254 52.168990621564447, 5.31084126525500189 52.16780464362226866, 5.31338271492039826 52.17071865557673505, 5.31424386592256948 52.17045338974749313, 5.31411881549050058 52.16850303523409593, 5.31756997385514296 52.16556906434804119, 5.31644241813271545 52.16293061232087069, 5.31753732816027025 52.16167127927251101, 5.31540866412373258 52.15681098404900951, 5.31245416476392407 52.15565035728481291, 5.30628003483998878 52.15681350942281114, 5.30607643456867262 52.15628593480445829, 5.30600178573401315 52.15686776208317355, 5.30318917466657425 52.15761003820745145, 5.30238116337321941 52.15693639019350769, 5.28988079438892544 52.15805835608959029, 5.29049786030991598 52.15861936787264597, 5.30289161651118146 52.16537442020599258, 5.30552482051365804 52.16710321487310154, 5.3046779527770207 52.1691631153421369, 5.30540695010518704 52.17056437766601107, 5.30540695010518704 52.17056437766601107)))</t>
  </si>
  <si>
    <t>MultiPolygon (((5.29063978751299135 52.16431093358373516, 5.29559167954593057 52.16669973769569424, 5.29908669702271684 52.16583410837942125, 5.29227484693441408 52.16389823875051945, 5.29063978751299135 52.16431093358373516, 5.29063978751299135 52.16431093358373516)))</t>
  </si>
  <si>
    <t>MultiPolygon (((5.29908669702271684 52.16583410837942125, 5.29970364286884532 52.16611650950371626, 5.30289161651118146 52.16537442020599258, 5.29049786030991598 52.15861936787264597, 5.28996207070385971 52.16083791410535042, 5.28855074133377911 52.16217106266209669, 5.28712273428331869 52.16191070410649644, 5.28457394835516947 52.16328296895903804, 5.28971789626650502 52.164946230132891, 5.29063978751299135 52.16431093358373516, 5.29227484693441408 52.16389823875051945, 5.29908669702271684 52.16583410837942125, 5.29908669702271684 52.16583410837942125)))</t>
  </si>
  <si>
    <t>MultiPolygon (((5.27811100639461728 52.16253194419604, 5.2838315605850239 52.16400660354906904, 5.28457394835516947 52.16328296895903804, 5.28712273428331869 52.16191070410649644, 5.28855074133377911 52.16217106266209669, 5.28996207070385971 52.16083791410535042, 5.29049786030991598 52.15861936787264597, 5.28988079438892544 52.15805835608959029, 5.28527363602811739 52.15578494445625779, 5.27399294557568066 52.16179026930670659, 5.27811100639461728 52.16253194419604, 5.27811100639461728 52.16253194419604)))</t>
  </si>
  <si>
    <t>MultiPolygon (((5.26444226959001416 52.16696656610403693, 5.2715398756757974 52.16968690883973636, 5.27811100639461728 52.16253194419604, 5.27399294557568066 52.16179026930670659, 5.2645790493441984 52.16672147999004494, 5.26444226959001416 52.16696656610403693, 5.26444226959001416 52.16696656610403693)))</t>
  </si>
  <si>
    <t>MultiPolygon (((5.27399294557568066 52.16179026930670659, 5.28527363602811739 52.15578494445625779, 5.27317571718385203 52.14960912103662594, 5.25638630495563053 52.14417184514019965, 5.25479395841348662 52.14951592273524739, 5.25099491587873324 52.1563396094151841, 5.24966638521761997 52.15875547196385043, 5.2543371063816906 52.15977789288916711, 5.25363782907438015 52.16092847602951821, 5.2645790493441984 52.16672147999004494, 5.27399294557568066 52.16179026930670659, 5.27399294557568066 52.16179026930670659)),((5.27828877297030896 52.17362215313728058, 5.28339033023792126 52.17139766644853438, 5.28971789626650502 52.164946230132891, 5.28457394835516947 52.16328296895903804, 5.2838315605850239 52.16400660354906904, 5.27811100639461728 52.16253194419604, 5.2715398756757974 52.16968690883973636, 5.27179581583287948 52.17148026993952925, 5.27772307869126767 52.17393106603159225, 5.27828877297030896 52.17362215313728058, 5.27828877297030896 52.17362215313728058)))</t>
  </si>
  <si>
    <t>MultiPolygon (((5.29155880830202285 52.17509076514196664, 5.29329997698696353 52.17294695532820725, 5.29343405668974309 52.17267615641300438, 5.29970364286884532 52.16611650950371626, 5.29908669702271684 52.16583410837942125, 5.29559167954593057 52.16669973769569424, 5.29063978751299135 52.16431093358373516, 5.28971789626650502 52.164946230132891, 5.28339033023792126 52.17139766644853438, 5.29155880830202285 52.17509076514196664, 5.29155880830202285 52.17509076514196664)))</t>
  </si>
  <si>
    <t>MultiPolygon (((5.29343405668974309 52.17267615641300438, 5.30294678395305041 52.16991470352193971, 5.30540695010518704 52.17056437766601107, 5.3046779527770207 52.1691631153421369, 5.30552482051365804 52.16710321487310154, 5.30289161651118146 52.16537442020599258, 5.29970364286884532 52.16611650950371626, 5.29343405668974309 52.17267615641300438, 5.29343405668974309 52.17267615641300438)))</t>
  </si>
  <si>
    <t>MultiPolygon (((5.30879181363975938 52.20454858981641166, 5.31066438080059378 52.20348381163866236, 5.31218346831562194 52.20424482191644699, 5.31362586419219518 52.20421917129747413, 5.31428202612757694 52.20302272780212149, 5.3093383503980256 52.19472878619438205, 5.31021662426022534 52.19201609344096227, 5.31164015095586795 52.19103543665188738, 5.31466806386491175 52.19158375892398993, 5.32068259686348455 52.19022142425364308, 5.32384458856935883 52.18849546502056569, 5.32465168135686628 52.18728870182789592, 5.32369656774127442 52.18258845925640088, 5.32093956662600043 52.1802156570920701, 5.32250699073220357 52.17922993991986402, 5.31718987649091446 52.17341520298008817, 5.3155023250699438 52.17268559657507154, 5.31278169599298877 52.17371203298510096, 5.30766663950630146 52.18049206603042478, 5.3071983253427959 52.18339354515818229, 5.31302740511613969 52.18616076884854493, 5.30716803942655879 52.19043226760371113, 5.30484773015462796 52.18960673700701847, 5.30294143619223757 52.18732933842274235, 5.30199610381143849 52.18774484577778594, 5.29726661708369662 52.19755723390090907, 5.30401779937461448 52.20001068502050146, 5.30879181363975938 52.20454858981641166)))</t>
  </si>
  <si>
    <t>MultiPolygon (((5.30110355253066867 52.18199697657202307, 5.30000862627761116 52.18412462037088062, 5.30199610381143849 52.18774484577778594, 5.30294143619223757 52.18732933842274235, 5.30484773015462796 52.18960673700701847, 5.30716803942655879 52.19043226760371113, 5.31302740511613969 52.18616076884854493, 5.3071983253427959 52.18339354515818229, 5.30766663950630146 52.18049206603042478, 5.31278169599298877 52.17371203298510096, 5.3155023250699438 52.17268559657507154, 5.31424386592256948 52.17045338974749313, 5.31338271492039826 52.17071865557673505, 5.31084126525500189 52.16780464362226866, 5.30878797481041254 52.168990621564447, 5.31036183271448881 52.17138713903506186, 5.30975493181477631 52.1743448059957089, 5.30297322357881029 52.17967380363796082, 5.30110355253066867 52.18199697657202307, 5.30110355253066867 52.18199697657202307)))</t>
  </si>
  <si>
    <t>MultiPolygon (((5.29368861175090899 52.17923257223971234, 5.29153498276088818 52.18122189755811036, 5.30110355253066867 52.18199697657202307, 5.30297322357881029 52.17967380363796082, 5.30975493181477631 52.1743448059957089, 5.31036183271448881 52.17138713903506186, 5.30878797481041254 52.168990621564447, 5.30540695010518704 52.17056437766601107, 5.30294678395305041 52.16991470352193971, 5.29343405668974309 52.17267615641300438, 5.29329997698696353 52.17294695532820725, 5.29824165173102823 52.17615885571587597, 5.29368861175090899 52.17923257223971234, 5.29368861175090899 52.17923257223971234)))</t>
  </si>
  <si>
    <t>MultiPolygon (((5.29232725846577257 52.17821449350842045, 5.29368861175090899 52.17923257223971234, 5.29824165173102823 52.17615885571587597, 5.29329997698696353 52.17294695532820725, 5.29155880830202285 52.17509076514196664, 5.28941611927848854 52.17645084072197648, 5.29232725846577257 52.17821449350842045, 5.29232725846577257 52.17821449350842045)))</t>
  </si>
  <si>
    <t>MultiPolygon (((5.2666620542501974 52.17417652746449619, 5.27042991958210383 52.17583814823691313, 5.27236256174506668 52.17656467307307366, 5.27772307869126767 52.17393106603159225, 5.27179581583287948 52.17148026993952925, 5.26714002186330976 52.17122157392776671, 5.26474590850003388 52.17349991486931771, 5.2666620542501974 52.17417652746449619, 5.2666620542501974 52.17417652746449619)))</t>
  </si>
  <si>
    <t>MultiPolygon (((5.26277362434561713 52.17870440431700274, 5.26668357189986658 52.18124732142703692, 5.27048459873480901 52.17756122716658496, 5.27042991958210383 52.17583814823691313, 5.2666620542501974 52.17417652746449619, 5.26545269729383492 52.17531358783169537, 5.26259584151400084 52.17410928593531594, 5.25916876377988007 52.17684495577405812, 5.26277362434561713 52.17870440431700274, 5.26277362434561713 52.17870440431700274)))</t>
  </si>
  <si>
    <t>MultiPolygon (((5.25723026213582489 52.1808698133709683, 5.26277362434561713 52.17870440431700274, 5.25916876377988007 52.17684495577405812, 5.26259584151400084 52.17410928593531594, 5.26545269729383492 52.17531358783169537, 5.2666620542501974 52.17417652746449619, 5.26474590850003388 52.17349991486931771, 5.26714002186330976 52.17122157392776671, 5.27179581583287948 52.17148026993952925, 5.2715398756757974 52.16968690883973636, 5.26444226959001416 52.16696656610403693, 5.2500708109379044 52.17471640438623837, 5.24925986432041469 52.17573006833154636, 5.25723026213582489 52.1808698133709683, 5.25723026213582489 52.1808698133709683)))</t>
  </si>
  <si>
    <t>MultiPolygon (((5.24317262813961715 52.17007641732889311, 5.24695678091523288 52.17422579176101038, 5.24925986432041469 52.17573006833154636, 5.2500708109379044 52.17471640438623837, 5.26444226959001416 52.16696656610403693, 5.2645790493441984 52.16672147999004494, 5.25363782907438015 52.16092847602951821, 5.2543371063816906 52.15977789288916711, 5.24966638521761997 52.15875547196385043, 5.24317262813961715 52.17007641732889311, 5.24317262813961715 52.17007641732889311)))</t>
  </si>
  <si>
    <t>MultiPolygon (((5.28448936854042728 52.17837207578414649, 5.28941611927848854 52.17645084072197648, 5.29155880830202285 52.17509076514196664, 5.28339033023792126 52.17139766644853438, 5.27828877297030896 52.17362215313728058, 5.28448936854042728 52.17837207578414649, 5.28448936854042728 52.17837207578414649)))</t>
  </si>
  <si>
    <t>MultiPolygon (((5.29711927207671351 52.19750395762166306, 5.29726661708369662 52.19755723390090907, 5.30199610381143849 52.18774484577778594, 5.30000862627761116 52.18412462037088062, 5.30110355253066867 52.18199697657202307, 5.29153498276088818 52.18122189755811036, 5.29368861175090899 52.17923257223971234, 5.29232725846577257 52.17821449350842045, 5.28798286230890202 52.18067626780793233, 5.28477234319698663 52.18449285270816773, 5.28146430099240227 52.19019380382696482, 5.28245309108338379 52.19034849643833951, 5.28158293907254617 52.19260846639472362, 5.2823350875292121 52.19286099426454228, 5.28249891851592146 52.19207419701732675, 5.29711927207671351 52.19750395762166306, 5.29711927207671351 52.19750395762166306)))</t>
  </si>
  <si>
    <t>MultiPolygon (((5.26208076732898977 52.18393862700636987, 5.27021551062797844 52.18852556962556832, 5.28158293907254617 52.19260846639472362, 5.28245309108338379 52.19034849643833951, 5.28146430099240227 52.19019380382696482, 5.28477234319698663 52.18449285270816773, 5.28798286230890202 52.18067626780793233, 5.29232725846577257 52.17821449350842045, 5.28941611927848854 52.17645084072197648, 5.28448936854042728 52.17837207578414649, 5.27316618747011834 52.18263310894305107, 5.26858404035275463 52.18347108854863592, 5.26515124527313638 52.18310372713216339, 5.26208076732898977 52.18393862700636987, 5.26208076732898977 52.18393862700636987)))</t>
  </si>
  <si>
    <t>MultiPolygon (((5.25723026213582489 52.1808698133709683, 5.26208076732898977 52.18393862700636987, 5.26515124527313638 52.18310372713216339, 5.26858404035275463 52.18347108854863592, 5.27316618747011834 52.18263310894305107, 5.28448936854042728 52.17837207578414649, 5.27828877297030896 52.17362215313728058, 5.27772307869126767 52.17393106603159225, 5.27236256174506668 52.17656467307307366, 5.27042991958210383 52.17583814823691313, 5.27048459873480901 52.17756122716658496, 5.26668357189986658 52.18124732142703692, 5.26277362434561713 52.17870440431700274, 5.25723026213582489 52.1808698133709683, 5.25723026213582489 52.1808698133709683)))</t>
  </si>
  <si>
    <t>MultiPolygon (((5.49420167441201279 51.99490106016983759, 5.49272864835985875 51.99199857563098703, 5.4966048903646243 51.99110190443104784, 5.49555715732806593 51.98916317474712656, 5.49239389192528549 51.99006901303845751, 5.49071329597421975 51.9862114061481364, 5.49032913078051266 51.98514577271988912, 5.48592121682275558 51.98615414228166998, 5.48055513228408842 51.98874798512675, 5.47925918095869058 51.99019954193147441, 5.48030068374101109 51.99109403578484745, 5.48459472380478896 51.9877595745044303, 5.48608418635246231 51.99085263284744229, 5.48529383451523245 51.99096502742763448, 5.49089771851420494 51.99656105323831667, 5.49287472598980653 51.99609462170214869, 5.49420167441201279 51.99490106016983759, 5.49420167441201279 51.99490106016983759)))</t>
  </si>
  <si>
    <t>MultiPolygon (((5.49071329597421975 51.9862114061481364, 5.49239389192528549 51.99006901303845751, 5.49555715732806593 51.98916317474712656, 5.49814771554979931 51.98888634524699626, 5.49620512112182702 51.98596831378571892, 5.49071329597421975 51.9862114061481364, 5.49071329597421975 51.9862114061481364)))</t>
  </si>
  <si>
    <t>MultiPolygon (((5.49555715732806593 51.98916317474712656, 5.4966048903646243 51.99110190443104784, 5.49889801017772584 51.99063593918506143, 5.50057375073820687 51.99305395850752376, 5.50775842630341117 51.99135082809138453, 5.50629426431172142 51.98722552112463546, 5.50860629872256524 51.98556294804522793, 5.5016534939571482 51.98340367950503804, 5.49004521146560975 51.98465356944771543, 5.49032913078051266 51.98514577271988912, 5.49071329597421975 51.9862114061481364, 5.49620512112182702 51.98596831378571892, 5.49814771554979931 51.98888634524699626, 5.49555715732806593 51.98916317474712656, 5.49555715732806593 51.98916317474712656)))</t>
  </si>
  <si>
    <t>MultiPolygon (((5.5016534939571482 51.98340367950503804, 5.50860629872256524 51.98556294804522793, 5.51762995026625092 51.98161101940588935, 5.51898484121630339 51.97953587317437041, 5.51851640450512271 51.97896957929003037, 5.50364682162629304 51.98228923386908207, 5.5016534939571482 51.98340367950503804, 5.5016534939571482 51.98340367950503804)))</t>
  </si>
  <si>
    <t>MultiPolygon (((5.48055513228408842 51.98874798512675, 5.48592121682275558 51.98615414228166998, 5.49032913078051266 51.98514577271988912, 5.49004521146560975 51.98465356944771543, 5.5016534939571482 51.98340367950503804, 5.50364682162629304 51.98228923386908207, 5.51851640450512271 51.97896957929003037, 5.51898484121630339 51.97953587317437041, 5.52168404908555033 51.97973180765654178, 5.52523798335324834 51.97770890230309959, 5.52554127739790424 51.97657391335086174, 5.52557421718336261 51.97653771776688814, 5.52612022455937346 51.97473402957295008, 5.52383828309879643 51.97359993284877078, 5.52132710680904015 51.97396098005505394, 5.51882956276479586 51.97157361302661371, 5.51822213276473317 51.97169339015953682, 5.51097936329219174 51.97364322608861187, 5.50075100511334192 51.97859204672691646, 5.48621400456304809 51.9838264431858903, 5.47766449953155998 51.9834726714573776, 5.4778498173872201 51.9876917115157724, 5.48055513228408842 51.98874798512675, 5.48055513228408842 51.98874798512675)))</t>
  </si>
  <si>
    <t>MultiPolygon (((5.50788690004471615 52.01231110931110635, 5.5260438597599677 52.0107145546463201, 5.52892078876383497 52.00846476679986807, 5.53328403737649399 52.00806323699677591, 5.5383056489710869 52.00626544480062563, 5.54049515803158243 52.00456400063003315, 5.5400880799983705 52.00299787692200226, 5.54260915546029853 51.99992854662993125, 5.54527851980097264 51.99779850518085311, 5.54453711795346571 51.99701522839851719, 5.52836471825463871 51.99845451859258816, 5.51678576281906352 51.99065672617627598, 5.53568749748221833 51.97884210275289973, 5.52554127739790424 51.97657391335086174, 5.52523798335324834 51.97770890230309959, 5.52168404908555033 51.97973180765654178, 5.51898484121630339 51.97953587317437041, 5.51762995026625092 51.98161101940588935, 5.50860629872256524 51.98556294804522793, 5.50629426431172142 51.98722552112463546, 5.50775842630341117 51.99135082809138453, 5.50057375073820687 51.99305395850752376, 5.49889801017772584 51.99063593918506143, 5.4966048903646243 51.99110190443104784, 5.49272864835985875 51.99199857563098703, 5.49420167441201279 51.99490106016983759, 5.50788690004471615 52.01231110931110635, 5.50788690004471615 52.01231110931110635)))</t>
  </si>
  <si>
    <t>MultiPolygon (((5.54527851980097264 51.99779850518085311, 5.55061649638342036 51.99556327223483976, 5.55029191901698127 51.99485287465716965, 5.55163260808795211 51.99426709117051359, 5.55272032203863297 51.99477467261534258, 5.55791851118981572 51.99206213827160639, 5.55693535912016934 51.99054869465728501, 5.56007093365685279 51.98694258778949262, 5.55913126547618219 51.98319555104336587, 5.559808192802425 51.97901699235477935, 5.56444993405093946 51.97980536692399767, 5.56504866445725987 51.97743427171401009, 5.56332968377554415 51.97001887458080205, 5.56610460689138442 51.9692606394712584, 5.56613916343978854 51.96862295169325563, 5.56189398844733862 51.9642167924782612, 5.56019861884419164 51.96481594743547561, 5.55812643457362476 51.9636959929212594, 5.55704954889270031 51.96218024524370804, 5.55454927464111314 51.96288834733073259, 5.55419499750321588 51.96403678997032927, 5.55177517760586348 51.96554592290929264, 5.54396878602073873 51.96945634251282797, 5.54107881690810622 51.96868504641749098, 5.53875276366101765 51.96924472811647888, 5.54181982075732193 51.97210117292561904, 5.54142978398571007 51.97348735920626694, 5.53790573120275376 51.97438537760942978, 5.53581914449231949 51.97385547580559262, 5.53287565356556854 51.97643473801984015, 5.52590673829313683 51.97617432590099895, 5.52557421718336261 51.97653771776688814, 5.52554127739790424 51.97657391335086174, 5.53568749748221833 51.97884210275289973, 5.51678576281906352 51.99065672617627598, 5.52836471825463871 51.99845451859258816, 5.54453711795346571 51.99701522839851719, 5.54527851980097264 51.99779850518085311, 5.54527851980097264 51.99779850518085311)))</t>
  </si>
  <si>
    <t>MultiPolygon (((5.52590673829313683 51.97617432590099895, 5.53287565356556854 51.97643473801984015, 5.53581914449231949 51.97385547580559262, 5.53790573120275376 51.97438537760942978, 5.54142978398571007 51.97348735920626694, 5.54181982075732193 51.97210117292561904, 5.53875276366101765 51.96924472811647888, 5.53072550641141625 51.97045264810390108, 5.53111930065841584 51.97166911453130922, 5.52590673829313683 51.97617432590099895, 5.52590673829313683 51.97617432590099895)))</t>
  </si>
  <si>
    <t>MultiPolygon (((5.52557421718336261 51.97653771776688814, 5.52590673829313683 51.97617432590099895, 5.53111930065841584 51.97166911453130922, 5.53072550641141625 51.97045264810390108, 5.53875276366101765 51.96924472811647888, 5.54107881690810622 51.96868504641749098, 5.54396878602073873 51.96945634251282797, 5.55177517760586348 51.96554592290929264, 5.55419499750321588 51.96403678997032927, 5.55454927464111314 51.96288834733073259, 5.55704954889270031 51.96218024524370804, 5.56066217298733001 51.95995680920230342, 5.56217388880483821 51.958801550708408, 5.56250218331149959 51.95737694870632595, 5.56429969135418556 51.95589810798553287, 5.56758782567302468 51.95542248278996311, 5.56888167175140492 51.95639226003853395, 5.57666431198345336 51.95492620534820105, 5.57771351304904695 51.95469571246059814, 5.5775631649713775 51.95415412324903315, 5.58580050608638601 51.95181059695887171, 5.59776995606389871 51.95062450069776361, 5.60189417555376856 51.95086629962413127, 5.60614364295658874 51.95252141693654124, 5.60839032258075409 51.95482514574020882, 5.61642793358686454 51.9493535448183863, 5.6059396471888796 51.94312478453367987, 5.60391108457200993 51.94388327203181888, 5.59273655793815205 51.94918255946577546, 5.58661658699287411 51.95082894784525251, 5.57557437843468406 51.95282655129930305, 5.56125250915597125 51.9545017932284523, 5.55693377646277842 51.95571102430803023, 5.54956107407951471 51.95919689303178757, 5.54020813362950815 51.96728150698737636, 5.53752048447650136 51.96828532762084052, 5.52711303506296581 51.97021906657453627, 5.51882956276479586 51.97157361302661371, 5.52132710680904015 51.97396098005505394, 5.52383828309879643 51.97359993284877078, 5.52612022455937346 51.97473402957295008, 5.52557421718336261 51.97653771776688814, 5.52557421718336261 51.97653771776688814)))</t>
  </si>
  <si>
    <t>MultiPolygon (((5.58237500580081836 51.97377988754902844, 5.58575439593277245 51.97197143518236118, 5.5859914439580205 51.9709113578429367, 5.58448788093411608 51.96961929530424129, 5.58042887137488552 51.9710626967668361, 5.58098078380221274 51.97322851220499018, 5.58237500580081836 51.97377988754902844, 5.58237500580081836 51.97377988754902844)))</t>
  </si>
  <si>
    <t>MultiPolygon (((5.5859914439580205 51.9709113578429367, 5.58575439593277245 51.97197143518236118, 5.58849991532353396 51.97233958660400077, 5.59022074721859052 51.97130789541206752, 5.58955096491661685 51.97043410662043073, 5.5859914439580205 51.9709113578429367, 5.5859914439580205 51.9709113578429367)))</t>
  </si>
  <si>
    <t>MultiPolygon (((5.58237500580081836 51.97377988754902844, 5.58393087545143718 51.97460828897849439, 5.5882984375424245 51.9749503135604769, 5.5957681100894785 51.97191743718963863, 5.59540997308815236 51.97073193295152294, 5.58955096491661685 51.97043410662043073, 5.59022074721859052 51.97130789541206752, 5.58849991532353396 51.97233958660400077, 5.58575439593277245 51.97197143518236118, 5.58237500580081836 51.97377988754902844, 5.58237500580081836 51.97377988754902844)))</t>
  </si>
  <si>
    <t>MultiPolygon (((5.58948874276896479 52.00945552297959296, 5.59111270038971409 52.00730147351121957, 5.59080813066480342 52.003024802492547, 5.59199767200507836 52.00139229151771758, 5.59655630553853545 51.99920153906161602, 5.60251501382359862 51.99499782843916762, 5.60601701365000071 51.99416435128994607, 5.60997226531022353 51.99369153343737082, 5.61381280498901436 51.9903427805872127, 5.61505995804644442 51.9827169408528178, 5.61988831317985671 51.97771034570148885, 5.62606419331457808 51.97407006365344273, 5.62485568907074818 51.9704483647770914, 5.62025822766395589 51.96658232589911108, 5.62321355376037157 51.96256473973777901, 5.6264951881476799 51.95736574445397338, 5.62730856198783336 51.95247330479939052, 5.625027437331374 51.95161482976941159, 5.6234464798640369 51.95194555960161154, 5.62016249455282324 51.9514981112139651, 5.62043726903860996 51.9483247811176696, 5.61642793358686454 51.9493535448183863, 5.60839032258075409 51.95482514574020882, 5.60805308717764195 51.95751716298313738, 5.60219995542376115 51.96183022455341671, 5.59310951770550613 51.96543564525859438, 5.58873210601123116 51.96630473641248216, 5.5868135225956852 51.96800229850777697, 5.58448788093411608 51.96961929530424129, 5.5859914439580205 51.9709113578429367, 5.58955096491661685 51.97043410662043073, 5.59540997308815236 51.97073193295152294, 5.5957681100894785 51.97191743718963863, 5.5882984375424245 51.9749503135604769, 5.58393087545143718 51.97460828897849439, 5.58055888824151225 51.97530473628010839, 5.57408286671505859 51.98118285801443506, 5.57349836550032318 51.98094676275068338, 5.56567046602563931 51.99373808357861293, 5.56457393685674262 51.99303124124707409, 5.55722077987036389 51.99709557456354503, 5.55651826477953836 51.99929831218917542, 5.5544298256850988 52.00018214093044122, 5.55804505697498819 52.00363201968052351, 5.56135318910906395 52.00185281986128416, 5.57047857589591811 51.99695835632494578, 5.57324490912503823 51.99876606977769455, 5.58208815873256281 52.00447539342280834, 5.58948874276896479 52.00945552297959296)))</t>
  </si>
  <si>
    <t>MultiPolygon (((5.51102263839283246 52.01642027895870513, 5.51259217339545682 52.01851609710708857, 5.5246470286378786 52.01448980422270552, 5.53345534352239721 52.01237358688602086, 5.53236600891124741 52.01090012610956137, 5.53669047688061866 52.00831980517260433, 5.53918380315777359 52.00740798158206246, 5.5383056489710869 52.00626544480062563, 5.53328403737649399 52.00806323699677591, 5.52892078876383497 52.00846476679986807, 5.5260438597599677 52.0107145546463201, 5.50788690004471615 52.01231110931110635, 5.51102263839283246 52.01642027895870513)))</t>
  </si>
  <si>
    <t>MultiPolygon (((5.54049515803158243 52.00456400063003315, 5.54547861250946994 52.00161936416943576, 5.54260915546029853 51.99992854662993125, 5.5400880799983705 52.00299787692200226, 5.54049515803158243 52.00456400063003315, 5.54049515803158243 52.00456400063003315)))</t>
  </si>
  <si>
    <t>MultiPolygon (((5.53918380315777359 52.00740798158206246, 5.54023502854139505 52.0070211339507793, 5.54833664396664261 52.0016470100378001, 5.55322924075694235 51.99903084077889304, 5.55174286864021393 51.99723064133883099, 5.55240391632838293 51.99688833544495736, 5.55061649638342036 51.99556327223483976, 5.54527851980097264 51.99779850518085311, 5.54260915546029853 51.99992854662993125, 5.54547861250946994 52.00161936416943576, 5.54049515803158243 52.00456400063003315, 5.5383056489710869 52.00626544480062563, 5.53918380315777359 52.00740798158206246)))</t>
  </si>
  <si>
    <t>MultiPolygon (((5.55322924075694235 51.99903084077889304, 5.5544298256850988 52.00018214093044122, 5.55651826477953836 51.99929831218917542, 5.55722077987036389 51.99709557456354503, 5.56457393685674262 51.99303124124707409, 5.56567046602563931 51.99373808357861293, 5.57349836550032318 51.98094676275068338, 5.57408286671505859 51.98118285801443506, 5.58055888824151225 51.97530473628010839, 5.58393087545143718 51.97460828897849439, 5.58237500580081836 51.97377988754902844, 5.58098078380221274 51.97322851220499018, 5.58042887137488552 51.9710626967668361, 5.58448788093411608 51.96961929530424129, 5.5868135225956852 51.96800229850777697, 5.58205010877804408 51.96497271691641373, 5.57931868507498585 51.96462830973465685, 5.57914197151232649 51.96465577888337606, 5.57953108889259841 51.96653361581180519, 5.57636701589842332 51.96969312058052282, 5.56740661007976723 51.97251433544382593, 5.56738296349656725 51.97558869982034935, 5.56504866445725987 51.97743427171401009, 5.56444993405093946 51.97980536692399767, 5.559808192802425 51.97901699235477935, 5.55913126547618219 51.98319555104336587, 5.56007093365685279 51.98694258778949262, 5.55693535912016934 51.99054869465728501, 5.55791851118981572 51.99206213827160639, 5.55272032203863297 51.99477467261534258, 5.55163260808795211 51.99426709117051359, 5.55029191901698127 51.99485287465716965, 5.55061649638342036 51.99556327223483976, 5.55240391632838293 51.99688833544495736, 5.55174286864021393 51.99723064133883099, 5.55322924075694235 51.99903084077889304, 5.55322924075694235 51.99903084077889304)))</t>
  </si>
  <si>
    <t>MultiPolygon (((5.58205010877804408 51.96497271691641373, 5.5868135225956852 51.96800229850777697, 5.58873210601123116 51.96630473641248216, 5.59310951770550613 51.96543564525859438, 5.60219995542376115 51.96183022455341671, 5.60805308717764195 51.95751716298313738, 5.60839032258075409 51.95482514574020882, 5.60614364295658874 51.95252141693654124, 5.60189417555376856 51.95086629962413127, 5.59776995606389871 51.95062450069776361, 5.58580050608638601 51.95181059695887171, 5.58566380376084037 51.95265691644964079, 5.5831093659436517 51.95310909716213388, 5.58420873673351537 51.95561250251633822, 5.58264812947433331 51.95725848947306957, 5.58349266574824465 51.95803078093131688, 5.58153420428031577 51.96159930407505811, 5.58313971442296975 51.96457204401514218, 5.58205010877804408 51.96497271691641373, 5.58205010877804408 51.96497271691641373)))</t>
  </si>
  <si>
    <t>MultiPolygon (((5.56610460689138442 51.9692606394712584, 5.56332968377554415 51.97001887458080205, 5.56504866445725987 51.97743427171401009, 5.56738296349656725 51.97558869982034935, 5.56740661007976723 51.97251433544382593, 5.57636701589842332 51.96969312058052282, 5.57953108889259841 51.96653361581180519, 5.57914197151232649 51.96465577888337606, 5.57899904784001688 51.96467799742964644, 5.57571965470485598 51.96762177613866385, 5.57328057577237601 51.9677546167252089, 5.57384881205428773 51.96825794608266591, 5.57317372099544528 51.96868391966937395, 5.56837824822805771 51.97022500253812893, 5.56628335287089548 51.97005745489170181, 5.56610460689138442 51.9692606394712584, 5.56610460689138442 51.9692606394712584)))</t>
  </si>
  <si>
    <t>MultiPolygon (((5.56613916343978854 51.96862295169325563, 5.56610460689138442 51.9692606394712584, 5.56628335287089548 51.97005745489170181, 5.56837824822805771 51.97022500253812893, 5.57317372099544528 51.96868391966937395, 5.57384881205428773 51.96825794608266591, 5.57328057577237601 51.9677546167252089, 5.5691283933107707 51.96506752754483927, 5.56840458679680506 51.96324659375551391, 5.56626857921526152 51.96517152344084423, 5.56613916343978854 51.96862295169325563, 5.56613916343978854 51.96862295169325563)))</t>
  </si>
  <si>
    <t>MultiPolygon (((5.57328057577237601 51.9677546167252089, 5.57571965470485598 51.96762177613866385, 5.57899904784001688 51.96467799742964644, 5.57443753753137816 51.96023144060894339, 5.57189425659405568 51.95978559470092506, 5.56951485080690389 51.9603386421225224, 5.56840458679680506 51.96324659375551391, 5.5691283933107707 51.96506752754483927, 5.57328057577237601 51.9677546167252089, 5.57328057577237601 51.9677546167252089)))</t>
  </si>
  <si>
    <t>MultiPolygon (((5.56613916343978854 51.96862295169325563, 5.56626857921526152 51.96517152344084423, 5.56411091515816825 51.96296627085996533, 5.56189398844733862 51.9642167924782612, 5.56613916343978854 51.96862295169325563, 5.56613916343978854 51.96862295169325563)))</t>
  </si>
  <si>
    <t>MultiPolygon (((5.56189398844733862 51.9642167924782612, 5.56411091515816825 51.96296627085996533, 5.56066217298733001 51.95995680920230342, 5.55704954889270031 51.96218024524370804, 5.55812643457362476 51.9636959929212594, 5.56019861884419164 51.96481594743547561, 5.56189398844733862 51.9642167924782612, 5.56189398844733862 51.9642167924782612)))</t>
  </si>
  <si>
    <t>MultiPolygon (((5.56411091515816825 51.96296627085996533, 5.56626857921526152 51.96517152344084423, 5.56840458679680506 51.96324659375551391, 5.56951485080690389 51.9603386421225224, 5.5689400828360327 51.95894505870683133, 5.56404446588136814 51.95988265739948986, 5.56217388880483821 51.958801550708408, 5.56066217298733001 51.95995680920230342, 5.56411091515816825 51.96296627085996533, 5.56411091515816825 51.96296627085996533)))</t>
  </si>
  <si>
    <t>MultiPolygon (((5.57899904784001688 51.96467799742964644, 5.57914197151232649 51.96465577888337606, 5.57931868507498585 51.96462830973465685, 5.57754362039412221 51.95785676601806102, 5.57231158822906547 51.95806961845327976, 5.56951032558808823 51.95725048404194979, 5.5689400828360327 51.95894505870683133, 5.56951485080690389 51.9603386421225224, 5.57189425659405568 51.95978559470092506, 5.57443753753137816 51.96023144060894339, 5.57899904784001688 51.96467799742964644, 5.57899904784001688 51.96467799742964644)))</t>
  </si>
  <si>
    <t>MultiPolygon (((5.57931868507498585 51.96462830973465685, 5.58205010877804408 51.96497271691641373, 5.58313971442296975 51.96457204401514218, 5.58153420428031577 51.96159930407505811, 5.58349266574824465 51.95803078093131688, 5.58264812947433331 51.95725848947306957, 5.57754362039412221 51.95785676601806102, 5.57931868507498585 51.96462830973465685, 5.57931868507498585 51.96462830973465685)))</t>
  </si>
  <si>
    <t>MultiPolygon (((5.57754362039412221 51.95785676601806102, 5.58264812947433331 51.95725848947306957, 5.58420873673351537 51.95561250251633822, 5.58312498235129073 51.95599857136262756, 5.57784493826158734 51.95531014758154953, 5.57771351304904695 51.95469571246059814, 5.57666431198345336 51.95492620534820105, 5.57754362039412221 51.95785676601806102, 5.57754362039412221 51.95785676601806102)))</t>
  </si>
  <si>
    <t>MultiPolygon (((5.57771351304904695 51.95469571246059814, 5.57784493826158734 51.95531014758154953, 5.58312498235129073 51.95599857136262756, 5.58420873673351537 51.95561250251633822, 5.5831093659436517 51.95310909716213388, 5.58566380376084037 51.95265691644964079, 5.58580050608638601 51.95181059695887171, 5.5775631649713775 51.95415412324903315, 5.57771351304904695 51.95469571246059814, 5.57771351304904695 51.95469571246059814)))</t>
  </si>
  <si>
    <t>MultiPolygon (((5.56951032558808823 51.95725048404194979, 5.57231158822906547 51.95806961845327976, 5.57754362039412221 51.95785676601806102, 5.57666431198345336 51.95492620534820105, 5.56888167175140492 51.95639226003853395, 5.56951032558808823 51.95725048404194979, 5.56951032558808823 51.95725048404194979)))</t>
  </si>
  <si>
    <t>MultiPolygon (((5.56217388880483821 51.958801550708408, 5.56404446588136814 51.95988265739948986, 5.5689400828360327 51.95894505870683133, 5.56951032558808823 51.95725048404194979, 5.56888167175140492 51.95639226003853395, 5.56758782567302468 51.95542248278996311, 5.56429969135418556 51.95589810798553287, 5.56250218331149959 51.95737694870632595, 5.56217388880483821 51.958801550708408, 5.56217388880483821 51.958801550708408)))</t>
  </si>
  <si>
    <t>MultiPolygon (((5.55034258754904197 52.10541954247421614, 5.55306346906519099 52.10095400651247388, 5.55423579180006133 52.10015121957417961, 5.55054242132019127 52.09667636262154389, 5.55442927028399946 52.09539191800999447, 5.55443492524404814 52.09346863235943204, 5.55586954037188008 52.09181954590388131, 5.55471811501248869 52.09149839348846456, 5.55492735254815617 52.08651028024323892, 5.55590959486708336 52.08711769990498652, 5.55705303798683392 52.08686729350797151, 5.55741832073170361 52.08617813771875404, 5.55668725944152531 52.0854827626656558, 5.56075388164219753 52.08421068914028496, 5.56071077955129045 52.08141286358387134, 5.56274619363211897 52.07827798419506138, 5.5614435131986486 52.07328629588703706, 5.56031386307348985 52.07215269357759269, 5.55921055927358232 52.07103370132988829, 5.56072934808300712 52.06750149646015302, 5.5579032858263302 52.04886511938732241, 5.5578176233049108 52.04865268137309187, 5.55452365125672376 52.04920867301598975, 5.54463954206642384 52.04937330660506944, 5.54086246905683044 52.04281485645386596, 5.53881868769594554 52.0412648052610507, 5.53540983974572853 52.04147781784970306, 5.53164156349294078 52.03985634168350316, 5.53142014470314347 52.03946881250773515, 5.52934788060770455 52.04020242794452855, 5.5259989004269725 52.04136897639524761, 5.51643087760204853 52.04776380198996577, 5.51568124290154049 52.0541911521476095, 5.51299541583034269 52.05511367104496401, 5.49787596276079071 52.05701820975252048, 5.49557476841492853 52.07096348939230523, 5.49612804529045285 52.07167793342414086, 5.49988244652258818 52.07133520561436768, 5.50209237315024424 52.07334520646256948, 5.50458437840278236 52.07334962222680019, 5.50492279875723867 52.07598896963344259, 5.50500328973672826 52.07674231073931281, 5.50683665692208635 52.07674833430229455, 5.50911297639758235 52.07697703554335789, 5.51036077746361208 52.0780550032414169, 5.50992265132536296 52.07905017747687282, 5.51445332317729342 52.07879532634680686, 5.51941392938497533 52.07920684887629648, 5.52035723713369464 52.07830769918965785, 5.52265441322460315 52.07754211754581064, 5.52689625726955214 52.0806799026122107, 5.53114218791942935 52.0822795302981234, 5.53130607811836938 52.08393924218869131, 5.5266341740811642 52.08490339975985961, 5.53085607438143967 52.08977438821305128, 5.53711848063364442 52.08864381094078055, 5.53829393464129893 52.09268972889172034, 5.53507919007590665 52.09287462350515341, 5.53883067404643192 52.0964361850112283, 5.53916018144127076 52.0978137056963817, 5.5328169498231512 52.09998388170576789, 5.53154329347156448 52.10226696037967997, 5.54153992529122519 52.1037370965660287, 5.54401263674061529 52.10194889833950072, 5.54630219737596075 52.10244363730843276, 5.54529179211463408 52.10439004173601774, 5.55034258754904197 52.10541954247421614),(5.53248129441436287 52.07881307774074742, 5.53088306748985747 52.07579078410910967, 5.53001014059243889 52.07037406840611737, 5.53308084586858584 52.07003225957726755, 5.53541013677922322 52.07070824890669769, 5.54152522509998136 52.06953594200570734, 5.54129640260209921 52.06833802087636087, 5.54260650836775337 52.06769196572951586, 5.54761845715083268 52.06802594376617321, 5.55017279938485508 52.07035652254420199, 5.54981121554932244 52.07119207081511547, 5.54735321463165931 52.07209789988464621, 5.55040111398459768 52.074405329609327, 5.53963439471769448 52.07699849895251987, 5.53877262078211885 52.07753608569469606, 5.54059923096617712 52.07752922772750992, 5.540732788840673 52.07827345153837229, 5.53865807211057071 52.08027615151974743, 5.53248129441436287 52.07881307774074742)))</t>
  </si>
  <si>
    <t>MultiPolygon (((5.53865807211057071 52.08027615151974743, 5.540732788840673 52.07827345153837229, 5.54059923096617712 52.07752922772750992, 5.53877262078211885 52.07753608569469606, 5.53963439471769448 52.07699849895251987, 5.55040111398459768 52.074405329609327, 5.54735321463165931 52.07209789988464621, 5.54981121554932244 52.07119207081511547, 5.55017279938485508 52.07035652254420199, 5.54761845715083268 52.06802594376617321, 5.54260650836775337 52.06769196572951586, 5.54129640260209921 52.06833802087636087, 5.54152522509998136 52.06953594200570734, 5.53541013677922322 52.07070824890669769, 5.53308084586858584 52.07003225957726755, 5.53001014059243889 52.07037406840611737, 5.53088306748985747 52.07579078410910967, 5.53248129441436287 52.07881307774074742, 5.53865807211057071 52.08027615151974743, 5.53865807211057071 52.08027615151974743)))</t>
  </si>
  <si>
    <t>MultiPolygon (((4.94353373656391248 52.02535255529912206, 4.9438664857432375 52.0235210530531802, 4.94639416298455981 52.02384063612765175, 4.95814608083556596 52.03207596019822745, 4.96707529789597046 52.03652136043220366, 4.97075240256770723 52.0376101942757856, 4.97898975682617362 52.03807135978708232, 4.98313897984180088 52.02778455146023617, 4.99404625814016079 52.02974006292535591, 4.99519469744523814 52.02172038086970218, 4.99216215341570191 52.02103249076392899, 4.97725647829316831 52.0205266228983092, 4.95210329270900473 52.01676483671527507, 4.92004482554641154 52.01001400154110854, 4.91663864679947071 52.01341313658517151, 4.91774768859749489 52.01321669425266947, 4.90852319852203056 52.02277682866038333, 4.91339942446466704 52.02243083336043128, 4.91722406447471805 52.02283967766994977, 4.92760228299486247 52.02579283168170576, 4.93324244680804735 52.02997373284911475, 4.93810557417490248 52.03472355492521473, 4.94466954025486327 52.04017643915745595, 4.94646640078336208 52.04040703839172721, 4.95248807332670093 52.03307087969967171, 4.94519423748507503 52.02732160499671465, 4.94353373656391248 52.02535255529912206, 4.94353373656391248 52.02535255529912206)))</t>
  </si>
  <si>
    <t>MultiPolygon (((4.93504278037981425 52.03908072621841541, 4.94175481644013992 52.04278916678246247, 4.94466954025486327 52.04017643915745595, 4.93810557417490248 52.03472355492521473, 4.93481943043362836 52.03888965904887698, 4.93504278037981425 52.03908072621841541, 4.93504278037981425 52.03908072621841541)))</t>
  </si>
  <si>
    <t>MultiPolygon (((4.97839258108684479 52.03968646366080009, 4.97898975682617362 52.03807135978708232, 4.97075240256770723 52.0376101942757856, 4.96707529789597046 52.03652136043220366, 4.95814608083556596 52.03207596019822745, 4.94639416298455981 52.02384063612765175, 4.9438664857432375 52.0235210530531802, 4.94353373656391248 52.02535255529912206, 4.94519423748507503 52.02732160499671465, 4.95248807332670093 52.03307087969967171, 4.95329832743793297 52.03187394154678458, 4.95865752145781169 52.0346672706019362, 4.96730757349589602 52.03862261929305078, 4.97839258108684479 52.03968646366080009, 4.97839258108684479 52.03968646366080009)))</t>
  </si>
  <si>
    <t>MultiPolygon (((4.91481174467628446 52.04237780654274559, 4.92360944673430811 52.0379885375803326, 4.92660679040313632 52.0417315311784705, 4.93405734340983582 52.03797639114434759, 4.93481943043362836 52.03888965904887698, 4.93810557417490248 52.03472355492521473, 4.93324244680804735 52.02997373284911475, 4.92760228299486247 52.02579283168170576, 4.91722406447471805 52.02283967766994977, 4.91339942446466704 52.02243083336043128, 4.90852319852203056 52.02277682866038333, 4.90497460553064446 52.02647752839633455, 4.91242589109770922 52.02529102167873276, 4.92005916903414953 52.02555785089495544, 4.92402605371556135 52.02652528522954611, 4.92643541591785805 52.02847585477127268, 4.92668102100713146 52.02998687491916741, 4.91139802711645768 52.04018162518998736, 4.91481174467628446 52.04237780654274559, 4.91481174467628446 52.04237780654274559)))</t>
  </si>
  <si>
    <t>MultiPolygon (((4.97050084619964405 52.06756012231480213, 4.98259104567623723 52.06495046044022246, 4.99584525842217797 52.06733426422765376, 4.999498257094241 52.06613144714707175, 5.01801050597446441 52.06221897473049864, 5.01707454088969307 52.06114287197439694, 5.01028366567240369 52.05374101921423602, 5.00490120371949931 52.05555592307734969, 4.99714765838635433 52.05295210222136149, 4.99474472179629103 52.05254265693567817, 4.99107475472294659 52.05286434112679927, 4.98417016086697284 52.05650424358879036, 4.98091364211787102 52.0568865720380245, 4.97760039630122542 52.05622907566107926, 4.97377134649987784 52.05387063131655623, 4.96782922159087104 52.05211940516777247, 4.9644935822448053 52.0522386542335127, 4.95827011631356385 52.05371269414209934, 4.95557935119419302 52.05349512494299802, 4.95109065471458987 52.05102499037717223, 4.9436753476970603 52.04843370274798531, 4.9508257241099578 52.05885637119015286, 4.95710558795175693 52.06594767792256562, 4.97050084619964405 52.06756012231480213, 4.97050084619964405 52.06756012231480213)))</t>
  </si>
  <si>
    <t>MultiPolygon (((4.91887992779276573 52.07117843330722451, 4.93941234368465132 52.06100638331117381, 4.9407648565249902 52.05966665850746011, 4.9436753476970603 52.04843370274798531, 4.94118740669671297 52.04615928332186314, 4.9368448914204226 52.04581918519887296, 4.93259651389725295 52.04699094318756636, 4.93020080048755283 52.04628126904066932, 4.93176644070265269 52.04269103048368095, 4.93504278037981425 52.03908072621841541, 4.93481943043362836 52.03888965904887698, 4.93405734340983582 52.03797639114434759, 4.92660679040313632 52.0417315311784705, 4.92360944673430811 52.0379885375803326, 4.91481174467628446 52.04237780654274559, 4.91711779758848611 52.04379085673771499, 4.90650466472990132 52.05347564157526108, 4.89573894333185944 52.05047920269181816, 4.89541133901833625 52.04823392507692148, 4.8813440308616034 52.05752258141224331, 4.87550648877690396 52.06157978717764223, 4.87145791066902856 52.05922460328520884, 4.86822503875628687 52.06344633272144051, 4.87320041181484154 52.06874539314767247, 4.87451638958681688 52.06819074714584161, 4.87533466782261549 52.06888528222076218, 4.88898453027730451 52.06890754473859317, 4.90025001122007176 52.07020226112623362, 4.90555462525919239 52.0653222831857434, 4.90633604075601237 52.06167879420306832, 4.9083727226204763 52.06011780439775549, 4.91430372536630689 52.05837164489715718, 4.91855685322292135 52.05876530218082365, 4.92765085254143642 52.06255537866630334, 4.91580883583719608 52.07039601436640197, 4.90829309243682577 52.0675290937041737, 4.9054730251655716 52.07014820249192155, 4.90820258085899841 52.07189565112114593, 4.91489123572978404 52.07409258329866475, 4.91887992779276573 52.07117843330722451, 4.91887992779276573 52.07117843330722451)))</t>
  </si>
  <si>
    <t>MultiPolygon (((4.98327664430896888 52.04023666423938721, 4.97839258108684479 52.03968646366080009, 4.96730757349589602 52.03862261929305078, 4.95865752145781169 52.0346672706019362, 4.95656052867936125 52.03823392102576406, 4.95981633952500545 52.04217058620876912, 4.95805649499586298 52.04391114699591014, 4.96010410638074273 52.04443541734463707, 4.95557935119419302 52.05349512494299802, 4.95827011631356385 52.05371269414209934, 4.9644935822448053 52.0522386542335127, 4.96782922159087104 52.05211940516777247, 4.97377134649987784 52.05387063131655623, 4.97760039630122542 52.05622907566107926, 4.98091364211787102 52.0568865720380245, 4.98417016086697284 52.05650424358879036, 4.99107475472294659 52.05286434112679927, 4.98327664430896888 52.04023666423938721)))</t>
  </si>
  <si>
    <t>MultiPolygon (((4.93936679616780605 52.07792391675501875, 4.94571417992026419 52.07555538729502587, 4.95633325142155101 52.07029935934959042, 4.95710558795175693 52.06594767792256562, 4.9508257241099578 52.05885637119015286, 4.9436753476970603 52.04843370274798531, 4.9407648565249902 52.05966665850746011, 4.93941234368465132 52.06100638331117381, 4.91887992779276573 52.07117843330722451, 4.91489123572978404 52.07409258329866475, 4.91798163963311374 52.07476474779974751, 4.92466104562516005 52.07759057229166899, 4.92660843304866169 52.07781814931836095, 4.93084664092199976 52.07928549594470979, 4.93620237006433538 52.07986577744829759, 4.93936679616780605 52.07792391675501875, 4.93936679616780605 52.07792391675501875)))</t>
  </si>
  <si>
    <t>MultiPolygon (((4.9054730251655716 52.07014820249192155, 4.90829309243682577 52.0675290937041737, 4.90604059174519058 52.06654750725994063, 4.90555462525919239 52.0653222831857434, 4.90025001122007176 52.07020226112623362, 4.9016133520865548 52.07039643229846604, 4.9054730251655716 52.07014820249192155)))</t>
  </si>
  <si>
    <t>MultiPolygon (((4.90555462525919239 52.0653222831857434, 4.90604059174519058 52.06654750725994063, 4.90829309243682577 52.0675290937041737, 4.91580883583719608 52.07039601436640197, 4.92765085254143642 52.06255537866630334, 4.91855685322292135 52.05876530218082365, 4.91430372536630689 52.05837164489715718, 4.9083727226204763 52.06011780439775549, 4.90633604075601237 52.06167879420306832, 4.90555462525919239 52.0653222831857434, 4.90555462525919239 52.0653222831857434)))</t>
  </si>
  <si>
    <t>MultiPolygon (((4.95109065471458987 52.05102499037717223, 4.95557935119419302 52.05349512494299802, 4.96010410638074273 52.04443541734463707, 4.95805649499586298 52.04391114699591014, 4.95510000503590575 52.04270001882930075, 4.95109065471458987 52.05102499037717223, 4.95109065471458987 52.05102499037717223)))</t>
  </si>
  <si>
    <t>MultiPolygon (((4.9436753476970603 52.04843370274798531, 4.95109065471458987 52.05102499037717223, 4.95510000503590575 52.04270001882930075, 4.95805649499586298 52.04391114699591014, 4.95981633952500545 52.04217058620876912, 4.95656052867936125 52.03823392102576406, 4.95865752145781169 52.0346672706019362, 4.95329832743793297 52.03187394154678458, 4.95248807332670093 52.03307087969967171, 4.94646640078336208 52.04040703839172721, 4.94466954025486327 52.04017643915745595, 4.94175481644013992 52.04278916678246247, 4.93504278037981425 52.03908072621841541, 4.93176644070265269 52.04269103048368095, 4.93020080048755283 52.04628126904066932, 4.93259651389725295 52.04699094318756636, 4.9368448914204226 52.04581918519887296, 4.94118740669671297 52.04615928332186314, 4.9436753476970603 52.04843370274798531, 4.9436753476970603 52.04843370274798531)))</t>
  </si>
  <si>
    <t>MultiPolygon (((4.91026266912093146 51.9847769442860681, 4.86895249286562048 51.96999341547999052, 4.86038221923460512 51.96801350622282456, 4.84976588011368825 51.97385407531841395, 4.85473923578800814 51.97672177115416758, 4.85226386400960052 51.98036796152882744, 4.84941873325233264 51.97895310480912912, 4.8499363691607158 51.97836983548526746, 4.8442969746822131 51.97635180913739816, 4.83411436366772129 51.98558024717724635, 4.83521784818434686 51.98614302050801683, 4.85326030818799214 51.99172679282552423, 4.87783176458742673 52.00056884988602235, 4.89158433256031966 52.00485272903494405, 4.89641193436214461 52.00651643675979585, 4.91026266912093146 51.9847769442860681, 4.91026266912093146 51.9847769442860681)))</t>
  </si>
  <si>
    <t>MultiPolygon (((4.85473923578800814 51.97672177115416758, 4.84976588011368825 51.97385407531841395, 4.84755316455708929 51.97513690048011625, 4.84554637042158909 51.97520050373987743, 4.8442969746822131 51.97635180913739816, 4.8499363691607158 51.97836983548526746, 4.84941873325233264 51.97895310480912912, 4.85226386400960052 51.98036796152882744, 4.85473923578800814 51.97672177115416758, 4.85473923578800814 51.97672177115416758)))</t>
  </si>
  <si>
    <t>MultiPolygon (((5.02035371786122564 52.02556553759860236, 5.02391323577621485 52.01993200203107648, 5.027316409865624 52.0147795607155814, 5.02935174198416934 52.01147187018167983, 5.03014215732574232 52.01016418601837188, 5.03400213638070326 52.0039368576986476, 5.00848657229762129 51.99953767417713379, 4.990036295813713 51.99841092326928305, 4.93279985039222169 51.9879698920579898, 4.92825322189749304 51.98869378362200422, 4.92232089791965421 51.9887997072180994, 4.91406081976159115 51.9855894266891454, 4.91026266912093146 51.9847769442860681, 4.89641193436214461 52.00651643675979585, 4.90973467375378281 52.01104141621441102, 4.91388824815705849 52.01107758466474706, 4.91685550155723483 52.01014475576015172, 4.92004482554641154 52.01001400154110854, 4.95210329270900473 52.01676483671527507, 4.97725647829316831 52.0205266228983092, 4.99216215341570191 52.02103249076392899, 4.99519469744523814 52.02172038086970218, 5.0197216382749783 52.0255328984058707, 5.02035371786122564 52.02556553759860236, 5.02035371786122564 52.02556553759860236),(4.9672652551217169 52.01019272632466794, 4.9656401928631988 52.00738067821183108, 4.96673059721119259 52.0055629668981183, 4.96953516876400769 52.00614238692630664, 4.97111743296001318 52.00331860076551749, 4.97623740394423564 52.00440811084445869, 4.97903084315016908 52.00413324974135065, 4.99450793730780696 52.00741781136034803, 4.98943700609762253 52.01508459926158423, 4.9672652551217169 52.01019272632466794, 4.9672652551217169 52.01019272632466794)))</t>
  </si>
  <si>
    <t>MultiPolygon (((4.99450793730780696 52.00741781136034803, 4.97903084315016908 52.00413324974135065, 4.97623740394423564 52.00440811084445869, 4.97111743296001318 52.00331860076551749, 4.96953516876400769 52.00614238692630664, 4.96673059721119259 52.0055629668981183, 4.9656401928631988 52.00738067821183108, 4.9672652551217169 52.01019272632466794, 4.98943700609762253 52.01508459926158423, 4.99450793730780696 52.00741781136034803, 4.99450793730780696 52.00741781136034803)))</t>
  </si>
  <si>
    <t>MultiPolygon (((5.04499531809208168 51.98195895122790944, 5.04040220434941411 51.9774436267203086, 5.03883028718369363 51.97413619692336084, 5.03612748975709312 51.97132854729526485, 5.03284889682882497 51.96974622376394137, 5.02967287861039836 51.96920336088246728, 5.02237566421381576 51.96972665806297442, 5.01610326702513287 51.97214018562540616, 5.01007749446494 51.97554415549571871, 5.00218238442253327 51.97821553619927926, 4.99807352329135934 51.97787150487801, 4.99186225749342416 51.97585292535098489, 4.98700296681783239 51.97330747747380286, 4.98390808046573053 51.9705937087464207, 4.98120462698960242 51.97219881969811439, 4.97847420741752344 51.97269889034492252, 4.9730038999692594 51.96856958641421187, 4.97467097462198993 51.96784289751676056, 4.96915642611018793 51.96575781075144107, 4.96396195839838761 51.96541762618323901, 4.94594532783224583 51.96835156260335964, 4.93951415558537388 51.96841181324116121, 4.93366929656490072 51.96518144317847288, 4.92727512602280449 51.95869851003166673, 4.92363894978040317 51.9569155020777842, 4.91962371468893966 51.95313237418115904, 4.91252795195963099 51.9495322100644259, 4.89748675336572958 51.94574037759027618, 4.88893207592528789 51.9445168578247376, 4.88942581895664752 51.94524166988374958, 4.88764522886139652 51.94592903223455949, 4.87870716826918827 51.94351133705774259, 4.87581203164177435 51.94353356492248253, 4.87275566256970372 51.95094068680953114, 4.8715979512556844 51.95371069670306241, 4.87807241304123185 51.95640689641226118, 4.87856342170231372 51.95748958923933714, 4.88180942386728578 51.95953944322592832, 4.88771807976960115 51.96121319881252987, 4.888385990191221 51.95977143739863635, 4.89577820404733188 51.96165162080273348, 4.90619699061266168 51.9646625177120427, 4.91004634560224584 51.96637333607122144, 4.90956103774203978 51.96713172259988056, 4.91523445150941107 51.97089207490018481, 4.91810317216673276 51.97196782058975373, 4.92870962018184411 51.97366151117763167, 4.93503203484818087 51.97365165448200486, 4.93740627763275519 51.96875347649949362, 4.96074979115233639 51.97301012560475897, 4.99663343802418947 51.98261002124272068, 5.0048076537457824 51.98115998137239302, 5.01238250208465619 51.98099110339354922, 5.01686704598631561 51.97924725435159843, 5.01712227209177453 51.98235714937391805, 5.01828360481229563 51.9839885129109831, 5.02103139064488957 51.98548661464838005, 5.02394971682969782 51.98589114050260207, 5.02586346340759782 51.98614505112640671, 5.03111889015392677 51.98429404090158101, 5.03299467437681347 51.98455586592525179, 5.05088830531444088 51.99095517040333192, 5.05586611719536094 51.99408059119716086, 5.06263811544404252 51.99123307748735101, 5.04499531809208168 51.98195895122790944)),((5.04175054445764204 51.9917626479653876, 5.0323609370470832 51.98830121127328141, 5.02996755179339683 51.98811870096764665, 5.02755568517731177 51.98933572161993766, 5.02448097184954534 51.98987007616363343, 5.01755182997842475 51.98976650167437441, 5.01419393475468578 51.98914302239690244, 5.01203783318802376 51.98530183957361572, 5.01107778674991522 51.98505075541602594, 4.99892542766143588 51.98537981041798872, 4.99800274661886501 51.98619188449571027, 4.99585413141400636 51.98634823459494925, 4.96951431251465969 51.97952464405473449, 4.95861417484838807 51.97779846171432894, 4.95732461154843751 51.97962371625408196, 4.94226932878641634 51.97732601987134871, 4.93257405862163001 51.97729396074139174, 4.92558048950731653 51.97720864602814572, 4.91538169719614526 51.97557389236924763, 4.9069001298379229 51.9708844704939068, 4.89444582710039988 51.96638908149046898, 4.88614795187782036 51.96449429025929589, 4.87907070824556577 51.9622879112246423, 4.8765373303586248 51.95949785379562513, 4.86895664693597485 51.95670673959234875, 4.8656739806460072 51.96043334769063904, 4.86430449770035001 51.96339736016606281, 4.86038221923460512 51.96801350622282456, 4.86895249286562048 51.96999341547999052, 4.91026266912093146 51.9847769442860681, 4.91406081976159115 51.9855894266891454, 4.92232089791965421 51.9887997072180994, 4.92825322189749304 51.98869378362200422, 4.93279985039222169 51.9879698920579898, 4.990036295813713 51.99841092326928305, 5.00848657229762129 51.99953767417713379, 5.03400213638070326 52.0039368576986476, 5.03604557073696935 52.00425886649857432, 5.04247007974013162 52.00566824492537421, 5.05261181783223634 51.99765422868031095, 5.04175054445764204 51.9917626479653876)))</t>
  </si>
  <si>
    <t>MultiPolygon (((4.94594532783224583 51.96835156260335964, 4.96396195839838761 51.96541762618323901, 4.96915642611018793 51.96575781075144107, 4.97467097462198993 51.96784289751676056, 4.97888803749547204 51.96595788305563701, 4.97614322873143067 51.96344516723603846, 4.96810177024312694 51.95933648453701892, 4.96385134787305482 51.95943421268427187, 4.95733354983613772 51.96098403437495961, 4.94869120862990375 51.96347175033817223, 4.94330536741956639 51.96394279947814709, 4.93982050789963978 51.96343996075326288, 4.93640825613203393 51.96186501744863051, 4.93358353518843451 51.95970727213286722, 4.92630129121220506 51.95092794425965366, 4.9191876012863629 51.94472895078482111, 4.91401134084273661 51.94243593793897418, 4.87779292015555299 51.93803067558325637, 4.87581203164177435 51.94353356492248253, 4.87870716826918827 51.94351133705774259, 4.88764522886139652 51.94592903223455949, 4.88942581895664752 51.94524166988374958, 4.88893207592528789 51.9445168578247376, 4.89748675336572958 51.94574037759027618, 4.91252795195963099 51.9495322100644259, 4.91962371468893966 51.95313237418115904, 4.92363894978040317 51.9569155020777842, 4.92727512602280449 51.95869851003166673, 4.93366929656490072 51.96518144317847288, 4.93951415558537388 51.96841181324116121, 4.94594532783224583 51.96835156260335964)))</t>
  </si>
  <si>
    <t>MultiPolygon (((4.87807241304123185 51.95640689641226118, 4.8715979512556844 51.95371069670306241, 4.86895664693597485 51.95670673959234875, 4.8765373303586248 51.95949785379562513, 4.87907070824556577 51.9622879112246423, 4.88614795187782036 51.96449429025929589, 4.88771807976960115 51.96121319881252987, 4.88180942386728578 51.95953944322592832, 4.87856342170231372 51.95748958923933714, 4.87807241304123185 51.95640689641226118, 4.87807241304123185 51.95640689641226118)))</t>
  </si>
  <si>
    <t>MultiPolygon (((4.9069001298379229 51.9708844704939068, 4.90956103774203978 51.96713172259988056, 4.91004634560224584 51.96637333607122144, 4.90619699061266168 51.9646625177120427, 4.89577820404733188 51.96165162080273348, 4.888385990191221 51.95977143739863635, 4.88771807976960115 51.96121319881252987, 4.88614795187782036 51.96449429025929589, 4.89444582710039988 51.96638908149046898, 4.9069001298379229 51.9708844704939068, 4.9069001298379229 51.9708844704939068)))</t>
  </si>
  <si>
    <t>MultiPolygon (((4.93257405862163001 51.97729396074139174, 4.93503203484818087 51.97365165448200486, 4.92870962018184411 51.97366151117763167, 4.91810317216673276 51.97196782058975373, 4.91523445150941107 51.97089207490018481, 4.90956103774203978 51.96713172259988056, 4.9069001298379229 51.9708844704939068, 4.91538169719614526 51.97557389236924763, 4.92558048950731653 51.97720864602814572, 4.93257405862163001 51.97729396074139174, 4.93257405862163001 51.97729396074139174)))</t>
  </si>
  <si>
    <t>MultiPolygon (((4.97467097462198993 51.96784289751676056, 4.9730038999692594 51.96856958641421187, 4.97847420741752344 51.97269889034492252, 4.98120462698960242 51.97219881969811439, 4.98390808046573053 51.9705937087464207, 4.97888803749547204 51.96595788305563701, 4.97467097462198993 51.96784289751676056, 4.97467097462198993 51.96784289751676056)))</t>
  </si>
  <si>
    <t>MultiPolygon (((5.05261181783223634 51.99765422868031095, 5.05424025694292123 51.9963187086069496, 5.05327176916170284 51.99548344949430856, 5.05586611719536094 51.99408059119716086, 5.05088830531444088 51.99095517040333192, 5.03299467437681347 51.98455586592525179, 5.03111889015392677 51.98429404090158101, 5.02586346340759782 51.98614505112640671, 5.02394971682969782 51.98589114050260207, 5.02448097184954534 51.98987007616363343, 5.02755568517731177 51.98933572161993766, 5.02996755179339683 51.98811870096764665, 5.0323609370470832 51.98830121127328141, 5.04175054445764204 51.9917626479653876, 5.05261181783223634 51.99765422868031095, 5.05261181783223634 51.99765422868031095)))</t>
  </si>
  <si>
    <t>MultiPolygon (((5.02448097184954534 51.98987007616363343, 5.02394971682969782 51.98589114050260207, 5.02103139064488957 51.98548661464838005, 5.01828360481229563 51.9839885129109831, 5.01712227209177453 51.98235714937391805, 5.01686704598631561 51.97924725435159843, 5.01238250208465619 51.98099110339354922, 5.0048076537457824 51.98115998137239302, 4.99663343802418947 51.98261002124272068, 4.99892542766143588 51.98537981041798872, 5.01107778674991522 51.98505075541602594, 5.01203783318802376 51.98530183957361572, 5.01419393475468578 51.98914302239690244, 5.01755182997842475 51.98976650167437441, 5.02448097184954534 51.98987007616363343, 5.02448097184954534 51.98987007616363343)))</t>
  </si>
  <si>
    <t>MultiPolygon (((4.99892542766143588 51.98537981041798872, 4.99663343802418947 51.98261002124272068, 4.96074979115233639 51.97301012560475897, 4.95861417484838807 51.97779846171432894, 4.96951431251465969 51.97952464405473449, 4.99585413141400636 51.98634823459494925, 4.99800274661886501 51.98619188449571027, 4.99892542766143588 51.98537981041798872, 4.99892542766143588 51.98537981041798872)))</t>
  </si>
  <si>
    <t>MultiPolygon (((4.93257405862163001 51.97729396074139174, 4.94226932878641634 51.97732601987134871, 4.95732461154843751 51.97962371625408196, 4.95861417484838807 51.97779846171432894, 4.96074979115233639 51.97301012560475897, 4.93740627763275519 51.96875347649949362, 4.93503203484818087 51.97365165448200486, 4.93257405862163001 51.97729396074139174, 4.93257405862163001 51.97729396074139174)))</t>
  </si>
  <si>
    <t>MultiPolygon (((5.4248983939247637 52.14260687765401059, 5.42378639583016309 52.1466550040342085, 5.42939429088932179 52.14643207583288387, 5.43645280270614606 52.14247828568902321, 5.43599797544655416 52.14193638972861322, 5.42979372305808816 52.14307726864279857, 5.42917648990560942 52.1425899027366313, 5.4248983939247637 52.14260687765401059, 5.4248983939247637 52.14260687765401059)))</t>
  </si>
  <si>
    <t>MultiPolygon (((5.4248983939247637 52.14260687765401059, 5.42917648990560942 52.1425899027366313, 5.42979372305808816 52.14307726864279857, 5.43599797544655416 52.14193638972861322, 5.4384874653288886 52.14087924495594706, 5.43835782131861389 52.1386969151456654, 5.43146780980877608 52.13894351042129927, 5.42758970699436549 52.13908225530475704, 5.42758486587379974 52.14003582207030263, 5.42658999645122897 52.14008924545696289, 5.4248983939247637 52.14260687765401059, 5.4248983939247637 52.14260687765401059)))</t>
  </si>
  <si>
    <t>MultiPolygon (((5.44246414676490353 52.16144808587010573, 5.44496328344966507 52.1598977990932795, 5.44698448804215385 52.15953672506668681, 5.45595038596098458 52.15434746226225826, 5.4476720793912774 52.14886797264324514, 5.45121701773802592 52.14716456838702641, 5.45049286449547488 52.1464891792687979, 5.44274830756814065 52.1453721269767243, 5.44063784630219427 52.14225260140224094, 5.43645280270614606 52.14247828568902321, 5.42939429088932179 52.14643207583288387, 5.42378639583016309 52.1466550040342085, 5.41937394502159986 52.14625015367524696, 5.41377182297080939 52.14802683556136031, 5.41401091000093437 52.14831080358318616, 5.41620846726181604 52.15091651340529211, 5.41784357200233213 52.15478468321619943, 5.42354736448018215 52.15762012180226748, 5.4319411780892688 52.15875594143619054, 5.43895165388331758 52.1613886378656062, 5.44246414676490353 52.16144808587010573)))</t>
  </si>
  <si>
    <t>MultiPolygon (((5.48947563452939491 52.14821921673299698, 5.49898466691653898 52.14736142964088828, 5.4973062428215691 52.14144350120464821, 5.50000249795750573 52.1410429806886242, 5.50260309468153697 52.13953561618766486, 5.50759187181709819 52.13886580055367403, 5.50745024430983943 52.13853163803250368, 5.5116902262453813 52.13749358090787922, 5.51407939029191496 52.13592306282246369, 5.51244386695314503 52.13432973507440238, 5.50836765167744158 52.13507342701617375, 5.50932994125605813 52.13675656024761196, 5.5069724393072228 52.13713431342522142, 5.50473268062776633 52.13644405103392643, 5.50173429260631686 52.13639197930934444, 5.50008311395132843 52.13771655775767755, 5.49971540582419127 52.13989739862195449, 5.49127008749903656 52.14084272232683048, 5.48975046846759618 52.1380900896594639, 5.48979850677363768 52.13615314218069585, 5.49443467505560168 52.13312371762990693, 5.49978900345906041 52.13261707855254912, 5.50247247565043374 52.13393852227429193, 5.51203944899017273 52.13363677681923036, 5.51166758430119419 52.13205050960526421, 5.50920309215615678 52.13194526891476244, 5.50767685928294171 52.13112480932217352, 5.50498836706408223 52.13108760467202529, 5.50148833951083738 52.12993889455548668, 5.49909792438643752 52.13054156912349413, 5.49791305905994587 52.13028289186233621, 5.4967590751132942 52.12481428434793429, 5.49470470067428263 52.12471763402156455, 5.4950600388408839 52.12199346497848751, 5.49691768131026759 52.11955748700610513, 5.50004229840903136 52.11920001116896373, 5.50337164276196589 52.11965919236733669, 5.5053539450374922 52.11975044666814938, 5.50375599202441812 52.1165856330879862, 5.50755142641996009 52.11561600926959414, 5.50770206727691392 52.11389696369020896, 5.50630154119997695 52.11431046165269976, 5.50386780290435507 52.11374533366029738, 5.50261029487637199 52.11509241786135505, 5.4989165189540623 52.11601763718005742, 5.49562591897862607 52.11558579408506375, 5.48808222293813586 52.11610112286145124, 5.48644708827618466 52.11535973632496166, 5.4821611083360331 52.11616219724196952, 5.47907903129604978 52.11742618018661233, 5.47680159631848795 52.11415226994905936, 5.470887776124993 52.11521965974075954, 5.47429364529517404 52.12635442347687587, 5.47673038830896175 52.12968432437840249, 5.47717548285678202 52.1331370500366944, 5.47419351385234698 52.135612105196806, 5.47140866879737153 52.13665392522111119, 5.4669581409264465 52.13595961630601749, 5.46514611717240495 52.13626108401432191, 5.46079725628264256 52.13858895657953241, 5.45717782249026762 52.13971550131388, 5.45072303190186336 52.14093338027202407, 5.44710449167187516 52.1408498923379824, 5.44063784630219427 52.14225260140224094, 5.44274830756814065 52.1453721269767243, 5.45049286449547488 52.1464891792687979, 5.45121701773802592 52.14716456838702641, 5.4476720793912774 52.14886797264324514, 5.45595038596098458 52.15434746226225826, 5.45958204670141978 52.15287631763977316, 5.46986311701215122 52.15284928788875618, 5.47674748069482753 52.15221756019030863, 5.48134176553572594 52.15050097437239174, 5.48379467488868588 52.14946514085163898, 5.48947563452939491 52.14821921673299698, 5.48947563452939491 52.14821921673299698)))</t>
  </si>
  <si>
    <t>MultiPolygon (((5.50008311395132843 52.13771655775767755, 5.50173429260631686 52.13639197930934444, 5.50473268062776633 52.13644405103392643, 5.5069724393072228 52.13713431342522142, 5.50932994125605813 52.13675656024761196, 5.50836765167744158 52.13507342701617375, 5.51244386695314503 52.13432973507440238, 5.51236667765210786 52.13422384179821023, 5.51188089319953356 52.13411500946904198, 5.51199872899239018 52.13399805634361428, 5.51203944899017273 52.13363677681923036, 5.50247247565043374 52.13393852227429193, 5.49978900345906041 52.13261707855254912, 5.49443467505560168 52.13312371762990693, 5.48979850677363768 52.13615314218069585, 5.48975046846759618 52.1380900896594639, 5.49127008749903656 52.14084272232683048, 5.49971540582419127 52.13989739862195449, 5.50008311395132843 52.13771655775767755, 5.50008311395132843 52.13771655775767755)))</t>
  </si>
  <si>
    <t>MultiPolygon (((5.37045765300799793 52.13157010318126794, 5.37222213821324956 52.13236427180647325, 5.37438878681847854 52.13099280817310444, 5.38433503179422868 52.1317385309181347, 5.39712741806920704 52.13394697574806003, 5.39807469928086547 52.13354780749761375, 5.40008214374307904 52.13571211600662991, 5.41135909488196898 52.12329308234930636, 5.41024474243576137 52.12214442601525377, 5.39909829769910754 52.12361583121976594, 5.39622107649041016 52.12081015627705227, 5.3939520910397567 52.12031849880654732, 5.39722379909587247 52.11890377892956394, 5.39840688404336433 52.12058161446718429, 5.40044532755670481 52.12048084636219158, 5.40223309797890572 52.11386547271848713, 5.40671805084493595 52.11092292811149207, 5.40800703460029197 52.11548348022211741, 5.42005599658943638 52.11371028341115164, 5.42346281018433007 52.109859202914528, 5.42627752641234817 52.10683917421156508, 5.43529210634775239 52.10656281801094991, 5.43818344124540509 52.11019527887489744, 5.44625904011063167 52.10916967447708004, 5.44578918790182964 52.1068503359413171, 5.4438066678937771 52.10707456219275002, 5.44213469244659631 52.10421459992807769, 5.43918080053805841 52.1018759879855935, 5.43798324161945867 52.09979116751572548, 5.43572644569900909 52.09891243770792357, 5.43409808907322756 52.09777993534708429, 5.43220672265570403 52.09787350361312264, 5.43240632479297236 52.09689771411741077, 5.42967577246942845 52.09591766559964299, 5.4286609751003656 52.09643473146384451, 5.42603673135082865 52.09639658513012961, 5.42476942049154776 52.09704368539439656, 5.42446035181508712 52.09663566512974597, 5.42198088230985409 52.09665477090126018, 5.42057845638478586 52.09714716433393278, 5.42025876862862699 52.09810925998892372, 5.41500119091519583 52.10011608377209313, 5.41015851304092266 52.10326325950002513, 5.40738468094297176 52.10301679855489709, 5.40452086649382046 52.10410639758789841, 5.40078140773015125 52.09187903398924391, 5.40133209443882478 52.08933353324280091, 5.40120728819115037 52.08933762168861392, 5.37801380207219903 52.09048954599433756, 5.34056771636883365 52.09503154368250222, 5.33429745583754311 52.09633324547954913, 5.32246238103753999 52.1019009208340762, 5.31091980092467075 52.10838438725853194, 5.32500096974071901 52.11680563510157782, 5.33403645922503244 52.12041485446559363, 5.3556352090131103 52.13682957373157478, 5.37045765300799793 52.13157010318126794)))</t>
  </si>
  <si>
    <t>MultiPolygon (((5.41024474243576137 52.12214442601525377, 5.41135909488196898 52.12329308234930636, 5.42005599658943638 52.11371028341115164, 5.40800703460029197 52.11548348022211741, 5.4079413864124497 52.1189138057345005, 5.41024474243576137 52.12214442601525377, 5.41024474243576137 52.12214442601525377)))</t>
  </si>
  <si>
    <t>MultiPolygon (((5.40800703460029197 52.11548348022211741, 5.40671805084493595 52.11092292811149207, 5.40223309797890572 52.11386547271848713, 5.40044532755670481 52.12048084636219158, 5.39840688404336433 52.12058161446718429, 5.39722379909587247 52.11890377892956394, 5.3939520910397567 52.12031849880654732, 5.39622107649041016 52.12081015627705227, 5.39909829769910754 52.12361583121976594, 5.41024474243576137 52.12214442601525377, 5.4079413864124497 52.1189138057345005, 5.40800703460029197 52.11548348022211741, 5.40800703460029197 52.11548348022211741)))</t>
  </si>
  <si>
    <t>MultiPolygon (((5.41377182297080939 52.14802683556136031, 5.41937394502159986 52.14625015367524696, 5.42378639583016309 52.1466550040342085, 5.4248983939247637 52.14260687765401059, 5.42658999645122897 52.14008924545696289, 5.42270574324027876 52.13810330356233891, 5.41711572432117361 52.1382863060744981, 5.41371464438708294 52.13727710309351693, 5.41371282013203903 52.13651200378333783, 5.41610668719905686 52.13651705547734139, 5.4170685223896502 52.13767064324716927, 5.42272273731961629 52.13737808192849599, 5.42276126891253973 52.13447383741942076, 5.41804098996574446 52.13499928234538316, 5.4174919095894376 52.13300859315841507, 5.41645501289316655 52.13313468694594377, 5.41562883786326665 52.1291189562280266, 5.413919889600181 52.1263906673476427, 5.41208317612998702 52.12451455116183041, 5.41780518441901204 52.12332565974485732, 5.4186630475628581 52.12233872277817426, 5.42361553967362653 52.12172975873668435, 5.42196134797613905 52.11459717161520189, 5.42494088496388116 52.11422240664848005, 5.42346281018433007 52.109859202914528, 5.42005599658943638 52.11371028341115164, 5.41135909488196898 52.12329308234930636, 5.40008214374307904 52.13571211600662991, 5.40009686923897902 52.13572044082035006, 5.40540485822200445 52.13981146912325215, 5.40756324847454106 52.14195981107248912, 5.40939097662777968 52.1403874236221796, 5.40833952707050258 52.14264618182372857, 5.41377182297080939 52.14802683556136031, 5.41377182297080939 52.14802683556136031)))</t>
  </si>
  <si>
    <t>MultiPolygon (((5.4174919095894376 52.13300859315841507, 5.42690698854284914 52.13186431450996849, 5.42515701270542472 52.12637689672797592, 5.42093816094142333 52.12683055426472833, 5.4189488297270838 52.12849852071321521, 5.41562883786326665 52.1291189562280266, 5.41645501289316655 52.13313468694594377, 5.4174919095894376 52.13300859315841507, 5.4174919095894376 52.13300859315841507)))</t>
  </si>
  <si>
    <t>MultiPolygon (((5.42276126891253973 52.13447383741942076, 5.4269605379989283 52.13397718203527376, 5.42696537250054689 52.13203983417825782, 5.42690698854284914 52.13186431450996849, 5.4174919095894376 52.13300859315841507, 5.41804098996574446 52.13499928234538316, 5.42276126891253973 52.13447383741942076, 5.42276126891253973 52.13447383741942076)))</t>
  </si>
  <si>
    <t>MultiPolygon (((5.43645280270614606 52.14247828568902321, 5.44063784630219427 52.14225260140224094, 5.4439069866014993 52.13979455191356038, 5.44739290874832705 52.13909625213445764, 5.44687901199072932 52.1361026824042284, 5.44092609968902696 52.13655326557493908, 5.4382108117407153 52.13668199173881845, 5.43835782131861389 52.1386969151456654, 5.4384874653288886 52.14087924495594706, 5.43599797544655416 52.14193638972861322, 5.43645280270614606 52.14247828568902321, 5.43645280270614606 52.14247828568902321)))</t>
  </si>
  <si>
    <t>MultiPolygon (((5.44092609968902696 52.13655326557493908, 5.44687901199072932 52.1361026824042284, 5.4462034883335928 52.1321556229417169, 5.44069770729521096 52.13242593016659754, 5.44092609968902696 52.13655326557493908, 5.44092609968902696 52.13655326557493908)))</t>
  </si>
  <si>
    <t>MultiPolygon (((5.4382108117407153 52.13668199173881845, 5.44092609968902696 52.13655326557493908, 5.44069770729521096 52.13242593016659754, 5.43795494931803614 52.13246141298291292, 5.4382108117407153 52.13668199173881845, 5.4382108117407153 52.13668199173881845)))</t>
  </si>
  <si>
    <t>MultiPolygon (((5.43255836916440682 52.13696293571783968, 5.4382108117407153 52.13668199173881845, 5.43795494931803614 52.13246141298291292, 5.43450083782772264 52.13246903308314018, 5.43235377978177691 52.13236848182197747, 5.43255836916440682 52.13696293571783968, 5.43255836916440682 52.13696293571783968)))</t>
  </si>
  <si>
    <t>MultiPolygon (((5.43117670185674495 52.13699042481774626, 5.43255836916440682 52.13696293571783968, 5.43235377978177691 52.13236848182197747, 5.42944228008449237 52.13182579295996533, 5.42696537250054689 52.13203983417825782, 5.4269605379989283 52.13397718203527376, 5.4270112979334737 52.13602920486060555, 5.43117670185674495 52.13699042481774626, 5.43117670185674495 52.13699042481774626)))</t>
  </si>
  <si>
    <t>MultiPolygon (((5.43146780980877608 52.13894351042129927, 5.43835782131861389 52.1386969151456654, 5.4382108117407153 52.13668199173881845, 5.43255836916440682 52.13696293571783968, 5.43117670185674495 52.13699042481774626, 5.43146780980877608 52.13894351042129927, 5.43146780980877608 52.13894351042129927)))</t>
  </si>
  <si>
    <t>MultiPolygon (((5.42658999645122897 52.14008924545696289, 5.42758486587379974 52.14003582207030263, 5.42758970699436549 52.13908225530475704, 5.43146780980877608 52.13894351042129927, 5.43117670185674495 52.13699042481774626, 5.4270112979334737 52.13602920486060555, 5.4269605379989283 52.13397718203527376, 5.42276126891253973 52.13447383741942076, 5.42272273731961629 52.13737808192849599, 5.4170685223896502 52.13767064324716927, 5.41610668719905686 52.13651705547734139, 5.41371282013203903 52.13651200378333783, 5.41371464438708294 52.13727710309351693, 5.41711572432117361 52.1382863060744981, 5.42270574324027876 52.13810330356233891, 5.42658999645122897 52.14008924545696289, 5.42658999645122897 52.14008924545696289)))</t>
  </si>
  <si>
    <t>MultiPolygon (((5.44687901199072932 52.1361026824042284, 5.44739290874832705 52.13909625213445764, 5.4439069866014993 52.13979455191356038, 5.44063784630219427 52.14225260140224094, 5.44710449167187516 52.1408498923379824, 5.45072303190186336 52.14093338027202407, 5.45717782249026762 52.13971550131388, 5.46079725628264256 52.13858895657953241, 5.46514611717240495 52.13626108401432191, 5.4669581409264465 52.13595961630601749, 5.47140866879737153 52.13665392522111119, 5.47419351385234698 52.135612105196806, 5.47717548285678202 52.1331370500366944, 5.47673038830896175 52.12968432437840249, 5.47429364529517404 52.12635442347687587, 5.470887776124993 52.11521965974075954, 5.47680159631848795 52.11415226994905936, 5.47513066285758665 52.10689092340765427, 5.47603713399911207 52.10501215369363592, 5.47356286791131907 52.10456297777639634, 5.47198731866882504 52.10145568358651502, 5.46841226883055587 52.10059840386644225, 5.46751649544389018 52.10040025801583852, 5.45786596222226716 52.10536925349559567, 5.44578918790182964 52.1068503359413171, 5.44625904011063167 52.10916967447708004, 5.43818344124540509 52.11019527887489744, 5.43529210634775239 52.10656281801094991, 5.42627752641234817 52.10683917421156508, 5.42346281018433007 52.109859202914528, 5.42494088496388116 52.11422240664848005, 5.42196134797613905 52.11459717161520189, 5.42361553967362653 52.12172975873668435, 5.42481876280765363 52.12518413264470496, 5.42515701270542472 52.12637689672797592, 5.42806362570771572 52.12701125844922245, 5.43387502549956825 52.12630634615969427, 5.44141646455487482 52.12541779388065777, 5.44590614346042656 52.12488899815519972, 5.44607176073918087 52.12762659626623218, 5.4462034883335928 52.1321556229417169, 5.44687901199072932 52.1361026824042284, 5.44687901199072932 52.1361026824042284)))</t>
  </si>
  <si>
    <t>MultiPolygon (((5.413919889600181 52.1263906673476427, 5.42481876280765363 52.12518413264470496, 5.42361553967362653 52.12172975873668435, 5.4186630475628581 52.12233872277817426, 5.41780518441901204 52.12332565974485732, 5.41208317612998702 52.12451455116183041, 5.413919889600181 52.1263906673476427, 5.413919889600181 52.1263906673476427)))</t>
  </si>
  <si>
    <t>MultiPolygon (((5.413919889600181 52.1263906673476427, 5.41562883786326665 52.1291189562280266, 5.4189488297270838 52.12849852071321521, 5.42093816094142333 52.12683055426472833, 5.42515701270542472 52.12637689672797592, 5.42481876280765363 52.12518413264470496, 5.413919889600181 52.1263906673476427, 5.413919889600181 52.1263906673476427)))</t>
  </si>
  <si>
    <t>MultiPolygon (((5.44075106217226878 52.12821420036132025, 5.44607176073918087 52.12762659626623218, 5.44590614346042656 52.12488899815519972, 5.44141646455487482 52.12541779388065777, 5.44075106217226878 52.12821420036132025, 5.44075106217226878 52.12821420036132025)))</t>
  </si>
  <si>
    <t>MultiPolygon (((5.43421800929644583 52.12893434769730305, 5.44075106217226878 52.12821420036132025, 5.44141646455487482 52.12541779388065777, 5.43387502549956825 52.12630634615969427, 5.43421800929644583 52.12893434769730305, 5.43421800929644583 52.12893434769730305)))</t>
  </si>
  <si>
    <t>MultiPolygon (((5.43000817862695762 52.12940866839119991, 5.43421800929644583 52.12893434769730305, 5.43387502549956825 52.12630634615969427, 5.42806362570771572 52.12701125844922245, 5.43000817862695762 52.12940866839119991, 5.43000817862695762 52.12940866839119991)))</t>
  </si>
  <si>
    <t>MultiPolygon (((5.43795494931803614 52.13246141298291292, 5.44069770729521096 52.13242593016659754, 5.4462034883335928 52.1321556229417169, 5.44607176073918087 52.12762659626623218, 5.44075106217226878 52.12821420036132025, 5.43795494931803614 52.13246141298291292, 5.43795494931803614 52.13246141298291292)))</t>
  </si>
  <si>
    <t>MultiPolygon (((5.43450083782772264 52.13246903308314018, 5.43795494931803614 52.13246141298291292, 5.44075106217226878 52.12821420036132025, 5.43421800929644583 52.12893434769730305, 5.43450083782772264 52.13246903308314018, 5.43450083782772264 52.13246903308314018)))</t>
  </si>
  <si>
    <t>MultiPolygon (((5.43235377978177691 52.13236848182197747, 5.43450083782772264 52.13246903308314018, 5.43421800929644583 52.12893434769730305, 5.43000817862695762 52.12940866839119991, 5.42944228008449237 52.13182579295996533, 5.43235377978177691 52.13236848182197747, 5.43235377978177691 52.13236848182197747)))</t>
  </si>
  <si>
    <t>MultiPolygon (((5.42690698854284914 52.13186431450996849, 5.42696537250054689 52.13203983417825782, 5.42944228008449237 52.13182579295996533, 5.43000817862695762 52.12940866839119991, 5.42806362570771572 52.12701125844922245, 5.42515701270542472 52.12637689672797592, 5.42690698854284914 52.13186431450996849, 5.42690698854284914 52.13186431450996849)))</t>
  </si>
  <si>
    <t>MultiPolygon (((5.24995544928117042 52.25401018779102458, 5.26341587350860429 52.25291006638494196, 5.26114562454300216 52.24827967531587092, 5.2608389457810576 52.24679081730721464, 5.2620465189361072 52.2467058974839702, 5.26030848926900507 52.24419164200833876, 5.24747801785061441 52.24428648264397879, 5.24995544928117042 52.25401018779102458, 5.24995544928117042 52.25401018779102458)))</t>
  </si>
  <si>
    <t>MultiPolygon (((5.27712955807814854 52.28063784665641833, 5.27866404927227517 52.28047245310637692, 5.26748930343461907 52.25300786535976272, 5.26843704145518021 52.25237882032853776, 5.26818761133710822 52.24982275160266454, 5.26624116627159999 52.24991310348422502, 5.25572554909502987 52.2244105541436312, 5.25558931129929174 52.2244132481179264, 5.25416725939829821 52.22444523874595035, 5.25427504081275121 52.22551810216049262, 5.25615802286990874 52.23229330116301838, 5.26123175404806087 52.24321912476244734, 5.26146697966278598 52.24409215297273334, 5.26030848926900507 52.24419164200833876, 5.2620465189361072 52.2467058974839702, 5.26381270586969929 52.25001155517291807, 5.26569555701605907 52.25024659333062971, 5.26648503763103992 52.25121168472944078, 5.26719950954239646 52.25307365351303446, 5.26563266077485803 52.25382999770589265, 5.26560485199859674 52.25469539777313344, 5.26829232993968155 52.26055750068876904, 5.27004696450193499 52.26335742973833476, 5.26911258796190562 52.27082953153789191, 5.27655021435547233 52.27976432442073218, 5.27463662734536332 52.2800303635362198, 5.27712955807814854 52.28063784665641833, 5.27712955807814854 52.28063784665641833)))</t>
  </si>
  <si>
    <t>MultiPolygon (((5.26829232993968155 52.26055750068876904, 5.26560485199859674 52.25469539777313344, 5.26341587350860429 52.25291006638494196, 5.24995544928117042 52.25401018779102458, 5.25382567899147102 52.26175540613581205, 5.26829232993968155 52.26055750068876904, 5.26829232993968155 52.26055750068876904)))</t>
  </si>
  <si>
    <t>MultiPolygon (((5.23187964306894493 52.2370776600835427, 5.23532860612615369 52.23524584400972515, 5.23987619100948976 52.23501488840732776, 5.24315372729210338 52.23204422932097657, 5.2446935305219764 52.22891469362968309, 5.24896626512475617 52.22694507221024907, 5.25427504081275121 52.22551810216049262, 5.25416725939829821 52.22444523874595035, 5.23263310804910997 52.22498848500575264, 5.22473024132694253 52.22519709437526814, 5.22290124681282908 52.22526095050992012, 5.23187964306894493 52.2370776600835427, 5.23187964306894493 52.2370776600835427)))</t>
  </si>
  <si>
    <t>MultiPolygon (((5.24249626596848906 52.23616173407793895, 5.23987619100948976 52.23501488840732776, 5.23532860612615369 52.23524584400972515, 5.23187964306894493 52.2370776600835427, 5.2373688001541252 52.24427655752312916, 5.23840771838644592 52.24566031841776237, 5.24509312329424127 52.25443106810774196, 5.24408112886221822 52.2546627842357978, 5.26110183762977091 52.27583578626852301, 5.26566326017763675 52.2815053631350608, 5.26576916653651939 52.28164461182008438, 5.26454270276276581 52.27712292040095576, 5.2521517542566869 52.26318801751613563, 5.24644184130153679 52.24982870617957076, 5.2445733237920118 52.23964115447447654, 5.24249626596848906 52.23616173407793895, 5.24249626596848906 52.23616173407793895)))</t>
  </si>
  <si>
    <t>MultiPolygon (((5.27004696450193499 52.26335742973833476, 5.26829232993968155 52.26055750068876904, 5.25382567899147102 52.26175540613581205, 5.24995544928117042 52.25401018779102458, 5.24747801785061441 52.24428648264397879, 5.26030848926900507 52.24419164200833876, 5.26146697966278598 52.24409215297273334, 5.26123175404806087 52.24321912476244734, 5.25615802286990874 52.23229330116301838, 5.25427504081275121 52.22551810216049262, 5.24896626512475617 52.22694507221024907, 5.2446935305219764 52.22891469362968309, 5.24315372729210338 52.23204422932097657, 5.23987619100948976 52.23501488840732776, 5.24249626596848906 52.23616173407793895, 5.2445733237920118 52.23964115447447654, 5.24644184130153679 52.24982870617957076, 5.2521517542566869 52.26318801751613563, 5.26454270276276581 52.27712292040095576, 5.26576916653651939 52.28164461182008438, 5.26920758686303081 52.28154438916755709, 5.27712955807814854 52.28063784665641833, 5.27463662734536332 52.2800303635362198, 5.27655021435547233 52.27976432442073218, 5.26911258796190562 52.27082953153789191, 5.27004696450193499 52.26335742973833476, 5.27004696450193499 52.26335742973833476)))</t>
  </si>
  <si>
    <t>MultiPolygon (((5.31066202390377384 52.24632590284659273, 5.31089308938292426 52.24211955991582812, 5.31341008520184044 52.23525239266744791, 5.31227797417519376 52.23282882967364316, 5.30976757400876487 52.23218603982048336, 5.30978618384025225 52.23313392424104507, 5.30858999010094657 52.23310039587161668, 5.30609540516266343 52.2320103697981466, 5.30508359783600625 52.22937818355924833, 5.30826546957898504 52.22610456017198999, 5.31064930963090021 52.22622721822590819, 5.3100794767343098 52.22596407138478014, 5.31120698254817736 52.22456747334889826, 5.30588345979886444 52.22045561878979214, 5.30265419408888494 52.22148149895080849, 5.30272149576359997 52.22237137780317795, 5.30096955158133021 52.22352429440113752, 5.29416825379726497 52.22354512517247116, 5.2888033769643279 52.22299254648725508, 5.28757455555996092 52.22288250629912199, 5.28310698748649976 52.22354029403065567, 5.27057248704693482 52.22400644374040013, 5.25572554909502987 52.2244105541436312, 5.26624116627159999 52.24991310348422502, 5.26818761133710822 52.24982275160266454, 5.26843704145518021 52.25237882032853776, 5.26748930343461907 52.25300786535976272, 5.27866404927227517 52.28047245310637692, 5.30582566395304145 52.27732958758327442, 5.3084684881064863 52.27633225248717963, 5.31167038937690528 52.27261245313496829, 5.32853425022130534 52.2687058317673845, 5.32672840384025292 52.26614493071427603, 5.32262147296656707 52.26388140847780761, 5.32203211649922991 52.26232601502641018, 5.32317742093144819 52.26054347704589986, 5.32836827493411391 52.25717017582306312, 5.3285830770273046 52.25531745393683991, 5.32423155873817411 52.2529833344470731, 5.31412899272213224 52.2519541657110338, 5.31066202390377384 52.24632590284659273)))</t>
  </si>
  <si>
    <t>MultiPolygon (((5.26341587350860429 52.25291006638494196, 5.26560485199859674 52.25469539777313344, 5.26563266077485803 52.25382999770589265, 5.26719950954239646 52.25307365351303446, 5.26648503763103992 52.25121168472944078, 5.26569555701605907 52.25024659333062971, 5.26381270586969929 52.25001155517291807, 5.2620465189361072 52.2467058974839702, 5.2608389457810576 52.24679081730721464, 5.26114562454300216 52.24827967531587092, 5.26341587350860429 52.25291006638494196, 5.26341587350860429 52.25291006638494196)))</t>
  </si>
  <si>
    <t>MultiPolygon (((5.30582566395304145 52.27732958758327442, 5.3064653861389397 52.2776056567696088, 5.30887357785980019 52.27638576444153529, 5.31066938694327373 52.27430020968939317, 5.31545010220462988 52.27410146258635848, 5.3210533673071847 52.27239662820004895, 5.32744830327716912 52.27369349994953041, 5.33124084238598162 52.27361067071974787, 5.32853425022130534 52.2687058317673845, 5.31167038937690528 52.27261245313496829, 5.3084684881064863 52.27633225248717963, 5.30582566395304145 52.27732958758327442, 5.30582566395304145 52.27732958758327442)))</t>
  </si>
  <si>
    <t>MultiPolygon (((5.31461303181419709 52.22453529593042987, 5.31315788242334364 52.22195128507373596, 5.30644402379521818 52.21945927222132866, 5.30265419408888494 52.22148149895080849, 5.30588345979886444 52.22045561878979214, 5.31120698254817736 52.22456747334889826, 5.31340370175298204 52.22470192823735147, 5.31261731237419976 52.2252889960631137, 5.31312856523750376 52.22564901868506126, 5.31461303181419709 52.22453529593042987)),((5.31064930963090021 52.22622721822590819, 5.30826546957898504 52.22610456017198999, 5.30508359783600625 52.22937818355924833, 5.30609540516266343 52.2320103697981466, 5.30858999010094657 52.23310039587161668, 5.30978618384025225 52.23313392424104507, 5.30976757400876487 52.23218603982048336, 5.30768282273429293 52.23159652393206898, 5.30661149162585577 52.23026790400248842, 5.30740068242422236 52.22919001804557837, 5.31064244715521205 52.22759127689899827, 5.31159369834518014 52.22650782284370052, 5.31064930963090021 52.22622721822590819, 5.31064930963090021 52.22622721822590819)))</t>
  </si>
  <si>
    <t>MultiPolygon (((5.38461610861211781 52.24811550978695607, 5.38710237650601798 52.2475511982064944, 5.38408723618586293 52.23209586834292395, 5.37577265110620672 52.23297504570692951, 5.37796354209088801 52.24282997729645217, 5.37824873365804645 52.24211041312661763, 5.3825529392077085 52.24315655315997731, 5.38461610861211781 52.24811550978695607, 5.38461610861211781 52.24811550978695607)))</t>
  </si>
  <si>
    <t>MultiPolygon (((5.37813747477125315 52.24478090195092506, 5.37919467062246071 52.2480859929167778, 5.38022310723974506 52.24854095429267886, 5.38461610861211781 52.24811550978695607, 5.3825529392077085 52.24315655315997731, 5.37824873365804645 52.24211041312661763, 5.37796354209088801 52.24282997729645217, 5.37813747477125315 52.24478090195092506, 5.37813747477125315 52.24478090195092506)))</t>
  </si>
  <si>
    <t>MultiPolygon (((5.40350199574700696 52.24674543972195551, 5.39659298436614421 52.22979040225535385, 5.39476804477205185 52.22485046675395637, 5.3761389190355473 52.22671806551213791, 5.37638718116907821 52.22901447431195265, 5.37464970429706579 52.22917327672590915, 5.37577265110620672 52.23297504570692951, 5.38408723618586293 52.23209586834292395, 5.38710237650601798 52.2475511982064944, 5.38783801275252916 52.25189159332821021, 5.38897389246311853 52.25282648916231665, 5.40103259930276902 52.24734363425343275, 5.40350199574700696 52.24674543972195551)),((5.36331312913759284 52.26847649526042261, 5.36668740894578633 52.26695327452662099, 5.3706300774380713 52.26335885023148364, 5.37029099067759574 52.26226356471099876, 5.37223420435178678 52.26089880855031566, 5.37153884597916598 52.26269833791214836, 5.37422504370829479 52.26166790253628136, 5.37419917487350673 52.26165198960082137, 5.37216564272538211 52.26040104887795934, 5.36563747750057107 52.25113983817434615, 5.36042699509436638 52.24414460087371026, 5.36218133546884257 52.24360402975287343, 5.3591804448717939 52.23564101874637799, 5.35762036245969853 52.22820126313293798, 5.34916228177428543 52.22792023199755107, 5.34146502729928851 52.22643817472273042, 5.33526357654101968 52.22631065926589855, 5.33554119087619583 52.22845199545722039, 5.31975629520297133 52.2310014315185569, 5.31951683506141926 52.2351646590954104, 5.31738710838312567 52.2424786474477898, 5.31731450501795866 52.24399220333436489, 5.31883041114938759 52.24651051265627189, 5.3201931617220648 52.24782996756916731, 5.32590879186448785 52.25062096041344972, 5.3280885735025052 52.25121694579315346, 5.33057705638273838 52.24967226448598723, 5.33242364386557721 52.25087861826925462, 5.3372228598239202 52.25446573751508339, 5.33411078866910504 52.25694416626932082, 5.33554075550632234 52.25898586291368275, 5.34178533496086505 52.26477204168631374, 5.34940775133814039 52.26787296131900717, 5.35002182018164785 52.26881770899977653, 5.35692650669042436 52.26983494283197729, 5.36110023721952178 52.26829086111737155, 5.36331312913759284 52.26847649526042261)))</t>
  </si>
  <si>
    <t>MultiPolygon (((5.39552235600946961 52.21915384787237002, 5.39273546555953498 52.20552770715958246, 5.38539724662893438 52.20643319709708408, 5.37807395557220236 52.20706460590626818, 5.37329359632412995 52.20780044932121911, 5.3648787593204581 52.20936427334423513, 5.36443387181867859 52.20984397171597635, 5.35911847457692048 52.21036101039189248, 5.35836396193775322 52.20971509804511612, 5.33054136763133357 52.21473170936427977, 5.3343234912168489 52.22012311039305388, 5.33526357654101968 52.22631065926589855, 5.34146502729928851 52.22643817472273042, 5.34916228177428543 52.22792023199755107, 5.35762036245969853 52.22820126313293798, 5.3761389190355473 52.22671806551213791, 5.39476804477205185 52.22485046675395637, 5.3932113228413403 52.22064549399017608, 5.39552235600946961 52.21915384787237002)))</t>
  </si>
  <si>
    <t>MultiPolygon (((5.36218133546884257 52.24360402975287343, 5.3707429388144714 52.24193014254358758, 5.36896347895871529 52.23940150454959053, 5.36991172717482002 52.23685276262131794, 5.36916621558108353 52.23412036084973664, 5.36674663834461541 52.23379229440374871, 5.3591804448717939 52.23564101874637799, 5.36218133546884257 52.24360402975287343, 5.36218133546884257 52.24360402975287343)))</t>
  </si>
  <si>
    <t>MultiPolygon (((5.36563747750057107 52.25113983817434615, 5.37314912710804471 52.24918808534562942, 5.37275184512559711 52.24587519780977374, 5.37292988208468802 52.24286150231569081, 5.3707429388144714 52.24193014254358758, 5.36218133546884257 52.24360402975287343, 5.36042699509436638 52.24414460087371026, 5.36563747750057107 52.25113983817434615, 5.36563747750057107 52.25113983817434615)))</t>
  </si>
  <si>
    <t>MultiPolygon (((5.37419917487350673 52.26165198960082137, 5.37472435447145092 52.26002466626002985, 5.37745947454128537 52.2590194813683695, 5.37280974242677622 52.25254834302052132, 5.37374332864941895 52.24996728073941199, 5.37314912710804471 52.24918808534562942, 5.36563747750057107 52.25113983817434615, 5.37216564272538211 52.26040104887795934, 5.37419917487350673 52.26165198960082137)))</t>
  </si>
  <si>
    <t>MultiPolygon (((5.33124084238598162 52.27361067071974787, 5.33967320212238317 52.27020404449070412, 5.34088052325930818 52.27069851736062844, 5.35002182018164785 52.26881770899977653, 5.34940775133814039 52.26787296131900717, 5.34178533496086505 52.26477204168631374, 5.33554075550632234 52.25898586291368275, 5.33411078866910504 52.25694416626932082, 5.3372228598239202 52.25446573751508339, 5.33242364386557721 52.25087861826925462, 5.33057705638273838 52.24967226448598723, 5.3280885735025052 52.25121694579315346, 5.32590879186448785 52.25062096041344972, 5.3201931617220648 52.24782996756916731, 5.31883041114938759 52.24651051265627189, 5.31731450501795866 52.24399220333436489, 5.31738710838312567 52.2424786474477898, 5.31951683506141926 52.2351646590954104, 5.31975629520297133 52.2310014315185569, 5.31227797417519376 52.23282882967364316, 5.31341008520184044 52.23525239266744791, 5.31089308938292426 52.24211955991582812, 5.31066202390377384 52.24632590284659273, 5.31412899272213224 52.2519541657110338, 5.32423155873817411 52.2529833344470731, 5.3285830770273046 52.25531745393683991, 5.32836827493411391 52.25717017582306312, 5.32317742093144819 52.26054347704589986, 5.32203211649922991 52.26232601502641018, 5.32262147296656707 52.26388140847780761, 5.32672840384025292 52.26614493071427603, 5.32853425022130534 52.2687058317673845, 5.33124084238598162 52.27361067071974787, 5.33124084238598162 52.27361067071974787)))</t>
  </si>
  <si>
    <t>MultiPolygon (((5.37745947454128537 52.2590194813683695, 5.38176954931333373 52.2579014498823895, 5.38116540739642613 52.2563763011338267, 5.38213565699799901 52.25646784263395261, 5.38451848645801245 52.25480590682747817, 5.38504890441683859 52.25511618189407415, 5.38191278838303955 52.25692560162413969, 5.38252288661363032 52.25918474295875882, 5.38404591353515372 52.2571608595474757, 5.38877019585056249 52.25395650674930437, 5.38897389246311853 52.25282648916231665, 5.38783801275252916 52.25189159332821021, 5.38710237650601798 52.2475511982064944, 5.38461610861211781 52.24811550978695607, 5.38022310723974506 52.24854095429267886, 5.37919467062246071 52.2480859929167778, 5.37813747477125315 52.24478090195092506, 5.37275184512559711 52.24587519780977374, 5.37314912710804471 52.24918808534562942, 5.37374332864941895 52.24996728073941199, 5.37280974242677622 52.25254834302052132, 5.37745947454128537 52.2590194813683695, 5.37745947454128537 52.2590194813683695)))</t>
  </si>
  <si>
    <t>MultiPolygon (((5.37275184512559711 52.24587519780977374, 5.37813747477125315 52.24478090195092506, 5.37796354209088801 52.24282997729645217, 5.37577265110620672 52.23297504570692951, 5.37464970429706579 52.22917327672590915, 5.37638718116907821 52.22901447431195265, 5.3761389190355473 52.22671806551213791, 5.35762036245969853 52.22820126313293798, 5.3591804448717939 52.23564101874637799, 5.36674663834461541 52.23379229440374871, 5.36916621558108353 52.23412036084973664, 5.36991172717482002 52.23685276262131794, 5.36896347895871529 52.23940150454959053, 5.3707429388144714 52.24193014254358758, 5.37292988208468802 52.24286150231569081, 5.37275184512559711 52.24587519780977374, 5.37275184512559711 52.24587519780977374)))</t>
  </si>
  <si>
    <t>MultiPolygon (((5.24447419984526242 52.05377465331152109, 5.25150675605916994 52.05331950900007598, 5.24800594976520163 52.04741282245220901, 5.24989383450016156 52.04637767509071722, 5.24895336528931811 52.04211461666707095, 5.24949439812264007 52.04098601149070902, 5.25108339721631268 52.03922500179290012, 5.25588792456784049 52.03812811398319127, 5.25753997075378443 52.03831611322181061, 5.25858198152876888 52.03726072058626784, 5.25747002663235019 52.03610526717563545, 5.25749885848793852 52.03267743957085401, 5.26445293031478911 52.03112578928492837, 5.26929825429482968 52.02917030969347678, 5.27086679287657756 52.02740333875779299, 5.26323940120850509 52.02438010343919217, 5.26988436905691593 52.01832579580497651, 5.27169312120872657 52.0146091908927346, 5.27990990994340326 52.01072158712195659, 5.27570163993092489 52.00572028167223237, 5.27580701762753179 52.00248318205950682, 5.27758669740653019 52.00095442892092024, 5.27754331794282994 52.00014291995417892, 5.27447667464174241 51.99841867754489044, 5.27157534662738225 51.99777903735152762, 5.26736658087652021 51.99907976910811414, 5.26633254031919673 52.00029681503427526, 5.26616872292466276 52.00301666934057465, 5.26473623479239272 52.00322012816956629, 5.25956256608075101 52.00099921896343602, 5.24319059192980141 51.99879303049291934, 5.22940845301451152 52.01119299910831018, 5.21937402328791666 52.01521537652860872, 5.20216502245987122 52.01744671675632503, 5.20352706927177611 52.02007610052364583, 5.2002562866718236 52.02284766216434519, 5.19910316339103051 52.02521889283671896, 5.20091059868165928 52.03166319309550403, 5.20318885317081037 52.03211142535352707, 5.20351554584982612 52.03167854022020578, 5.22011373553052227 52.03580379140657186, 5.22086074484375118 52.03516023292474557, 5.23902651654026386 52.04267240829246788, 5.23801869355520644 52.04311446459934842, 5.23650415132850799 52.04522431618421052, 5.23691536602726337 52.04618807337659092, 5.23940105670549627 52.04843705936860232, 5.24324357124381457 52.04988271788453602, 5.24447419984526242 52.05377465331152109, 5.24447419984526242 52.05377465331152109),(5.24416743601111168 52.02662345880569461, 5.24333783753784299 52.02796645407067189, 5.23591984662700582 52.02484530707020127, 5.23785844425192781 52.02365432423518143, 5.23955225084688525 52.02342220544411333, 5.24176108639900384 52.02077092677650683, 5.24158326134377273 52.01783888885000806, 5.24396886491848235 52.01487572773171308, 5.24853151874884372 52.01655297926798482, 5.24473882874358033 52.01768011740434616, 5.24401246832180057 52.01847187833279662, 5.24531371459873874 52.02180889296653987, 5.24865133743511247 52.02374531195547291, 5.25289309973394669 52.02506164554131374, 5.24916530343263155 52.02717123318326031, 5.24416743601111168 52.02662345880569461, 5.24416743601111168 52.02662345880569461)))</t>
  </si>
  <si>
    <t>MultiPolygon (((5.24416743601111168 52.02662345880569461, 5.24916530343263155 52.02717123318326031, 5.25289309973394669 52.02506164554131374, 5.24865133743511247 52.02374531195547291, 5.24531371459873874 52.02180889296653987, 5.24401246832180057 52.01847187833279662, 5.24473882874358033 52.01768011740434616, 5.24853151874884372 52.01655297926798482, 5.24396886491848235 52.01487572773171308, 5.24158326134377273 52.01783888885000806, 5.24176108639900384 52.02077092677650683, 5.23955225084688525 52.02342220544411333, 5.23785844425192781 52.02365432423518143, 5.23591984662700582 52.02484530707020127, 5.24333783753784299 52.02796645407067189, 5.24416743601111168 52.02662345880569461, 5.24416743601111168 52.02662345880569461)))</t>
  </si>
  <si>
    <t>MultiPolygon (((5.21854000222393744 52.05934672449922829, 5.21913142772637073 52.05975276273112939, 5.24742309567079879 52.05864655111071926, 5.25073855184367222 52.0556454490787317, 5.25150675605916994 52.05331950900007598, 5.24447419984526242 52.05377465331152109, 5.24109906444317186 52.05684360079568052, 5.23110537678474241 52.05688079064805152, 5.22407198500168857 52.05510033396738123, 5.22680533592233409 52.05291688832240027, 5.22902258834387546 52.04689477071725889, 5.23801869355520644 52.04311446459934842, 5.23902651654026386 52.04267240829246788, 5.22086074484375118 52.03516023292474557, 5.22011373553052227 52.03580379140657186, 5.20351554584982612 52.03167854022020578, 5.20318885317081037 52.03211142535352707, 5.20091059868165928 52.03166319309550403, 5.19944985458859055 52.03371715646056117, 5.19543250164528825 52.03642691583308277, 5.19250361682647288 52.03440871944500401, 5.18954135731365263 52.03698845745508805, 5.18898463270113641 52.03840462542801504, 5.1914727121860027 52.04304437746461076, 5.19176711840818417 52.04608304263346241, 5.19448323034289139 52.0481466348639259, 5.1947220262875895 52.05098979233121526, 5.19696240273261534 52.05172708422081485, 5.20303864555794338 52.05032728718339996, 5.19796199311477647 52.04799947303165908, 5.20128573903563396 52.04546197182244072, 5.22148320210243355 52.05754597835016284, 5.21854000222393744 52.05934672449922829, 5.21854000222393744 52.05934672449922829)))</t>
  </si>
  <si>
    <t>MultiPolygon (((5.23801869355520644 52.04311446459934842, 5.22902258834387546 52.04689477071725889, 5.22680533592233409 52.05291688832240027, 5.22407198500168857 52.05510033396738123, 5.23110537678474241 52.05688079064805152, 5.24109906444317186 52.05684360079568052, 5.24447419984526242 52.05377465331152109, 5.24324357124381457 52.04988271788453602, 5.23940105670549627 52.04843705936860232, 5.23691536602726337 52.04618807337659092, 5.23650415132850799 52.04522431618421052, 5.23801869355520644 52.04311446459934842, 5.23801869355520644 52.04311446459934842)))</t>
  </si>
  <si>
    <t>MultiPolygon (((5.22148320210243355 52.05754597835016284, 5.20128573903563396 52.04546197182244072, 5.19796199311477647 52.04799947303165908, 5.20303864555794338 52.05032728718339996, 5.19696240273261534 52.05172708422081485, 5.1947220262875895 52.05098979233121526, 5.19448323034289139 52.0481466348639259, 5.19176711840818417 52.04608304263346241, 5.1914727121860027 52.04304437746461076, 5.18949931680103482 52.04331408931587077, 5.18736748208680165 52.0441234325858062, 5.17893072607252325 52.04634041117638787, 5.17883652695769303 52.04572019975034891, 5.16074355109508964 52.04551467975812784, 5.15303062539772849 52.05675729602533153, 5.15775529092703966 52.05834183424714467, 5.15689066010486652 52.06342685362070455, 5.15889724158560448 52.06486497173469274, 5.16651918405559574 52.06293610228074442, 5.18682697010994787 52.06261537595638345, 5.21854000222393744 52.05934672449922829, 5.22148320210243355 52.05754597835016284)))</t>
  </si>
  <si>
    <t>MultiPolygon (((5.16239734742628542 52.07860989601796575, 5.16691725464708362 52.07668121947119033, 5.17160624875048835 52.07867498301725817, 5.17910156271765398 52.07791507172402845, 5.18155373366203165 52.07625891843661492, 5.18628804219530526 52.0712629593065941, 5.18518461750367532 52.07080071534213062, 5.18630172578369653 52.06526793286675314, 5.16953824275690366 52.0653685007364615, 5.16930208710975947 52.06707214989534549, 5.163448769249114 52.06633399223012049, 5.15938892410419836 52.06706248261068737, 5.15640042998865056 52.06905791268047778, 5.155658250286832 52.07141621586714564, 5.16044141563889713 52.07778845162410164, 5.1601798950051192 52.0802961593259397, 5.16071905224375893 52.08056268578137349, 5.16239734742628542 52.07860989601796575, 5.16239734742628542 52.07860989601796575)))</t>
  </si>
  <si>
    <t>MultiPolygon (((5.15938892410419836 52.06706248261068737, 5.163448769249114 52.06633399223012049, 5.16930208710975947 52.06707214989534549, 5.16953824275690366 52.0653685007364615, 5.18630172578369653 52.06526793286675314, 5.18682697010994787 52.06261537595638345, 5.16651918405559574 52.06293610228074442, 5.15889724158560448 52.06486497173469274, 5.15832714030392747 52.06524986603206173, 5.15938892410419836 52.06706248261068737, 5.15938892410419836 52.06706248261068737)))</t>
  </si>
  <si>
    <t>MultiPolygon (((5.19515497015992267 52.07734628555675727, 5.19893689627950106 52.07631387649855981, 5.20054815307646656 52.07681217470130264, 5.22502198553793207 52.06492173780829802, 5.21846026220680326 52.06023876403105533, 5.21913142772637073 52.05975276273112939, 5.21854000222393744 52.05934672449922829, 5.18682697010994787 52.06261537595638345, 5.18630172578369653 52.06526793286675314, 5.18518461750367532 52.07080071534213062, 5.18628804219530526 52.0712629593065941, 5.18155373366203165 52.07625891843661492, 5.19263926110328278 52.0779142517196405, 5.19515497015992267 52.07734628555675727, 5.19515497015992267 52.07734628555675727)))</t>
  </si>
  <si>
    <t>MultiPolygon (((5.21821918075019298 52.11367266355155436, 5.22089642112875119 52.10600979289024792, 5.22232888514437743 52.10389324551795198, 5.21564470409431635 52.10202413819136069, 5.21081044493148049 52.1007212412747478, 5.21198168038560539 52.09887970391903167, 5.21140715361945439 52.09831055397135913, 5.2127271971251421 52.09767432762314598, 5.21231898904427737 52.09700340472887348, 5.2086087529472529 52.09361891065584871, 5.20959090322790619 52.09148281497915178, 5.21058763636009825 52.09031442637851939, 5.20722978222996513 52.08643929483948654, 5.20551720289283804 52.08682954654421593, 5.20671502793350705 52.08627053146858543, 5.20552461687617551 52.08489559029575133, 5.1927520575462518 52.08607644850869178, 5.18975777566234608 52.08633407728859055, 5.18617003549697042 52.09292767946698888, 5.18461926107021043 52.09314711870651138, 5.18269192041731852 52.09430762901074274, 5.18070265288218046 52.09460846201757533, 5.18056411328832578 52.09313187022137015, 5.17680769967957044 52.09335733607469621, 5.17600936418180702 52.09408364424309923, 5.17586478528751215 52.09340907512626728, 5.172011683050032 52.09378519695214749, 5.17476852283374189 52.09863817588406931, 5.17368532927651081 52.0989718692649646, 5.17720695426140498 52.10342627109904612, 5.1860748649128583 52.1024924326303136, 5.18647604613397739 52.10524695162137476, 5.19149991140040079 52.11239322894532933, 5.19311112634453664 52.11200780701431512, 5.1978117476095731 52.11130977047523771, 5.20342622839998015 52.11247467869741001, 5.21216848816849598 52.11682989685591139, 5.22841469450843199 52.12280929369411098, 5.23023208200504364 52.12262457507349467, 5.23093038597649596 52.116788885418039, 5.21821918075019298 52.11367266355155436, 5.21821918075019298 52.11367266355155436)))</t>
  </si>
  <si>
    <t>MultiPolygon (((5.1842094443150426 52.11444518837985385, 5.18695530271466865 52.11418588495799042, 5.19149991140040079 52.11239322894532933, 5.18647604613397739 52.10524695162137476, 5.1860748649128583 52.1024924326303136, 5.17720695426140498 52.10342627109904612, 5.17840467749485533 52.10558406733320425, 5.18233287113694274 52.1102757832333694, 5.1842094443150426 52.11444518837985385, 5.1842094443150426 52.11444518837985385)))</t>
  </si>
  <si>
    <t>MultiPolygon (((5.16861489102537863 52.10772641608454592, 5.17840467749485533 52.10558406733320425, 5.17720695426140498 52.10342627109904612, 5.17368532927651081 52.0989718692649646, 5.17476852283374189 52.09863817588406931, 5.172011683050032 52.09378519695214749, 5.16611516912369328 52.09372552932848066, 5.16132095046537476 52.09438452582875101, 5.15730961170255853 52.09833922664402905, 5.15640311815089092 52.0981486200559516, 5.15626971549934332 52.09840200870777238, 5.16191501053963453 52.10721536933619547, 5.16653713115461777 52.10634598695665431, 5.16767235793253654 52.10803789039159284, 5.16861489102537863 52.10772641608454592, 5.16861489102537863 52.10772641608454592)))</t>
  </si>
  <si>
    <t>MultiPolygon (((5.17408834458668565 52.11659008062472509, 5.17609415827973152 52.11597017041555091, 5.17617875654220772 52.11594084108126879, 5.17280327570465026 52.11139377345384105, 5.16861489102537863 52.10772641608454592, 5.16767235793253654 52.10803789039159284, 5.17193555854045517 52.11461306937202664, 5.17267810588693955 52.11441331509908537, 5.17408834458668565 52.11659008062472509, 5.17408834458668565 52.11659008062472509)))</t>
  </si>
  <si>
    <t>MultiPolygon (((5.17617875654220772 52.11594084108126879, 5.18090955510444751 52.11558017815326593, 5.18315785016035324 52.11439545834093678, 5.1842094443150426 52.11444518837985385, 5.18233287113694274 52.1102757832333694, 5.17840467749485533 52.10558406733320425, 5.16861489102537863 52.10772641608454592, 5.17280327570465026 52.11139377345384105, 5.17617875654220772 52.11594084108126879, 5.17617875654220772 52.11594084108126879)))</t>
  </si>
  <si>
    <t>MultiPolygon (((5.17830512320958114 52.12311996607058973, 5.18064745192916654 52.12374441275787973, 5.17828030400335493 52.11863528331323892, 5.17609415827973152 52.11597017041555091, 5.17408834458668565 52.11659008062472509, 5.17371694044002961 52.11739316211219375, 5.17524830148186243 52.11992532868178785, 5.1770439757767317 52.1226954351588887, 5.17830512320958114 52.12311996607058973, 5.17830512320958114 52.12311996607058973)))</t>
  </si>
  <si>
    <t>MultiPolygon (((5.18064745192916654 52.12374441275787973, 5.19298500448513423 52.12704103299734726, 5.19544952417813644 52.12632446187112834, 5.19426192565123213 52.12391530830301178, 5.19048543273365048 52.12219582652330985, 5.18837487973828715 52.12223132573758022, 5.18315785016035324 52.11439545834093678, 5.18090955510444751 52.11558017815326593, 5.17617875654220772 52.11594084108126879, 5.17609415827973152 52.11597017041555091, 5.17828030400335493 52.11863528331323892, 5.18064745192916654 52.12374441275787973, 5.18064745192916654 52.12374441275787973)))</t>
  </si>
  <si>
    <t>MultiPolygon (((5.20289195794991066 52.12968691492572759, 5.20403290246356409 52.12712073323781681, 5.19879020424901306 52.12045927638977361, 5.20081741122344532 52.11983183662549379, 5.20339930380989824 52.11906846319469366, 5.20328957438320128 52.11621185961038805, 5.19311112634453664 52.11200780701431512, 5.19149991140040079 52.11239322894532933, 5.18695530271466865 52.11418588495799042, 5.1842094443150426 52.11444518837985385, 5.18315785016035324 52.11439545834093678, 5.18837487973828715 52.12223132573758022, 5.19048543273365048 52.12219582652330985, 5.19426192565123213 52.12391530830301178, 5.19544952417813644 52.12632446187112834, 5.19298500448513423 52.12704103299734726, 5.20289195794991066 52.12968691492572759, 5.20289195794991066 52.12968691492572759)))</t>
  </si>
  <si>
    <t>MultiPolygon (((5.20739990240848361 52.12630991220197529, 5.21753398997751283 52.12406693231306321, 5.21807593010616255 52.12503972094044258, 5.21645635252266437 52.12832840801822698, 5.21693845101289888 52.1314105310787923, 5.2257881008303988 52.13207916391360186, 5.22899868225322528 52.13165518767063134, 5.23023208200504364 52.12262457507349467, 5.22841469450843199 52.12280929369411098, 5.21216848816849598 52.11682989685591139, 5.20342622839998015 52.11247467869741001, 5.1978117476095731 52.11130977047523771, 5.19311112634453664 52.11200780701431512, 5.20328957438320128 52.11621185961038805, 5.20339930380989824 52.11906846319469366, 5.20081741122344532 52.11983183662549379, 5.20739990240848361 52.12630991220197529, 5.20739990240848361 52.12630991220197529)))</t>
  </si>
  <si>
    <t>MultiPolygon (((5.20403290246356409 52.12712073323781681, 5.20739990240848361 52.12630991220197529, 5.20081741122344532 52.11983183662549379, 5.19879020424901306 52.12045927638977361, 5.20403290246356409 52.12712073323781681, 5.20403290246356409 52.12712073323781681)))</t>
  </si>
  <si>
    <t>MultiPolygon (((5.22957401859150384 52.13458627020936831, 5.22899868225322528 52.13165518767063134, 5.2257881008303988 52.13207916391360186, 5.21693845101289888 52.1314105310787923, 5.21645635252266437 52.12832840801822698, 5.21807593010616255 52.12503972094044258, 5.21753398997751283 52.12406693231306321, 5.20739990240848361 52.12630991220197529, 5.20403290246356409 52.12712073323781681, 5.20289195794991066 52.12968691492572759, 5.20557098026747944 52.130402206740591, 5.22928519390105251 52.13673021113455519, 5.22929919884729966 52.13663217111258774, 5.22946091644889677 52.13557015023910424, 5.22957401859150384 52.13458627020936831, 5.22957401859150384 52.13458627020936831)))</t>
  </si>
  <si>
    <t>MultiPolygon (((5.22112053670735587 52.17637229217098849, 5.22121880082260059 52.17457129667950255, 5.22270164309036122 52.17468714020434817, 5.22388921503675974 52.16537957660911928, 5.22499882092830692 52.16569961100128694, 5.22670260747046633 52.15416319220514652, 5.22070644880531276 52.14789820024164158, 5.22025447183776325 52.14824018102343928, 5.21774936354792729 52.14743600810352575, 5.2065390252360304 52.14636611837245539, 5.20306003447110665 52.14549179121753752, 5.20056364648081093 52.14115763035121631, 5.20155603179737902 52.13984065109782762, 5.20622736908331074 52.13865947926581867, 5.20280466637951999 52.13449035373403717, 5.19430924742790712 52.13662808824966532, 5.19187319787763091 52.13472864539215124, 5.18628291006574038 52.13638236981686447, 5.19362703955076199 52.14838724605430542, 5.20706087555240416 52.17379581151779888, 5.21504651064727476 52.18875379649069401, 5.21600286254275236 52.18806087063452281, 5.21207556436844843 52.1763739307951866, 5.21413155960164243 52.17667400650186238, 5.22099497749109354 52.17826047447363891, 5.22112053670735587 52.17637229217098849, 5.22112053670735587 52.17637229217098849)))</t>
  </si>
  <si>
    <t>MultiPolygon (((5.19187319787763091 52.13472864539215124, 5.19430924742790712 52.13662808824966532, 5.20280466637951999 52.13449035373403717, 5.20622736908331074 52.13865947926581867, 5.20155603179737902 52.13984065109782762, 5.20056364648081093 52.14115763035121631, 5.20306003447110665 52.14549179121753752, 5.2065390252360304 52.14636611837245539, 5.21774936354792729 52.14743600810352575, 5.22025447183776325 52.14824018102343928, 5.22070644880531276 52.14789820024164158, 5.21483882792197928 52.1419238966164329, 5.20571345569561483 52.13059795862226053, 5.19187319787763091 52.13472864539215124, 5.19187319787763091 52.13472864539215124)))</t>
  </si>
  <si>
    <t>MultiPolygon (((5.22670260747046633 52.15416319220514652, 5.22688357320452823 52.15299130663754568, 5.22928519390105251 52.13673021113455519, 5.20557098026747944 52.130402206740591, 5.20571345569561483 52.13059795862226053, 5.21483882792197928 52.1419238966164329, 5.22070644880531276 52.14789820024164158, 5.22670260747046633 52.15416319220514652, 5.22670260747046633 52.15416319220514652)))</t>
  </si>
  <si>
    <t>MultiPolygon (((5.18628291006574038 52.13638236981686447, 5.19187319787763091 52.13472864539215124, 5.20571345569561483 52.13059795862226053, 5.20557098026747944 52.130402206740591, 5.20289195794991066 52.12968691492572759, 5.19298500448513423 52.12704103299734726, 5.18064745192916654 52.12374441275787973, 5.17830512320958114 52.12311996607058973, 5.18628291006574038 52.13638236981686447, 5.18628291006574038 52.13638236981686447)))</t>
  </si>
  <si>
    <t>MultiPolygon (((5.18628291006574038 52.13638236981686447, 5.17830512320958114 52.12311996607058973, 5.1770439757767317 52.1226954351588887, 5.17524830148186243 52.11992532868178785, 5.17371694044002961 52.11739316211219375, 5.17408834458668565 52.11659008062472509, 5.17267810588693955 52.11441331509908537, 5.17193555854045517 52.11461306937202664, 5.16767235793253654 52.10803789039159284, 5.16653713115461777 52.10634598695665431, 5.16191501053963453 52.10721536933619547, 5.15726457777127845 52.10813923541702053, 5.15038081121192093 52.11087538626863136, 5.1486510911996568 52.11524373171744884, 5.14931011679696038 52.11849121851457056, 5.14673201079581943 52.12041275247397465, 5.14678657897650282 52.12156084959523383, 5.1512964218743269 52.1206458969289983, 5.15643292318328506 52.12124745081487731, 5.16055954647563908 52.12529771699586689, 5.16066897245863654 52.12614148351991616, 5.15987722516185432 52.12637187368892455, 5.15402092756164176 52.12594739176579139, 5.15499487958666602 52.12767407606219194, 5.15343458415281752 52.12796375136400684, 5.15118298467817848 52.12534525640686667, 5.14847171109454393 52.12453761210406356, 5.14593686199257849 52.12533604839281764, 5.15216043772085097 52.13462857966276687, 5.15153599660138184 52.13481117551402377, 5.15078244049057066 52.13487200259303478, 5.14636597690133968 52.12693814731720465, 5.14331846520680447 52.12508377248766323, 5.14159620924285399 52.12117475598139293, 5.1401634549748092 52.12058202396534767, 5.1403971286860255 52.12099300470290331, 5.12654838816801117 52.12459871040698545, 5.10709284935172114 52.13321116002113342, 5.11077876013070931 52.13664121111088434, 5.13258107376792605 52.13451871757661849, 5.146620576080708 52.13181778590666937, 5.15475129656394326 52.14624005995924705, 5.19362703955076199 52.14838724605430542, 5.18628291006574038 52.13638236981686447, 5.18628291006574038 52.13638236981686447)))</t>
  </si>
  <si>
    <t>MultiPolygon (((5.14593686199257849 52.12533604839281764, 5.14847171109454393 52.12453761210406356, 5.15118298467817848 52.12534525640686667, 5.15343458415281752 52.12796375136400684, 5.15499487958666602 52.12767407606219194, 5.15402092756164176 52.12594739176579139, 5.15987722516185432 52.12637187368892455, 5.16066897245863654 52.12614148351991616, 5.16055954647563908 52.12529771699586689, 5.15643292318328506 52.12124745081487731, 5.1512964218743269 52.1206458969289983, 5.14678657897650282 52.12156084959523383, 5.14673201079581943 52.12041275247397465, 5.14262421109346413 52.1208444330740619, 5.14220218526864592 52.12019196224484574, 5.14159620924285399 52.12117475598139293, 5.14331846520680447 52.12508377248766323, 5.14636597690133968 52.12693814731720465, 5.15078244049057066 52.13487200259303478, 5.15153599660138184 52.13481117551402377, 5.15216043772085097 52.13462857966276687, 5.14593686199257849 52.12533604839281764, 5.14593686199257849 52.12533604839281764)))</t>
  </si>
  <si>
    <t>MultiPolygon (((5.1598514747598081 52.16717041419817491, 5.16722261433330932 52.16640321812854353, 5.172937123306939 52.16510237750610202, 5.18358419877185828 52.16740458577154982, 5.18468297079378182 52.16713793395422272, 5.19263706696809901 52.16849402319982687, 5.19405279355491611 52.17111280574741272, 5.19744440604206748 52.17036732729938819, 5.20149530192494503 52.17029805282066945, 5.20369266507780637 52.17416223139360199, 5.20706087555240416 52.17379581151779888, 5.19362703955076199 52.14838724605430542, 5.15475129656394326 52.14624005995924705, 5.1439833338815566 52.14486751304411172, 5.15311379124946889 52.15674833023532386, 5.1598514747598081 52.16717041419817491, 5.1598514747598081 52.16717041419817491),(5.16562228577347415 52.15626607701789652, 5.16892408202812259 52.15564099888445782, 5.16949947603101378 52.15221433214397706, 5.17220039721846092 52.15123382540082275, 5.17896164301699091 52.15015630824751725, 5.18397268375806508 52.15779281348622476, 5.18500410521100807 52.15815415989629855, 5.18473560755686602 52.15734198559280799, 5.18849728972857971 52.1565259525041256, 5.19121899441571966 52.15778972056784113, 5.19231258800255802 52.15982244137637736, 5.18406583598762438 52.15886393803499033, 5.17266726714182479 52.15981051340220631, 5.17222110611008734 52.15907771609479227, 5.16793052370343897 52.15997739032474101, 5.16950779954189343 52.16255475372274475, 5.16776947535836584 52.16297687392442128, 5.16373406243424427 52.15669837598400704, 5.16562228577347415 52.15626607701789652, 5.16562228577347415 52.15626607701789652)))</t>
  </si>
  <si>
    <t>MultiPolygon (((5.16562228577347415 52.15626607701789652, 5.16373406243424427 52.15669837598400704, 5.16776947535836584 52.16297687392442128, 5.16950779954189343 52.16255475372274475, 5.16793052370343897 52.15997739032474101, 5.16562228577347415 52.15626607701789652, 5.16562228577347415 52.15626607701789652)))</t>
  </si>
  <si>
    <t>MultiPolygon (((5.16562228577347415 52.15626607701789652, 5.16793052370343897 52.15997739032474101, 5.17222110611008734 52.15907771609479227, 5.17266726714182479 52.15981051340220631, 5.18406583598762438 52.15886393803499033, 5.19231258800255802 52.15982244137637736, 5.19121899441571966 52.15778972056784113, 5.18849728972857971 52.1565259525041256, 5.18473560755686602 52.15734198559280799, 5.18500410521100807 52.15815415989629855, 5.18397268375806508 52.15779281348622476, 5.17896164301699091 52.15015630824751725, 5.17220039721846092 52.15123382540082275, 5.16949947603101378 52.15221433214397706, 5.16892408202812259 52.15564099888445782, 5.16562228577347415 52.15626607701789652, 5.16562228577347415 52.15626607701789652)))</t>
  </si>
  <si>
    <t>MultiPolygon (((5.21550072665735076 52.20427342551224115, 5.21630088265790892 52.20304146783124821, 5.21410992155425657 52.19916037073637227, 5.21325407965756238 52.19008183634181819, 5.21504651064727476 52.18875379649069401, 5.20706087555240416 52.17379581151779888, 5.20369266507780637 52.17416223139360199, 5.20149530192494503 52.17029805282066945, 5.19744440604206748 52.17036732729938819, 5.19405279355491611 52.17111280574741272, 5.19263706696809901 52.16849402319982687, 5.18468297079378182 52.16713793395422272, 5.18358419877185828 52.16740458577154982, 5.172937123306939 52.16510237750610202, 5.16722261433330932 52.16640321812854353, 5.1598514747598081 52.16717041419817491, 5.14733103601025288 52.17251710247243324, 5.11884519387059367 52.17240604327530917, 5.11531114079466676 52.17981628694540319, 5.12141257834993624 52.18095275420024137, 5.12411058786028928 52.18082739193828701, 5.16674020664277833 52.17897579151645004, 5.16347945206134806 52.17590909609462102, 5.1648987546822136 52.17387039916958003, 5.16622544807339423 52.17363552089868506, 5.16741245156073603 52.175631630385368, 5.17135280712840917 52.17479170770346997, 5.17381853617363241 52.17675356177235102, 5.1751037725055129 52.17700183966378091, 5.17006651679939289 52.16865884514324847, 5.16973352457690982 52.16724730343617011, 5.17055154217813406 52.16703000042878102, 5.17515477327511864 52.1726619783128811, 5.18032145665781396 52.17114679616260986, 5.1841855680682789 52.17795466607392285, 5.19258596492610192 52.17783294560829432, 5.21550072665735076 52.20427342551224115)))</t>
  </si>
  <si>
    <t>MultiPolygon (((5.16674020664277833 52.17897579151645004, 5.16970481513673086 52.17880269795828241, 5.17943166784766529 52.17821338777841333, 5.1841855680682789 52.17795466607392285, 5.18032145665781396 52.17114679616260986, 5.17515477327511864 52.1726619783128811, 5.17055154217813406 52.16703000042878102, 5.16973352457690982 52.16724730343617011, 5.17006651679939289 52.16865884514324847, 5.1751037725055129 52.17700183966378091, 5.17381853617363241 52.17675356177235102, 5.17135280712840917 52.17479170770346997, 5.16741245156073603 52.175631630385368, 5.16622544807339423 52.17363552089868506, 5.1648987546822136 52.17387039916958003, 5.16347945206134806 52.17590909609462102, 5.16674020664277833 52.17897579151645004, 5.16674020664277833 52.17897579151645004)))</t>
  </si>
  <si>
    <t>MultiPolygon (((5.11884519387059367 52.17240604327530917, 5.14733103601025288 52.17251710247243324, 5.1598514747598081 52.16717041419817491, 5.15311379124946889 52.15674833023532386, 5.1439833338815566 52.14486751304411172, 5.15475129656394326 52.14624005995924705, 5.146620576080708 52.13181778590666937, 5.13258107376792605 52.13451871757661849, 5.11077876013070931 52.13664121111088434, 5.12052895061906987 52.14554113952479497, 5.09550889038319621 52.15507839814780766, 5.09488971457579343 52.15534902674038875, 5.11884519387059367 52.17240604327530917, 5.11884519387059367 52.17240604327530917),(5.11085819596254343 52.15773497374605228, 5.10554164017205547 52.15999243513457628, 5.10331623175037308 52.15842046489402861, 5.10689623090490485 52.15626377650188772, 5.1079763538034646 52.1572166358082967, 5.12237093834508705 52.15138228973881951, 5.11997542966699193 52.14928917548529341, 5.12472079375262268 52.1473596516456297, 5.12620622246527802 52.14879221975301249, 5.13019076139869146 52.14925244345719335, 5.14356132182558135 52.14719222942230914, 5.14507404063248774 52.14856415419467339, 5.13889200675362012 52.15041169452652525, 5.13810732442617191 52.1497874101142358, 5.1299944836414797 52.15063371566078132, 5.11163897322735394 52.15756894521823028, 5.11292063096104688 52.15837123579384382, 5.11234684421420837 52.15868962375074602, 5.11085819596254343 52.15773497374605228, 5.11085819596254343 52.15773497374605228)))</t>
  </si>
  <si>
    <t>MultiPolygon (((5.11085819596254343 52.15773497374605228, 5.11234684421420837 52.15868962375074602, 5.11292063096104688 52.15837123579384382, 5.11163897322735394 52.15756894521823028, 5.1299944836414797 52.15063371566078132, 5.13810732442617191 52.1497874101142358, 5.13889200675362012 52.15041169452652525, 5.14507404063248774 52.14856415419467339, 5.14356132182558135 52.14719222942230914, 5.13019076139869146 52.14925244345719335, 5.12620622246527802 52.14879221975301249, 5.12472079375262268 52.1473596516456297, 5.11997542966699193 52.14928917548529341, 5.12237093834508705 52.15138228973881951, 5.1079763538034646 52.1572166358082967, 5.10689623090490485 52.15626377650188772, 5.10331623175037308 52.15842046489402861, 5.10554164017205547 52.15999243513457628, 5.11085819596254343 52.15773497374605228, 5.11085819596254343 52.15773497374605228)))</t>
  </si>
  <si>
    <t>MultiPolygon (((5.23323881989687667 52.18829722576759167, 5.23710902776149112 52.17954732069782153, 5.23790072132266271 52.17125091060242426, 5.2359854021108756 52.17109932863607469, 5.23631578871889314 52.16745825071987497, 5.22499882092830692 52.16569961100128694, 5.22388921503675974 52.16537957660911928, 5.22270164309036122 52.17468714020434817, 5.22121880082260059 52.17457129667950255, 5.22112053670735587 52.17637229217098849, 5.22703294071175062 52.17692972204877577, 5.22775936676279507 52.17775927762138366, 5.22792655915561078 52.18211947888394775, 5.22459255847048087 52.18546658068376587, 5.21651504699081769 52.1824021084748324, 5.21413155960164243 52.17667400650186238, 5.21207556436844843 52.1763739307951866, 5.21600286254275236 52.18806087063452281, 5.21504651064727476 52.18875379649069401, 5.21325407965756238 52.19008183634181819, 5.21410992155425657 52.19916037073637227, 5.21630088265790892 52.20304146783124821, 5.21550072665735076 52.20427342551224115, 5.21652930120258063 52.20545073535818403, 5.23036298519995668 52.2035266488961156, 5.23454229941035987 52.20213834440215805, 5.22956874337076272 52.19178969373029986, 5.23323881989687667 52.18829722576759167, 5.23323881989687667 52.18829722576759167)))</t>
  </si>
  <si>
    <t>MultiPolygon (((5.21413155960164243 52.17667400650186238, 5.21651504699081769 52.1824021084748324, 5.22459255847048087 52.18546658068376587, 5.22792655915561078 52.18211947888394775, 5.22775936676279507 52.17775927762138366, 5.22703294071175062 52.17692972204877577, 5.22112053670735587 52.17637229217098849, 5.22099497749109354 52.17826047447363891, 5.21413155960164243 52.17667400650186238, 5.21413155960164243 52.17667400650186238)))</t>
  </si>
  <si>
    <t>MultiPolygon (((5.22473024132694253 52.22519709437526814, 5.23263310804910997 52.22498848500575264, 5.2332405497153367 52.21646652404827904, 5.23208552232087865 52.21387577862941498, 5.2205774994773444 52.21597137070281747, 5.22473024132694253 52.22519709437526814, 5.22473024132694253 52.22519709437526814)))</t>
  </si>
  <si>
    <t>MultiPolygon (((5.25621344845974736 52.21877179488286203, 5.25821464114649562 52.20955231098090366, 5.27009520604221571 52.20930065957073651, 5.27444878916926108 52.20309315937181793, 5.28337531517426839 52.20738966611509824, 5.28971623156543558 52.20316627887500971, 5.28995498786468055 52.20300104225430005, 5.29645523429962672 52.19817505559619519, 5.29711927207671351 52.19750395762166306, 5.28249891851592146 52.19207419701732675, 5.2823350875292121 52.19286099426454228, 5.28158293907254617 52.19260846639472362, 5.27021551062797844 52.18852556962556832, 5.26208076732898977 52.18393862700636987, 5.25723026213582489 52.1808698133709683, 5.24925986432041469 52.17573006833154636, 5.24695678091523288 52.17422579176101038, 5.24317262813961715 52.17007641732889311, 5.23904131841394349 52.1676222703063317, 5.23835980464915707 52.16777471143948475, 5.23790072132266271 52.17125091060242426, 5.23710902776149112 52.17954732069782153, 5.23323881989687667 52.18829722576759167, 5.22956874337076272 52.19178969373029986, 5.23454229941035987 52.20213834440215805, 5.23036298519995668 52.2035266488961156, 5.21652930120258063 52.20545073535818403, 5.21896032236996454 52.21212871443328396, 5.2205774994773444 52.21597137070281747, 5.23208552232087865 52.21387577862941498, 5.2332405497153367 52.21646652404827904, 5.23263310804910997 52.22498848500575264, 5.25416725939829821 52.22444523874595035, 5.25558931129929174 52.2244132481179264, 5.25498631633594027 52.22208483331339579, 5.25836579927187753 52.22101113243310522, 5.26092235320771362 52.21936486650937326, 5.25621344845974736 52.21877179488286203, 5.25621344845974736 52.21877179488286203)))</t>
  </si>
  <si>
    <t>MultiPolygon (((5.27009520604221571 52.20930065957073651, 5.27807301011376317 52.20909105596361854, 5.27912483974859459 52.20890643645434182, 5.28337531517426839 52.20738966611509824, 5.27444878916926108 52.20309315937181793, 5.27009520604221571 52.20930065957073651, 5.27009520604221571 52.20930065957073651)))</t>
  </si>
  <si>
    <t>MultiPolygon (((5.26092235320771362 52.21936486650937326, 5.26307626050263266 52.21804732219678868, 5.27464099201985981 52.21882062679698322, 5.27575777916388144 52.21697942352025024, 5.27803816532343451 52.21569690273909714, 5.28152859205741709 52.21481899454642672, 5.27574475285894007 52.21273196696170515, 5.27807301011376317 52.20909105596361854, 5.27009520604221571 52.20930065957073651, 5.25821464114649562 52.20955231098090366, 5.25621344845974736 52.21877179488286203, 5.26092235320771362 52.21936486650937326, 5.26092235320771362 52.21936486650937326)))</t>
  </si>
  <si>
    <t>MultiPolygon (((5.33526357654101968 52.22631065926589855, 5.3343234912168489 52.22012311039305388, 5.33054136763133357 52.21473170936427977, 5.32788205946395355 52.20935004304604377, 5.33069173898157711 52.20338483374201388, 5.31428202612757694 52.20302272780212149, 5.31362586419219518 52.20421917129747413, 5.31218346831562194 52.20424482191644699, 5.30958852845000084 52.20661519052763566, 5.30774277121107385 52.20721868034530644, 5.3066715674283671 52.20957675915517626, 5.30891777238784535 52.2112272001461335, 5.31029148893533165 52.2138795132849296, 5.30653213892498155 52.21571052958579884, 5.30644402379521818 52.21945927222132866, 5.31315788242334364 52.22195128507373596, 5.31461303181419709 52.22453529593042987, 5.31312856523750376 52.22564901868506126, 5.31261731237419976 52.2252889960631137, 5.31340370175298204 52.22470192823735147, 5.31120698254817736 52.22456747334889826, 5.3100794767343098 52.22596407138478014, 5.31064930963090021 52.22622721822590819, 5.31159369834518014 52.22650782284370052, 5.31064244715521205 52.22759127689899827, 5.30740068242422236 52.22919001804557837, 5.30661149162585577 52.23026790400248842, 5.30768282273429293 52.23159652393206898, 5.30976757400876487 52.23218603982048336, 5.31227797417519376 52.23282882967364316, 5.31975629520297133 52.2310014315185569, 5.33554119087619583 52.22845199545722039, 5.33526357654101968 52.22631065926589855, 5.33526357654101968 52.22631065926589855)))</t>
  </si>
  <si>
    <t>MultiPolygon (((5.30958852845000084 52.20661519052763566, 5.31218346831562194 52.20424482191644699, 5.31066438080059378 52.20348381163866236, 5.30879181363975938 52.20454858981641166, 5.30401779937461448 52.20001068502050146, 5.29726661708369662 52.19755723390090907, 5.29711927207671351 52.19750395762166306, 5.29645523429962672 52.19817505559619519, 5.29827168743536525 52.19929268963804958, 5.30218033440711523 52.20660279625805344, 5.3026874116952456 52.20878133351126138, 5.3066715674283671 52.20957675915517626, 5.30774277121107385 52.20721868034530644, 5.30958852845000084 52.20661519052763566, 5.30958852845000084 52.20661519052763566)))</t>
  </si>
  <si>
    <t>MultiPolygon (((5.29977377877561029 52.21381928415891593, 5.30653213892498155 52.21571052958579884, 5.31029148893533165 52.2138795132849296, 5.30891777238784535 52.2112272001461335, 5.3066715674283671 52.20957675915517626, 5.3026874116952456 52.20878133351126138, 5.3011613369034043 52.21006534800122267, 5.30235012879960976 52.2110730988112266, 5.29977377877561029 52.21381928415891593, 5.29977377877561029 52.21381928415891593)))</t>
  </si>
  <si>
    <t>MultiPolygon (((5.29977377877561029 52.21381928415891593, 5.29711199365581464 52.21310576532439285, 5.29181153107981217 52.21391722709098815, 5.29039131575277555 52.21483486403751328, 5.29235575537445424 52.2200431030383001, 5.29068601743704114 52.22209996435104529, 5.2888033769643279 52.22299254648725508, 5.29416825379726497 52.22354512517247116, 5.30096955158133021 52.22352429440113752, 5.30272149576359997 52.22237137780317795, 5.30265419408888494 52.22148149895080849, 5.30644402379521818 52.21945927222132866, 5.30653213892498155 52.21571052958579884, 5.29977377877561029 52.21381928415891593, 5.29977377877561029 52.21381928415891593)))</t>
  </si>
  <si>
    <t>MultiPolygon (((5.28757455555996092 52.22288250629912199, 5.2888033769643279 52.22299254648725508, 5.29068601743704114 52.22209996435104529, 5.29235575537445424 52.2200431030383001, 5.29039131575277555 52.21483486403751328, 5.28528393535313867 52.2180763694948098, 5.28757455555996092 52.22288250629912199, 5.28757455555996092 52.22288250629912199)))</t>
  </si>
  <si>
    <t>MultiPolygon (((5.27057248704693482 52.22400644374040013, 5.28310698748649976 52.22354029403065567, 5.28757455555996092 52.22288250629912199, 5.28528393535313867 52.2180763694948098, 5.27730794213711629 52.21845560926195873, 5.27531898864050586 52.21909999465777474, 5.27057248704693482 52.22400644374040013, 5.27057248704693482 52.22400644374040013)))</t>
  </si>
  <si>
    <t>MultiPolygon (((5.25558931129929174 52.2244132481179264, 5.25572554909502987 52.2244105541436312, 5.27057248704693482 52.22400644374040013, 5.27531898864050586 52.21909999465777474, 5.27464099201985981 52.21882062679698322, 5.26307626050263266 52.21804732219678868, 5.26092235320771362 52.21936486650937326, 5.25836579927187753 52.22101113243310522, 5.25498631633594027 52.22208483331339579, 5.25558931129929174 52.2244132481179264, 5.25558931129929174 52.2244132481179264)))</t>
  </si>
  <si>
    <t>MultiPolygon (((5.28390518727232372 52.21174144247545712, 5.29030397886510872 52.21035590861566078, 5.28983950028146754 52.20916535995887386, 5.28337531517426839 52.20738966611509824, 5.27912483974859459 52.20890643645434182, 5.28390518727232372 52.21174144247545712, 5.28390518727232372 52.21174144247545712)))</t>
  </si>
  <si>
    <t>MultiPolygon (((5.28983950028146754 52.20916535995887386, 5.2913426795762053 52.20895143863126009, 5.28971623156543558 52.20316627887500971, 5.28337531517426839 52.20738966611509824, 5.28983950028146754 52.20916535995887386, 5.28983950028146754 52.20916535995887386)))</t>
  </si>
  <si>
    <t>MultiPolygon (((5.28995498786468055 52.20300104225430005, 5.30218033440711523 52.20660279625805344, 5.29827168743536525 52.19929268963804958, 5.29645523429962672 52.19817505559619519, 5.28995498786468055 52.20300104225430005, 5.28995498786468055 52.20300104225430005)))</t>
  </si>
  <si>
    <t>MultiPolygon (((5.2913426795762053 52.20895143863126009, 5.29708904177488904 52.20849558102253241, 5.3011613369034043 52.21006534800122267, 5.3026874116952456 52.20878133351126138, 5.30218033440711523 52.20660279625805344, 5.28995498786468055 52.20300104225430005, 5.28971623156543558 52.20316627887500971, 5.2913426795762053 52.20895143863126009, 5.2913426795762053 52.20895143863126009)))</t>
  </si>
  <si>
    <t>MultiPolygon (((5.27464099201985981 52.21882062679698322, 5.27531898864050586 52.21909999465777474, 5.27730794213711629 52.21845560926195873, 5.28528393535313867 52.2180763694948098, 5.29039131575277555 52.21483486403751328, 5.29181153107981217 52.21391722709098815, 5.28643617946251698 52.21374837183282125, 5.28241018391850758 52.21460515661527779, 5.28152859205741709 52.21481899454642672, 5.27803816532343451 52.21569690273909714, 5.27575777916388144 52.21697942352025024, 5.27464099201985981 52.21882062679698322, 5.27464099201985981 52.21882062679698322)))</t>
  </si>
  <si>
    <t>MultiPolygon (((5.28152859205741709 52.21481899454642672, 5.28241018391850758 52.21460515661527779, 5.28390518727232372 52.21174144247545712, 5.27912483974859459 52.20890643645434182, 5.27807301011376317 52.20909105596361854, 5.27574475285894007 52.21273196696170515, 5.28152859205741709 52.21481899454642672, 5.28152859205741709 52.21481899454642672)))</t>
  </si>
  <si>
    <t>MultiPolygon (((5.29711199365581464 52.21310576532439285, 5.29977377877561029 52.21381928415891593, 5.30235012879960976 52.2110730988112266, 5.3011613369034043 52.21006534800122267, 5.29708904177488904 52.20849558102253241, 5.2913426795762053 52.20895143863126009, 5.28983950028146754 52.20916535995887386, 5.29030397886510872 52.21035590861566078, 5.2977104939117261 52.21163626251393453, 5.29711199365581464 52.21310576532439285, 5.29711199365581464 52.21310576532439285)))</t>
  </si>
  <si>
    <t>MultiPolygon (((5.28241018391850758 52.21460515661527779, 5.28643617946251698 52.21374837183282125, 5.29181153107981217 52.21391722709098815, 5.29711199365581464 52.21310576532439285, 5.2977104939117261 52.21163626251393453, 5.29030397886510872 52.21035590861566078, 5.28390518727232372 52.21174144247545712, 5.28241018391850758 52.21460515661527779, 5.28241018391850758 52.21460515661527779)))</t>
  </si>
  <si>
    <t>MultiPolygon (((5.65003709792560205 52.61559374115326193, 5.65120933350529508 52.61476633072944509, 5.64197553031223453 52.60984581445723052, 5.63996775206076872 52.60786683382385576, 5.65080642432007885 52.59931817575066049, 5.65476540742147904 52.5973365933157595, 5.72555360393081791 52.58643566669195479, 5.69229488701827435 52.55196742215483141, 5.68228329304982438 52.54296337226972469, 5.6793257186131143 52.54030170545907197, 5.6670193871213943 52.54541310534369103, 5.6657475395162713 52.5445255305772605, 5.66723484004821643 52.53561805632811144, 5.63981773670001285 52.53407952266937286, 5.64063060844710051 52.52904492153733429, 5.63622421376691918 52.52878598542548616, 5.63682786785604595 52.52498451705683635, 5.64555207787404623 52.52608361745969034, 5.65032586934413672 52.52547666049707686, 5.65299481441903406 52.51838579996725542, 5.63648691137263569 52.51620656835211776, 5.59128079232749986 52.51412248517586789, 5.58831299701519146 52.54918511710024376, 5.58741049354835706 52.56345976924964702, 5.57288847732078008 52.59615741822423729, 5.62831521526124323 52.60535899635115697, 5.64154708503946978 52.61054825934341039, 5.64932034741323719 52.61466200097783741, 5.65003709792560205 52.61559374115326193, 5.65003709792560205 52.61559374115326193),(5.64934445173995936 52.56974899562042225, 5.65504868971629016 52.56707439166363827, 5.65632524420443783 52.56708253436247702, 5.65936205199895603 52.57033779357063707, 5.65381409495305398 52.57247848737018359, 5.65509447429848233 52.57370896514430569, 5.64837686209151713 52.57631403288127814, 5.64422065679126206 52.57488377322127349, 5.64934445173995936 52.56974899562042225, 5.64934445173995936 52.56974899562042225),(5.634972811404376 52.57418602749114456, 5.62886181339526193 52.57316158107848736, 5.62506713762534094 52.57177104275619683, 5.62606166321023604 52.56970715549084616, 5.63153346330175264 52.57031891159010684, 5.63436361685169906 52.56681550644854894, 5.63804810659791933 52.56331221075559057, 5.63593071856936678 52.56140120738364629, 5.64535092244126346 52.55750476766905877, 5.64805175935121273 52.55991918646627425, 5.65487164719217628 52.56641009677338872, 5.65200594180789917 52.56758895561287659, 5.64687219742813262 52.57087495904021779, 5.6446179580223923 52.57298466188787955, 5.64304099844844398 52.57551784941565387, 5.634972811404376 52.57418602749114456, 5.634972811404376 52.57418602749114456)))</t>
  </si>
  <si>
    <t>MultiPolygon (((5.64766475612074359 52.56369522152184715, 5.65200594180789917 52.56758895561287659, 5.65487164719217628 52.56641009677338872, 5.64805175935121273 52.55991918646627425, 5.64532287145427158 52.56104844578106139, 5.64766475612074359 52.56369522152184715, 5.64766475612074359 52.56369522152184715)))</t>
  </si>
  <si>
    <t>MultiPolygon (((5.64934445173995936 52.56974899562042225, 5.65250840382766562 52.57122360421587359, 5.65381409495305398 52.57247848737018359, 5.65936205199895603 52.57033779357063707, 5.65632524420443783 52.56708253436247702, 5.65504868971629016 52.56707439166363827, 5.64934445173995936 52.56974899562042225, 5.64934445173995936 52.56974899562042225)))</t>
  </si>
  <si>
    <t>MultiPolygon (((5.64934445173995936 52.56974899562042225, 5.64422065679126206 52.57488377322127349, 5.64837686209151713 52.57631403288127814, 5.65509447429848233 52.57370896514430569, 5.65381409495305398 52.57247848737018359, 5.65250840382766562 52.57122360421587359, 5.64934445173995936 52.56974899562042225, 5.64934445173995936 52.56974899562042225)))</t>
  </si>
  <si>
    <t>MultiPolygon (((5.63436361685169906 52.56681550644854894, 5.64010881261369423 52.56809550670896414, 5.64159995851356655 52.56661666883948669, 5.64327272496784715 52.56485824507483073, 5.64766475612074359 52.56369522152184715, 5.64532287145427158 52.56104844578106139, 5.64805175935121273 52.55991918646627425, 5.64535092244126346 52.55750476766905877, 5.63593071856936678 52.56140120738364629, 5.63804810659791933 52.56331221075559057, 5.63436361685169906 52.56681550644854894, 5.63436361685169906 52.56681550644854894)))</t>
  </si>
  <si>
    <t>MultiPolygon (((5.64374435116424156 52.56979213854054223, 5.64687219742813262 52.57087495904021779, 5.65200594180789917 52.56758895561287659, 5.64766475612074359 52.56369522152184715, 5.64327272496784715 52.56485824507483073, 5.64159995851356655 52.56661666883948669, 5.64374435116424156 52.56979213854054223, 5.64374435116424156 52.56979213854054223)))</t>
  </si>
  <si>
    <t>MultiPolygon (((5.634972811404376 52.57418602749114456, 5.63658855174928775 52.57063125945571613, 5.64038326494333742 52.57265871065475693, 5.64227079625982864 52.57189941947424927, 5.64374435116424156 52.56979213854054223, 5.64159995851356655 52.56661666883948669, 5.64010881261369423 52.56809550670896414, 5.63436361685169906 52.56681550644854894, 5.63153346330175264 52.57031891159010684, 5.62606166321023604 52.56970715549084616, 5.62506713762534094 52.57177104275619683, 5.62886181339526193 52.57316158107848736, 5.634972811404376 52.57418602749114456, 5.634972811404376 52.57418602749114456)))</t>
  </si>
  <si>
    <t>MultiPolygon (((5.64227079625982864 52.57189941947424927, 5.6446179580223923 52.57298466188787955, 5.64687219742813262 52.57087495904021779, 5.64374435116424156 52.56979213854054223, 5.64227079625982864 52.57189941947424927, 5.64227079625982864 52.57189941947424927)))</t>
  </si>
  <si>
    <t>MultiPolygon (((5.634972811404376 52.57418602749114456, 5.64304099844844398 52.57551784941565387, 5.6446179580223923 52.57298466188787955, 5.64227079625982864 52.57189941947424927, 5.64038326494333742 52.57265871065475693, 5.63658855174928775 52.57063125945571613, 5.634972811404376 52.57418602749114456, 5.634972811404376 52.57418602749114456)))</t>
  </si>
  <si>
    <t>MultiPolygon (((5.65551174481884988 52.49040049240085182, 5.66158746992414308 52.49595599957896752, 5.71001481597537719 52.48345265737059151, 5.7131599301850402 52.48726685499532607, 5.72419480228411537 52.48432382924434592, 5.72864794227722829 52.48625205831537954, 5.72675087980671726 52.48764674851094014, 5.73241672246180656 52.4958831151762908, 5.74367000739272271 52.49295453567854253, 5.73877882074073753 52.49041629524274555, 5.74653100319232202 52.4837274019660498, 5.75049927928779425 52.48499258960028158, 5.75808303703708546 52.48947009501049621, 5.76747579762339502 52.48642487311424532, 5.78815399413380138 52.4761981226228329, 5.80574379674621532 52.47060918408557484, 5.80423134956422704 52.46578717512175416, 5.80460411238441232 52.4637327596042482, 5.81445036478962685 52.45673220717594631, 5.81233166335778506 52.45662406647436882, 5.80377820681141987 52.44585714871280402, 5.80271709969170768 52.4462028509321101, 5.79984357848211296 52.44145545953765009, 5.79727314066722066 52.43962041502442872, 5.79705859213129315 52.43883213075636007, 5.78133325785775654 52.43088794175818634, 5.7779105352359057 52.42833550139177845, 5.77578082279474003 52.4279076919120115, 5.75725504339270255 52.41898319498789505, 5.74701118788160059 52.41458253887174834, 5.74521155015100682 52.41466041085194405, 5.74460016911887017 52.41405070385361142, 5.74484686351151552 52.415156020368741, 5.74233879093812938 52.41530470902449679, 5.74201649652492208 52.41454445148159635, 5.74381511185427307 52.41374716507933584, 5.74178153116806467 52.41359578492125593, 5.73977580765384232 52.41530857650246134, 5.72650680336322893 52.41697212470962342, 5.72011271923203335 52.41613539738038696, 5.66146964265551134 52.39793743396558767, 5.64525318809144316 52.39073053914967204, 5.64448300231332567 52.38992364055764028, 5.64516290674422017 52.38923770096248944, 5.64383709233890762 52.3892469148024702, 5.64475861218997021 52.38853991833128987, 5.63930482623707796 52.38731657383521423, 5.63735425712244886 52.38574292799886933, 5.63670929346910565 52.38618688213668406, 5.6354215955595155 52.38500978525716789, 5.63621674965366815 52.38415255176622054, 5.63569996008559748 52.38395062151046488, 5.63454321124778534 52.38478214232610242, 5.63264315099569668 52.38404860833702514, 5.63439291456740055 52.3825686539033768, 5.63230394519728428 52.38391764981955134, 5.62520077526125561 52.38031535253102078, 5.6233351745966802 52.37661259098273092, 5.6207984647307061 52.37592102821064799, 5.61613245227298208 52.37172134197925999, 5.61677588868817956 52.37077827651959439, 5.61518939629303482 52.3708404646618888, 5.61473411518527055 52.37056507159416441, 5.61466928570071921 52.37052585757282941, 5.61355656248742996 52.3710421097596992, 5.61185163084614747 52.37468742036067226, 5.61718765164272771 52.38478262280533215, 5.62298315572836316 52.40880160898527151, 5.61840096031866043 52.40856824614968446, 5.58906997696617402 52.41118658957994825, 5.58799819910431328 52.414766242683136, 5.56663684910561418 52.43586299753253854, 5.57380317691814131 52.43879409839270522, 5.5819722362706754 52.44559245900271094, 5.58638861843346213 52.44771059235347366, 5.57277982632329394 52.46244837101787795, 5.56541983772016646 52.47028069722674815, 5.60587033214299435 52.48451983453477254, 5.64478346412562981 52.49994860634708971, 5.65551174481884988 52.49040049240085182),(5.69237980149344835 52.45975979314035698, 5.68487637899554876 52.45604646239878122, 5.681449644992977 52.45430821114779718, 5.68588406222753129 52.45114959379549902, 5.68330401936124918 52.44950524307485296, 5.68613342890185791 52.44754856706388324, 5.69532703911817872 52.44822394867662751, 5.69712327265803697 52.44753823350740163, 5.69707302675314242 52.44700156252506673, 5.70487760283040668 52.44959793908012102, 5.70748584718693142 52.44667927655068951, 5.70891003008384335 52.44714846522330021, 5.70630058051646483 52.45006787757871791, 5.71092043960922613 52.45159319523132524, 5.70618153138778617 52.45601724378314401, 5.71060766396019925 52.45755143107847829, 5.70764332470481861 52.4601032795995863, 5.71185311376226235 52.46192738303064829, 5.71017833792596363 52.46336950125026277, 5.70697909457270658 52.46612398101681407, 5.69237980149344835 52.45975979314035698)))</t>
  </si>
  <si>
    <t>MultiPolygon (((5.7016527064762057 52.45764636254147462, 5.70173446284349161 52.45973061884736666, 5.71017833792596363 52.46336950125026277, 5.71185311376226235 52.46192738303064829, 5.70764332470481861 52.4601032795995863, 5.71060766396019925 52.45755143107847829, 5.70618153138778617 52.45601724378314401, 5.70522636644621528 52.45611361039788534, 5.7016527064762057 52.45764636254147462, 5.7016527064762057 52.45764636254147462)))</t>
  </si>
  <si>
    <t>MultiPolygon (((5.69237980149344835 52.45975979314035698, 5.70697909457270658 52.46612398101681407, 5.71017833792596363 52.46336950125026277, 5.70173446284349161 52.45973061884736666, 5.7016527064762057 52.45764636254147462, 5.69620535748307155 52.45773737284296345, 5.69237980149344835 52.45975979314035698, 5.69237980149344835 52.45975979314035698)))</t>
  </si>
  <si>
    <t>MultiPolygon (((5.70522636644621528 52.45611361039788534, 5.70618153138778617 52.45601724378314401, 5.71092043960922613 52.45159319523132524, 5.70630058051646483 52.45006787757871791, 5.70891003008384335 52.44714846522330021, 5.70748584718693142 52.44667927655068951, 5.70487760283040668 52.44959793908012102, 5.69707302675314242 52.44700156252506673, 5.69712327265803697 52.44753823350740163, 5.70055793491823426 52.45363518974260586, 5.70557426376124344 52.45580694568702995, 5.70522636644621528 52.45611361039788534, 5.70522636644621528 52.45611361039788534)))</t>
  </si>
  <si>
    <t>MultiPolygon (((5.69666505432417924 52.45247743440157251, 5.69988191634819863 52.45424518681996773, 5.70055793491823426 52.45363518974260586, 5.69712327265803697 52.44753823350740163, 5.69532703911817872 52.44822394867662751, 5.68613342890185791 52.44754856706388324, 5.68330401936124918 52.44950524307485296, 5.68588406222753129 52.45114959379549902, 5.6870555243708889 52.45199911439044627, 5.69128325168740812 52.44947719332288472, 5.69666505432417924 52.45247743440157251, 5.69666505432417924 52.45247743440157251)))</t>
  </si>
  <si>
    <t>MultiPolygon (((5.69620535748307155 52.45773737284296345, 5.7016527064762057 52.45764636254147462, 5.70522636644621528 52.45611361039788534, 5.70557426376124344 52.45580694568702995, 5.70055793491823426 52.45363518974260586, 5.69988191634819863 52.45424518681996773, 5.69666505432417924 52.45247743440157251, 5.69368988802191911 52.45461065429208247, 5.69409722162760978 52.45656284603740716, 5.69620535748307155 52.45773737284296345, 5.69620535748307155 52.45773737284296345)))</t>
  </si>
  <si>
    <t>MultiPolygon (((5.69220728371884732 52.45669044185437002, 5.69409722162760978 52.45656284603740716, 5.69368988802191911 52.45461065429208247, 5.69220728371884732 52.45669044185437002, 5.69220728371884732 52.45669044185437002)))</t>
  </si>
  <si>
    <t>MultiPolygon (((5.69237980149344835 52.45975979314035698, 5.69620535748307155 52.45773737284296345, 5.69409722162760978 52.45656284603740716, 5.69220728371884732 52.45669044185437002, 5.69104252389849297 52.45754157523919758, 5.68651812772862009 52.45472357744733216, 5.68487637899554876 52.45604646239878122, 5.69237980149344835 52.45975979314035698, 5.69237980149344835 52.45975979314035698)))</t>
  </si>
  <si>
    <t>MultiPolygon (((5.68651812772862009 52.45472357744733216, 5.69104252389849297 52.45754157523919758, 5.69220728371884732 52.45669044185437002, 5.69368988802191911 52.45461065429208247, 5.69666505432417924 52.45247743440157251, 5.69128325168740812 52.44947719332288472, 5.6870555243708889 52.45199911439044627, 5.68651812772862009 52.45472357744733216, 5.68651812772862009 52.45472357744733216)))</t>
  </si>
  <si>
    <t>MultiPolygon (((5.68487637899554876 52.45604646239878122, 5.68651812772862009 52.45472357744733216, 5.6870555243708889 52.45199911439044627, 5.68588406222753129 52.45114959379549902, 5.681449644992977 52.45430821114779718, 5.68487637899554876 52.45604646239878122, 5.68487637899554876 52.45604646239878122)))</t>
  </si>
  <si>
    <t>MultiPolygon (((5.75769789935652465 52.57754305716812837, 5.75670718757121413 52.57350474277392749, 5.77009917527445459 52.57600471120088059, 5.76741147595293402 52.57929675852702189, 5.78435596502559601 52.57985074987732332, 5.80399542120806444 52.57968152681748109, 5.80901385146165428 52.57893652539889473, 5.81282310791392742 52.57746327118344709, 5.85172776622863466 52.55121848252959893, 5.85495566590211425 52.54508145148950859, 5.85593099012712592 52.54620574086965235, 5.85627018685357736 52.54513664732203182, 5.85650821388668597 52.54585009067847778, 5.85772122099403614 52.54518140304541163, 5.85695030455291565 52.54402718283331097, 5.85615485941139102 52.54478844840463836, 5.85561510259411744 52.5442177889434987, 5.85659940351592834 52.54381146291391502, 5.85528350405617104 52.54380062619649294, 5.85497998927879237 52.54304099973025188, 5.85699493847937536 52.51819609708741865, 5.85546596906275774 52.5168458975298833, 5.85277105716849544 52.50888653131320893, 5.85298001477967222 52.50597997409337836, 5.84754795863705468 52.49345167230167419, 5.81949055036795215 52.4615323963012159, 5.81611155321126105 52.45885110229068715, 5.81638493984383675 52.45770877017442757, 5.81741767103326257 52.45730192940591508, 5.81737723482118696 52.45725530699499473, 5.81445036478962685 52.45673220717594631, 5.80460411238441232 52.4637327596042482, 5.80423134956422704 52.46578717512175416, 5.80574379674621532 52.47060918408557484, 5.78815399413380138 52.4761981226228329, 5.76747579762339502 52.48642487311424532, 5.75808303703708546 52.48947009501049621, 5.75049927928779425 52.48499258960028158, 5.74653100319232202 52.4837274019660498, 5.73877882074073753 52.49041629524274555, 5.74367000739272271 52.49295453567854253, 5.73241672246180656 52.4958831151762908, 5.72675087980671726 52.48764674851094014, 5.72864794227722829 52.48625205831537954, 5.72419480228411537 52.48432382924434592, 5.7131599301850402 52.48726685499532607, 5.71001481597537719 52.48345265737059151, 5.66158746992414308 52.49595599957896752, 5.65551174481884988 52.49040049240085182, 5.64478346412562981 52.49994860634708971, 5.60587033214299435 52.48451983453477254, 5.59136084071674944 52.49996374290240198, 5.588055894750668 52.5137726230521551, 5.59128079232749986 52.51412248517586789, 5.63648691137263569 52.51620656835211776, 5.65299481441903406 52.51838579996725542, 5.65032586934413672 52.52547666049707686, 5.64555207787404623 52.52608361745969034, 5.63682786785604595 52.52498451705683635, 5.63622421376691918 52.52878598542548616, 5.64063060844710051 52.52904492153733429, 5.63981773670001285 52.53407952266937286, 5.66723484004821643 52.53561805632811144, 5.6657475395162713 52.5445255305772605, 5.6670193871213943 52.54541310534369103, 5.6793257186131143 52.54030170545907197, 5.68075554710470776 52.5285270165814282, 5.69338500504503831 52.52943213618026874, 5.69559052303773861 52.52465040792891671, 5.69574082163218431 52.52428764166513275, 5.69263130168512532 52.5236863391990525, 5.69397976810683826 52.52107792741933423, 5.69165823100756274 52.52063328278101295, 5.68799085888054279 52.52122979843391448, 5.6898786648301849 52.51692290368594485, 5.69575662397014515 52.51411346095746779, 5.70209077182749446 52.51226951045251923, 5.71339695829026795 52.50939498715289488, 5.71391102501380388 52.50886025972383919, 5.70453811596502636 52.49528899104367241, 5.71694985509188403 52.49214217702122909, 5.72576624636818288 52.50629917342524067, 5.72879824402589133 52.51010082195205086, 5.73124812983508303 52.51421762238373248, 5.73504156111341246 52.52465008930531809, 5.73752206362858264 52.53224844830474183, 5.73868688932495541 52.53761557069424981, 5.73150151591551538 52.53800121347348551, 5.7261517777663018 52.5392099478133261, 5.71779302056455396 52.54212334720431699, 5.70506664341048886 52.54673316165921904, 5.69229488701827435 52.55196742215483141, 5.72555360393081791 52.58643566669195479, 5.75570870664768552 52.58189414089153502, 5.75676370664390014 52.58128380059427798, 5.75693184139059966 52.57957582245877859, 5.75769789935652465 52.57754305716812837, 5.75769789935652465 52.57754305716812837),(5.84559608071855763 52.54492650033514423, 5.84881236506090474 52.54484552508175454, 5.85245094844206371 52.54687539813187414, 5.85211609344210437 52.54912157148086749, 5.84846702374956173 52.54891481441686096, 5.84451620180082898 52.54677796822785751, 5.84559608071855763 52.54492650033514423, 5.84559608071855763 52.54492650033514423)),((5.75792701688588071 52.59075400974339942, 5.75661383087496237 52.58834019251055736, 5.74639943517375151 52.58954356111895123, 5.73959207000953953 52.59102904139206913, 5.73541532404104437 52.59395891419691793, 5.7341266284946526 52.5967485302824258, 5.73483586401161727 52.6022824553538868, 5.74152540737129069 52.60477932823486213, 5.75019010599361646 52.60404669555514801, 5.7549223313561475 52.60201819241810028, 5.75792701688588071 52.59075400974339942, 5.75792701688588071 52.59075400974339942)))</t>
  </si>
  <si>
    <t>MultiPolygon (((5.75693184139059966 52.57957582245877859, 5.75987752200094771 52.57961297027777903, 5.76089360483548685 52.58155359891362224, 5.7639594858639347 52.58120606920026319, 5.76143075767484358 52.58108217090917691, 5.76103066544969256 52.57933315763420268, 5.76741147595293402 52.57929675852702189, 5.77009917527445459 52.57600471120088059, 5.75670718757121413 52.57350474277392749, 5.75769789935652465 52.57754305716812837, 5.75693184139059966 52.57957582245877859, 5.75693184139059966 52.57957582245877859)))</t>
  </si>
  <si>
    <t>MultiPolygon (((5.85211609344210437 52.54912157148086749, 5.85245094844206371 52.54687539813187414, 5.84881236506090474 52.54484552508175454, 5.84559608071855763 52.54492650033514423, 5.84451620180082898 52.54677796822785751, 5.84846702374956173 52.54891481441686096, 5.85211609344210437 52.54912157148086749, 5.85211609344210437 52.54912157148086749)))</t>
  </si>
  <si>
    <t>MultiPolygon (((5.71339695829026795 52.50939498715289488, 5.71442632804458572 52.50930130110177174, 5.72576624636818288 52.50629917342524067, 5.71694985509188403 52.49214217702122909, 5.70453811596502636 52.49528899104367241, 5.71391102501380388 52.50886025972383919, 5.71339695829026795 52.50939498715289488, 5.71339695829026795 52.50939498715289488)))</t>
  </si>
  <si>
    <t>MultiPolygon (((5.71669239520918016 52.51303805894165322, 5.72175818977551831 52.51172244590072324, 5.72879824402589133 52.51010082195205086, 5.72576624636818288 52.50629917342524067, 5.71442632804458572 52.50930130110177174, 5.71339695829026795 52.50939498715289488, 5.71669239520918016 52.51303805894165322, 5.71669239520918016 52.51303805894165322)))</t>
  </si>
  <si>
    <t>MultiPolygon (((5.723855586379619 52.51555678260639581, 5.7271789334962806 52.51519976356618713, 5.73124812983508303 52.51421762238373248, 5.72879824402589133 52.51010082195205086, 5.72175818977551831 52.51172244590072324, 5.723855586379619 52.51555678260639581, 5.723855586379619 52.51555678260639581)))</t>
  </si>
  <si>
    <t>MultiPolygon (((5.71776214673529104 52.51629531680534768, 5.723855586379619 52.51555678260639581, 5.72175818977551831 52.51172244590072324, 5.71669239520918016 52.51303805894165322, 5.71776214673529104 52.51629531680534768, 5.71776214673529104 52.51629531680534768)))</t>
  </si>
  <si>
    <t>MultiPolygon (((5.71570324187950973 52.51882295591529726, 5.71760008940953846 52.5172921574581224, 5.71776214673529104 52.51629531680534768, 5.71669239520918016 52.51303805894165322, 5.71339695829026795 52.50939498715289488, 5.70209077182749446 52.51226951045251923, 5.70457446176033045 52.51698942892502942, 5.7128498831538046 52.51695841259806485, 5.71341744828976505 52.5184884665690177, 5.71570324187950973 52.51882295591529726, 5.71570324187950973 52.51882295591529726)))</t>
  </si>
  <si>
    <t>MultiPolygon (((5.69397976810683826 52.52107792741933423, 5.69694156070629187 52.52154324717587741, 5.69730314962400719 52.52077757167505467, 5.69508803710752076 52.52035612325364156, 5.69534993776910792 52.51892378624035729, 5.70457446176033045 52.51698942892502942, 5.70209077182749446 52.51226951045251923, 5.69575662397014515 52.51411346095746779, 5.6898786648301849 52.51692290368594485, 5.68799085888054279 52.52122979843391448, 5.69165823100756274 52.52063328278101295, 5.69397976810683826 52.52107792741933423, 5.69397976810683826 52.52107792741933423)))</t>
  </si>
  <si>
    <t>MultiPolygon (((5.71760008940953846 52.5172921574581224, 5.72817057253054518 52.51835371341462633, 5.7271789334962806 52.51519976356618713, 5.723855586379619 52.51555678260639581, 5.71776214673529104 52.51629531680534768, 5.71760008940953846 52.5172921574581224, 5.71760008940953846 52.5172921574581224)))</t>
  </si>
  <si>
    <t>MultiPolygon (((5.70325557599834365 52.52631302299347738, 5.70903996495402222 52.52812845269010467, 5.71393437872656484 52.52486220868844669, 5.71351469297933967 52.52181548329308214, 5.71545401852214319 52.52169441299608366, 5.71570324187950973 52.51882295591529726, 5.71341744828976505 52.5184884665690177, 5.7128498831538046 52.51695841259806485, 5.70457446176033045 52.51698942892502942, 5.69534993776910792 52.51892378624035729, 5.69508803710752076 52.52035612325364156, 5.69730314962400719 52.52077757167505467, 5.69694156070629187 52.52154324717587741, 5.69397976810683826 52.52107792741933423, 5.69263130168512532 52.5236863391990525, 5.69574082163218431 52.52428764166513275, 5.69559052303773861 52.52465040792891671, 5.69632645584049424 52.52479013492975213, 5.70067448715881042 52.52562600670434279, 5.70325557599834365 52.52631302299347738, 5.70325557599834365 52.52631302299347738)))</t>
  </si>
  <si>
    <t>MultiPolygon (((5.73046766976835453 52.52711387906099105, 5.73119518611359169 52.5270175201717322, 5.73055313816534362 52.52524842835254759, 5.73504156111341246 52.52465008930531809, 5.73124812983508303 52.51421762238373248, 5.7271789334962806 52.51519976356618713, 5.72817057253054518 52.51835371341462633, 5.73046766976835453 52.52711387906099105, 5.73046766976835453 52.52711387906099105)))</t>
  </si>
  <si>
    <t>MultiPolygon (((5.71648190278933299 52.52870590985849475, 5.72028728979258538 52.52846174032098503, 5.73046766976835453 52.52711387906099105, 5.72817057253054518 52.51835371341462633, 5.71760008940953846 52.5172921574581224, 5.71570324187950973 52.51882295591529726, 5.71545401852214319 52.52169441299608366, 5.71567066792734924 52.52300924328164911, 5.71915369619922753 52.52278265296764204, 5.72195009120522791 52.52518102693471747, 5.72177476431593934 52.52624692710156751, 5.72010878579513271 52.52720006802907449, 5.71559322994293062 52.52750015061143785, 5.71648190278933299 52.52870590985849475, 5.71648190278933299 52.52870590985849475)))</t>
  </si>
  <si>
    <t>MultiPolygon (((5.70926248971376715 52.5294541691511867, 5.71648190278933299 52.52870590985849475, 5.71559322994293062 52.52750015061143785, 5.72010878579513271 52.52720006802907449, 5.72177476431593934 52.52624692710156751, 5.72195009120522791 52.52518102693471747, 5.71915369619922753 52.52278265296764204, 5.71567066792734924 52.52300924328164911, 5.71545401852214319 52.52169441299608366, 5.71351469297933967 52.52181548329308214, 5.71393437872656484 52.52486220868844669, 5.70903996495402222 52.52812845269010467, 5.70926248971376715 52.5294541691511867, 5.70926248971376715 52.5294541691511867)))</t>
  </si>
  <si>
    <t>MultiPolygon (((5.72179725884110457 52.53409347514138261, 5.73752206362858264 52.53224844830474183, 5.73504156111341246 52.52465008930531809, 5.73055313816534362 52.52524842835254759, 5.73119518611359169 52.5270175201717322, 5.73046766976835453 52.52711387906099105, 5.72028728979258538 52.52846174032098503, 5.72165185910193497 52.52900341860198097, 5.72232281371412377 52.53079543113029359, 5.72126045904525249 52.53224793934263204, 5.72179725884110457 52.53409347514138261, 5.72179725884110457 52.53409347514138261)))</t>
  </si>
  <si>
    <t>MultiPolygon (((5.71298436329127046 52.53523812670597692, 5.72179725884110457 52.53409347514138261, 5.72126045904525249 52.53224793934263204, 5.72232281371412377 52.53079543113029359, 5.72165185910193497 52.52900341860198097, 5.72028728979258538 52.52846174032098503, 5.71648190278933299 52.52870590985849475, 5.70926248971376715 52.5294541691511867, 5.71161930861780132 52.53204999788881935, 5.71298436329127046 52.53523812670597692, 5.71298436329127046 52.53523812670597692)))</t>
  </si>
  <si>
    <t>MultiPolygon (((5.72179725884110457 52.53409347514138261, 5.7261517777663018 52.5392099478133261, 5.73150151591551538 52.53800121347348551, 5.73868688932495541 52.53761557069424981, 5.73752206362858264 52.53224844830474183, 5.72179725884110457 52.53409347514138261, 5.72179725884110457 52.53409347514138261)))</t>
  </si>
  <si>
    <t>MultiPolygon (((5.71779302056455396 52.54212334720431699, 5.7261517777663018 52.5392099478133261, 5.72179725884110457 52.53409347514138261, 5.71298436329127046 52.53523812670597692, 5.71430648198862556 52.53880816850311675, 5.71779302056455396 52.54212334720431699, 5.71779302056455396 52.54212334720431699)))</t>
  </si>
  <si>
    <t>MultiPolygon (((5.69632645584049424 52.52479013492975213, 5.6933402712242982 52.53037729844991333, 5.70141465803334846 52.52932436638470648, 5.70325557599834365 52.52631302299347738, 5.70067448715881042 52.52562600670434279, 5.69632645584049424 52.52479013492975213, 5.69632645584049424 52.52479013492975213)))</t>
  </si>
  <si>
    <t>MultiPolygon (((5.69392872682323592 52.5392509241432748, 5.69615575379417649 52.53869927510447724, 5.70495453050500601 52.5364679333338529, 5.71298436329127046 52.53523812670597692, 5.71161930861780132 52.53204999788881935, 5.70926248971376715 52.5294541691511867, 5.70903996495402222 52.52812845269010467, 5.70325557599834365 52.52631302299347738, 5.70141465803334846 52.52932436638470648, 5.6933402712242982 52.53037729844991333, 5.69632645584049424 52.52479013492975213, 5.69559052303773861 52.52465040792891671, 5.69338500504503831 52.52943213618026874, 5.69243461547554652 52.53224941422334382, 5.69392872682323592 52.5392509241432748, 5.69392872682323592 52.5392509241432748)))</t>
  </si>
  <si>
    <t>MultiPolygon (((5.6793257186131143 52.54030170545907197, 5.68228329304982438 52.54296337226972469, 5.69392872682323592 52.5392509241432748, 5.69243461547554652 52.53224941422334382, 5.69338500504503831 52.52943213618026874, 5.68075554710470776 52.5285270165814282, 5.6793257186131143 52.54030170545907197, 5.6793257186131143 52.54030170545907197)))</t>
  </si>
  <si>
    <t>MultiPolygon (((5.70506664341048886 52.54673316165921904, 5.71779302056455396 52.54212334720431699, 5.71430648198862556 52.53880816850311675, 5.71298436329127046 52.53523812670597692, 5.70495453050500601 52.5364679333338529, 5.69615575379417649 52.53869927510447724, 5.70506664341048886 52.54673316165921904, 5.70506664341048886 52.54673316165921904)))</t>
  </si>
  <si>
    <t>MultiPolygon (((5.69229488701827435 52.55196742215483141, 5.70506664341048886 52.54673316165921904, 5.69615575379417649 52.53869927510447724, 5.69392872682323592 52.5392509241432748, 5.68228329304982438 52.54296337226972469, 5.69229488701827435 52.55196742215483141, 5.69229488701827435 52.55196742215483141)))</t>
  </si>
  <si>
    <t>MultiPolygon (((5.84083096141393376 52.30439701525993001, 5.84118446677540248 52.29953057982184816, 5.84428192234992228 52.29489844254757713, 5.84569590945813644 52.28732112953164801, 5.85215497292517828 52.28009014365879636, 5.85150057197404561 52.27854374996910281, 5.84878034966258653 52.27682968373993333, 5.84816992876308994 52.27511411849661016, 5.85081115248713957 52.26869537043046421, 5.84271841738466513 52.2671458605912278, 5.82973786046168296 52.27127861325735125, 5.82142665182068875 52.27267188817280186, 5.80998942888419734 52.27030420888197426, 5.80223239429761772 52.27049866624771823, 5.79724162402629162 52.26969573896556653, 5.79245758372006314 52.26997654044694741, 5.78003816714369556 52.27060182802959787, 5.77299529706786796 52.27035419051841103, 5.7717827314405179 52.27712658970628468, 5.78391705703831338 52.28453820977182431, 5.79369359425591757 52.28309922785507524, 5.79562051165050374 52.28467359580965734, 5.79744413484165122 52.28774476294102413, 5.79870569932123825 52.28836053529668959, 5.80088131087266223 52.28826586914037478, 5.80207208656663465 52.29051566968261255, 5.80250445644341628 52.29460556901190671, 5.8011534682978434 52.300001864077025, 5.79083940915546869 52.30060124454169568, 5.79012999992070387 52.30287673205342003, 5.78561269178783721 52.30284794948499183, 5.78546567596108297 52.30134664306975623, 5.77481806709057466 52.30124273385792577, 5.77371768458997625 52.29912072761197805, 5.76129065362583948 52.30193344585509152, 5.74818131283746592 52.30683034385251062, 5.75074782313328647 52.31707376034140822, 5.74804249007242429 52.31782615159458061, 5.75387570767154966 52.32011447448120123, 5.75948591282655808 52.3201258689030908, 5.76795696094502297 52.31902569545493975, 5.8080056042301722 52.31006308784800041, 5.84083096141393376 52.30439701525993001, 5.84083096141393376 52.30439701525993001)))</t>
  </si>
  <si>
    <t>MultiPolygon (((5.76129065362583948 52.30193344585509152, 5.77371768458997625 52.29912072761197805, 5.77481806709057466 52.30124273385792577, 5.78546567596108297 52.30134664306975623, 5.78561269178783721 52.30284794948499183, 5.79012999992070387 52.30287673205342003, 5.79083940915546869 52.30060124454169568, 5.8011534682978434 52.300001864077025, 5.80250445644341628 52.29460556901190671, 5.80207208656663465 52.29051566968261255, 5.80088131087266223 52.28826586914037478, 5.79870569932123825 52.28836053529668959, 5.79744413484165122 52.28774476294102413, 5.79562051165050374 52.28467359580965734, 5.79369359425591757 52.28309922785507524, 5.78391705703831338 52.28453820977182431, 5.7717827314405179 52.27712658970628468, 5.77299529706786796 52.27035419051841103, 5.75126326722212156 52.26956121944360234, 5.74922731724342473 52.26827292484426835, 5.74650349337479138 52.27167270858240755, 5.74787755638656339 52.27198961712489478, 5.75549186388165968 52.27787628554093402, 5.75464807580594329 52.28260224790878397, 5.74602232589605144 52.28693687996061357, 5.74468186817814352 52.28819499153140526, 5.74429464605565787 52.29195940197455883, 5.74383722958613774 52.29804727865463576, 5.74818131283746592 52.30683034385251062, 5.76129065362583948 52.30193344585509152, 5.76129065362583948 52.30193344585509152),(5.78438642551464266 52.29903226937956617, 5.78132775659897113 52.29681269498868801, 5.7760470750640005 52.29760847522720013, 5.77484336887776273 52.29505989798068555, 5.77479956798092076 52.29003951542570405, 5.7807512627895461 52.28931766975795625, 5.78544929740561642 52.29034732302906718, 5.78774081351763936 52.28879367515542498, 5.78645718511664242 52.28681802146603275, 5.79228443198050247 52.28670981569300125, 5.79303520832399865 52.29028837117875383, 5.79547991335422541 52.29362144754380637, 5.78994456085939291 52.29697772286277768, 5.78438642551464266 52.29903226937956617, 5.78438642551464266 52.29903226937956617)))</t>
  </si>
  <si>
    <t>MultiPolygon (((5.85005010673866188 52.37091671847704077, 5.86479202136324496 52.35965820464117826, 5.86845229319404105 52.36130618111698709, 5.87117054044856168 52.3613092840396277, 5.87600935664896085 52.35787276777320187, 5.87500021598835787 52.35704438151843476, 5.86481427683233836 52.35132889728885175, 5.87426102913068959 52.34213037434898297, 5.88095132926300579 52.33518595085325842, 5.87621014751420478 52.33200628166329693, 5.87489075714451836 52.32966190226703418, 5.87551735338322345 52.329268770162777, 5.87042543281665807 52.32330927890021144, 5.85099263546506165 52.30878698390718284, 5.84083096141393376 52.30439701525993001, 5.8080056042301722 52.31006308784800041, 5.76795696094502297 52.31902569545493975, 5.75948591282655808 52.3201258689030908, 5.75387570767154966 52.32011447448120123, 5.75496050244946922 52.32145758004113389, 5.75733179158201125 52.33302637094848819, 5.76479879990767596 52.34035920422115851, 5.7744863776836306 52.34624094178231957, 5.77853882111679873 52.34846638249153727, 5.79197991844822546 52.35350172340965003, 5.830521962384422 52.36339579846177372, 5.84413097560878203 52.36803644172538696, 5.85005010673866188 52.37091671847704077, 5.85005010673866188 52.37091671847704077),(5.81803198549051626 52.326012564394766, 5.81530311888745555 52.31881344803771583, 5.82175172793284013 52.31728165883477999, 5.82663535770936392 52.3215704362522942, 5.83055689858225623 52.32871202331902083, 5.83272829070426369 52.32990176089653289, 5.83809839409966358 52.32925787907522164, 5.83907221741559379 52.33095621887809301, 5.832147709505489 52.33168914016514606, 5.83111701522240544 52.33484490616847751, 5.82703396656193284 52.3344144277063279, 5.82430303138183003 52.33479389355291289, 5.82169541096608256 52.33641680330745771, 5.8188559140278695 52.33500994781289251, 5.81836015066276335 52.33412365514926989, 5.8219218074067749 52.33226363224985533, 5.8220875869292934 52.32836149613176957, 5.81803198549051626 52.326012564394766, 5.81803198549051626 52.326012564394766)))</t>
  </si>
  <si>
    <t>MultiPolygon (((5.82169541096608256 52.33641680330745771, 5.82430303138183003 52.33479389355291289, 5.82703396656193284 52.3344144277063279, 5.83111701522240544 52.33484490616847751, 5.832147709505489 52.33168914016514606, 5.83907221741559379 52.33095621887809301, 5.83809839409966358 52.32925787907522164, 5.83272829070426369 52.32990176089653289, 5.83055689858225623 52.32871202331902083, 5.82663535770936392 52.3215704362522942, 5.82175172793284013 52.31728165883477999, 5.81530311888745555 52.31881344803771583, 5.81803198549051626 52.326012564394766, 5.8220875869292934 52.32836149613176957, 5.8219218074067749 52.33226363224985533, 5.81836015066276335 52.33412365514926989, 5.8188559140278695 52.33500994781289251, 5.82169541096608256 52.33641680330745771, 5.82169541096608256 52.33641680330745771)))</t>
  </si>
  <si>
    <t>MultiPolygon (((5.78994456085939291 52.29697772286277768, 5.79547991335422541 52.29362144754380637, 5.79303520832399865 52.29028837117875383, 5.79228443198050247 52.28670981569300125, 5.78645718511664242 52.28681802146603275, 5.78774081351763936 52.28879367515542498, 5.78544929740561642 52.29034732302906718, 5.7807512627895461 52.28931766975795625, 5.77479956798092076 52.29003951542570405, 5.77484336887776273 52.29505989798068555, 5.7760470750640005 52.29760847522720013, 5.78132775659897113 52.29681269498868801, 5.78438642551464266 52.29903226937956617, 5.78994456085939291 52.29697772286277768)))</t>
  </si>
  <si>
    <t>MultiPolygon (((5.75387570767154966 52.32011447448120123, 5.74804249007242429 52.31782615159458061, 5.70617127797245072 52.32838184481975219, 5.71248064517645116 52.33184536628120753, 5.71280289622075443 52.33623884229344725, 5.71101975672964191 52.33872470976596958, 5.70546209719005848 52.33985992515575703, 5.70507551567227367 52.34287048686296373, 5.71632726123779111 52.34707207410889396, 5.7182527422001419 52.34961751350476789, 5.73055444752975518 52.3550837362195054, 5.7412741598120185 52.36224226285666106, 5.75700126464029172 52.36717606643270528, 5.75732332565650751 52.36718662370848421, 5.76728584515190512 52.3531881931970986, 5.7744863776836306 52.34624094178231957, 5.76479879990767596 52.34035920422115851, 5.75733179158201125 52.33302637094848819, 5.75496050244946922 52.32145758004113389, 5.75387570767154966 52.32011447448120123, 5.75387570767154966 52.32011447448120123)))</t>
  </si>
  <si>
    <t>MultiPolygon (((5.83117975728755411 52.38398927495934743, 5.83868730279885106 52.3794096991012168, 5.85005010673866188 52.37091671847704077, 5.84413097560878203 52.36803644172538696, 5.830521962384422 52.36339579846177372, 5.79197991844822546 52.35350172340965003, 5.77853882111679873 52.34846638249153727, 5.7744863776836306 52.34624094178231957, 5.76728584515190512 52.3531881931970986, 5.75732332565650751 52.36718662370848421, 5.76153028053303817 52.36810473229311214, 5.76216035359779255 52.36830495928683149, 5.76305926842796978 52.36641638410490884, 5.76586760739926429 52.3644975513650266, 5.77469824696439815 52.36847127539659397, 5.77920819161028465 52.3697405303119865, 5.78164728993679411 52.36415108196491275, 5.79697276436915221 52.36663464048909589, 5.80499423495939837 52.3690043296967076, 5.81180181827411779 52.3724403495505868, 5.81238123955420072 52.37328591856019244, 5.80951677644749509 52.37612195488310363, 5.81468370917709176 52.37723219625673465, 5.81042704204655003 52.38256088776752506, 5.81811142973161921 52.38706742677317152, 5.82139992172783494 52.39100341361074697, 5.83117975728755411 52.38398927495934743, 5.83117975728755411 52.38398927495934743)))</t>
  </si>
  <si>
    <t>MultiPolygon (((5.72247358969510689 52.39077216738512988, 5.72795765745460272 52.38256027938501802, 5.72792180756152725 52.38115101215785074, 5.72937320615426238 52.38024637789830962, 5.73209475067572072 52.3813824314789116, 5.73362290894612858 52.38317296358133035, 5.74662156865014939 52.38370490893652232, 5.75386601359576222 52.37167520531898646, 5.73651317894335477 52.36672327990460474, 5.716026460254227 52.3603476865077937, 5.71711796507276571 52.35925461494947797, 5.71024578770854063 52.35636691983008006, 5.70372214092831165 52.35549646517210931, 5.69864143156903591 52.35580807502835654, 5.69872851222771626 52.35601709798960002, 5.69868612493340621 52.35673244684600292, 5.70066197498444094 52.35748758205070885, 5.69835534063706284 52.36059279252823728, 5.69710411494786229 52.36111439466137085, 5.69565590579314662 52.36076053488651638, 5.68002152250773662 52.37603268315277916, 5.67892158677026071 52.37884125882497699, 5.68346457732621246 52.37823428079902044, 5.69013276076708596 52.37897176943049971, 5.69463376985553715 52.38069011754539162, 5.69988331701476003 52.38124922678817796, 5.70383330025874979 52.38417618899142525, 5.70663359136540027 52.38455040840759835, 5.70817268999659433 52.38671538487405854, 5.71277324494555483 52.38774583055838008, 5.71601912505454202 52.38772647976209385, 5.72247358969510689 52.39077216738512988, 5.72247358969510689 52.39077216738512988)))</t>
  </si>
  <si>
    <t>MultiPolygon (((5.76407472714461644 52.39872350267517476, 5.76870208018763275 52.39881976567968991, 5.7707475158023227 52.39551549504101757, 5.77654127252299698 52.39670048711964512, 5.77981842774755972 52.39864532086811977, 5.78262236744299063 52.39946914745281248, 5.78601558082276846 52.39948727890622848, 5.78768701417229892 52.40006124659677766, 5.79077634812503383 52.39686154463967682, 5.80218475202097839 52.40010212068077067, 5.81167150109989539 52.4027989470627702, 5.81204531545922176 52.40066875408872704, 5.81716985167233691 52.40156682701081792, 5.81786689297485804 52.39729241223886902, 5.8205782979710321 52.39693343666204584, 5.82057921326935546 52.39255651807982872, 5.82139992172783494 52.39100341361074697, 5.81811142973161921 52.38706742677317152, 5.81042704204655003 52.38256088776752506, 5.80806145976176147 52.38633514849061612, 5.80754039801592459 52.3888445522408901, 5.80600988125822326 52.39024952126349888, 5.80256508574376273 52.39231168309953546, 5.79750234492442118 52.39353733554027315, 5.79346215063639747 52.38792052285871392, 5.78940088956287191 52.38505273415884034, 5.78623439881920199 52.38426467724027447, 5.78507675133977273 52.3870213192225691, 5.78206468588117595 52.38744680389490327, 5.7702028217192014 52.38093380474851557, 5.76104740103188462 52.37300705772172194, 5.76153028053303817 52.36810473229311214, 5.75732332565650751 52.36718662370848421, 5.75700126464029172 52.36717606643270528, 5.75386601359576222 52.37167520531898646, 5.74662156865014939 52.38370490893652232, 5.73362290894612858 52.38317296358133035, 5.73209475067572072 52.3813824314789116, 5.72937320615426238 52.38024637789830962, 5.72792180756152725 52.38115101215785074, 5.72795765745460272 52.38256027938501802, 5.72247358969510689 52.39077216738512988, 5.72402082716719551 52.39083841734924363, 5.7262994248169008 52.39203370579824082, 5.727824067717874 52.39395589035576961, 5.73092337688947229 52.39521398903189464, 5.73163567957847953 52.39471344117385598, 5.73539283739353767 52.39608001367291479, 5.73481516959455018 52.39679356308848668, 5.73770203774164145 52.39796510917388872, 5.73996496507527354 52.39765499675065996, 5.75032609384123283 52.40378082643675128, 5.7552824426493796 52.40527149990898437, 5.75691238312079179 52.40686780475259354, 5.75922981851615479 52.40458601334388788, 5.7594001359753797 52.4030234530669432, 5.76296259640905273 52.40066595984232833, 5.76407472714461644 52.39872350267517476)))</t>
  </si>
  <si>
    <t>MultiPolygon (((5.75386601359576222 52.37167520531898646, 5.75700126464029172 52.36717606643270528, 5.7412741598120185 52.36224226285666106, 5.73055444752975518 52.3550837362195054, 5.7182527422001419 52.34961751350476789, 5.71632726123779111 52.34707207410889396, 5.70507551567227367 52.34287048686296373, 5.70483875281213049 52.34412840185085969, 5.70413484906744639 52.3468512299887152, 5.69905437036608742 52.35280137336680184, 5.69864143156903591 52.35580807502835654, 5.70372214092831165 52.35549646517210931, 5.71024578770854063 52.35636691983008006, 5.71711796507276571 52.35925461494947797, 5.71903097691154816 52.35831005391214177, 5.72804296501221177 52.36157756129362184, 5.73136203599988647 52.36156064872735527, 5.7316714268005704 52.36052378162627718, 5.73434427202453811 52.36073669120872154, 5.73438015598418271 52.36126359778551631, 5.73793312781216436 52.36285270364449218, 5.73808193301842273 52.36495986685652326, 5.73651317894335477 52.36672327990460474, 5.75386601359576222 52.37167520531898646, 5.75386601359576222 52.37167520531898646)))</t>
  </si>
  <si>
    <t>MultiPolygon (((5.71711796507276571 52.35925461494947797, 5.716026460254227 52.3603476865077937, 5.73651317894335477 52.36672327990460474, 5.73808193301842273 52.36495986685652326, 5.73793312781216436 52.36285270364449218, 5.73438015598418271 52.36126359778551631, 5.73434427202453811 52.36073669120872154, 5.7316714268005704 52.36052378162627718, 5.73136203599988647 52.36156064872735527, 5.72804296501221177 52.36157756129362184, 5.71903097691154816 52.35831005391214177, 5.71711796507276571 52.35925461494947797, 5.71711796507276571 52.35925461494947797)))</t>
  </si>
  <si>
    <t>MultiPolygon (((5.78609900727963478 52.37118810366894905, 5.80951677644749509 52.37612195488310363, 5.81238123955420072 52.37328591856019244, 5.81180181827411779 52.3724403495505868, 5.80499423495939837 52.3690043296967076, 5.79697276436915221 52.36663464048909589, 5.78164728993679411 52.36415108196491275, 5.77920819161028465 52.3697405303119865, 5.78609900727963478 52.37118810366894905, 5.78609900727963478 52.37118810366894905)))</t>
  </si>
  <si>
    <t>MultiPolygon (((5.78623439881920199 52.38426467724027447, 5.78609900727963478 52.37118810366894905, 5.77920819161028465 52.3697405303119865, 5.77469824696439815 52.36847127539659397, 5.76586760739926429 52.3644975513650266, 5.76305926842796978 52.36641638410490884, 5.76216035359779255 52.36830495928683149, 5.76153028053303817 52.36810473229311214, 5.76104740103188462 52.37300705772172194, 5.7702028217192014 52.38093380474851557, 5.78206468588117595 52.38744680389490327, 5.78507675133977273 52.3870213192225691, 5.78623439881920199 52.38426467724027447, 5.78623439881920199 52.38426467724027447)))</t>
  </si>
  <si>
    <t>MultiPolygon (((5.78623439881920199 52.38426467724027447, 5.78940088956287191 52.38505273415884034, 5.79346215063639747 52.38792052285871392, 5.79750234492442118 52.39353733554027315, 5.80256508574376273 52.39231168309953546, 5.80600988125822326 52.39024952126349888, 5.80754039801592459 52.3888445522408901, 5.80806145976176147 52.38633514849061612, 5.81042704204655003 52.38256088776752506, 5.81468370917709176 52.37723219625673465, 5.80951677644749509 52.37612195488310363, 5.78609900727963478 52.37118810366894905, 5.78623439881920199 52.38426467724027447, 5.78623439881920199 52.38426467724027447)))</t>
  </si>
  <si>
    <t>MultiPolygon (((6.26603206298427118 52.14786517003842903, 6.26979138207309461 52.14995870197178363, 6.27453769044505005 52.14884386281656248, 6.27689634605476154 52.14947274365943741, 6.2801509683634329 52.1494728433816519, 6.28341634948953942 52.14829814740824077, 6.28644438407940687 52.14893906925900069, 6.29028005403765711 52.14940149527912894, 6.29569717136105211 52.1488307630628114, 6.29811111386097444 52.14981970770335806, 6.30091805387261061 52.14911116744043795, 6.3051198323978257 52.15067343422624901, 6.31528818416217064 52.15129146577296382, 6.3240008670979142 52.15275247454832908, 6.32655890812633359 52.14738652395646312, 6.32831436829437965 52.1377123616756819, 6.310175875621443 52.13155834433113256, 6.29600249462836725 52.12827429157168524, 6.28262170354089733 52.12351844601848683, 6.26571437103560225 52.12880401929157159, 6.26059469250775891 52.13316646204747684, 6.25864866632495698 52.1335513385029401, 6.25631682068561812 52.13474111723010651, 6.25151261996501084 52.13161332620479982, 6.24631962350944736 52.13094873342385682, 6.24357440509724881 52.13029235476692946, 6.24023408096390231 52.13231255715265178, 6.23506865992268189 52.135029321819367, 6.2381917985655182 52.14399870757322475, 6.23772211656768061 52.14612404385255928, 6.23797381742926316 52.14612581352410103, 6.24015094663693048 52.14605035826649271, 6.24928508242900449 52.14745067395200095, 6.25110334117079436 52.14676116165858843, 6.26439118841993281 52.14707534954938239, 6.26603206298427118 52.14786517003842903, 6.26603206298427118 52.14786517003842903)))</t>
  </si>
  <si>
    <t>MultiPolygon (((6.24023408096390231 52.13231255715265178, 6.24357440509724881 52.13029235476692946, 6.23987258811917389 52.12804358890138445, 6.23748388837555279 52.12714609348959982, 6.23613609933852242 52.12739778337510899, 6.22914119946942701 52.12951104798474944, 6.23251868410600363 52.12992569046969038, 6.24023408096390231 52.13231255715265178, 6.24023408096390231 52.13231255715265178)))</t>
  </si>
  <si>
    <t>MultiPolygon (((6.22814052112951799 52.1356473329491763, 6.23506865992268189 52.135029321819367, 6.24023408096390231 52.13231255715265178, 6.23251868410600363 52.12992569046969038, 6.22914119946942701 52.12951104798474944, 6.22846424223520589 52.12959524751417462, 6.22814052112951799 52.1356473329491763, 6.22814052112951799 52.1356473329491763)))</t>
  </si>
  <si>
    <t>MultiPolygon (((6.21858541076462501 52.13776340681594945, 6.22390058570477134 52.13598251049091914, 6.22814052112951799 52.1356473329491763, 6.22846424223520589 52.12959524751417462, 6.22826105396973873 52.12953450761204266, 6.21987322425921629 52.13239809356073806, 6.21858541076462501 52.13776340681594945, 6.21858541076462501 52.13776340681594945)))</t>
  </si>
  <si>
    <t>MultiPolygon (((6.21629855847652113 52.14678188907762291, 6.2200600051203434 52.14727364887947658, 6.22428810863250348 52.14568054504859163, 6.23337296292691878 52.14673439262963939, 6.23772211656768061 52.14612404385255928, 6.2381917985655182 52.14399870757322475, 6.23506865992268189 52.135029321819367, 6.22814052112951799 52.1356473329491763, 6.22390058570477134 52.13598251049091914, 6.21858541076462501 52.13776340681594945, 6.21853574171116197 52.13785264300051381, 6.21761514481654576 52.139308567256613, 6.21629855847652113 52.14678188907762291, 6.21629855847652113 52.14678188907762291)))</t>
  </si>
  <si>
    <t>MultiPolygon (((6.24277468045966177 52.12385938730574253, 6.24949402700714174 52.12448340926592749, 6.25468278579532733 52.12648158326584991, 6.25750505778302646 52.12918976314093555, 6.25864866632495698 52.1335513385029401, 6.26059469250775891 52.13316646204747684, 6.26571437103560225 52.12880401929157159, 6.28262170354089733 52.12351844601848683, 6.27750009997163438 52.12168593221149138, 6.27158994845056306 52.11304167243215346, 6.26970089740082148 52.11160980175937141, 6.26660975668934306 52.11182986349547974, 6.25823331866110966 52.11027225425235798, 6.24472407867373835 52.11261396884941632, 6.24243173792041262 52.11253037195189819, 6.23592144802670223 52.11371653564969364, 6.23504340148263925 52.11280012253130423, 6.2338769782658181 52.11312579923542643, 6.23176846478072211 52.11115086586050893, 6.2324159800389447 52.11074713787703416, 6.22663773226169059 52.10940950729913368, 6.22577782409565117 52.10685171060839593, 6.22215602959231262 52.10672565874178019, 6.22450969731110693 52.10186242905485443, 6.22447641516865691 52.10019906980787141, 6.22016299850331134 52.10032689781068171, 6.2209155401623919 52.10664499879084133, 6.21670161414553579 52.11584492080278608, 6.21590199936865773 52.12190089242732682, 6.21914732825380501 52.12216336734655187, 6.23421783688080122 52.12330472970576523, 6.24277468045966177 52.12385938730574253, 6.24277468045966177 52.12385938730574253)))</t>
  </si>
  <si>
    <t>MultiPolygon (((6.24631962350944736 52.13094873342385682, 6.25151261996501084 52.13161332620479982, 6.25631682068561812 52.13474111723010651, 6.25864866632495698 52.1335513385029401, 6.25750505778302646 52.12918976314093555, 6.25468278579532733 52.12648158326584991, 6.24949402700714174 52.12448340926592749, 6.24277468045966177 52.12385938730574253, 6.24260872629666341 52.12480666230911197, 6.2448856953951104 52.12673332091173251, 6.24631962350944736 52.13094873342385682, 6.24631962350944736 52.13094873342385682)))</t>
  </si>
  <si>
    <t>MultiPolygon (((6.24357440509724881 52.13029235476692946, 6.24631962350944736 52.13094873342385682, 6.2448856953951104 52.12673332091173251, 6.24260872629666341 52.12480666230911197, 6.24277468045966177 52.12385938730574253, 6.23421783688080122 52.12330472970576523, 6.23425868447415343 52.12488085797846793, 6.23613609933852242 52.12739778337510899, 6.23748388837555279 52.12714609348959982, 6.23987258811917389 52.12804358890138445, 6.24357440509724881 52.13029235476692946, 6.24357440509724881 52.13029235476692946)))</t>
  </si>
  <si>
    <t>MultiPolygon (((6.22826105396973873 52.12953450761204266, 6.22846424223520589 52.12959524751417462, 6.22914119946942701 52.12951104798474944, 6.23613609933852242 52.12739778337510899, 6.23425868447415343 52.12488085797846793, 6.23421783688080122 52.12330472970576523, 6.21914732825380501 52.12216336734655187, 6.22250418090259672 52.12395651275849673, 6.22826105396973873 52.12953450761204266, 6.22826105396973873 52.12953450761204266)))</t>
  </si>
  <si>
    <t>MultiPolygon (((6.21977773178624638 52.13218585227829749, 6.21987322425921629 52.13239809356073806, 6.22826105396973873 52.12953450761204266, 6.22250418090259672 52.12395651275849673, 6.21914732825380501 52.12216336734655187, 6.21590199936865773 52.12190089242732682, 6.21606686099793215 52.12302596897013984, 6.21752487414385957 52.12717773323365833, 6.21977773178624638 52.13218585227829749, 6.21977773178624638 52.13218585227829749)))</t>
  </si>
  <si>
    <t>MultiPolygon (((6.19176498961953037 52.13287612254755743, 6.19292536212628697 52.13275756003575623, 6.19643059420387932 52.13132465384831704, 6.19552468759687169 52.12973183180778847, 6.19617950270405249 52.1285067741667163, 6.19934049877930882 52.1278219415402333, 6.19550484412991942 52.12347233942665525, 6.1931344577916434 52.12530211599650443, 6.19174374916050052 52.12434273415129127, 6.18652271917462304 52.12467193098526508, 6.19176498961953037 52.13287612254755743, 6.19176498961953037 52.13287612254755743)))</t>
  </si>
  <si>
    <t>MultiPolygon (((6.18588492402163315 52.1237946243576431, 6.18652271917462304 52.12467193098526508, 6.19174374916050052 52.12434273415129127, 6.1931344577916434 52.12530211599650443, 6.19550484412991942 52.12347233942665525, 6.19967713062709702 52.1234244910732798, 6.19977826742885263 52.12016268713728806, 6.21032973716671588 52.12147596528481586, 6.21606686099793215 52.12302596897013984, 6.21590199936865773 52.12190089242732682, 6.21670161414553579 52.11584492080278608, 6.2209155401623919 52.10664499879084133, 6.22016299850331134 52.10032689781068171, 6.21922311826337992 52.09254994540903283, 6.2216938926723806 52.08877469073536304, 6.22018078673578678 52.08957811103011437, 6.21947608134604302 52.08873300831717046, 6.21816185893665274 52.08959218712444539, 6.21848567501949745 52.09272977825070683, 6.21700011321325174 52.09311512219835549, 6.21683158525728263 52.09443314974009809, 6.21920141541402316 52.09630891613345938, 6.21789886501745492 52.09788130178148435, 6.21767767065017019 52.10452636286030526, 6.2153525302195014 52.10896626387160069, 6.21325092777908683 52.11108552231567614, 6.21008787615782687 52.11268656139477429, 6.20620666803888898 52.11355511749089686, 6.19219051388411135 52.11421417950020896, 6.18909464564932588 52.11504083149880273, 6.18588597551526043 52.11835776317926161, 6.18588492402163315 52.1237946243576431, 6.18588492402163315 52.1237946243576431)))</t>
  </si>
  <si>
    <t>MultiPolygon (((6.19967713062709702 52.1234244910732798, 6.20343091413132885 52.12438367348637769, 6.20753523803917151 52.1244450820454972, 6.21032973716671588 52.12147596528481586, 6.19977826742885263 52.12016268713728806, 6.19967713062709702 52.1234244910732798, 6.19967713062709702 52.1234244910732798)))</t>
  </si>
  <si>
    <t>MultiPolygon (((6.19934049877930882 52.1278219415402333, 6.20049376941779062 52.127745723791584, 6.20390085908886402 52.12759921608926561, 6.20753523803917151 52.1244450820454972, 6.20343091413132885 52.12438367348637769, 6.19967713062709702 52.1234244910732798, 6.19550484412991942 52.12347233942665525, 6.19934049877930882 52.1278219415402333, 6.19934049877930882 52.1278219415402333)))</t>
  </si>
  <si>
    <t>MultiPolygon (((6.20390085908886402 52.12759921608926561, 6.21017747681039189 52.12724845646706484, 6.21752487414385957 52.12717773323365833, 6.21606686099793215 52.12302596897013984, 6.21032973716671588 52.12147596528481586, 6.20753523803917151 52.1244450820454972, 6.20390085908886402 52.12759921608926561, 6.20390085908886402 52.12759921608926561)))</t>
  </si>
  <si>
    <t>MultiPolygon (((6.215321500124805 52.1507787715459159, 6.21637459883123977 52.150913836662113, 6.21857738205292776 52.15280628226566506, 6.22347806608332643 52.15384425178555006, 6.22844863034795893 52.15477279529788746, 6.2288780562609638 52.15534547999089199, 6.23164011229548187 52.1559403134604409, 6.23526091192175258 52.15542862801522972, 6.23797381742926316 52.14612581352410103, 6.23772211656768061 52.14612404385255928, 6.23337296292691878 52.14673439262963939, 6.22428810863250348 52.14568054504859163, 6.2200600051203434 52.14727364887947658, 6.21629855847652113 52.14678188907762291, 6.215321500124805 52.1507787715459159, 6.215321500124805 52.1507787715459159)))</t>
  </si>
  <si>
    <t>MultiPolygon (((6.19870796094885979 52.16291027540161451, 6.2005286499634904 52.16491672322953832, 6.20722167148331483 52.16664368521853135, 6.2118138874637765 52.16307383233933592, 6.21582651881480519 52.16203651612166681, 6.21686054959149548 52.16177675852348727, 6.21719518312999231 52.15959850031443068, 6.21611836932108019 52.15858764160057603, 6.21867430787115172 52.15836227710941841, 6.21915320543372285 52.15607685372978608, 6.22307156539442108 52.15583112556095102, 6.22347806608332643 52.15384425178555006, 6.21857738205292776 52.15280628226566506, 6.21637459883123977 52.150913836662113, 6.215321500124805 52.1507787715459159, 6.21450594694991487 52.15099339403190015, 6.21190626619058861 52.15113440238749831, 6.21014794881360555 52.1520736622655221, 6.20457087442698363 52.14798386600430291, 6.20112830026739115 52.14902822284026485, 6.21310809769212291 52.15887240631847988, 6.19870796094885979 52.16291027540161451, 6.19870796094885979 52.16291027540161451)))</t>
  </si>
  <si>
    <t>MultiPolygon (((6.20457087442698363 52.14798386600430291, 6.21014794881360555 52.1520736622655221, 6.21190626619058861 52.15113440238749831, 6.21450594694991487 52.15099339403190015, 6.2089055005152245 52.14902419650417897, 6.21031111957886583 52.1458582445787826, 6.20755877059264538 52.14633311737015475, 6.20457087442698363 52.14798386600430291, 6.20457087442698363 52.14798386600430291)))</t>
  </si>
  <si>
    <t>MultiPolygon (((6.21450594694991487 52.15099339403190015, 6.215321500124805 52.1507787715459159, 6.21629855847652113 52.14678188907762291, 6.21031111957886583 52.1458582445787826, 6.2089055005152245 52.14902419650417897, 6.21450594694991487 52.15099339403190015, 6.21450594694991487 52.15099339403190015)))</t>
  </si>
  <si>
    <t>MultiPolygon (((6.20264733923172784 52.13680443074775184, 6.21012459357634583 52.13743408254397593, 6.20990858582024874 52.13522699743221267, 6.20726279791937596 52.13354669308614575, 6.2020727740211834 52.13362398356910887, 6.20264733923172784 52.13680443074775184, 6.20264733923172784 52.13680443074775184)))</t>
  </si>
  <si>
    <t>MultiPolygon (((6.2020727740211834 52.13362398356910887, 6.20726279791937596 52.13354669308614575, 6.20646862153594903 52.13218903187734554, 6.21017747681039189 52.12724845646706484, 6.20390085908886402 52.12759921608926561, 6.20049376941779062 52.127745723791584, 6.2020727740211834 52.13362398356910887, 6.2020727740211834 52.13362398356910887)))</t>
  </si>
  <si>
    <t>MultiPolygon (((6.21031111957886583 52.1458582445787826, 6.21629855847652113 52.14678188907762291, 6.21761514481654576 52.139308567256613, 6.21035548612952493 52.14021890594717235, 6.20474304474704841 52.14179372312188576, 6.20415579777968684 52.14365663698087872, 6.20755877059264538 52.14633311737015475, 6.21031111957886583 52.1458582445787826, 6.21031111957886583 52.1458582445787826)))</t>
  </si>
  <si>
    <t>MultiPolygon (((6.20474304474704841 52.14179372312188576, 6.21035548612952493 52.14021890594717235, 6.21761514481654576 52.139308567256613, 6.21853574171116197 52.13785264300051381, 6.21012459357634583 52.13743408254397593, 6.20264733923172784 52.13680443074775184, 6.20219455151305255 52.13707842647608004, 6.20547564763969017 52.1405329959157342, 6.20474304474704841 52.14179372312188576, 6.20474304474704841 52.14179372312188576)))</t>
  </si>
  <si>
    <t>MultiPolygon (((6.20219455151305255 52.13707842647608004, 6.20264733923172784 52.13680443074775184, 6.2020727740211834 52.13362398356910887, 6.20049376941779062 52.127745723791584, 6.19934049877930882 52.1278219415402333, 6.19617950270405249 52.1285067741667163, 6.19552468759687169 52.12973183180778847, 6.19643059420387932 52.13132465384831704, 6.19292536212628697 52.13275756003575623, 6.19675002623338145 52.13328588535588892, 6.20219455151305255 52.13707842647608004, 6.20219455151305255 52.13707842647608004)))</t>
  </si>
  <si>
    <t>MultiPolygon (((6.21853574171116197 52.13785264300051381, 6.21858541076462501 52.13776340681594945, 6.21987322425921629 52.13239809356073806, 6.21977773178624638 52.13218585227829749, 6.21383500623960039 52.13356131252172787, 6.21213216649588773 52.13531251568819869, 6.20990858582024874 52.13522699743221267, 6.21012459357634583 52.13743408254397593, 6.21853574171116197 52.13785264300051381, 6.21853574171116197 52.13785264300051381)))</t>
  </si>
  <si>
    <t>MultiPolygon (((6.20726279791937596 52.13354669308614575, 6.20990858582024874 52.13522699743221267, 6.21213216649588773 52.13531251568819869, 6.21383500623960039 52.13356131252172787, 6.21977773178624638 52.13218585227829749, 6.21752487414385957 52.12717773323365833, 6.21017747681039189 52.12724845646706484, 6.20646862153594903 52.13218903187734554, 6.20726279791937596 52.13354669308614575, 6.20726279791937596 52.13354669308614575)))</t>
  </si>
  <si>
    <t>MultiPolygon (((6.14433438044522262 52.15693711296103174, 6.14742218941373508 52.15799562527708844, 6.15915787384925473 52.15770503084068821, 6.17166865524002706 52.15279990637542085, 6.17929533458131797 52.1522622538759606, 6.18160508172965795 52.15270559516302029, 6.18764923951787971 52.14636069733546009, 6.1891101614570676 52.14362988786790964, 6.19123517290151604 52.13906802072234825, 6.19176498961953037 52.13287612254755743, 6.18652271917462304 52.12467193098526508, 6.18588492402163315 52.1237946243576431, 6.18484371299774249 52.12467905851111283, 6.18251535206290459 52.12623898334610573, 6.18401408072947589 52.12912093448446882, 6.18363976248977565 52.13124970151805826, 6.18242330189271883 52.13254645498228257, 6.18354623190334163 52.13425254647227547, 6.17941119526463112 52.13557967796718629, 6.17986954215485174 52.13585201758318277, 6.17758643184964384 52.13689404676894412, 6.17910139265112068 52.13790130545803692, 6.17889247154794319 52.13855915299824062, 6.17413125699008258 52.1394319574838363, 6.17504802635379235 52.14147118100259348, 6.17284083879657519 52.14237230054431649, 6.17214332722310122 52.1433895785037933, 6.17339581853768937 52.1449697831536767, 6.16850467230390098 52.14622618682781052, 6.16343371201521517 52.14610267598299487, 6.15058949881426376 52.14397767100910386, 6.142856517773021 52.14565874013491964, 6.14038958064976903 52.14835232969384293, 6.14063952932617951 52.15220927271851536, 6.14208142582576144 52.15519578761166031, 6.14433438044522262 52.15693711296103174, 6.14433438044522262 52.15693711296103174)))</t>
  </si>
  <si>
    <t>MultiPolygon (((6.20112830026739115 52.14902822284026485, 6.20457087442698363 52.14798386600430291, 6.20755877059264538 52.14633311737015475, 6.20415579777968684 52.14365663698087872, 6.20091389754334443 52.14275173633046023, 6.1965984390557427 52.1429836050770632, 6.1894883113095398 52.14370146106261927, 6.19593761170880875 52.14526481261943047, 6.20112830026739115 52.14902822284026485, 6.20112830026739115 52.14902822284026485)))</t>
  </si>
  <si>
    <t>MultiPolygon (((6.19279943387591914 52.16980127275880363, 6.19526349648372854 52.16562339425669137, 6.19870796094885979 52.16291027540161451, 6.21310809769212291 52.15887240631847988, 6.20112830026739115 52.14902822284026485, 6.19593761170880875 52.14526481261943047, 6.1894883113095398 52.14370146106261927, 6.1891101614570676 52.14362988786790964, 6.18764923951787971 52.14636069733546009, 6.18160508172965795 52.15270559516302029, 6.18467854121510019 52.16122257273053009, 6.18674951430847564 52.16448999880895343, 6.19151345174470524 52.16763591532642153, 6.19279943387591914 52.16980127275880363, 6.19279943387591914 52.16980127275880363)))</t>
  </si>
  <si>
    <t>MultiPolygon (((6.1965984390557427 52.1429836050770632, 6.20091389754334443 52.14275173633046023, 6.20415579777968684 52.14365663698087872, 6.20474304474704841 52.14179372312188576, 6.20547564763969017 52.1405329959157342, 6.20219455151305255 52.13707842647608004, 6.19992890644753025 52.13784735295304529, 6.19762911584560072 52.13966201217385077, 6.19641536295510953 52.14132084990368554, 6.1965984390557427 52.1429836050770632, 6.1965984390557427 52.1429836050770632)))</t>
  </si>
  <si>
    <t>MultiPolygon (((6.1891101614570676 52.14362988786790964, 6.1894883113095398 52.14370146106261927, 6.1965984390557427 52.1429836050770632, 6.19641536295510953 52.14132084990368554, 6.19762911584560072 52.13966201217385077, 6.19992890644753025 52.13784735295304529, 6.20219455151305255 52.13707842647608004, 6.19675002623338145 52.13328588535588892, 6.19292536212628697 52.13275756003575623, 6.19176498961953037 52.13287612254755743, 6.19123517290151604 52.13906802072234825, 6.1891101614570676 52.14362988786790964, 6.1891101614570676 52.14362988786790964)))</t>
  </si>
  <si>
    <t>MultiPolygon (((6.1432257209465515 51.8711500665425973, 6.14454849908076817 51.87161849404986924, 6.14453909635688955 51.86974451078145876, 6.14842527133558825 51.86823094686797475, 6.15078242905001193 51.86618627046102148, 6.1561074582259776 51.86547026358720558, 6.16151384829004645 51.86298693443853836, 6.16691846542105182 51.86164205038035391, 6.16723497311951885 51.86096480803764308, 6.16436866555458618 51.85887381735620494, 6.16360664931739777 51.8534447530858742, 6.16563971056133919 51.8502092023378367, 6.16655980487087341 51.84072164075813305, 6.14749348085048997 51.84540460654528005, 6.13577109447911084 51.84716940951562236, 6.10722676714212831 51.84809914899695826, 6.10775996458499648 51.84921306474355873, 6.10929361440445007 51.8573677489914715, 6.11513784406418281 51.8594955250071834, 6.11978239335532592 51.85899472730469029, 6.1253961531331127 51.860062351224407, 6.12159754891187369 51.86354379001421222, 6.1432257209465515 51.8711500665425973, 6.1432257209465515 51.8711500665425973),(6.15149031825662007 51.85129963097229222, 6.15074307398966269 51.85174141596366582, 6.14810600405965957 51.84936548621852381, 6.15051561618109943 51.84757907106591546, 6.1546558144105088 51.84678550513305595, 6.15656691711534965 51.85085469561057891, 6.15149031825662007 51.85129963097229222, 6.15149031825662007 51.85129963097229222)))</t>
  </si>
  <si>
    <t>MultiPolygon (((6.15149031825662007 51.85129963097229222, 6.15656691711534965 51.85085469561057891, 6.1546558144105088 51.84678550513305595, 6.15051561618109943 51.84757907106591546, 6.14810600405965957 51.84936548621852381, 6.15074307398966269 51.85174141596366582, 6.15149031825662007 51.85129963097229222, 6.15149031825662007 51.85129963097229222)))</t>
  </si>
  <si>
    <t>MultiPolygon (((6.09061013957788866 51.884301634208704, 6.09510075472747825 51.88288226095735212, 6.09652391573417241 51.88132697522674874, 6.10176855109374028 51.87463444055799044, 6.10735513621938875 51.87036667116260702, 6.10895078003957348 51.86619317550248809, 6.10931777526617203 51.8599031328422484, 6.10697177265342983 51.85990486285558632, 6.10340472446251958 51.86179859286710325, 6.10318983148410599 51.86364800719582036, 6.0998976164107388 51.86330838284227696, 6.10018425144720133 51.8588790551333858, 6.09727201071153058 51.85868789604798224, 6.09329767479046147 51.85707614250734565, 6.09112322726208077 51.85360051511797508, 6.10205834431059824 51.85027604561712167, 6.10775996458499648 51.84921306474355873, 6.10722676714212831 51.84809914899695826, 6.09952025983907031 51.84939092858914478, 6.08955581570255156 51.85259699986504955, 6.07721127767133407 51.85924184500961331, 6.06348555320025984 51.86545122420106679, 6.05441406641908397 51.86910701854409211, 6.05696172241204955 51.87162309564553198, 6.06998201227766465 51.87560475628312417, 6.07386253620295502 51.87647733021590568, 6.08198011552217022 51.88096594408457918, 6.0866358313115061 51.88213300231424085, 6.09061013957788866 51.884301634208704, 6.09061013957788866 51.884301634208704)))</t>
  </si>
  <si>
    <t>MultiPolygon (((6.10931777526617203 51.8599031328422484, 6.10929361440445007 51.8573677489914715, 6.10775996458499648 51.84921306474355873, 6.10205834431059824 51.85027604561712167, 6.09112322726208077 51.85360051511797508, 6.09329767479046147 51.85707614250734565, 6.09727201071153058 51.85868789604798224, 6.10018425144720133 51.8588790551333858, 6.0998976164107388 51.86330838284227696, 6.10318983148410599 51.86364800719582036, 6.10340472446251958 51.86179859286710325, 6.10697177265342983 51.85990486285558632, 6.10931777526617203 51.8599031328422484, 6.10931777526617203 51.8599031328422484)))</t>
  </si>
  <si>
    <t>MultiPolygon (((6.10895078003957348 51.86619317550248809, 6.11184365745192348 51.86673436598775311, 6.11133654615077582 51.867985083408918, 6.11656773820930066 51.86851094329863088, 6.12159754891187369 51.86354379001421222, 6.1253961531331127 51.860062351224407, 6.11978239335532592 51.85899472730469029, 6.11513784406418281 51.8594955250071834, 6.10929361440445007 51.8573677489914715, 6.10931777526617203 51.8599031328422484, 6.10895078003957348 51.86619317550248809, 6.10895078003957348 51.86619317550248809)))</t>
  </si>
  <si>
    <t>MultiPolygon (((6.09652391573417241 51.88132697522674874, 6.09948823112519545 51.88157608869637727, 6.10588725040091695 51.88431071941808881, 6.1024570957940103 51.88755263210711632, 6.10659907651827538 51.88905977820167692, 6.11120693624562872 51.88908860524507105, 6.1214981605208818 51.88570531601845914, 6.12870417645058918 51.88435858513405208, 6.13541610153906891 51.87761383835800189, 6.1432257209465515 51.8711500665425973, 6.12159754891187369 51.86354379001421222, 6.11656773820930066 51.86851094329863088, 6.11133654615077582 51.867985083408918, 6.11184365745192348 51.86673436598775311, 6.10895078003957348 51.86619317550248809, 6.10735513621938875 51.87036667116260702, 6.10176855109374028 51.87463444055799044, 6.09652391573417241 51.88132697522674874, 6.09652391573417241 51.88132697522674874)))</t>
  </si>
  <si>
    <t>MultiPolygon (((6.09958003445254437 51.88870947568349834, 6.1024570957940103 51.88755263210711632, 6.10588725040091695 51.88431071941808881, 6.09948823112519545 51.88157608869637727, 6.09652391573417241 51.88132697522674874, 6.09510075472747825 51.88288226095735212, 6.09061013957788866 51.884301634208704, 6.09958003445254437 51.88870947568349834, 6.09958003445254437 51.88870947568349834)))</t>
  </si>
  <si>
    <t>MultiPolygon (((6.0526899572459989 51.89363620519169018, 6.05170536038497797 51.89395188488980182, 6.05345553550482673 51.89461049049464236, 6.05077391177119051 51.89768458440885013, 6.06478939978829157 51.89801438759862862, 6.07675224018347571 51.89579031869067904, 6.08626834792891014 51.89539952184112792, 6.09549156205687215 51.89036121886037023, 6.08940720967979754 51.88947074739740373, 6.08547668960536914 51.89207518138261577, 6.07791099724007022 51.88778097899860597, 6.07639184212484107 51.88862599218879978, 6.08219940463804409 51.89322480608313981, 6.07718101723179949 51.8948555195761756, 6.06808549790267993 51.89613919025115507, 6.0526899572459989 51.89363620519169018, 6.0526899572459989 51.89363620519169018)))</t>
  </si>
  <si>
    <t>MultiPolygon (((6.09549156205687215 51.89036121886037023, 6.09958003445254437 51.88870947568349834, 6.09061013957788866 51.884301634208704, 6.0866358313115061 51.88213300231424085, 6.08198011552217022 51.88096594408457918, 6.07386253620295502 51.87647733021590568, 6.06998201227766465 51.87560475628312417, 6.06293132363564968 51.8788848020822897, 6.06028294167584125 51.8819364611070597, 6.05963481184548858 51.88375867457101975, 6.06025337303476519 51.88461606591101116, 6.06127311152277581 51.88447454522754043, 6.06284056252733183 51.88657419780547286, 6.06384208884526377 51.8894206124749573, 6.05797596584126996 51.89105675642322524, 6.05908210035369876 51.8929425232368331, 6.0526899572459989 51.89363620519169018, 6.06808549790267993 51.89613919025115507, 6.07718101723179949 51.8948555195761756, 6.08219940463804409 51.89322480608313981, 6.07639184212484107 51.88862599218879978, 6.07791099724007022 51.88778097899860597, 6.08547668960536914 51.89207518138261577, 6.08940720967979754 51.88947074739740373, 6.09549156205687215 51.89036121886037023, 6.09549156205687215 51.89036121886037023)))</t>
  </si>
  <si>
    <t>MultiPolygon (((6.02180297561451816 51.89632336722394257, 6.02639608557513107 51.89824055965079452, 6.02846204190436108 51.89986773611882853, 6.03057931510860534 51.90008901502334737, 6.03719988251725947 51.8992329225039839, 6.0453239566342738 51.89728829430411139, 6.05077391177119051 51.89768458440885013, 6.05345553550482673 51.89461049049464236, 6.05170536038497797 51.89395188488980182, 6.0526899572459989 51.89363620519169018, 6.05908210035369876 51.8929425232368331, 6.05797596584126996 51.89105675642322524, 6.06384208884526377 51.8894206124749573, 6.06284056252733183 51.88657419780547286, 6.06127311152277581 51.88447454522754043, 6.06025337303476519 51.88461606591101116, 6.05963481184548858 51.88375867457101975, 6.06028294167584125 51.8819364611070597, 6.06293132363564968 51.8788848020822897, 6.06998201227766465 51.87560475628312417, 6.05696172241204955 51.87162309564553198, 6.05441406641908397 51.86910701854409211, 6.04628469344197139 51.8709132077393491, 6.0371548213884223 51.87541841186707359, 6.03058274696170749 51.88023922031113244, 6.02180297561451816 51.89632336722394257, 6.02180297561451816 51.89632336722394257),(6.03013236216470538 51.89579138278982384, 6.02800102321726516 51.89609538064097904, 6.03250526295547473 51.88819926882104028, 6.04130827003553961 51.88560400068330836, 6.05267827062781638 51.88529642043322809, 6.05285515364444748 51.88625532970428367, 6.04999604623196596 51.88709231526343757, 6.05153016196692484 51.88982714849036881, 6.05085602373663267 51.89120854185304665, 6.04147232309480486 51.89286003555765348, 6.03013236216470538 51.89579138278982384, 6.03013236216470538 51.89579138278982384)))</t>
  </si>
  <si>
    <t>MultiPolygon (((6.03013236216470538 51.89579138278982384, 6.04147232309480486 51.89286003555765348, 6.05085602373663267 51.89120854185304665, 6.05153016196692484 51.88982714849036881, 6.04999604623196596 51.88709231526343757, 6.05285515364444748 51.88625532970428367, 6.05267827062781638 51.88529642043322809, 6.04130827003553961 51.88560400068330836, 6.03250526295547473 51.88819926882104028, 6.02800102321726516 51.89609538064097904, 6.03013236216470538 51.89579138278982384, 6.03013236216470538 51.89579138278982384)))</t>
  </si>
  <si>
    <t>MultiPolygon (((5.99727895887681761 51.91307239023807796, 6.00032978403238726 51.91324166199333945, 6.01404700623452459 51.91643233448851902, 6.02699402675675611 51.91651827672483677, 6.03472423089652121 51.91384604264393943, 6.03745655763797284 51.91396216530932151, 6.03789642685039762 51.91471870141329958, 6.04272068856863065 51.91401191068584353, 6.04540282648164595 51.91265900281117496, 6.062796194141999 51.91424423312163583, 6.06721076646843738 51.91387072882440634, 6.07162293749278081 51.91473450948662816, 6.07614799095487701 51.91383369195492747, 6.07896745812549888 51.91406914477138201, 6.08187941857481107 51.91358228318706836, 6.08325547317994175 51.91257303925382161, 6.08483025525289989 51.91352732894242195, 6.09497144902780885 51.91015178244182238, 6.09213251915253817 51.90685612182176101, 6.09527406827946905 51.90286750166534802, 6.10116914388133491 51.89899524182538926, 6.10573027114764155 51.89740042974719358, 6.10275624321641086 51.89267432305778271, 6.10347445927913146 51.89248346777591792, 6.10633073866175202 51.89165331876417753, 6.11309853885819265 51.89256681104225777, 6.11822419150102714 51.89201260137519967, 6.12114909957235565 51.89106556670742521, 6.12229896036686227 51.89010792003826822, 6.1243962187823433 51.8901528402801091, 6.13011214391457582 51.88827244778939018, 6.13344388165307031 51.88647697065213293, 6.13712711473762873 51.88580273122737907, 6.13805201391868227 51.88359658549766351, 6.14360999867223967 51.87625117737631797, 6.14329542256457017 51.87497996260367472, 6.14454849908076817 51.87161849404986924, 6.1432257209465515 51.8711500665425973, 6.13541610153906891 51.87761383835800189, 6.12870417645058918 51.88435858513405208, 6.1214981605208818 51.88570531601845914, 6.11120693624562872 51.88908860524507105, 6.10659907651827538 51.88905977820167692, 6.1024570957940103 51.88755263210711632, 6.09958003445254437 51.88870947568349834, 6.09549156205687215 51.89036121886037023, 6.08626834792891014 51.89539952184112792, 6.07675224018347571 51.89579031869067904, 6.06478939978829157 51.89801438759862862, 6.05077391177119051 51.89768458440885013, 6.0453239566342738 51.89728829430411139, 6.03719988251725947 51.8992329225039839, 6.03057931510860534 51.90008901502334737, 6.02846204190436108 51.89986773611882853, 6.02639608557513107 51.89824055965079452, 6.02180297561451816 51.89632336722394257, 6.01508886757569794 51.90099951730329053, 5.99845476833762703 51.90663901026210425, 5.98792250108884971 51.91260909258393497, 5.98706257029882671 51.91331383154283685, 5.98892102128667414 51.9139652406880856, 5.99275542926286331 51.91233395897864966, 5.99727895887681761 51.91307239023807796, 5.99727895887681761 51.91307239023807796)))</t>
  </si>
  <si>
    <t>MultiPolygon (((6.00487689163533211 51.98682428344653772, 6.00756151788586301 51.98718641799422358, 6.01049225542127541 51.9886798312268823, 6.01429942506015092 51.98911754683579289, 6.02425187661451744 51.98788926794703258, 6.02986287058390769 51.98536689137953459, 6.04363928158304198 51.98545261496865066, 6.04355307438824507 51.983192278989101, 6.02139607744652849 51.98309005245224057, 6.01296259735666183 51.98369675879062868, 6.00797491934520167 51.98085279568987715, 6.00987931767753825 51.97886888671294514, 6.00566416227526201 51.97908815576423791, 6.00173284636999593 51.97755170432405691, 6.00314315283566202 51.98025899389586613, 6.00196520354179341 51.98065000477816966, 6.00487689163533211 51.98682428344653772, 6.00487689163533211 51.98682428344653772)))</t>
  </si>
  <si>
    <t>MultiPolygon (((6.05080902574082469 51.98893936911561298, 6.04862531806185189 51.98546516263770911, 6.04363928158304198 51.98545261496865066, 6.04343421657241819 51.98806008783149224, 6.038915917061626 51.98993487867847563, 6.04144437864299721 51.99164855443323319, 6.04243614141217211 51.99414313484149375, 6.04548875985564038 51.99563021651871253, 6.0483876244451098 51.99561395828216348, 6.05066781274201926 51.99288550489907834, 6.04836480602355753 51.99183344454046107, 6.05116357193884458 51.98949842927704168, 6.05080902574082469 51.98893936911561298, 6.05080902574082469 51.98893936911561298)))</t>
  </si>
  <si>
    <t>MultiPolygon (((6.06408670662053151 52.01499699755764539, 6.06438187577295285 52.01497460433518683, 6.06827891166173927 52.01416802776413562, 6.07407869854498728 52.01192845059066627, 6.07762178093112482 52.00962319080556284, 6.07884507376265049 52.00713049193787185, 6.07766275098783471 52.00378627321770608, 6.07802592778529505 52.00131498398263119, 6.06653490258852113 52.00055883153095238, 6.06338763521071389 51.99884198551384173, 6.05838809943606815 51.99419560526461481, 6.05080902574082469 51.98893936911561298, 6.05116357193884458 51.98949842927704168, 6.04836480602355753 51.99183344454046107, 6.05066781274201926 51.99288550489907834, 6.0483876244451098 51.99561395828216348, 6.04548875985564038 51.99563021651871253, 6.04243614141217211 51.99414313484149375, 6.04144437864299721 51.99164855443323319, 6.038915917061626 51.98993487867847563, 6.04343421657241819 51.98806008783149224, 6.04363928158304198 51.98545261496865066, 6.02986287058390769 51.98536689137953459, 6.02425187661451744 51.98788926794703258, 6.01429942506015092 51.98911754683579289, 6.01049225542127541 51.9886798312268823, 6.00756151788586301 51.98718641799422358, 6.00487689163533211 51.98682428344653772, 6.00654747960304825 51.99128466163157469, 6.01039017861390334 51.99472558025434665, 6.01533373073500766 51.99686793764931991, 6.02032207971414657 51.99691316086880022, 6.02779126058116255 51.9958405184841439, 6.03321904913399187 51.99721102113749538, 6.0430889021927614 52.00223599438092492, 6.0446158241318404 52.00398876673622084, 6.04574942586409225 52.00755599814497998, 6.0480663127603238 52.00979460561227796, 6.05743966807813372 52.01402206094229541, 6.06408670662053151 52.01499699755764539, 6.06408670662053151 52.01499699755764539)))</t>
  </si>
  <si>
    <t>MultiPolygon (((6.07802592778529505 52.00131498398263119, 6.08462320593536177 51.9947969448744729, 6.08168199235728579 51.99318558195022177, 6.07651117709648414 51.99356527505377557, 6.07201975699927754 51.99297780036228289, 6.05582793789599716 51.98648977076070565, 6.04862531806185189 51.98546516263770911, 6.05080902574082469 51.98893936911561298, 6.05838809943606815 51.99419560526461481, 6.06338763521071389 51.99884198551384173, 6.06653490258852113 52.00055883153095238, 6.07802592778529505 52.00131498398263119, 6.07802592778529505 52.00131498398263119)))</t>
  </si>
  <si>
    <t>MultiPolygon (((6.11434020610221651 51.99681479614184809, 6.11445009324831101 51.99682318171795714, 6.11267246986377799 51.99145537295966335, 6.11340019158122061 51.99130167376281975, 6.12478811903187914 51.99251447341044496, 6.13347099195897449 51.99138461188069726, 6.13676171859610342 51.9896229529767453, 6.14458602905087492 51.99212895124356493, 6.15001454549661908 51.9911852680066815, 6.16158500774310358 51.99075370162518794, 6.16048348693781822 51.98103674845966538, 6.14468833412835913 51.98050015335358154, 6.12921186918433758 51.97821397839343405, 6.12109031801284953 51.97339812688178284, 6.12233465031892887 51.97148399151660669, 6.11829368929989403 51.97053539565424529, 6.11235818358773209 51.96886708943387134, 6.10845836153949939 51.96871519477790002, 6.10088408090361156 51.96990933671497004, 6.09448838415539562 51.97004717444125532, 6.08813027139214746 51.97248209357812954, 6.07460529748575162 51.97567591497030293, 6.06727440556185638 51.97533185835981584, 6.06863027718179726 51.98047579404772023, 6.06214748994120889 51.98073947122826866, 6.06077226149184778 51.98185931592475839, 6.04723150022817268 51.9806367658287698, 6.04224760816665363 51.97900957382432807, 6.0429691218030479 51.97867967715897208, 6.0343056104363848 51.97135311987764794, 6.0268892505849081 51.97089308923141715, 6.0218181743949728 51.97820264424618131, 6.00987931767753825 51.97886888671294514, 6.00797491934520167 51.98085279568987715, 6.01296259735666183 51.98369675879062868, 6.02139607744652849 51.98309005245224057, 6.04355307438824507 51.983192278989101, 6.04363928158304198 51.98545261496865066, 6.04862531806185189 51.98546516263770911, 6.05582793789599716 51.98648977076070565, 6.07201975699927754 51.99297780036228289, 6.07651117709648414 51.99356527505377557, 6.08168199235728579 51.99318558195022177, 6.08462320593536177 51.9947969448744729, 6.08791921156505378 51.99343028004820866, 6.09374910395779334 51.9927873109973433, 6.10342893075648529 51.99451957675601221, 6.10899995038474408 51.99613712672865518, 6.10959053275270403 51.99643671019418889, 6.1104950058781311 51.99560540917509144, 6.11434020610221651 51.99681479614184809, 6.11434020610221651 51.99681479614184809)))</t>
  </si>
  <si>
    <t>MultiPolygon (((6.14983096598969592 52.0018688929672166, 6.15925053213323093 51.99973978188688761, 6.16307561320936248 51.99956743912242274, 6.16431726386852308 51.99898629816090079, 6.15993454812727759 51.99784706680942037, 6.15956570985554652 51.99602503791899011, 6.16188917244044632 51.9932485878184707, 6.16158500774310358 51.99075370162518794, 6.15001454549661908 51.9911852680066815, 6.14458602905087492 51.99212895124356493, 6.13676171859610342 51.9896229529767453, 6.13347099195897449 51.99138461188069726, 6.12478811903187914 51.99251447341044496, 6.11340019158122061 51.99130167376281975, 6.11267246986377799 51.99145537295966335, 6.11445009324831101 51.99682318171795714, 6.13025235559931136 51.99709226695225084, 6.13609425882845105 51.99742998753675494, 6.13996547333029064 51.99706617959593302, 6.14182085938188038 51.99757358430684206, 6.14113794907208277 51.99857901996326603, 6.14983096598969592 52.0018688929672166, 6.14983096598969592 52.0018688929672166)))</t>
  </si>
  <si>
    <t>MultiPolygon (((6.1121009412215157 51.91737583244233889, 6.11478885513085668 51.91981555598118803, 6.12382762141959081 51.92123502221169673, 6.12448902495075398 51.92229253623096241, 6.13843254745441413 51.91552932827348599, 6.14030455523961738 51.9154745973106202, 6.14143340420099459 51.91592357723160944, 6.14295862593272801 51.91845754728979756, 6.14370730769798179 51.91803026533407461, 6.14258320112953626 51.91542986249316272, 6.14332840481187592 51.91362750268499582, 6.15256959049723662 51.90886853592720485, 6.15477588653047736 51.9112645212755055, 6.15662302093054503 51.91122741028625853, 6.15719273424881663 51.90736756238396055, 6.16002741864616432 51.90475362761230826, 6.16285521869791086 51.90294871582295144, 6.1653545155115026 51.902344670869482, 6.16677256270357965 51.90104716143521557, 6.16791177146911984 51.90094194265419958, 6.16563288060695225 51.89859647261557996, 6.16302395420981863 51.90114043792848975, 6.16229077948452897 51.90094024759532232, 6.15738552815737705 51.90510035796519617, 6.15622531205149492 51.90524485586047376, 6.15431448947363613 51.90519873500107195, 6.15405227535740895 51.90455389591485869, 6.13054712947712055 51.89985744875318829, 6.12567260849817785 51.89820133332232643, 6.11788941729981595 51.90165913981960699, 6.11482122028634567 51.89772046600270983, 6.11230676868497635 51.89894436965694524, 6.1115383608969287 51.89861508600714757, 6.10930605891558809 51.89583021707625932, 6.11017597778295229 51.89494286020368463, 6.10347445927913146 51.89248346777591792, 6.10275624321641086 51.89267432305778271, 6.10573027114764155 51.89740042974719358, 6.11054442975119372 51.90286587791838713, 6.11306787749978486 51.90227603619875651, 6.11607120243703672 51.90325219086586372, 6.11775182185860178 51.9044460681297366, 6.11728924498385229 51.9049501978508161, 6.12269834397399837 51.90554639896117095, 6.12289566202293312 51.90811085993701113, 6.1163159024488456 51.91048126416549735, 6.10712020398018396 51.91378911405449514, 6.1121009412215157 51.91737583244233889, 6.1121009412215157 51.91737583244233889)))</t>
  </si>
  <si>
    <t>MultiPolygon (((6.09007287685785581 51.91868506435580599, 6.10712020398018396 51.91378911405449514, 6.1163159024488456 51.91048126416549735, 6.11633228730313228 51.9090961396401056, 6.11027837095626314 51.90846782971924966, 6.10657250002421748 51.90973202631114702, 6.10614099912662667 51.9092692271870817, 6.11075606115950531 51.90365797485612376, 6.11054442975119372 51.90286587791838713, 6.10573027114764155 51.89740042974719358, 6.10116914388133491 51.89899524182538926, 6.09527406827946905 51.90286750166534802, 6.09213251915253817 51.90685612182176101, 6.09497144902780885 51.91015178244182238, 6.08483025525289989 51.91352732894242195, 6.08674165313536797 51.91687559381190198, 6.09007287685785581 51.91868506435580599, 6.09007287685785581 51.91868506435580599)))</t>
  </si>
  <si>
    <t>MultiPolygon (((6.11054442975119372 51.90286587791838713, 6.11075606115950531 51.90365797485612376, 6.10614099912662667 51.9092692271870817, 6.10657250002421748 51.90973202631114702, 6.11027837095626314 51.90846782971924966, 6.11633228730313228 51.9090961396401056, 6.1163159024488456 51.91048126416549735, 6.12289566202293312 51.90811085993701113, 6.12269834397399837 51.90554639896117095, 6.11728924498385229 51.9049501978508161, 6.11775182185860178 51.9044460681297366, 6.11607120243703672 51.90325219086586372, 6.11306787749978486 51.90227603619875651, 6.11054442975119372 51.90286587791838713, 6.11054442975119372 51.90286587791838713)))</t>
  </si>
  <si>
    <t>MultiPolygon (((6.09836241142498192 51.92383018185741861, 6.1126528047441715 51.92780359058170347, 6.12448902495075398 51.92229253623096241, 6.12382762141959081 51.92123502221169673, 6.11478885513085668 51.91981555598118803, 6.1121009412215157 51.91737583244233889, 6.09836241142498192 51.92383018185741861, 6.09836241142498192 51.92383018185741861)))</t>
  </si>
  <si>
    <t>MultiPolygon (((6.06727440556185638 51.97533185835981584, 6.07460529748575162 51.97567591497030293, 6.08813027139214746 51.97248209357812954, 6.09448838415539562 51.97004717444125532, 6.10088408090361156 51.96990933671497004, 6.10845836153949939 51.96871519477790002, 6.11235818358773209 51.96886708943387134, 6.10882322026347779 51.96717275891953847, 6.10520074864994911 51.96669721496331107, 6.09039368107560541 51.96784428647168141, 6.08951443778554058 51.96350917259302804, 6.09137041444758243 51.9629160218381827, 6.09110167163833971 51.94231024621758763, 6.09142793007994499 51.93872098671032234, 6.09071658791555226 51.93845187363123017, 6.08286437024942916 51.94217930452917642, 6.06326291890019409 51.9490830613651724, 6.05266523196193784 51.95269778489144841, 6.0584614880287706 51.95830938395339871, 6.05998844130760972 51.96324103189863308, 6.06083884371440718 51.97448324035500633, 6.06727440556185638 51.97533185835981584, 6.06727440556185638 51.97533185835981584)))</t>
  </si>
  <si>
    <t>MultiPolygon (((6.09102127625315859 51.92180099009334526, 6.09836241142498192 51.92383018185741861, 6.1121009412215157 51.91737583244233889, 6.10712020398018396 51.91378911405449514, 6.09007287685785581 51.91868506435580599, 6.09102127625315859 51.92180099009334526, 6.09102127625315859 51.92180099009334526)))</t>
  </si>
  <si>
    <t>MultiPolygon (((6.04738703722990856 51.93032594788793688, 6.05584472625154735 51.92719316825593268, 6.06517430164993598 51.92484287135125953, 6.06167656888584272 51.92056171723017854, 6.07424405436684633 51.92182841797977488, 6.0783411350647345 51.91760706291442062, 6.07896745812549888 51.91406914477138201, 6.07614799095487701 51.91383369195492747, 6.07162293749278081 51.91473450948662816, 6.06721076646843738 51.91387072882440634, 6.062796194141999 51.91424423312163583, 6.04540282648164595 51.91265900281117496, 6.04272068856863065 51.91401191068584353, 6.03789642685039762 51.91471870141329958, 6.03884291485717739 51.91634019528594735, 6.04127657282078534 51.91580530227122381, 6.04184212953951327 51.91695222288779377, 6.04293976219298479 51.9168089101313015, 6.04346419393441892 51.91746125315652449, 6.04471298985367955 51.9201157500557926, 6.04351447465806046 51.92080356394668428, 6.04599599177325508 51.92330527094036796, 6.04539928201771293 51.92409085741898878, 6.04699523523357918 51.92532768598655935, 6.04627585629528053 51.92690595104730988, 6.04235766047238076 51.92777178322901221, 6.04572370030960649 51.93040092466957702, 6.04640107561041606 51.9299953770286109, 6.04738703722990856 51.93032594788793688)))</t>
  </si>
  <si>
    <t>MultiPolygon (((6.07424405436684633 51.92182841797977488, 6.07494134499163696 51.92242416912861103, 6.08354848310215601 51.92030034809378236, 6.09007287685785581 51.91868506435580599, 6.08674165313536797 51.91687559381190198, 6.08483025525289989 51.91352732894242195, 6.08325547317994175 51.91257303925382161, 6.08187941857481107 51.91358228318706836, 6.07896745812549888 51.91406914477138201, 6.0783411350647345 51.91760706291442062, 6.07424405436684633 51.92182841797977488, 6.07424405436684633 51.92182841797977488)))</t>
  </si>
  <si>
    <t>MultiPolygon (((6.06517430164993598 51.92484287135125953, 6.07494134499163696 51.92242416912861103, 6.07424405436684633 51.92182841797977488, 6.06167656888584272 51.92056171723017854, 6.06517430164993598 51.92484287135125953, 6.06517430164993598 51.92484287135125953)))</t>
  </si>
  <si>
    <t>MultiPolygon (((6.09071658791555226 51.93845187363123017, 6.09142793007994499 51.93872098671032234, 6.09414863528578366 51.93882782888918115, 6.09468872283549601 51.93672013166488455, 6.1126528047441715 51.92780359058170347, 6.09836241142498192 51.92383018185741861, 6.09102127625315859 51.92180099009334526, 6.0907795418136299 51.92577601088966333, 6.0919617427263697 51.92598201398116231, 6.0926485248553135 51.92710049456970012, 6.09130687750420918 51.93317822678199747, 6.08618178439550928 51.93564278397935396, 6.09071658791555226 51.93845187363123017, 6.09071658791555226 51.93845187363123017)))</t>
  </si>
  <si>
    <t>MultiPolygon (((6.06108585084975715 51.9456558938568449, 6.06046294301343202 51.94596826292961822, 6.06326291890019409 51.9490830613651724, 6.08286437024942916 51.94217930452917642, 6.08215617630802807 51.94088729613892497, 6.07314437968675946 51.94121195611891295, 6.07324099363001313 51.94244480523812513, 6.06530981813083425 51.94498008825878088, 6.06490292477451831 51.94445981713875682, 6.06108585084975715 51.9456558938568449, 6.06108585084975715 51.9456558938568449)))</t>
  </si>
  <si>
    <t>MultiPolygon (((6.05480536199219177 51.939935840564317, 6.0630139837130379 51.93739854013624324, 6.06047876169711319 51.93560864661993293, 6.05584472625154735 51.92719316825593268, 6.04738703722990856 51.93032594788793688, 6.0490160314660697 51.93153990432781342, 6.05158227520984848 51.9310446020779537, 6.05302697168156278 51.94032845107309981, 6.05480536199219177 51.939935840564317, 6.05480536199219177 51.939935840564317)))</t>
  </si>
  <si>
    <t>MultiPolygon (((6.08336609532515382 51.93372447459444885, 6.08618178439550928 51.93564278397935396, 6.09130687750420918 51.93317822678199747, 6.0926485248553135 51.92710049456970012, 6.0919617427263697 51.92598201398116231, 6.0907795418136299 51.92577601088966333, 6.08717294476224602 51.93178354077783609, 6.08336609532515382 51.93372447459444885, 6.08336609532515382 51.93372447459444885)))</t>
  </si>
  <si>
    <t>MultiPolygon (((6.08215617630802807 51.94088729613892497, 6.08286437024942916 51.94217930452917642, 6.09071658791555226 51.93845187363123017, 6.08618178439550928 51.93564278397935396, 6.08336609532515382 51.93372447459444885, 6.08265954623853045 51.93404097304620848, 6.07959527266822963 51.93581224984244926, 6.08215617630802807 51.94088729613892497, 6.08215617630802807 51.94088729613892497)))</t>
  </si>
  <si>
    <t>MultiPolygon (((6.07314437968675946 51.94121195611891295, 6.08215617630802807 51.94088729613892497, 6.07959527266822963 51.93581224984244926, 6.07289617584291985 51.9378318436547346, 6.07314437968675946 51.94121195611891295, 6.07314437968675946 51.94121195611891295)))</t>
  </si>
  <si>
    <t>MultiPolygon (((6.05645680081727722 51.94222976847174778, 6.06108585084975715 51.9456558938568449, 6.06490292477451831 51.94445981713875682, 6.06530981813083425 51.94498008825878088, 6.07324099363001313 51.94244480523812513, 6.07314437968675946 51.94121195611891295, 6.07289617584291985 51.9378318436547346, 6.06785025975869008 51.93843828913786353, 6.0630139837130379 51.93739854013624324, 6.05480536199219177 51.939935840564317, 6.05645680081727722 51.94222976847174778, 6.05645680081727722 51.94222976847174778)))</t>
  </si>
  <si>
    <t>MultiPolygon (((6.0630139837130379 51.93739854013624324, 6.06785025975869008 51.93843828913786353, 6.07289617584291985 51.9378318436547346, 6.07959527266822963 51.93581224984244926, 6.07566998456245688 51.93352815962801827, 6.0680300976337449 51.93249881605382257, 6.0630139837130379 51.93739854013624324, 6.0630139837130379 51.93739854013624324)))</t>
  </si>
  <si>
    <t>MultiPolygon (((6.0630139837130379 51.93739854013624324, 6.0680300976337449 51.93249881605382257, 6.06517430164993598 51.92484287135125953, 6.05584472625154735 51.92719316825593268, 6.06047876169711319 51.93560864661993293, 6.0630139837130379 51.93739854013624324, 6.0630139837130379 51.93739854013624324)))</t>
  </si>
  <si>
    <t>MultiPolygon (((6.08265954623853045 51.93404097304620848, 6.08336609532515382 51.93372447459444885, 6.08717294476224602 51.93178354077783609, 6.0907795418136299 51.92577601088966333, 6.09102127625315859 51.92180099009334526, 6.09007287685785581 51.91868506435580599, 6.08354848310215601 51.92030034809378236, 6.08304771593576366 51.92243215139850321, 6.07855427679749116 51.92801704277685815, 6.07840975679356177 51.930385989080456, 6.07975180877337884 51.93173151688394285, 6.08265954623853045 51.93404097304620848, 6.08265954623853045 51.93404097304620848)))</t>
  </si>
  <si>
    <t>MultiPolygon (((6.07959527266822963 51.93581224984244926, 6.08265954623853045 51.93404097304620848, 6.07975180877337884 51.93173151688394285, 6.07525611107565666 51.93000657745220394, 6.07422556995099061 51.92854498058176915, 6.07064195575156251 51.92964498043318144, 6.0680300976337449 51.93249881605382257, 6.07566998456245688 51.93352815962801827, 6.07959527266822963 51.93581224984244926, 6.07959527266822963 51.93581224984244926)))</t>
  </si>
  <si>
    <t>MultiPolygon (((6.0680300976337449 51.93249881605382257, 6.07064195575156251 51.92964498043318144, 6.07422556995099061 51.92854498058176915, 6.0718971548047076 51.92728965714155009, 6.07367564697360063 51.92602315557188319, 6.07494134499163696 51.92242416912861103, 6.06517430164993598 51.92484287135125953, 6.0680300976337449 51.93249881605382257, 6.0680300976337449 51.93249881605382257)))</t>
  </si>
  <si>
    <t>MultiPolygon (((6.07422556995099061 51.92854498058176915, 6.07525611107565666 51.93000657745220394, 6.07975180877337884 51.93173151688394285, 6.07840975679356177 51.930385989080456, 6.07855427679749116 51.92801704277685815, 6.08304771593576366 51.92243215139850321, 6.08354848310215601 51.92030034809378236, 6.07494134499163696 51.92242416912861103, 6.07367564697360063 51.92602315557188319, 6.0718971548047076 51.92728965714155009, 6.07422556995099061 51.92854498058176915, 6.07422556995099061 51.92854498058176915)))</t>
  </si>
  <si>
    <t>MultiPolygon (((5.16449225443199822 51.76714569131748789, 5.16572419400168581 51.76580536464017968, 5.15518164613035967 51.76343816067995363, 5.153886135633444 51.76465521331396502, 5.15110063331345902 51.76406988462343861, 5.15299599172212019 51.760888118888289, 5.15763312557273235 51.75907178449563162, 5.16158515869742907 51.75891597473084715, 5.17512804070342813 51.76253166380052306, 5.1745653607323483 51.76107275993263812, 5.17967491498958843 51.75923707233942395, 5.1835186767806638 51.75581771721520852, 5.18495093537356855 51.75363648565013364, 5.1857251649368532 51.75064573087650643, 5.18444461087298247 51.74586409851129787, 5.1850205371972633 51.7458028744291525, 5.18569979536198211 51.74191755621143329, 5.17726006915512116 51.74291774980849112, 5.16883682878801398 51.7430738661354539, 5.16349663001328985 51.74270234088002951, 5.12805469948688497 51.73760714234622782, 5.12660800162621388 51.73792896910076422, 5.12598449022954217 51.73962919243022185, 5.12559143873414857 51.74322660457059442, 5.12633592196141308 51.74502148311282923, 5.13811260326633601 51.75072629246636069, 5.14271381706228947 51.75521022642364244, 5.1376524780012307 51.75762825185201166, 5.13589065878593498 51.76031974470693342, 5.13635015731433864 51.76391645432438793, 5.13868756699301876 51.76745284547970272, 5.14068851349221578 51.76638462539652608, 5.14572256523793925 51.76639228662511272, 5.14633894507525902 51.76927519500240038, 5.14567482233950635 51.77070664546365464, 5.14693772476852907 51.77079996504009074, 5.15688196281700595 51.77372429678980836, 5.16529315876772888 51.77037966995549567, 5.166844082298236 51.76846889605099733, 5.16449225443199822 51.76714569131748789, 5.16449225443199822 51.76714569131748789),(5.14545512380493797 51.75034283509319977, 5.14588910111575348 51.74742163316695098, 5.15035967026742814 51.74816780030808161, 5.15271332280388883 51.75168533522903402, 5.15249201742503349 51.75334129889075285, 5.1495645370383043 51.75316827505548645, 5.14545512380493797 51.75034283509319977, 5.14545512380493797 51.75034283509319977)))</t>
  </si>
  <si>
    <t>MultiPolygon (((5.15249201742503349 51.75334129889075285, 5.15271332280388883 51.75168533522903402, 5.15035967026742814 51.74816780030808161, 5.14588910111575348 51.74742163316695098, 5.14545512380493797 51.75034283509319977, 5.1495645370383043 51.75316827505548645, 5.15249201742503349 51.75334129889075285, 5.15249201742503349 51.75334129889075285)))</t>
  </si>
  <si>
    <t>MultiPolygon (((5.17512804070342813 51.76253166380052306, 5.16158515869742907 51.75891597473084715, 5.15763312557273235 51.75907178449563162, 5.15299599172212019 51.760888118888289, 5.15110063331345902 51.76406988462343861, 5.153886135633444 51.76465521331396502, 5.15518164613035967 51.76343816067995363, 5.16572419400168581 51.76580536464017968, 5.16449225443199822 51.76714569131748789, 5.166844082298236 51.76846889605099733, 5.16889537589849724 51.76879912338549872, 5.17386285641227772 51.76408997808645296, 5.17512804070342813 51.76253166380052306)))</t>
  </si>
  <si>
    <t>MultiPolygon (((5.19512300648456637 51.81150971006859862, 5.20327234811465544 51.81024066157873875, 5.2128819996141047 51.81004888317418988, 5.22070068351103345 51.81090452439345029, 5.22545170148293359 51.80788047612804093, 5.22628191886863824 51.8063923522238241, 5.22495649848549526 51.80603717320317969, 5.22312982241361734 51.80759159329191021, 5.20778603552147423 51.80435383492368118, 5.20237458891391125 51.80407859845384166, 5.19336916083359146 51.80553901763392588, 5.18281946409923133 51.80428241210616136, 5.18400374902006611 51.80077898886558785, 5.18745925472885538 51.79605083598843152, 5.20002042671150999 51.79802194137493387, 5.20046537458541458 51.79633738432551127, 5.21029699530962453 51.79737281233025215, 5.20997026147216769 51.79936156525165813, 5.20816527816388497 51.80012621276989648, 5.2093135302368001 51.80265201301085654, 5.22521195919676096 51.8051782901082305, 5.22706612105020074 51.7971056001074075, 5.22897793745908768 51.79423386709413535, 5.22996983679954663 51.78959072157767451, 5.22953805409732553 51.78949857311251748, 5.21154897231306879 51.78780933680808829, 5.19962384290442525 51.78676424171325721, 5.19686225651279798 51.78826001927877343, 5.18987671525921357 51.78687859313424013, 5.18008067422321172 51.78594489673160695, 5.17450817684414588 51.7865677709988006, 5.16161369961223926 51.78972925209527745, 5.16205517564945904 51.795659650151741, 5.16291081108452143 51.79617727828468077, 5.16391879219952799 51.7969468675089999, 5.16346071878057167 51.80102842158370891, 5.15333313493416156 51.80347965430431145, 5.15097225573772999 51.80579478113633485, 5.15129701117833427 51.80854673009952194, 5.15161672838752605 51.81092592956929366, 5.15154209966999943 51.81102914647648561, 5.14870359798218757 51.81501668818881967, 5.15928033972709965 51.8164799112263168, 5.17064298186922144 51.81703240619317796, 5.17674339534221239 51.81634903049226892, 5.19512300648456637 51.81150971006859862),(5.16403221759627229 51.8097825347218901, 5.16462461184587251 51.80787165639777214, 5.17624555541945597 51.80832118425571053, 5.18238746086723356 51.80966936556905722, 5.18541477481261825 51.8123801149112353, 5.18294343808817892 51.81337804824444504, 5.16403221759627229 51.8097825347218901, 5.16403221759627229 51.8097825347218901)))</t>
  </si>
  <si>
    <t>MultiPolygon (((5.28627091077029387 51.79914053126993423, 5.27631241894792424 51.79521058475413753, 5.26645254221935666 51.7931218908640858, 5.26829489767641235 51.78336032719932547, 5.26991971171673246 51.7743264182479237, 5.26252178662134629 51.77464642743658629, 5.26255805053479975 51.77382270408154596, 5.25963787122018633 51.77389092679609206, 5.25173825601502475 51.77241569738869487, 5.24886504532461817 51.77123622029815664, 5.24019751820799318 51.77100715942310671, 5.23744407795047273 51.77196463174207963, 5.23343727751709586 51.7708152756454254, 5.23157236342567078 51.77062718694245547, 5.22485351597388359 51.77439621948131077, 5.22314881202210213 51.77444404605530082, 5.21922984699921777 51.77708840392743639, 5.21340931771711968 51.77740239000280553, 5.21323599594143161 51.78478078637734683, 5.21154897231306879 51.78780933680808829, 5.22953805409732553 51.78949857311251748, 5.22822080171093795 51.78657106840300628, 5.2241634000453212 51.78400745536062999, 5.22455316135101278 51.78279708796141279, 5.22731811783402911 51.78120993598618327, 5.23762934939421143 51.77964521636261708, 5.2462899634013862 51.78818312678045999, 5.24141848883982941 51.79093493584661445, 5.24973504696219528 51.79393894906006324, 5.25272765680053055 51.79417161642052747, 5.25748825910507112 51.79355227703005937, 5.25728961424243302 51.78906881019381814, 5.26397185772544152 51.79308933441986795, 5.26646767429800722 51.79319866377239379, 5.26651700225771791 51.79482673850913699, 5.27243067146474598 51.7972800382128824, 5.27625559164402969 51.7981555872643753, 5.28100751002728863 51.80191705214405573, 5.28817055973807726 51.80017671431441073, 5.28843667217567948 51.79957430259524642, 5.28627091077029387 51.79914053126993423)))</t>
  </si>
  <si>
    <t>MultiPolygon (((5.17450817684414588 51.7865677709988006, 5.18008067422321172 51.78594489673160695, 5.18987671525921357 51.78687859313424013, 5.19686225651279798 51.78826001927877343, 5.19962384290442525 51.78676424171325721, 5.21154897231306879 51.78780933680808829, 5.21323599594143161 51.78478078637734683, 5.21340931771711968 51.77740239000280553, 5.20840921070096741 51.77622919318930883, 5.20946734139240597 51.77204837100779855, 5.22324927016782947 51.77352455784428997, 5.22468611159874374 51.77379163918354266, 5.22485351597388359 51.77439621948131077, 5.23157236342567078 51.77062718694245547, 5.21446148855960434 51.76861691050202552, 5.2111258478871294 51.76925621752433671, 5.20660146641794341 51.76905432284674902, 5.19590482901869866 51.76744039503967088, 5.19199480476296049 51.76745252864618152, 5.18982685476952277 51.77072545654885971, 5.18718595356672374 51.7729779261145282, 5.18500411321333399 51.77260931136449784, 5.18628726054066291 51.76914815715750962, 5.18106965521605201 51.76837171940955074, 5.18150656972913293 51.76641926935497651, 5.18065165632855162 51.7665551703382647, 5.17386285641227772 51.76408997808645296, 5.16889537589849724 51.76879912338549872, 5.166844082298236 51.76846889605099733, 5.16529315876772888 51.77037966995549567, 5.15688196281700595 51.77372429678980836, 5.15189696690006915 51.77609269372182865, 5.15824934175934402 51.78006831831426382, 5.15905174057425064 51.77985219185502075, 5.16161369961223926 51.78972925209527745, 5.17450817684414588 51.7865677709988006, 5.17450817684414588 51.7865677709988006)))</t>
  </si>
  <si>
    <t>MultiPolygon (((5.18294343808817892 51.81337804824444504, 5.18541477481261825 51.8123801149112353, 5.18238746086723356 51.80966936556905722, 5.17624555541945597 51.80832118425571053, 5.16462461184587251 51.80787165639777214, 5.16403221759627229 51.8097825347218901, 5.18294343808817892 51.81337804824444504, 5.18294343808817892 51.81337804824444504)))</t>
  </si>
  <si>
    <t>MultiPolygon (((5.22495649848549526 51.80603717320317969, 5.22504604048173871 51.80576960989247226, 5.22521195919676096 51.8051782901082305, 5.2093135302368001 51.80265201301085654, 5.20816527816388497 51.80012621276989648, 5.20997026147216769 51.79936156525165813, 5.21029699530962453 51.79737281233025215, 5.20046537458541458 51.79633738432551127, 5.20002042671150999 51.79802194137493387, 5.18745925472885538 51.79605083598843152, 5.18400374902006611 51.80077898886558785, 5.18281946409923133 51.80428241210616136, 5.19336916083359146 51.80553901763392588, 5.20237458891391125 51.80407859845384166, 5.20778603552147423 51.80435383492368118, 5.22312982241361734 51.80759159329191021, 5.22495649848549526 51.80603717320317969, 5.22495649848549526 51.80603717320317969)))</t>
  </si>
  <si>
    <t>MultiPolygon (((5.19004710407036818 51.76565052950682144, 5.18390250238025185 51.76609505572253767, 5.18150656972913293 51.76641926935497651, 5.18106965521605201 51.76837171940955074, 5.18628726054066291 51.76914815715750962, 5.18500411321333399 51.77260931136449784, 5.18718595356672374 51.7729779261145282, 5.18982685476952277 51.77072545654885971, 5.19199480476296049 51.76745252864618152, 5.19241206239853792 51.76645584382993803, 5.19004710407036818 51.76565052950682144, 5.19004710407036818 51.76565052950682144)))</t>
  </si>
  <si>
    <t>MultiPolygon (((5.22996983679954663 51.78959072157767451, 5.23850846653544622 51.78991391134855604, 5.24141848883982941 51.79093493584661445, 5.2462899634013862 51.78818312678045999, 5.23762934939421143 51.77964521636261708, 5.22731811783402911 51.78120993598618327, 5.22455316135101278 51.78279708796141279, 5.2241634000453212 51.78400745536062999, 5.22822080171093795 51.78657106840300628, 5.22953805409732553 51.78949857311251748, 5.22996983679954663 51.78959072157767451, 5.22996983679954663 51.78959072157767451)))</t>
  </si>
  <si>
    <t>MultiPolygon (((5.21340931771711968 51.77740239000280553, 5.21922984699921777 51.77708840392743639, 5.22314881202210213 51.77444404605530082, 5.22485351597388359 51.77439621948131077, 5.22468611159874374 51.77379163918354266, 5.22324927016782947 51.77352455784428997, 5.20946734139240597 51.77204837100779855, 5.20840921070096741 51.77622919318930883, 5.21340931771711968 51.77740239000280553, 5.21340931771711968 51.77740239000280553)))</t>
  </si>
  <si>
    <t>MultiPolygon (((5.12175941313781458 51.81660711183040746, 5.12734168331199847 51.81516301187844675, 5.13490638116230524 51.81421883906934767, 5.14045369786971484 51.81409306085743083, 5.14870359798218757 51.81501668818881967, 5.15154209966999943 51.81102914647648561, 5.14333124669560782 51.81139157692368968, 5.13779420720995361 51.81280741582546057, 5.13590029478530763 51.81278540136596433, 5.12875015500697096 51.80993572000246417, 5.12446764298063595 51.80952089300041052, 5.12269798110285457 51.80738301209660079, 5.13484713504802492 51.80484524852907668, 5.139126836946871 51.80463612185525335, 5.14169296131830755 51.80945649743730286, 5.14438980942786195 51.80979467723368259, 5.14932947597986335 51.80851242334099993, 5.15129701117833427 51.80854673009952194, 5.15097225573772999 51.80579478113633485, 5.15333313493416156 51.80347965430431145, 5.16346071878057167 51.80102842158370891, 5.16391879219952799 51.7969468675089999, 5.16291081108452143 51.79617727828468077, 5.14712108232651211 51.79873302591529693, 5.12520218585123111 51.80136722849194086, 5.10922099717159028 51.80118749678945989, 5.11328881548095282 51.80311889810659665, 5.11755279428240151 51.81136750148758807, 5.12175941313781458 51.81660711183040746, 5.12175941313781458 51.81660711183040746)))</t>
  </si>
  <si>
    <t>MultiPolygon (((5.04210834796401741 51.8119053237464442, 5.04778030195579941 51.81164574835820247, 5.05108656385621124 51.81280241158838606, 5.05509546329093684 51.81290904270258579, 5.05879697938737571 51.81281777570146119, 5.06086979756479138 51.81212891747756544, 5.06046007144863186 51.79962738382722165, 5.05779297779299952 51.79758488636927893, 5.05257943891764327 51.79529064494241908, 5.04814634011044028 51.79811390108255864, 5.04447970755349484 51.79932611218336547, 5.03859753306578106 51.80096573922291014, 5.0261787241976954 51.8039649703113696, 5.01597038375310955 51.80822186083884162, 5.01242672551002766 51.8106480839940744, 5.01030752464876183 51.81301044525132227, 5.01010267768700945 51.81660837769425143, 5.00934410396063523 51.81751203720365595, 5.00036390764917282 51.82093338277372396, 5.01299607525230329 51.82072575328822239, 5.02635176676337103 51.81885673991695285, 5.03512369350722011 51.81750038746121589, 5.03986445597851951 51.81731529297098149, 5.03906097872683389 51.81273477897096313, 5.04210834796401741 51.8119053237464442, 5.04210834796401741 51.8119053237464442)))</t>
  </si>
  <si>
    <t>MultiPolygon (((5.08986774270045128 51.82664250116797433, 5.10098155909308648 51.82445700943097222, 5.1183583108285049 51.81790492444389429, 5.12175941313781458 51.81660711183040746, 5.11755279428240151 51.81136750148758807, 5.11328881548095282 51.80311889810659665, 5.10922099717159028 51.80118749678945989, 5.0871094778143382 51.80481296808734726, 5.0836405236845934 51.80492454966508831, 5.06046007144863186 51.79962738382722165, 5.06086979756479138 51.81212891747756544, 5.05879697938737571 51.81281777570146119, 5.05509546329093684 51.81290904270258579, 5.05108656385621124 51.81280241158838606, 5.04778030195579941 51.81164574835820247, 5.04210834796401741 51.8119053237464442, 5.03906097872683389 51.81273477897096313, 5.03986445597851951 51.81731529297098149, 5.05072676046417968 51.81853303121119581, 5.07411030941068741 51.82582078888680144, 5.08245423482507785 51.82684785301023567, 5.08986774270045128 51.82664250116797433, 5.08986774270045128 51.82664250116797433),(5.08766533456255576 51.82393107968993462, 5.08525689821777682 51.82401844599051088, 5.08293652838472898 51.82331304394895, 5.0854233614611255 51.81885587090462764, 5.08061081755018495 51.81807123987913144, 5.08662226505541248 51.81482932499333316, 5.08944339454330041 51.81407446407037298, 5.0907048946549045 51.81389339513972203, 5.09121248916210423 51.81564994668260482, 5.09961697349572596 51.81425066509213906, 5.1050175563104645 51.81237620242210085, 5.1110743128494498 51.81816116662984939, 5.10467477713889384 51.81873552464077193, 5.1014164994854303 51.82112951160894454, 5.09270273561990017 51.82198153983914324, 5.08766533456255576 51.82393107968993462, 5.08766533456255576 51.82393107968993462)))</t>
  </si>
  <si>
    <t>MultiPolygon (((5.09465427696174089 51.79099431490177352, 5.08972865377064565 51.78910081769000584, 5.09143788935882391 51.78693304408425035, 5.08720183514668545 51.78509548132570472, 5.08195342915587744 51.78071264721943834, 5.07853916522051385 51.77956374445644627, 5.07424865352791521 51.77907006688780456, 5.06985487775863675 51.77954878360444724, 5.06696617107271585 51.78055317993885609, 5.06104355941342821 51.78528272162515833, 5.05711931773397971 51.79069535913676248, 5.05257943891764327 51.79529064494241908, 5.05779297779299952 51.79758488636927893, 5.06046007144863186 51.79962738382722165, 5.0836405236845934 51.80492454966508831, 5.0871094778143382 51.80481296808734726, 5.10922099717159028 51.80118749678945989, 5.10188417308207498 51.79925816347356715, 5.09653170908222997 51.79430953504261481, 5.09465427696174089 51.79099431490177352, 5.09465427696174089 51.79099431490177352),(5.07530673918360176 51.78244871100560687, 5.07627059193584529 51.7819998793814662, 5.0858443335134611 51.78624409705977172, 5.08527189264002555 51.78711899973824728, 5.08062594854769412 51.78617664868845338, 5.08028048118224973 51.78727353525841437, 5.08100529348131325 51.78755763029320747, 5.07984748772096761 51.78938994944042662, 5.07378662896515298 51.78930538160236097, 5.07530673918360176 51.78244871100560687, 5.07530673918360176 51.78244871100560687)))</t>
  </si>
  <si>
    <t>MultiPolygon (((5.14633894507525902 51.76927519500240038, 5.14572256523793925 51.76639228662511272, 5.14068851349221578 51.76638462539652608, 5.13868756699301876 51.76745284547970272, 5.13964907417033956 51.77021938949392421, 5.13758079515141297 51.77290525996955495, 5.11864530124835326 51.77781265389084098, 5.1207431109183883 51.77943888628714575, 5.12684275569425552 51.77937364763499062, 5.12941548456013052 51.77875013742490751, 5.13488078141275306 51.77468378919452618, 5.14245148228832161 51.77095529280451558, 5.14567482233950635 51.77070664546365464, 5.14633894507525902 51.76927519500240038, 5.14633894507525902 51.76927519500240038)),((5.16161369961223926 51.78972925209527745, 5.15905174057425064 51.77985219185502075, 5.15824934175934402 51.78006831831426382, 5.15189696690006915 51.77609269372182865, 5.15688196281700595 51.77372429678980836, 5.14693772476852907 51.77079996504009074, 5.14560360879433532 51.77212751608079344, 5.14149432307847576 51.77404166872706526, 5.14035964716957849 51.77354492252298712, 5.13233439255046431 51.7788307545528852, 5.1343289860356176 51.78217531384029826, 5.13274549250378787 51.786723693537418, 5.1190401656830149 51.78463117121626169, 5.11354707514021189 51.78515246033208541, 5.1089702225862661 51.78357811526900889, 5.10485812790017413 51.78572508759053505, 5.10027763602422191 51.78715052908789573, 5.09589039517379572 51.78764758538891044, 5.09143788935882391 51.78693304408425035, 5.08972865377064565 51.78910081769000584, 5.09465427696174089 51.79099431490177352, 5.09653170908222997 51.79430953504261481, 5.10188417308207498 51.79925816347356715, 5.10922099717159028 51.80118749678945989, 5.12520218585123111 51.80136722849194086, 5.14712108232651211 51.79873302591529693, 5.16291081108452143 51.79617727828468077, 5.16205517564945904 51.795659650151741, 5.16161369961223926 51.78972925209527745, 5.16161369961223926 51.78972925209527745)))</t>
  </si>
  <si>
    <t>MultiPolygon (((5.12941548456013052 51.77875013742490751, 5.13233439255046431 51.7788307545528852, 5.14035964716957849 51.77354492252298712, 5.14149432307847576 51.77404166872706526, 5.14560360879433532 51.77212751608079344, 5.14693772476852907 51.77079996504009074, 5.14567482233950635 51.77070664546365464, 5.14245148228832161 51.77095529280451558, 5.13488078141275306 51.77468378919452618, 5.12941548456013052 51.77875013742490751, 5.12941548456013052 51.77875013742490751)))</t>
  </si>
  <si>
    <t>MultiPolygon (((5.15154209966999943 51.81102914647648561, 5.15161672838752605 51.81092592956929366, 5.15129701117833427 51.80854673009952194, 5.14932947597986335 51.80851242334099993, 5.14438980942786195 51.80979467723368259, 5.14169296131830755 51.80945649743730286, 5.139126836946871 51.80463612185525335, 5.13484713504802492 51.80484524852907668, 5.12269798110285457 51.80738301209660079, 5.12446764298063595 51.80952089300041052, 5.12875015500697096 51.80993572000246417, 5.13590029478530763 51.81278540136596433, 5.13779420720995361 51.81280741582546057, 5.14333124669560782 51.81139157692368968, 5.15154209966999943 51.81102914647648561, 5.15154209966999943 51.81102914647648561)))</t>
  </si>
  <si>
    <t>MultiPolygon (((5.11608797785081748 51.77892363023456568, 5.1089702225862661 51.78357811526900889, 5.11354707514021189 51.78515246033208541, 5.1190401656830149 51.78463117121626169, 5.13274549250378787 51.786723693537418, 5.1343289860356176 51.78217531384029826, 5.13233439255046431 51.7788307545528852, 5.12941548456013052 51.77875013742490751, 5.12684275569425552 51.77937364763499062, 5.1207431109183883 51.77943888628714575, 5.11864530124835326 51.77781265389084098, 5.11608797785081748 51.77892363023456568, 5.11608797785081748 51.77892363023456568)))</t>
  </si>
  <si>
    <t>MultiPolygon (((5.07984748772096761 51.78938994944042662, 5.08100529348131325 51.78755763029320747, 5.08028048118224973 51.78727353525841437, 5.08062594854769412 51.78617664868845338, 5.08527189264002555 51.78711899973824728, 5.0858443335134611 51.78624409705977172, 5.07627059193584529 51.7819998793814662, 5.07530673918360176 51.78244871100560687, 5.07378662896515298 51.78930538160236097, 5.07984748772096761 51.78938994944042662, 5.07984748772096761 51.78938994944042662)))</t>
  </si>
  <si>
    <t>MultiPolygon (((5.08766533456255576 51.82393107968993462, 5.09270273561990017 51.82198153983914324, 5.1014164994854303 51.82112951160894454, 5.10467477713889384 51.81873552464077193, 5.1110743128494498 51.81816116662984939, 5.1050175563104645 51.81237620242210085, 5.09961697349572596 51.81425066509213906, 5.09121248916210423 51.81564994668260482, 5.0907048946549045 51.81389339513972203, 5.08944339454330041 51.81407446407037298, 5.08662226505541248 51.81482932499333316, 5.08061081755018495 51.81807123987913144, 5.0854233614611255 51.81885587090462764, 5.08293652838472898 51.82331304394895, 5.08525689821777682 51.82401844599051088, 5.08766533456255576 51.82393107968993462, 5.08766533456255576 51.82393107968993462)))</t>
  </si>
  <si>
    <t>MultiPolygon (((5.23816532696226034 51.81352768028961719, 5.24049312850291482 51.80856368403582479, 5.23544905075476041 51.80885557822738008, 5.22929855573372127 51.80753572582589328, 5.23154147225595967 51.80064434015838515, 5.23606377358552333 51.80065446126516804, 5.24085759121553796 51.80167088358687977, 5.24115387302425706 51.79971627595747918, 5.24340658947917682 51.7997946150236146, 5.24396193626976537 51.79839226037628919, 5.24973504696219528 51.79393894906006324, 5.24141848883982941 51.79093493584661445, 5.23850846653544622 51.78991391134855604, 5.22996983679954663 51.78959072157767451, 5.22897793745908768 51.79423386709413535, 5.22706612105020074 51.7971056001074075, 5.22521195919676096 51.8051782901082305, 5.22504604048173871 51.80576960989247226, 5.22495649848549526 51.80603717320317969, 5.22628191886863824 51.8063923522238241, 5.22545170148293359 51.80788047612804093, 5.22070068351103345 51.81090452439345029, 5.23545717435440405 51.81448221284557576, 5.23741598200452607 51.81502070614602928, 5.23816532696226034 51.81352768028961719, 5.23816532696226034 51.81352768028961719)))</t>
  </si>
  <si>
    <t>MultiPolygon (((5.28469538919078197 51.81743350473500698, 5.28325865027926955 51.81699395173110645, 5.28295891586518351 51.81224794925375932, 5.28085267674815295 51.81040064860336969, 5.28448018103562056 51.80654026413137103, 5.2830863513245836 51.80606729995705706, 5.28387457199046651 51.80515069497874237, 5.28371497413886448 51.80326213025502113, 5.28100751002728863 51.80191705214405573, 5.27625559164402969 51.7981555872643753, 5.27243067146474598 51.7972800382128824, 5.26651700225771791 51.79482673850913699, 5.26332934777006045 51.80752739053192357, 5.26405702718099811 51.80753826751423219, 5.26252692189592608 51.81719017558192775, 5.25543633828194956 51.81619174992414401, 5.25164088377967619 51.81622085671657629, 5.24467644730526406 51.81543961282618938, 5.24288788373649517 51.81509137643924134, 5.23816532696226034 51.81352768028961719, 5.23741598200452607 51.81502070614602928, 5.24717545434599408 51.81712234961510433, 5.27951478744601754 51.82074068252401133, 5.28171797334121873 51.82120751418325, 5.28469538919078197 51.81743350473500698, 5.28469538919078197 51.81743350473500698)))</t>
  </si>
  <si>
    <t>MultiPolygon (((5.24340658947917682 51.7997946150236146, 5.25227836620629507 51.80286484856026874, 5.25536739043828938 51.8035683274172456, 5.25789783202669714 51.80341047275847188, 5.25856863930991736 51.80713773998342475, 5.26332934777006045 51.80752739053192357, 5.26651700225771791 51.79482673850913699, 5.26646767429800722 51.79319866377239379, 5.26397185772544152 51.79308933441986795, 5.25728961424243302 51.78906881019381814, 5.25748825910507112 51.79355227703005937, 5.25272765680053055 51.79417161642052747, 5.24973504696219528 51.79393894906006324, 5.24396193626976537 51.79839226037628919, 5.24340658947917682 51.7997946150236146, 5.24340658947917682 51.7997946150236146)))</t>
  </si>
  <si>
    <t>MultiPolygon (((5.24049312850291482 51.80856368403582479, 5.2408685148991454 51.80591791349434772, 5.24340658947917682 51.7997946150236146, 5.24115387302425706 51.79971627595747918, 5.24085759121553796 51.80167088358687977, 5.23606377358552333 51.80065446126516804, 5.23154147225595967 51.80064434015838515, 5.22929855573372127 51.80753572582589328, 5.23544905075476041 51.80885557822738008, 5.24049312850291482 51.80856368403582479, 5.24049312850291482 51.80856368403582479)))</t>
  </si>
  <si>
    <t>MultiPolygon (((5.23816532696226034 51.81352768028961719, 5.24288788373649517 51.81509137643924134, 5.24274627561964746 51.81268034901423647, 5.24607181043216997 51.80885730494718899, 5.24898812609506304 51.80968405326492388, 5.25088505307966091 51.8091306753063634, 5.25204344532116707 51.81012972566963981, 5.25547548231930772 51.81023446148697076, 5.25835226958239677 51.81285495784485562, 5.25661972359966434 51.81374120928035154, 5.25259590377623109 51.81405463165669545, 5.25134188790542389 51.81535397487751027, 5.25164088377967619 51.81622085671657629, 5.25543633828194956 51.81619174992414401, 5.26252692189592608 51.81719017558192775, 5.26405702718099811 51.80753826751423219, 5.26332934777006045 51.80752739053192357, 5.25856863930991736 51.80713773998342475, 5.25789783202669714 51.80341047275847188, 5.25536739043828938 51.8035683274172456, 5.25227836620629507 51.80286484856026874, 5.24340658947917682 51.7997946150236146, 5.2408685148991454 51.80591791349434772, 5.24049312850291482 51.80856368403582479, 5.23816532696226034 51.81352768028961719, 5.23816532696226034 51.81352768028961719)))</t>
  </si>
  <si>
    <t>MultiPolygon (((5.24288788373649517 51.81509137643924134, 5.24467644730526406 51.81543961282618938, 5.25164088377967619 51.81622085671657629, 5.25134188790542389 51.81535397487751027, 5.25259590377623109 51.81405463165669545, 5.25661972359966434 51.81374120928035154, 5.25835226958239677 51.81285495784485562, 5.25547548231930772 51.81023446148697076, 5.25204344532116707 51.81012972566963981, 5.25088505307966091 51.8091306753063634, 5.24898812609506304 51.80968405326492388, 5.24607181043216997 51.80885730494718899, 5.24274627561964746 51.81268034901423647, 5.24288788373649517 51.81509137643924134, 5.24288788373649517 51.81509137643924134)))</t>
  </si>
  <si>
    <t>MultiPolygon (((5.75984993092090836 51.80954095573559925, 5.76241525056386905 51.80879223300951253, 5.76442004965018651 51.80332158782105978, 5.76345565470064791 51.80113568804371482, 5.76440210097435379 51.79948625629471337, 5.76181241461521054 51.79869421721863887, 5.75931737382693587 51.8001118235902851, 5.75380449594011623 51.80095152625826671, 5.7541508932662806 51.80174435776898889, 5.75014351801765056 51.8026583279498567, 5.75030390656538781 51.80303381870041335, 5.75418944729860726 51.80611236851663648, 5.75688286028091856 51.80605036050175016, 5.75984993092090836 51.80954095573559925, 5.75984993092090836 51.80954095573559925)))</t>
  </si>
  <si>
    <t>MultiPolygon (((5.74386555434224366 51.79125676508294873, 5.7501608305785874 51.79226379644306633, 5.74614943038231374 51.78873874272517952, 5.74729895646906463 51.7882567770927551, 5.7489664331516499 51.78502409786131011, 5.74738740595724629 51.78239397046854009, 5.74564505465462805 51.7816663708467928, 5.74641186619657063 51.77883841679925325, 5.74145806428466798 51.77876295787809369, 5.74053912235783326 51.77790485259490083, 5.73701181920127468 51.77834874760299044, 5.73403690047123327 51.77989872674334038, 5.72970942522242233 51.78429111344702562, 5.73020299739628491 51.78952631797515949, 5.73900433704420454 51.78819515613250246, 5.74386555434224366 51.79125676508294873, 5.74386555434224366 51.79125676508294873)))</t>
  </si>
  <si>
    <t>MultiPolygon (((5.75380449594011623 51.80095152625826671, 5.75931737382693587 51.8001118235902851, 5.76181241461521054 51.79869421721863887, 5.76440210097435379 51.79948625629471337, 5.76345565470064791 51.80113568804371482, 5.77260669059477571 51.80257710577610908, 5.77710604306663722 51.80247190968128734, 5.78241288914580931 51.80134192867070908, 5.79312875012915729 51.79636087052453775, 5.79437407445137609 51.79731511446829018, 5.79607571013100031 51.79813563945408106, 5.80084365698169524 51.79521788127387083, 5.80094866478928051 51.79515143637124908, 5.79598480130612259 51.79187558133875768, 5.7806588400326655 51.78420398204092123, 5.77859485134863249 51.78407414220838234, 5.77498831388401523 51.78377336275180198, 5.76947325525669275 51.78518931268911274, 5.76854128716105574 51.78256721242978955, 5.74641186619657063 51.77883841679925325, 5.74564505465462805 51.7816663708467928, 5.74738740595724629 51.78239397046854009, 5.7489664331516499 51.78502409786131011, 5.74729895646906463 51.7882567770927551, 5.74614943038231374 51.78873874272517952, 5.7501608305785874 51.79226379644306633, 5.75210163004984576 51.79455632887412264, 5.75380449594011623 51.80095152625826671, 5.75380449594011623 51.80095152625826671)))</t>
  </si>
  <si>
    <t>MultiPolygon (((5.77471452548271369 51.82054580944978994, 5.77472861177198471 51.82052472453874259, 5.78115111513131019 51.81082008490350432, 5.78165195290953715 51.80888067668612251, 5.79122124466307842 51.80139102592311673, 5.79224685524415683 51.798930378195017, 5.79437407445137609 51.79731511446829018, 5.79312875012915729 51.79636087052453775, 5.78241288914580931 51.80134192867070908, 5.77710604306663722 51.80247190968128734, 5.77260669059477571 51.80257710577610908, 5.76345565470064791 51.80113568804371482, 5.76442004965018651 51.80332158782105978, 5.76241525056386905 51.80879223300951253, 5.75984993092090836 51.80954095573559925, 5.76743424656276549 51.81762326063923041, 5.76741746278882861 51.819071444480727, 5.77471452548271369 51.82054580944978994, 5.77471452548271369 51.82054580944978994)))</t>
  </si>
  <si>
    <t>MultiPolygon (((5.67305055523226365 51.81226933100353449, 5.67551466887733103 51.81291725992066688, 5.67984957850855476 51.81177817701262711, 5.69104924730207085 51.80724356870156555, 5.69299181963785372 51.80741174297666163, 5.69740237160872987 51.80212489877880699, 5.68819811521691232 51.7997529760913622, 5.67724596456552799 51.79504481620675449, 5.67410327537209902 51.7924496588592973, 5.66840696221051932 51.79291697274162232, 5.66335080234919097 51.79453442471929492, 5.65749379370536065 51.79803009752411214, 5.65391375620667969 51.80115183290131853, 5.64990124830354823 51.80613693920937379, 5.64657463536773285 51.81303035809906987, 5.65897650605476166 51.81126041762424705, 5.6614668780374533 51.80967527380154536, 5.66744909420590659 51.80955779752722634, 5.67305055523226365 51.81226933100353449),(5.67315091515623049 51.79958388993846796, 5.66924657777899732 51.79830045061186183, 5.66694121708620457 51.79610873784357494, 5.67052986827304117 51.79485264574201864, 5.67547266803063 51.79490000273899142, 5.67721515174380276 51.79597362390483539, 5.67805514412417622 51.7976586009849953, 5.67494049007730439 51.79940461445966093, 5.67315091515623049 51.79958388993846796)))</t>
  </si>
  <si>
    <t>MultiPolygon (((5.69740237160872987 51.80212489877880699, 5.70576242212272433 51.79577254001473818, 5.70197807988432537 51.78881684530428231, 5.69650079372316664 51.78546666972912504, 5.69371615596691338 51.78774095819744616, 5.68578971992998206 51.79119314644648853, 5.67410327537209902 51.7924496588592973, 5.67724596456552799 51.79504481620675449, 5.68819811521691232 51.7997529760913622, 5.69740237160872987 51.80212489877880699)))</t>
  </si>
  <si>
    <t>MultiPolygon (((5.67315091515623049 51.79958388993846796, 5.67494049007730439 51.79940461445966093, 5.67805514412417622 51.7976586009849953, 5.67721515174380276 51.79597362390483539, 5.67547266803063 51.79490000273899142, 5.67052986827304117 51.79485264574201864, 5.66694121708620457 51.79610873784357494, 5.66924657777899732 51.79830045061186183, 5.67315091515623049 51.79958388993846796, 5.67315091515623049 51.79958388993846796)))</t>
  </si>
  <si>
    <t>MultiPolygon (((5.66014726460612838 51.82345509904292413, 5.66734971423412937 51.82801771666281354, 5.66929054308368841 51.83039543978257058, 5.67885606367744167 51.82565519018302069, 5.68146833818285213 51.82732085976871161, 5.68338703897391451 51.82676393528432612, 5.68593201096061396 51.82479857370641696, 5.6898988295098345 51.82344499566731599, 5.69200452775225862 51.82612763446268644, 5.70227861705835348 51.83061782861054922, 5.70705996829209727 51.83511627140509859, 5.71102433516033248 51.83478093961250721, 5.71848196371913087 51.83077026775503526, 5.71459490086926536 51.82664057614444175, 5.71495250047707959 51.82544844805651962, 5.71258069429701187 51.82190423889271358, 5.71058217584482541 51.82092787878491436, 5.71257032478751459 51.81886022825116811, 5.71071571562577152 51.81724240994712005, 5.70604352292764805 51.814914888122658, 5.70371503254460332 51.81602997141310851, 5.69843882441302618 51.81550045572218011, 5.69569265336732755 51.81578953402392784, 5.69633571006208594 51.81758239848155512, 5.69837993000597454 51.81728016925393376, 5.69865626354708343 51.82138501181013623, 5.69762840875882848 51.82195016923455455, 5.69570136220971346 51.82124443266484803, 5.69067368667531071 51.82121203781551344, 5.69216028303242982 51.81685090383502512, 5.68146512094034151 51.81677655113143999, 5.67682177219309203 51.81440456173014297, 5.67551466887733103 51.81291725992066688, 5.67305055523226365 51.81226933100353449, 5.668328322610793 51.81463163312020725, 5.6693809945202398 51.81716998430160714, 5.66014726460612838 51.82345509904292413, 5.66014726460612838 51.82345509904292413)))</t>
  </si>
  <si>
    <t>MultiPolygon (((5.69216028303242982 51.81685090383502512, 5.69067368667531071 51.82121203781551344, 5.69570136220971346 51.82124443266484803, 5.69762840875882848 51.82195016923455455, 5.69865626354708343 51.82138501181013623, 5.69837993000597454 51.81728016925393376, 5.69633571006208594 51.81758239848155512, 5.69569265336732755 51.81578953402392784, 5.69384359331269696 51.81678194074249433, 5.69216028303242982 51.81685090383502512, 5.69216028303242982 51.81685090383502512)))</t>
  </si>
  <si>
    <t>MultiPolygon (((5.67811086340513604 51.84314679305764884, 5.71564143555455129 51.83970876631497049, 5.71102433516033248 51.83478093961250721, 5.70705996829209727 51.83511627140509859, 5.70227861705835348 51.83061782861054922, 5.69200452775225862 51.82612763446268644, 5.6898988295098345 51.82344499566731599, 5.68593201096061396 51.82479857370641696, 5.68338703897391451 51.82676393528432612, 5.68146833818285213 51.82732085976871161, 5.67885606367744167 51.82565519018302069, 5.66929054308368841 51.83039543978257058, 5.66734971423412937 51.82801771666281354, 5.66014726460612838 51.82345509904292413, 5.65034169476200532 51.82976501064513286, 5.64796696259114928 51.82867346155340726, 5.64378395263914712 51.83201453956078808, 5.64432886245448273 51.83750651925480213, 5.65792761889492635 51.83972015186429161, 5.6617724818780184 51.84127260621190914, 5.66486962563958851 51.8402790565966427, 5.66719565432707828 51.84052168836360153, 5.67041284717801819 51.84138267541745648, 5.67281942641526093 51.8435626011973909, 5.67811086340513604 51.84314679305764884, 5.67811086340513604 51.84314679305764884),(5.67983196359044218 51.8373956407724279, 5.67740257617593258 51.83594624328080158, 5.67578399987832238 51.83201482334388999, 5.68312429802322594 51.82860028213547565, 5.68603368501389639 51.83511694771389955, 5.68453925460511922 51.83639120604885164, 5.67983196359044218 51.8373956407724279, 5.67983196359044218 51.8373956407724279)))</t>
  </si>
  <si>
    <t>MultiPolygon (((5.67983196359044218 51.8373956407724279, 5.68453925460511922 51.83639120604885164, 5.68603368501389639 51.83511694771389955, 5.68312429802322594 51.82860028213547565, 5.67578399987832238 51.83201482334388999, 5.67740257617593258 51.83594624328080158, 5.67983196359044218 51.8373956407724279, 5.67983196359044218 51.8373956407724279)))</t>
  </si>
  <si>
    <t>MultiPolygon (((5.63617735356905047 51.86736164697479978, 5.65822865952338461 51.86654695805689386, 5.66574817320151247 51.86638980630650053, 5.66785264328992522 51.86592662887238703, 5.67076729289176917 51.86456346751137403, 5.67218446993089476 51.86204440713332531, 5.67957109859735976 51.86052548463733558, 5.67825810721073676 51.85857415535549819, 5.68163604730620087 51.85688177450592207, 5.68016753399750307 51.8551162501074927, 5.68049797560092795 51.85386980630588027, 5.68437312631549929 51.84919901019700461, 5.684820446103652 51.84878081892077262, 5.68135703977447282 51.84867752185451906, 5.68173392702080271 51.8462598421524774, 5.67740432652687943 51.84625815544360705, 5.67811086340513604 51.84314679305764884, 5.67281942641526093 51.8435626011973909, 5.67041284717801819 51.84138267541745648, 5.66719565432707828 51.84052168836360153, 5.66486962563958851 51.8402790565966427, 5.6617724818780184 51.84127260621190914, 5.65792761889492635 51.83972015186429161, 5.64432886245448273 51.83750651925480213, 5.63935453552622512 51.83719828416280251, 5.63627741992956732 51.83842321491273708, 5.62314242556521293 51.84046867415274562, 5.64320020727199356 51.84498828000278081, 5.63593258777129957 51.84745731748438402, 5.63786700915377192 51.84888590784657225, 5.63534902757383271 51.85111717889620309, 5.637073204993297 51.85356154580262, 5.64012003255188699 51.8560325790584713, 5.63861459055876857 51.86266619391010124, 5.63617735356905047 51.86736164697479978, 5.63617735356905047 51.86736164697479978),(5.6587004796608591 51.84992514762909366, 5.6610698544275655 51.84955817871352934, 5.66460738677713405 51.8468845484132359, 5.66576904295463279 51.84698810153503246, 5.6747653933236446 51.84972781592733782, 5.67907785317332703 51.85285429184435912, 5.67952927945435437 51.85510317827146309, 5.66171957806512705 51.8531164961637856, 5.65824962470329496 51.85529512174824163, 5.65619069937649499 51.85455022988978868, 5.65227225444019954 51.85291599193334378, 5.65517025842835785 51.84997966344185016, 5.6587004796608591 51.84992514762909366, 5.6587004796608591 51.84992514762909366)))</t>
  </si>
  <si>
    <t>MultiPolygon (((5.65619069937649499 51.85455022988978868, 5.65930940486608325 51.85161708289169979, 5.6587004796608591 51.84992514762909366, 5.65517025842835785 51.84997966344185016, 5.65227225444019954 51.85291599193334378, 5.65619069937649499 51.85455022988978868, 5.65619069937649499 51.85455022988978868)))</t>
  </si>
  <si>
    <t>MultiPolygon (((5.65619069937649499 51.85455022988978868, 5.65824962470329496 51.85529512174824163, 5.66171957806512705 51.8531164961637856, 5.67952927945435437 51.85510317827146309, 5.67907785317332703 51.85285429184435912, 5.6747653933236446 51.84972781592733782, 5.66576904295463279 51.84698810153503246, 5.66460738677713405 51.8468845484132359, 5.6610698544275655 51.84955817871352934, 5.6587004796608591 51.84992514762909366, 5.65930940486608325 51.85161708289169979, 5.65619069937649499 51.85455022988978868, 5.65619069937649499 51.85455022988978868)))</t>
  </si>
  <si>
    <t>MultiPolygon (((5.62314242556521293 51.84046867415274562, 5.63627741992956732 51.83842321491273708, 5.63935453552622512 51.83719828416280251, 5.64432886245448273 51.83750651925480213, 5.64378395263914712 51.83201453956078808, 5.64796696259114928 51.82867346155340726, 5.65034169476200532 51.82976501064513286, 5.66014726460612838 51.82345509904292413, 5.6693809945202398 51.81716998430160714, 5.668328322610793 51.81463163312020725, 5.67305055523226365 51.81226933100353449, 5.66744909420590659 51.80955779752722634, 5.6614668780374533 51.80967527380154536, 5.65897650605476166 51.81126041762424705, 5.64657463536773285 51.81303035809906987, 5.64421596726657082 51.81603679428227593, 5.6413045533554449 51.81789190892915542, 5.63521468358901778 51.81954367863634303, 5.62589668538403931 51.81922971643510323, 5.62215963110650918 51.81921102780668065, 5.61781288338322593 51.82005557791625705, 5.60623531780652495 51.82530003058379009, 5.5979766152118664 51.82804944128904623, 5.59954456413235402 51.82911861193132808, 5.60306978250833154 51.82828142449179154, 5.60896190140273898 51.83098882303027466, 5.60785349965605828 51.83312077329094336, 5.60985752919434422 51.83393992579718912, 5.606631283560918 51.83568927509394086, 5.60983528238149631 51.83627384514093706, 5.62314242556521293 51.84046867415274562),(5.62985057138289147 51.8275234290950948, 5.6288715583320279 51.82792064317909109, 5.62614578339002769 51.82505922827399303, 5.62703591974191131 51.82231809824084223, 5.63011214638926205 51.82048309485929849, 5.63301249116278946 51.82035756912175373, 5.63371394365211309 51.82438242156580799, 5.62985057138289147 51.8275234290950948)))</t>
  </si>
  <si>
    <t>MultiPolygon (((5.62985057138289147 51.8275234290950948, 5.63371394365211309 51.82438242156580799, 5.63301249116278946 51.82035756912175373, 5.63011214638926205 51.82048309485929849, 5.62703591974191131 51.82231809824084223, 5.62614578339002769 51.82505922827399303, 5.6288715583320279 51.82792064317909109, 5.62985057138289147 51.8275234290950948, 5.62985057138289147 51.8275234290950948)))</t>
  </si>
  <si>
    <t>MultiPolygon (((5.70576242212272433 51.79577254001473818, 5.71101449012228102 51.79694990322717274, 5.7175061717213449 51.7969605030557716, 5.72152225564422157 51.79617992290094008, 5.72680784318463143 51.79369040930972545, 5.73006251827835911 51.79114392367623054, 5.73020299739628491 51.78952631797515949, 5.72970942522242233 51.78429111344702562, 5.73403690047123327 51.77989872674334038, 5.7336940931133844 51.77793630548674741, 5.73220027485275452 51.77817795384713406, 5.7297453751248888 51.77285104821920925, 5.72190473657537613 51.77482646704561375, 5.71122994549050311 51.77503386233291138, 5.70597654116829656 51.77625509687636196, 5.70230932421147418 51.77814360364801871, 5.69650079372316664 51.78546666972912504, 5.70197807988432537 51.78881684530428231, 5.70576242212272433 51.79577254001473818, 5.70576242212272433 51.79577254001473818),(5.72011142543654483 51.78740825353168731, 5.71725369608187872 51.78725676134200029, 5.71724069139794633 51.7848938933419447, 5.71482224372538283 51.78280024398425496, 5.70233174525009456 51.78218562095377564, 5.70376430712083771 51.78060347719370071, 5.70505161483076684 51.78167876103454859, 5.70856973489647412 51.78045563607008717, 5.70662232926392843 51.77786976389604234, 5.71211303416912841 51.7765386064665023, 5.71981079522403579 51.77730570790851061, 5.72105936527630199 51.7792654385257336, 5.71945557288585693 51.7805916965549784, 5.71568154394755634 51.78193312152230732, 5.72174560578792768 51.78468453444003217, 5.72298543107482693 51.78584923856507771, 5.72253887209245793 51.78679074730504794, 5.72011142543654483 51.78740825353168731, 5.72011142543654483 51.78740825353168731)))</t>
  </si>
  <si>
    <t>MultiPolygon (((5.72011142543654483 51.78740825353168731, 5.72253887209245793 51.78679074730504794, 5.72298543107482693 51.78584923856507771, 5.72174560578792768 51.78468453444003217, 5.71568154394755634 51.78193312152230732, 5.71945557288585693 51.7805916965549784, 5.72105936527630199 51.7792654385257336, 5.71981079522403579 51.77730570790851061, 5.71211303416912841 51.7765386064665023, 5.70662232926392843 51.77786976389604234, 5.70856973489647412 51.78045563607008717, 5.70505161483076684 51.78167876103454859, 5.70376430712083771 51.78060347719370071, 5.70233174525009456 51.78218562095377564, 5.71482224372538283 51.78280024398425496, 5.71724069139794633 51.7848938933419447, 5.71725369608187872 51.78725676134200029, 5.72011142543654483 51.78740825353168731, 5.72011142543654483 51.78740825353168731)))</t>
  </si>
  <si>
    <t>MultiPolygon (((5.73551963482499527 51.79739028080858532, 5.73831437775992903 51.79972832294423313, 5.74068064525723898 51.80005092963521918, 5.74467191306214975 51.79875801746127451, 5.74962414265355459 51.79647752437424657, 5.75210163004984576 51.79455632887412264, 5.7501608305785874 51.79226379644306633, 5.74386555434224366 51.79125676508294873, 5.74230108859974209 51.79354731486485974, 5.73705329289202215 51.79589043273917781, 5.73551963482499527 51.79739028080858532, 5.73551963482499527 51.79739028080858532)))</t>
  </si>
  <si>
    <t>MultiPolygon (((5.74230108859974209 51.79354731486485974, 5.74386555434224366 51.79125676508294873, 5.73900433704420454 51.78819515613250246, 5.73630084607334023 51.79102611691946834, 5.74230108859974209 51.79354731486485974, 5.74230108859974209 51.79354731486485974)))</t>
  </si>
  <si>
    <t>MultiPolygon (((5.73705329289202215 51.79589043273917781, 5.74230108859974209 51.79354731486485974, 5.73630084607334023 51.79102611691946834, 5.73289068186036133 51.79247771568000047, 5.73330384650600156 51.79283335487773599, 5.73705329289202215 51.79589043273917781, 5.73705329289202215 51.79589043273917781)))</t>
  </si>
  <si>
    <t>MultiPolygon (((5.73006251827835911 51.79114392367623054, 5.73289068186036133 51.79247771568000047, 5.73630084607334023 51.79102611691946834, 5.73900433704420454 51.78819515613250246, 5.73020299739628491 51.78952631797515949, 5.73006251827835911 51.79114392367623054, 5.73006251827835911 51.79114392367623054)))</t>
  </si>
  <si>
    <t>MultiPolygon (((5.73377257728198586 51.79680368030832938, 5.73551963482499527 51.79739028080858532, 5.73705329289202215 51.79589043273917781, 5.73330384650600156 51.79283335487773599, 5.73192108578659454 51.79582952237903726, 5.73377257728198586 51.79680368030832938, 5.73377257728198586 51.79680368030832938)))</t>
  </si>
  <si>
    <t>MultiPolygon (((5.72642710369116337 51.79622289261804724, 5.7281291920789652 51.79645510787153029, 5.73192108578659454 51.79582952237903726, 5.73330384650600156 51.79283335487773599, 5.73289068186036133 51.79247771568000047, 5.73006251827835911 51.79114392367623054, 5.72680784318463143 51.79369040930972545, 5.72642710369116337 51.79622289261804724, 5.72642710369116337 51.79622289261804724)))</t>
  </si>
  <si>
    <t>MultiPolygon (((5.72844605845697252 51.79787650964743051, 5.73377257728198586 51.79680368030832938, 5.73192108578659454 51.79582952237903726, 5.7281291920789652 51.79645510787153029, 5.72844605845697252 51.79787650964743051, 5.72844605845697252 51.79787650964743051)))</t>
  </si>
  <si>
    <t>MultiPolygon (((5.72396427742070824 51.79911769561912394, 5.72539072166569873 51.79882938840437134, 5.72808523884352638 51.79799237780414956, 5.72844605845697252 51.79787650964743051, 5.7281291920789652 51.79645510787153029, 5.72642710369116337 51.79622289261804724, 5.72233229350970163 51.79689985151774323, 5.72396427742070824 51.79911769561912394, 5.72396427742070824 51.79911769561912394)))</t>
  </si>
  <si>
    <t>MultiPolygon (((5.7163726072974006 51.80097262017869753, 5.71922367188877612 51.80092228077476335, 5.72396427742070824 51.79911769561912394, 5.72233229350970163 51.79689985151774323, 5.71403373752420496 51.79826869987064697, 5.7163726072974006 51.80097262017869753, 5.7163726072974006 51.80097262017869753)))</t>
  </si>
  <si>
    <t>MultiPolygon (((5.71449498719183779 51.8023056678689926, 5.71891130158108307 51.80203495607044317, 5.71922367188877612 51.80092228077476335, 5.7163726072974006 51.80097262017869753, 5.71308890943898007 51.80169233065929291, 5.71298881142635384 51.80180009267476748, 5.71449498719183779 51.8023056678689926, 5.71449498719183779 51.8023056678689926)))</t>
  </si>
  <si>
    <t>MultiPolygon (((5.71308890943898007 51.80169233065929291, 5.7163726072974006 51.80097262017869753, 5.71403373752420496 51.79826869987064697, 5.71105104736471691 51.7986616687157948, 5.70960578395795526 51.80058803901113862, 5.71308890943898007 51.80169233065929291, 5.71308890943898007 51.80169233065929291)))</t>
  </si>
  <si>
    <t>MultiPolygon (((5.70558661877540807 51.80112363703454292, 5.70859794856190828 51.80080527122433409, 5.70960578395795526 51.80058803901113862, 5.71105104736471691 51.7986616687157948, 5.70456040983030732 51.79975293542378267, 5.70469712422496578 51.80112208068033652, 5.70558661877540807 51.80112363703454292, 5.70558661877540807 51.80112363703454292)))</t>
  </si>
  <si>
    <t>MultiPolygon (((5.72808523884352638 51.79799237780414956, 5.73181591329075513 51.80048215930577982, 5.73551963482499527 51.79739028080858532, 5.73377257728198586 51.79680368030832938, 5.72844605845697252 51.79787650964743051, 5.72808523884352638 51.79799237780414956, 5.72808523884352638 51.79799237780414956)))</t>
  </si>
  <si>
    <t>MultiPolygon (((5.72856394408880654 51.80404201545655241, 5.72878103681087048 51.80395325508695237, 5.73181591329075513 51.80048215930577982, 5.72808523884352638 51.79799237780414956, 5.72539072166569873 51.79882938840437134, 5.72516510645514032 51.80081379689212895, 5.72856394408880654 51.80404201545655241, 5.72856394408880654 51.80404201545655241)))</t>
  </si>
  <si>
    <t>MultiPolygon (((5.71922367188877612 51.80092228077476335, 5.72516510645514032 51.80081379689212895, 5.72539072166569873 51.79882938840437134, 5.72396427742070824 51.79911769561912394, 5.71922367188877612 51.80092228077476335, 5.71922367188877612 51.80092228077476335)))</t>
  </si>
  <si>
    <t>MultiPolygon (((5.71962822930978376 51.8044365533798441, 5.72571705168245604 51.80470890645864301, 5.72856394408880654 51.80404201545655241, 5.72516510645514032 51.80081379689212895, 5.71922367188877612 51.80092228077476335, 5.71891130158108307 51.80203495607044317, 5.71962822930978376 51.8044365533798441, 5.71962822930978376 51.8044365533798441)))</t>
  </si>
  <si>
    <t>MultiPolygon (((5.71954030547893844 51.80443815987058542, 5.71962822930978376 51.8044365533798441, 5.71891130158108307 51.80203495607044317, 5.71449498719183779 51.8023056678689926, 5.71338056355088586 51.80412049064976543, 5.71954030547893844 51.80443815987058542, 5.71954030547893844 51.80443815987058542)))</t>
  </si>
  <si>
    <t>MultiPolygon (((5.71269849732964907 51.8040041817119743, 5.71338056355088586 51.80412049064976543, 5.71449498719183779 51.8023056678689926, 5.71298881142635384 51.80180009267476748, 5.71142873235085879 51.80362641261526591, 5.71269849732964907 51.8040041817119743, 5.71269849732964907 51.8040041817119743)))</t>
  </si>
  <si>
    <t>MultiPolygon (((5.70906215612312273 51.80320008260193276, 5.71142873235085879 51.80362641261526591, 5.71298881142635384 51.80180009267476748, 5.71308890943898007 51.80169233065929291, 5.70960578395795526 51.80058803901113862, 5.70859794856190828 51.80080527122433409, 5.70906215612312273 51.80320008260193276, 5.70906215612312273 51.80320008260193276)))</t>
  </si>
  <si>
    <t>MultiPolygon (((5.70455848474668148 51.805118654359255, 5.70906215612312273 51.80320008260193276, 5.70859794856190828 51.80080527122433409, 5.70558661877540807 51.80112363703454292, 5.70455848474668148 51.805118654359255, 5.70455848474668148 51.805118654359255)))</t>
  </si>
  <si>
    <t>MultiPolygon (((5.74610145438213937 51.8076373176870959, 5.74762682435990868 51.80906926561273451, 5.74932448525202933 51.80951774932841403, 5.75984993092090836 51.80954095573559925, 5.75688286028091856 51.80605036050175016, 5.75418944729860726 51.80611236851663648, 5.75030390656538781 51.80303381870041335, 5.75014351801765056 51.8026583279498567, 5.7541508932662806 51.80174435776898889, 5.75380449594011623 51.80095152625826671, 5.75210163004984576 51.79455632887412264, 5.74962414265355459 51.79647752437424657, 5.74467191306214975 51.79875801746127451, 5.74068064525723898 51.80005092963521918, 5.73831437775992903 51.79972832294423313, 5.74610145438213937 51.8076373176870959, 5.74610145438213937 51.8076373176870959)))</t>
  </si>
  <si>
    <t>MultiPolygon (((5.74710463399035021 51.81492078691840675, 5.76741746278882861 51.819071444480727, 5.76743424656276549 51.81762326063923041, 5.75984993092090836 51.80954095573559925, 5.74932448525202933 51.80951774932841403, 5.74762682435990868 51.80906926561273451, 5.74610145438213937 51.8076373176870959, 5.74212032475690659 51.81075630867087511, 5.73510114670671634 51.81244311576389805, 5.74710463399035021 51.81492078691840675, 5.74710463399035021 51.81492078691840675)))</t>
  </si>
  <si>
    <t>MultiPolygon (((5.72993924231052976 51.80827418297791809, 5.74212032475690659 51.81075630867087511, 5.74610145438213937 51.8076373176870959, 5.73831437775992903 51.79972832294423313, 5.73551963482499527 51.79739028080858532, 5.73181591329075513 51.80048215930577982, 5.72878103681087048 51.80395325508695237, 5.73136943164011559 51.80589552658543795, 5.72993924231052976 51.80827418297791809, 5.72993924231052976 51.80827418297791809)))</t>
  </si>
  <si>
    <t>MultiPolygon (((5.72989691427284242 51.81140962628087721, 5.73510114670671634 51.81244311576389805, 5.74212032475690659 51.81075630867087511, 5.72993924231052976 51.80827418297791809, 5.72989691427284242 51.81140962628087721, 5.72989691427284242 51.81140962628087721)))</t>
  </si>
  <si>
    <t>MultiPolygon (((5.72019234012310207 51.80992998289733009, 5.72989691427284242 51.81140962628087721, 5.72993924231052976 51.80827418297791809, 5.73136943164011559 51.80589552658543795, 5.72878103681087048 51.80395325508695237, 5.72856394408880654 51.80404201545655241, 5.72571705168245604 51.80470890645864301, 5.71962822930978376 51.8044365533798441, 5.71954030547893844 51.80443815987058542, 5.72019234012310207 51.80992998289733009, 5.72019234012310207 51.80992998289733009)))</t>
  </si>
  <si>
    <t>MultiPolygon (((5.71222549668159285 51.8092269592324115, 5.72019234012310207 51.80992998289733009, 5.71954030547893844 51.80443815987058542, 5.71338056355088586 51.80412049064976543, 5.71269849732964907 51.8040041817119743, 5.71082064129933098 51.80910293205251094, 5.71222549668159285 51.8092269592324115, 5.71222549668159285 51.8092269592324115)))</t>
  </si>
  <si>
    <t>MultiPolygon (((5.7032759556399677 51.80843684582221442, 5.71082064129933098 51.80910293205251094, 5.71269849732964907 51.8040041817119743, 5.71142873235085879 51.80362641261526591, 5.70906215612312273 51.80320008260193276, 5.70455848474668148 51.805118654359255, 5.7033759119334837 51.80512280187853946, 5.70411250871701725 51.80649995446551515, 5.7032759556399677 51.80843684582221442, 5.7032759556399677 51.80843684582221442)))</t>
  </si>
  <si>
    <t>MultiPolygon (((5.75602247676618894 51.82298984092751937, 5.7645719420801953 51.8210146966856513, 5.76741746278882861 51.819071444480727, 5.74710463399035021 51.81492078691840675, 5.74473149553350204 51.81749934452547279, 5.75265718045742513 51.81916064588580895, 5.75549170455167314 51.82151372700033676, 5.75602247676618894 51.82298984092751937, 5.75602247676618894 51.82298984092751937)))</t>
  </si>
  <si>
    <t>MultiPolygon (((5.73600837274039854 51.81813326190174251, 5.73945763996844249 51.81809335758899948, 5.74249046913806094 51.81945101056866321, 5.74473149553350204 51.81749934452547279, 5.74710463399035021 51.81492078691840675, 5.73510114670671634 51.81244311576389805, 5.73600837274039854 51.81813326190174251, 5.73600837274039854 51.81813326190174251)))</t>
  </si>
  <si>
    <t>MultiPolygon (((5.72034575087236341 51.8183865969361932, 5.73023175617979508 51.81889724221038307, 5.73600837274039854 51.81813326190174251, 5.73510114670671634 51.81244311576389805, 5.72989691427284242 51.81140962628087721, 5.72019234012310207 51.80992998289733009, 5.72017602198679853 51.81373868326116394, 5.72034575087236341 51.8183865969361932, 5.72034575087236341 51.8183865969361932)))</t>
  </si>
  <si>
    <t>MultiPolygon (((5.71063488955303544 51.81283084013261941, 5.72017602198679853 51.81373868326116394, 5.72019234012310207 51.80992998289733009, 5.71222549668159285 51.8092269592324115, 5.71063488955303544 51.81283084013261941, 5.71063488955303544 51.81283084013261941)))</t>
  </si>
  <si>
    <t>MultiPolygon (((5.71127819349759225 51.81683857892110012, 5.71448309892860262 51.81788732056704561, 5.72034575087236341 51.8183865969361932, 5.72017602198679853 51.81373868326116394, 5.71063488955303544 51.81283084013261941, 5.70725714469904943 51.814466289997263, 5.71127819349759225 51.81683857892110012, 5.71127819349759225 51.81683857892110012)))</t>
  </si>
  <si>
    <t>MultiPolygon (((5.70725714469904943 51.814466289997263, 5.71063488955303544 51.81283084013261941, 5.71222549668159285 51.8092269592324115, 5.71082064129933098 51.80910293205251094, 5.7032759556399677 51.80843684582221442, 5.70265829799875412 51.81178409581825406, 5.70725714469904943 51.814466289997263, 5.70725714469904943 51.814466289997263)))</t>
  </si>
  <si>
    <t>MultiPolygon (((5.71071571562577152 51.81724240994712005, 5.71127819349759225 51.81683857892110012, 5.70725714469904943 51.814466289997263, 5.70265829799875412 51.81178409581825406, 5.69704189344808043 51.81150262258194061, 5.69752308985676503 51.81222572774012036, 5.70397547271092886 51.8136733919326673, 5.70633337282308428 51.81458275831720783, 5.70604352292764805 51.814914888122658, 5.71071571562577152 51.81724240994712005, 5.71071571562577152 51.81724240994712005)))</t>
  </si>
  <si>
    <t>MultiPolygon (((5.73780546447000717 51.82197928156031708, 5.74753007919006187 51.82315751989587227, 5.75602247676618894 51.82298984092751937, 5.75549170455167314 51.82151372700033676, 5.75265718045742513 51.81916064588580895, 5.74473149553350204 51.81749934452547279, 5.74249046913806094 51.81945101056866321, 5.73945763996844249 51.81809335758899948, 5.73823368956146407 51.82076438843663624, 5.73780546447000717 51.82197928156031708, 5.73780546447000717 51.82197928156031708)))</t>
  </si>
  <si>
    <t>MultiPolygon (((5.73023175617979508 51.81889724221038307, 5.73164541125855109 51.8206113381410205, 5.73823368956146407 51.82076438843663624, 5.73945763996844249 51.81809335758899948, 5.73600837274039854 51.81813326190174251, 5.73023175617979508 51.81889724221038307, 5.73023175617979508 51.81889724221038307)))</t>
  </si>
  <si>
    <t>MultiPolygon (((5.72325283553947806 51.82343364799559282, 5.72492452890657422 51.82223919202129991, 5.73780546447000717 51.82197928156031708, 5.73823368956146407 51.82076438843663624, 5.73164541125855109 51.8206113381410205, 5.73023175617979508 51.81889724221038307, 5.72034575087236341 51.8183865969361932, 5.71448309892860262 51.81788732056704561, 5.71127819349759225 51.81683857892110012, 5.71071571562577152 51.81724240994712005, 5.71257032478751459 51.81886022825116811, 5.72325283553947806 51.82343364799559282, 5.72325283553947806 51.82343364799559282)))</t>
  </si>
  <si>
    <t>MultiPolygon (((5.74692921577488569 51.83527103032591299, 5.76473154079539274 51.83229129560255188, 5.75762055691718722 51.82398994386053914, 5.77133417504998558 51.82306288242969572, 5.77471452548271369 51.82054580944978994, 5.76741746278882861 51.819071444480727, 5.7645719420801953 51.8210146966856513, 5.75602247676618894 51.82298984092751937, 5.74753007919006187 51.82315751989587227, 5.73780546447000717 51.82197928156031708, 5.73704690159551056 51.82836224509076573, 5.74114919211417618 51.82875396941495438, 5.74692921577488569 51.83527103032591299, 5.74692921577488569 51.83527103032591299)))</t>
  </si>
  <si>
    <t>MultiPolygon (((5.72325283553947806 51.82343364799559282, 5.7349784352173776 51.8286853377129475, 5.73655174039080418 51.82890726899384504, 5.73704690159551056 51.82836224509076573, 5.73780546447000717 51.82197928156031708, 5.72492452890657422 51.82223919202129991, 5.72325283553947806 51.82343364799559282, 5.72325283553947806 51.82343364799559282)))</t>
  </si>
  <si>
    <t>MultiPolygon (((5.69216028303242982 51.81685090383502512, 5.69384359331269696 51.81678194074249433, 5.69569265336732755 51.81578953402392784, 5.69843882441302618 51.81550045572218011, 5.70371503254460332 51.81602997141310851, 5.70604352292764805 51.814914888122658, 5.70633337282308428 51.81458275831720783, 5.70397547271092886 51.8136733919326673, 5.69752308985676503 51.81222572774012036, 5.69704189344808043 51.81150262258194061, 5.70265829799875412 51.81178409581825406, 5.7032759556399677 51.80843684582221442, 5.69299181963785372 51.80741174297666163, 5.69104924730207085 51.80724356870156555, 5.67984957850855476 51.81177817701262711, 5.67551466887733103 51.81291725992066688, 5.67682177219309203 51.81440456173014297, 5.68146512094034151 51.81677655113143999, 5.69216028303242982 51.81685090383502512, 5.69216028303242982 51.81685090383502512)))</t>
  </si>
  <si>
    <t>MultiPolygon (((5.69299181963785372 51.80741174297666163, 5.7032759556399677 51.80843684582221442, 5.70411250871701725 51.80649995446551515, 5.7033759119334837 51.80512280187853946, 5.70455848474668148 51.805118654359255, 5.70558661877540807 51.80112363703454292, 5.70469712422496578 51.80112208068033652, 5.70456040983030732 51.79975293542378267, 5.71105104736471691 51.7986616687157948, 5.71403373752420496 51.79826869987064697, 5.72233229350970163 51.79689985151774323, 5.72642710369116337 51.79622289261804724, 5.72680784318463143 51.79369040930972545, 5.72152225564422157 51.79617992290094008, 5.7175061717213449 51.7969605030557716, 5.71101449012228102 51.79694990322717274, 5.70576242212272433 51.79577254001473818, 5.69740237160872987 51.80212489877880699, 5.69299181963785372 51.80741174297666163, 5.69299181963785372 51.80741174297666163)))</t>
  </si>
  <si>
    <t>MultiPolygon (((5.71564143555455129 51.83970876631497049, 5.71762574370462495 51.8395169860653553, 5.73204420871318465 51.8379806194941537, 5.74692921577488569 51.83527103032591299, 5.74114919211417618 51.82875396941495438, 5.73704690159551056 51.82836224509076573, 5.73655174039080418 51.82890726899384504, 5.7349784352173776 51.8286853377129475, 5.72325283553947806 51.82343364799559282, 5.71257032478751459 51.81886022825116811, 5.71058217584482541 51.82092787878491436, 5.71258069429701187 51.82190423889271358, 5.71495250047707959 51.82544844805651962, 5.71459490086926536 51.82664057614444175, 5.71848196371913087 51.83077026775503526, 5.71102433516033248 51.83478093961250721, 5.71564143555455129 51.83970876631497049, 5.71564143555455129 51.83970876631497049)))</t>
  </si>
  <si>
    <t>MultiPolygon (((6.70469500435148724 51.95596645592312512, 6.70672884695741089 51.95607774156403025, 6.70888113392168073 51.95831239115472044, 6.71288350353978824 51.95844907931270029, 6.71492523719687107 51.9569869162173319, 6.7272575669362995 51.9581998781472123, 6.7280248030203964 51.95451536136506832, 6.72563803599043464 51.95439142732026738, 6.7246205094807161 51.94978336624517823, 6.73207372811229554 51.94694423834816632, 6.7368280129440965 51.9431367160599109, 6.74400080432272464 51.94113379317168011, 6.74532651810330375 51.94004791088773487, 6.74481463982854557 51.93803038498320035, 6.74998585585380528 51.93618980749651826, 6.74520249169808039 51.93406891785989643, 6.74495498184049147 51.93098562973047194, 6.74085134230248784 51.92147900087847745, 6.74623595948218657 51.91843800013526788, 6.74941326985193957 51.91760649108594805, 6.75727312015195025 51.91382421012891513, 6.75402637778784065 51.91262327296567491, 6.75439903980015099 51.91006658598279699, 6.75205682329106249 51.90855079677635331, 6.75126428101907283 51.90723986887600461, 6.74554172041879596 51.90572202900388987, 6.73713244457867422 51.90468123958135038, 6.73249779081123112 51.89872265176062172, 6.72196949835449065 51.89606333668842808, 6.70322099627256218 51.90639546772232649, 6.70380255132394787 51.90940789630035113, 6.70272236068996374 51.90980944021435306, 6.69982407711833794 51.90905879424632019, 6.69766720702633656 51.90987011929210837, 6.69534614311492771 51.9158682346626108, 6.69265008613252466 51.91471696996747198, 6.68424858944274547 51.91609695938506519, 6.68422449609082037 51.91759075314139693, 6.67478934939139901 51.9159377738108887, 6.66873338866483856 51.91386339037777731, 6.66699271770153779 51.9143058291844639, 6.66428556184063225 51.91648084344733149, 6.66294268650647403 51.91573658065350827, 6.66100980861729663 51.91560337866727082, 6.6605876807977733 51.91670619383624086, 6.66161340095557097 51.9169058335438578, 6.66076675889379111 51.91836883924646173, 6.66284343846982452 51.91850967187269816, 6.66312657068350056 51.91979368222509095, 6.66172097481833969 51.92035100496298838, 6.66217857187638085 51.92053774433868796, 6.66067859842550991 51.92222822408657379, 6.65803059506447603 51.92433178986910747, 6.65798531565198548 51.92602803807961465, 6.6590718945383971 51.92584292556996672, 6.66161366352803608 51.9255195060778405, 6.66788813101317412 51.92717019485308327, 6.66988672720535636 51.92689304571774045, 6.67029404534034587 51.92262939483454431, 6.67307266793784137 51.92304848212400259, 6.6728125009351098 51.92776898473643143, 6.67459422362596211 51.92875542808717881, 6.68008179579183459 51.92981771148676273, 6.68742553224303116 51.93224833660575257, 6.68875298801215301 51.93214122025189283, 6.69162241989824746 51.93009834361606636, 6.69443034876256693 51.92970588737863835, 6.69480515881377336 51.93134225445819396, 6.69320685597001308 51.93318203616318129, 6.69388174425227511 51.94158593275180635, 6.69594310068542242 51.94279789531533709, 6.69945785398487104 51.94252049155734596, 6.70284037425943424 51.94354088273880876, 6.70371347931390549 51.9446932472726175, 6.69547526267666449 51.95469416598717061, 6.70016449324664443 51.95633916742385594, 6.70469500435148724 51.95596645592312512, 6.70469500435148724 51.95596645592312512),(6.71797599051924088 51.93268589441220229, 6.71537972515276405 51.93188375717448224, 6.71348175564108196 51.92931178578989915, 6.71727168288805565 51.92839951864148418, 6.71953972583496917 51.92937079356916996, 6.71969746659605249 51.93184639705251016, 6.71797599051924088 51.93268589441220229, 6.71797599051924088 51.93268589441220229)))</t>
  </si>
  <si>
    <t>MultiPolygon (((6.65446477754719901 52.00291049915101382, 6.65524421450537673 52.00463877377271871, 6.69380140828641146 51.97974686882670881, 6.69939246293273882 51.97625692595068614, 6.70297346545019757 51.97497836961134965, 6.70154993063000859 51.97035979820270768, 6.69863743269590284 51.96568140640366096, 6.70496535771727498 51.96241141582382994, 6.70147863028188606 51.95916222145195462, 6.70469500435148724 51.95596645592312512, 6.70016449324664443 51.95633916742385594, 6.69547526267666449 51.95469416598717061, 6.70371347931390549 51.9446932472726175, 6.70284037425943424 51.94354088273880876, 6.69945785398487104 51.94252049155734596, 6.69594310068542242 51.94279789531533709, 6.69388174425227511 51.94158593275180635, 6.68711396266065083 51.94298407928229722, 6.68178768265420775 51.94147705538517101, 6.6764617228862102 51.94214489699464821, 6.67011913773850385 51.94526528593326731, 6.66724361796162679 51.9490434408787749, 6.66526632021506149 51.95041501738104728, 6.65573356230695179 51.95232593968243151, 6.64238357467259988 51.95177707522913124, 6.63818722786221471 51.9474145989298961, 6.63432394115344337 51.9450131842476992, 6.63373984355427115 51.94586408400796529, 6.63306837524521686 51.94768514764022171, 6.62907127171315569 51.95009202522729908, 6.63922578572716748 51.95939749914941075, 6.6389157776106309 51.96254701263005416, 6.63787928956908502 51.96498657084558914, 6.64252540764285371 51.96581995300362422, 6.64559996095927463 51.9688647412814575, 6.65559820972333416 51.97554482553362476, 6.65461853558187233 51.97631502360599853, 6.65705608697761342 51.97755206099468239, 6.65516248722242576 51.97933268100450022, 6.6527051191335449 51.99753204409986296, 6.65336199319566379 51.99993118571981654, 6.65446477754719901 52.00291049915101382, 6.65446477754719901 52.00291049915101382)))</t>
  </si>
  <si>
    <t>MultiPolygon (((6.63432394115344337 51.9450131842476992, 6.63818722786221471 51.9474145989298961, 6.64238357467259988 51.95177707522913124, 6.65573356230695179 51.95232593968243151, 6.66526632021506149 51.95041501738104728, 6.66724361796162679 51.9490434408787749, 6.67011913773850385 51.94526528593326731, 6.6764617228862102 51.94214489699464821, 6.68178768265420775 51.94147705538517101, 6.68711396266065083 51.94298407928229722, 6.69388174425227511 51.94158593275180635, 6.69320685597001308 51.93318203616318129, 6.69480515881377336 51.93134225445819396, 6.69443034876256693 51.92970588737863835, 6.69162241989824746 51.93009834361606636, 6.68875298801215301 51.93214122025189283, 6.68742553224303116 51.93224833660575257, 6.68008179579183459 51.92981771148676273, 6.67459422362596211 51.92875542808717881, 6.6728125009351098 51.92776898473643143, 6.67307266793784137 51.92304848212400259, 6.67029404534034587 51.92262939483454431, 6.66988672720535636 51.92689304571774045, 6.66788813101317412 51.92717019485308327, 6.66161366352803608 51.9255195060778405, 6.6590718945383971 51.92584292556996672, 6.65900400651094238 51.92901938225923431, 6.65787363408666444 51.92910596004244184, 6.65760123278391536 51.92844903540177626, 6.65664884970265636 51.93017988593195611, 6.65365315085065934 51.93026695256999403, 6.65325788782237026 51.92911160650314173, 6.6512926195820512 51.92854228170433117, 6.64948361395348098 51.92890658837445983, 6.64694383698735702 51.92939238020348824, 6.64597378850615428 51.92960560681284221, 6.63918030407404114 51.93246627952104433, 6.63415270448844741 51.93529988632950989, 6.63422338134540457 51.93737151316229017, 6.63200792147278406 51.93781689562884907, 6.63370597663562567 51.93971521386038148, 6.63432394115344337 51.9450131842476992, 6.63432394115344337 51.9450131842476992),(6.6620406668176182 51.94568577999487502, 6.6607431083113271 51.946398192477929, 6.65606855948816101 51.94497452166005047, 6.65549103059069846 51.94420150577254702, 6.65700565110063547 51.9431918482042505, 6.66200741413954756 51.94236182851339123, 6.6630728523918572 51.94504983254928021, 6.6620406668176182 51.94568577999487502, 6.6620406668176182 51.94568577999487502)))</t>
  </si>
  <si>
    <t>MultiPolygon (((6.71797599051924088 51.93268589441220229, 6.71969746659605249 51.93184639705251016, 6.71953972583496917 51.92937079356916996, 6.71727168288805565 51.92839951864148418, 6.71348175564108196 51.92931178578989915, 6.71537972515276405 51.93188375717448224, 6.71797599051924088 51.93268589441220229, 6.71797599051924088 51.93268589441220229)))</t>
  </si>
  <si>
    <t>MultiPolygon (((6.79125978092280391 51.95997697948908467, 6.7988677047148931 51.95871561389274973, 6.79624423048884907 51.94397553434884429, 6.79727082514932679 51.94255251685750352, 6.79399075591527701 51.93529350885992812, 6.78597718130215188 51.93118931662941407, 6.78894467484775443 51.9296565930479872, 6.77003574546073672 51.91619888154082219, 6.76599321333939496 51.91606498669477787, 6.76048170348108801 51.91412095285150485, 6.75727312015195025 51.91382421012891513, 6.74941326985193957 51.91760649108594805, 6.74623595948218657 51.91843800013526788, 6.74085134230248784 51.92147900087847745, 6.74495498184049147 51.93098562973047194, 6.74520249169808039 51.93406891785989643, 6.74998585585380528 51.93618980749651826, 6.74481463982854557 51.93803038498320035, 6.74532651810330375 51.94004791088773487, 6.74400080432272464 51.94113379317168011, 6.74720795838433851 51.94310134536075196, 6.75313747975575129 51.94465628354368647, 6.75441019983249191 51.9446549704404319, 6.75777596505903322 51.94289066279599609, 6.76169771968731759 51.94318730496274128, 6.76366313154187448 51.94419442784866447, 6.76744909089419 51.94933884917458045, 6.77653088680132942 51.94933608187207597, 6.77965306789818811 51.95009638293905851, 6.78380636615589694 51.95495979941019016, 6.78737348610087388 51.9565354539864046, 6.79125978092280391 51.95997697948908467, 6.79125978092280391 51.95997697948908467),(6.77162794965740833 51.94583498735482152, 6.77116736032813549 51.9446223539576053, 6.76790955349437251 51.9438319617762545, 6.76592864089140189 51.94237450086641417, 6.7665725561922514 51.94051261011669141, 6.76894640254815716 51.94089374318487984, 6.77421281588891944 51.94357515325859964, 6.77499547602352425 51.94560200406963446, 6.77162794965740833 51.94583498735482152, 6.77162794965740833 51.94583498735482152)))</t>
  </si>
  <si>
    <t>MultiPolygon (((6.73320376306386947 52.00125871596797111, 6.73577073395163062 52.00471629334249712, 6.73708634470856094 52.00390650282724891, 6.73923055632661416 52.00372457061119036, 6.74586006084357592 52.00716832598043737, 6.75022160192384924 52.00819040804309168, 6.75748887573087664 52.0121941374190655, 6.76019604611896519 52.01443966874639102, 6.77167790538782022 52.01796903798335592, 6.81141051078827608 51.9980964698100081, 6.80779867067794697 51.99496744050720309, 6.82660740948180145 51.99352738196941459, 6.83035175919896442 51.98619227149724509, 6.82962892271749844 51.97938853626372691, 6.83023384081488683 51.97640731003473746, 6.83230776178607613 51.9743452901825691, 6.83280161727922231 51.97180663030829351, 6.83242695821795731 51.97004427440694485, 6.82852888389279666 51.96410543448071451, 6.81383728873474048 51.9636330646431972, 6.81246096578947036 51.96183326853945772, 6.7988677047148931 51.95871561389274973, 6.79125978092280391 51.95997697948908467, 6.78636587730541674 51.96262257257103556, 6.7774991297717726 51.96331290488709698, 6.77946603325398378 51.96835793329621112, 6.77068699576952682 51.96972005954182805, 6.7627685407076088 51.97205747639645068, 6.74824808301078694 51.9743327380971607, 6.74088673180983555 51.97619561738548555, 6.7425612358689424 51.97693676564745857, 6.74143482950049044 51.97790457117368845, 6.73986891523657849 51.97912799611940926, 6.73723838027570121 51.97844638591153199, 6.72701592303148832 51.98768090383333629, 6.73081352845613434 51.99580429935721781, 6.73151447516207035 51.99995127820954366, 6.73320376306386947 52.00125871596797111, 6.73320376306386947 52.00125871596797111)))</t>
  </si>
  <si>
    <t>MultiPolygon (((6.65524421450537673 52.00463877377271871, 6.65817011615609822 52.01117847997115007, 6.67725253136489094 52.00508484127409048, 6.67842721306125409 52.00359661480332107, 6.68605899217439337 52.00348929236194095, 6.69036322473110889 52.00124749835296001, 6.69439113625438598 52.00053143427540192, 6.70100368764743681 52.00253876688787358, 6.71037967803366531 52.00024566594862563, 6.71387019043819144 52.000476030957131, 6.71665035277439593 52.00175173105015602, 6.72648601778911281 52.00288686404154248, 6.73043032318945755 52.00255339958783907, 6.73320376306386947 52.00125871596797111, 6.73151447516207035 51.99995127820954366, 6.73081352845613434 51.99580429935721781, 6.72701592303148832 51.98768090383333629, 6.72560417738919902 51.9873562273244687, 6.72314172659064546 51.98807189835559939, 6.70381384901309563 51.98243253251998652, 6.70057707230204702 51.98241225867549531, 6.69380140828641146 51.97974686882670881, 6.65524421450537673 52.00463877377271871, 6.65524421450537673 52.00463877377271871)))</t>
  </si>
  <si>
    <t>MultiPolygon (((6.68785292086059879 52.03985615236798168, 6.71413423321589153 52.04006470912354843, 6.75297723969511576 52.02840556684024165, 6.76408827160792114 52.02231090014474546, 6.76630712977511006 52.01878220366993588, 6.77167790538782022 52.01796903798335592, 6.76019604611896519 52.01443966874639102, 6.75748887573087664 52.0121941374190655, 6.75022160192384924 52.00819040804309168, 6.74586006084357592 52.00716832598043737, 6.73923055632661416 52.00372457061119036, 6.73708634470856094 52.00390650282724891, 6.73577073395163062 52.00471629334249712, 6.73320376306386947 52.00125871596797111, 6.73043032318945755 52.00255339958783907, 6.72648601778911281 52.00288686404154248, 6.71665035277439593 52.00175173105015602, 6.71387019043819144 52.000476030957131, 6.71037967803366531 52.00024566594862563, 6.70100368764743681 52.00253876688787358, 6.69439113625438598 52.00053143427540192, 6.69036322473110889 52.00124749835296001, 6.68605899217439337 52.00348929236194095, 6.67842721306125409 52.00359661480332107, 6.67725253136489094 52.00508484127409048, 6.65817011615609822 52.01117847997115007, 6.65581359321379029 52.01356264440132549, 6.65664915992387041 52.01481435231766426, 6.65852925187714551 52.0142338636925885, 6.66175378334347723 52.01555043726308725, 6.66237554340067462 52.01741300966963166, 6.67206064157780965 52.02290132630172792, 6.6777334906508008 52.02837513117885493, 6.67960665409603394 52.0286863378873079, 6.68066679436778088 52.02799881916551783, 6.68356936424629744 52.02820206630791233, 6.68785292086059879 52.03985615236798168, 6.68785292086059879 52.03985615236798168),(6.69725317251938534 52.01677895854009392, 6.69685533333013794 52.01727217164135197, 6.69408240895986673 52.01641419782771436, 6.69391951233211646 52.01297569402340315, 6.69479731794041477 52.01110715594380451, 6.70770722850996748 52.01071059472597113, 6.71238522985795605 52.01305430519884254, 6.70727691691533501 52.0155036853931918, 6.7037038546915575 52.01428438952430611, 6.69899355977740996 52.01422350651600368, 6.69725317251938534 52.01677895854009392, 6.69725317251938534 52.01677895854009392)))</t>
  </si>
  <si>
    <t>MultiPolygon (((6.73930775303231222 51.96984603638146183, 6.74088673180983555 51.97619561738548555, 6.74824808301078694 51.9743327380971607, 6.7627685407076088 51.97205747639645068, 6.77068699576952682 51.96972005954182805, 6.77946603325398378 51.96835793329621112, 6.7774991297717726 51.96331290488709698, 6.78636587730541674 51.96262257257103556, 6.79125978092280391 51.95997697948908467, 6.78737348610087388 51.9565354539864046, 6.78380636615589694 51.95495979941019016, 6.77965306789818811 51.95009638293905851, 6.77653088680132942 51.94933608187207597, 6.76744909089419 51.94933884917458045, 6.76366313154187448 51.94419442784866447, 6.76169771968731759 51.94318730496274128, 6.75777596505903322 51.94289066279599609, 6.75441019983249191 51.9446549704404319, 6.75313747975575129 51.94465628354368647, 6.74720795838433851 51.94310134536075196, 6.74400080432272464 51.94113379317168011, 6.7368280129440965 51.9431367160599109, 6.73207372811229554 51.94694423834816632, 6.7246205094807161 51.94978336624517823, 6.72563803599043464 51.95439142732026738, 6.7280248030203964 51.95451536136506832, 6.7272575669362995 51.9581998781472123, 6.73369307598323541 51.95878425064213957, 6.73663629056855751 51.95993175238860573, 6.73906727541923711 51.96484792983539336, 6.73930775303231222 51.96984603638146183, 6.73930775303231222 51.96984603638146183)))</t>
  </si>
  <si>
    <t>MultiPolygon (((6.6620406668176182 51.94568577999487502, 6.6630728523918572 51.94504983254928021, 6.66200741413954756 51.94236182851339123, 6.65700565110063547 51.9431918482042505, 6.65549103059069846 51.94420150577254702, 6.65606855948816101 51.94497452166005047, 6.6607431083113271 51.946398192477929, 6.6620406668176182 51.94568577999487502, 6.6620406668176182 51.94568577999487502)))</t>
  </si>
  <si>
    <t>MultiPolygon (((6.77162794965740833 51.94583498735482152, 6.77499547602352425 51.94560200406963446, 6.77421281588891944 51.94357515325859964, 6.76894640254815716 51.94089374318487984, 6.7665725561922514 51.94051261011669141, 6.76592864089140189 51.94237450086641417, 6.76790955349437251 51.9438319617762545, 6.77116736032813549 51.9446223539576053, 6.77162794965740833 51.94583498735482152, 6.77162794965740833 51.94583498735482152)))</t>
  </si>
  <si>
    <t>MultiPolygon (((6.69725317251938534 52.01677895854009392, 6.69899355977740996 52.01422350651600368, 6.7037038546915575 52.01428438952430611, 6.70727691691533501 52.0155036853931918, 6.71238522985795605 52.01305430519884254, 6.70770722850996748 52.01071059472597113, 6.69479731794041477 52.01110715594380451, 6.69391951233211646 52.01297569402340315, 6.69408240895986673 52.01641419782771436, 6.69685533333013794 52.01727217164135197, 6.69725317251938534 52.01677895854009392, 6.69725317251938534 52.01677895854009392)))</t>
  </si>
  <si>
    <t>MultiPolygon (((6.72400442597977221 51.97167026412077462, 6.7321859853699193 51.97251504692588497, 6.73600270350519548 51.97039279700994996, 6.73930775303231222 51.96984603638146183, 6.73906727541923711 51.96484792983539336, 6.73663629056855751 51.95993175238860573, 6.73369307598323541 51.95878425064213957, 6.7272575669362995 51.9581998781472123, 6.7195013982112739 51.96469174554454895, 6.72234902447321048 51.96492659470884234, 6.72345640733578342 51.96575254292535107, 6.72400442597977221 51.97167026412077462, 6.72400442597977221 51.97167026412077462)))</t>
  </si>
  <si>
    <t>MultiPolygon (((6.71900539824796184 51.97837645619207336, 6.72290314842298731 51.97900113934922217, 6.72701592303148832 51.98768090383333629, 6.73723838027570121 51.97844638591153199, 6.73986891523657849 51.97912799611940926, 6.74143482950049044 51.97790457117368845, 6.7425612358689424 51.97693676564745857, 6.74088673180983555 51.97619561738548555, 6.73930775303231222 51.96984603638146183, 6.73600270350519548 51.97039279700994996, 6.7321859853699193 51.97251504692588497, 6.72400442597977221 51.97167026412077462, 6.72408079068591746 51.97327590683441656, 6.71900539824796184 51.97837645619207336, 6.71900539824796184 51.97837645619207336)))</t>
  </si>
  <si>
    <t>MultiPolygon (((6.69380140828641146 51.97974686882670881, 6.70057707230204702 51.98241225867549531, 6.70381384901309563 51.98243253251998652, 6.72314172659064546 51.98807189835559939, 6.72560417738919902 51.9873562273244687, 6.72701592303148832 51.98768090383333629, 6.72290314842298731 51.97900113934922217, 6.71900539824796184 51.97837645619207336, 6.71462299310368582 51.97691834167983416, 6.71295068649839433 51.9754827302030904, 6.71143878984168563 51.972110173831922, 6.70958875674655708 51.9720096385547734, 6.70297346545019757 51.97497836961134965, 6.69939246293273882 51.97625692595068614, 6.69380140828641146 51.97974686882670881, 6.69380140828641146 51.97974686882670881)))</t>
  </si>
  <si>
    <t>MultiPolygon (((6.70297346545019757 51.97497836961134965, 6.70958875674655708 51.9720096385547734, 6.7195013982112739 51.96469174554454895, 6.7272575669362995 51.9581998781472123, 6.71492523719687107 51.9569869162173319, 6.71288350353978824 51.95844907931270029, 6.70888113392168073 51.95831239115472044, 6.70672884695741089 51.95607774156403025, 6.70469500435148724 51.95596645592312512, 6.70147863028188606 51.95916222145195462, 6.70496535771727498 51.96241141582382994, 6.69863743269590284 51.96568140640366096, 6.70154993063000859 51.97035979820270768, 6.70297346545019757 51.97497836961134965, 6.70297346545019757 51.97497836961134965)))</t>
  </si>
  <si>
    <t>MultiPolygon (((6.70958875674655708 51.9720096385547734, 6.71143878984168563 51.972110173831922, 6.71295068649839433 51.9754827302030904, 6.71462299310368582 51.97691834167983416, 6.71900539824796184 51.97837645619207336, 6.72408079068591746 51.97327590683441656, 6.72400442597977221 51.97167026412077462, 6.72345640733578342 51.96575254292535107, 6.72234902447321048 51.96492659470884234, 6.7195013982112739 51.96469174554454895, 6.70958875674655708 51.9720096385547734, 6.70958875674655708 51.9720096385547734)))</t>
  </si>
  <si>
    <t>MultiPolygon (((6.00196520354179341 51.98065000477816966, 6.00314315283566202 51.98025899389586613, 6.00173284636999593 51.97755170432405691, 6.0004284506265817 51.97617015240288652, 5.99619183205999562 51.97395592140805576, 5.99155184150747377 51.97266323022756751, 5.98400017281452001 51.97239953839568471, 5.98663635667679106 51.96850008430043033, 5.98526428566819924 51.96395954084179181, 5.98769790562840054 51.96291149172783008, 5.98684063219319906 51.96226809944565872, 5.9869997802155499 51.95991165849006421, 5.98552494881409025 51.95512890272024009, 5.98223667457337882 51.95649555608900272, 5.98352125259484424 51.96120094002820622, 5.97943059283613643 51.96258504725246752, 5.98010679705984227 51.96673709003173514, 5.97798308774916709 51.96923307195226727, 5.96990412748380006 51.96747121462183827, 5.96267933194347055 51.96748236148011557, 5.95873395909460424 51.96471351992202869, 5.95896883827266244 51.96121842158583348, 5.9605839993338785 51.95815197415146969, 5.96423583618003228 51.95579178343175641, 5.96652335670979106 51.94861396171346968, 5.96731669173492651 51.94508926296083473, 5.96692377465207358 51.94313804143904179, 5.96942130652108904 51.9413746387072095, 5.96925992416908624 51.939557791459805, 5.9657754667008005 51.93876761439823042, 5.96179424254992529 51.93879262058419499, 5.96029344997653876 51.94378273225819953, 5.95522544038598678 51.94875353914862615, 5.95010948552937968 51.95422889561034197, 5.94939226643810315 51.95900370789615863, 5.95242880415101538 51.96456988451156178, 5.95949397501367617 51.96946565857841449, 5.96362885942085175 51.97114326458136446, 5.96841259028945093 51.97208282164384485, 5.99034003905729584 51.97440609167325221, 5.99828366762584242 51.97706488075109377, 6.00196520354179341 51.98065000477816966, 6.00196520354179341 51.98065000477816966)))</t>
  </si>
  <si>
    <t>MultiPolygon (((5.97814548087659503 51.94811038916275692, 5.98456895351036255 51.94691040370576474, 5.98616810517731324 51.94636384871240153, 5.98436384426837087 51.94302088649833138, 5.97998257248656717 51.94293726876885842, 5.97491016616852111 51.94162015889279616, 5.97035218604793183 51.93932596105182142, 5.96925992416908624 51.939557791459805, 5.96942130652108904 51.9413746387072095, 5.96692377465207358 51.94313804143904179, 5.96731669173492651 51.94508926296083473, 5.9752360711429251 51.94591089475736112, 5.97814548087659503 51.94811038916275692, 5.97814548087659503 51.94811038916275692)))</t>
  </si>
  <si>
    <t>MultiPolygon (((5.98223667457337882 51.95649555608900272, 5.98552494881409025 51.95512890272024009, 5.98483620489072532 51.95168233860885465, 5.98757648058358161 51.95044109513786879, 5.98456895351036255 51.94691040370576474, 5.97814548087659503 51.94811038916275692, 5.97885583894096406 51.95265293823760544, 5.98223667457337882 51.95649555608900272, 5.98223667457337882 51.95649555608900272)))</t>
  </si>
  <si>
    <t>MultiPolygon (((5.97187757247379114 51.95364343468997248, 5.97885583894096406 51.95265293823760544, 5.97814548087659503 51.94811038916275692, 5.9752360711429251 51.94591089475736112, 5.96731669173492651 51.94508926296083473, 5.96652335670979106 51.94861396171346968, 5.96984635138014852 51.95013736567270257, 5.97187757247379114 51.95364343468997248, 5.97187757247379114 51.95364343468997248)))</t>
  </si>
  <si>
    <t>MultiPolygon (((5.97187757247379114 51.95364343468997248, 5.97264186211648074 51.95581201716994713, 5.9744160575475016 51.95609192076407368, 5.9770698221984242 51.95864201694257645, 5.98223667457337882 51.95649555608900272, 5.97885583894096406 51.95265293823760544, 5.97187757247379114 51.95364343468997248, 5.97187757247379114 51.95364343468997248)))</t>
  </si>
  <si>
    <t>MultiPolygon (((5.97187757247379114 51.95364343468997248, 5.96984635138014852 51.95013736567270257, 5.96652335670979106 51.94861396171346968, 5.96423583618003228 51.95579178343175641, 5.9605839993338785 51.95815197415146969, 5.95896883827266244 51.96121842158583348, 5.95873395909460424 51.96471351992202869, 5.96267933194347055 51.96748236148011557, 5.96990412748380006 51.96747121462183827, 5.97798308774916709 51.96923307195226727, 5.98010679705984227 51.96673709003173514, 5.97943059283613643 51.96258504725246752, 5.98352125259484424 51.96120094002820622, 5.98223667457337882 51.95649555608900272, 5.9770698221984242 51.95864201694257645, 5.9744160575475016 51.95609192076407368, 5.97264186211648074 51.95581201716994713, 5.97187757247379114 51.95364343468997248, 5.97187757247379114 51.95364343468997248)))</t>
  </si>
  <si>
    <t>MultiPolygon (((5.71363899708335676 51.96814235891153544, 5.7136400454204308 51.96813884428987507, 5.71768349705033163 51.96682275824406361, 5.72088612691601739 51.96690521138329899, 5.7226055585061637 51.96405076995782224, 5.72150303385869918 51.96386779071848849, 5.70663240346467937 51.96270572228641527, 5.68191823391044615 51.95915884450348443, 5.67655287774202399 51.95757476585923484, 5.66969823682735186 51.95382103169215782, 5.6659889909408685 51.95279947605696691, 5.66219054995426951 51.95264323970925346, 5.65376055297590963 51.95391047587539646, 5.64892254656929893 51.95400129183281734, 5.64425929601718313 51.95234885804644165, 5.64622005599925547 51.95058467089805276, 5.64962164646113063 51.95002118219192511, 5.64530440158846503 51.94668087578079962, 5.64508847453957952 51.94487968959166579, 5.64063887012765797 51.9395781139446413, 5.63962557846256463 51.93825906997697928, 5.6362319269017771 51.93669236848376158, 5.63028864969422038 51.93640949831905829, 5.62786450962348805 51.93719380697675092, 5.62276743042024041 51.93976542487099834, 5.61788770461541631 51.94135112704431378, 5.6059396471888796 51.94312478453367987, 5.61642793358686454 51.9493535448183863, 5.62043726903860996 51.9483247811176696, 5.62582389473069533 51.94786705836563812, 5.63291380248021589 51.94890816791080113, 5.64089387471006543 51.95303096728045489, 5.64583633302701138 51.95672785113597314, 5.65008166699944603 51.95711325621198995, 5.65896401472384092 51.96076170228678137, 5.65898631270587149 51.9623500385109196, 5.66441511615712212 51.96277500332321608, 5.66800838361437442 51.96377871678370752, 5.67330730419523466 51.9651640689292762, 5.68525387495345136 51.96440111736865219, 5.70167706558266385 51.96535370333165105, 5.71363899708335676 51.96814235891153544)))</t>
  </si>
  <si>
    <t>MultiPolygon (((5.64334998367673091 51.9662000221819369, 5.64361084646828459 51.9662313202609738, 5.64428262753876897 51.9644245033345058, 5.64694137048732081 51.96483245448791166, 5.64657711046912425 51.96575359919935266, 5.64956935218914236 51.96589678095475051, 5.65101354721624816 51.96529482133689015, 5.64600798014904459 51.96093679532009446, 5.63946648041397491 51.95943914298969446, 5.64052926159208479 51.95571779668393475, 5.64583633302701138 51.95672785113597314, 5.64089387471006543 51.95303096728045489, 5.63291380248021589 51.94890816791080113, 5.62582389473069533 51.94786705836563812, 5.62043726903860996 51.9483247811176696, 5.62016249455282324 51.9514981112139651, 5.6234464798640369 51.95194555960161154, 5.625027437331374 51.95161482976941159, 5.62730856198783336 51.95247330479939052, 5.6264951881476799 51.95736574445397338, 5.62321355376037157 51.96256473973777901, 5.64334998367673091 51.9662000221819369, 5.64334998367673091 51.9662000221819369)))</t>
  </si>
  <si>
    <t>MultiPolygon (((5.68888369955504913 51.99492276217791442, 5.72436261189858797 52.00070833017495886, 5.72046402608790494 51.99100751503327444, 5.7166392518375666 51.98143670458645715, 5.72115579869460067 51.98092374078741074, 5.71778368066566767 51.97537860845525159, 5.71849070237668577 51.97448408543679932, 5.71363899708335676 51.96814235891153544, 5.70167706558266385 51.96535370333165105, 5.68525387495345136 51.96440111736865219, 5.68280774177648951 51.96500346610362442, 5.6822936099520609 51.96570737178802091, 5.68543195915802979 51.96675079449809687, 5.68545668066068366 51.96675106613660233, 5.68786506219874166 51.96673078669605417, 5.69402605716684374 51.96805090839852426, 5.69582821496151137 51.96898831617286163, 5.69125678362101617 51.97071151791590893, 5.69360971494786128 51.97451577334770434, 5.69108790885812965 51.98025661209281623, 5.69209390221837097 51.98283091190899086, 5.69587167923409243 51.98377116994320346, 5.70856708256024792 51.98883636475743941, 5.70646796604560969 51.99248553913997739, 5.68761852996817563 51.99456080104685896, 5.68888369955504913 51.99492276217791442, 5.68888369955504913 51.99492276217791442)))</t>
  </si>
  <si>
    <t>MultiPolygon (((5.67829576206391984 51.99140063066754891, 5.68269294733744523 51.99255316024012785, 5.68309322041381204 51.9939114676351366, 5.68471585149811975 51.99392619583623798, 5.68758510054150257 51.99209157051515007, 5.68902218821353056 51.98674640489925736, 5.69209390221837097 51.98283091190899086, 5.69108790885812965 51.98025661209281623, 5.69360971494786128 51.97451577334770434, 5.69125678362101617 51.97071151791590893, 5.68685000222598536 51.97159991666510592, 5.68264380381928724 51.97126448621030192, 5.68129709988550413 51.97487382883947049, 5.67941862357770333 51.98026775792355636, 5.67477598555241958 51.98197047342640786, 5.67375878207683471 51.98250602773960338, 5.67541107989241933 51.98738316647941105, 5.67484427350025022 51.98987490234114262, 5.67536801704015925 51.99095145653127048, 5.67829576206391984 51.99140063066754891, 5.67829576206391984 51.99140063066754891)))</t>
  </si>
  <si>
    <t>MultiPolygon (((5.60601701365000071 51.99416435128994607, 5.60683208798566746 51.9974224140264667, 5.61449194102971649 51.99964959900363226, 5.61930729038708154 51.99273841654116524, 5.62494554764571397 51.9951415586895962, 5.62725111326779803 51.99314227806921451, 5.63329807804394811 51.99520240945919625, 5.63722086087441721 51.99191729005766405, 5.65394495423888443 51.9951607293554332, 5.65541711735087382 51.99330669255893156, 5.66284249381387816 51.9949476241431654, 5.66452638508411788 51.99413014739333505, 5.66960139568952837 51.99466844388529552, 5.67253939433822385 51.99352093724129276, 5.67536801704015925 51.99095145653127048, 5.67484427350025022 51.98987490234114262, 5.66797174952832616 51.98928817527381341, 5.66413015782317153 51.990052551220586, 5.65996318984510349 51.98762545877020358, 5.66073837998085327 51.98664909867189721, 5.65251682907251762 51.98477189539610066, 5.65165737688882608 51.98585385316158636, 5.64817442716358542 51.98493148201580283, 5.64619964326741641 51.98741029137156033, 5.64219828602229789 51.98634844812564637, 5.64253500209493364 51.98568458821150529, 5.64076634487710482 51.98529835212191585, 5.64403188133055611 51.98115425973418269, 5.64172568097822946 51.98064541562569474, 5.64426095258183835 51.97746510713572121, 5.6464076995599557 51.97477117725872375, 5.6440300916636934 51.97462925338004425, 5.64577391035429965 51.97236171512166436, 5.64419689036775729 51.97189500765941261, 5.63992296173586016 51.97075331243935636, 5.64334998367673091 51.9662000221819369, 5.62321355376037157 51.96256473973777901, 5.62025822766395589 51.96658232589911108, 5.62485568907074818 51.9704483647770914, 5.62606419331457808 51.97407006365344273, 5.61988831317985671 51.97771034570148885, 5.61505995804644442 51.9827169408528178, 5.61381280498901436 51.9903427805872127, 5.60997226531022353 51.99369153343737082, 5.60601701365000071 51.99416435128994607, 5.60601701365000071 51.99416435128994607)))</t>
  </si>
  <si>
    <t>MultiPolygon (((5.68471585149811975 51.99392619583623798, 5.68761852996817563 51.99456080104685896, 5.70646796604560969 51.99248553913997739, 5.70856708256024792 51.98883636475743941, 5.69587167923409243 51.98377116994320346, 5.69209390221837097 51.98283091190899086, 5.68902218821353056 51.98674640489925736, 5.68758510054150257 51.99209157051515007, 5.68471585149811975 51.99392619583623798, 5.68471585149811975 51.99392619583623798)))</t>
  </si>
  <si>
    <t>MultiPolygon (((5.68264380381928724 51.97126448621030192, 5.68685000222598536 51.97159991666510592, 5.69125678362101617 51.97071151791590893, 5.69582821496151137 51.96898831617286163, 5.69402605716684374 51.96805090839852426, 5.68786506219874166 51.96673078669605417, 5.68545668066068366 51.96675106613660233, 5.68264380381928724 51.97126448621030192, 5.68264380381928724 51.97126448621030192)))</t>
  </si>
  <si>
    <t>MultiPolygon (((5.6742880942194347 51.96993589156372195, 5.68264380381928724 51.97126448621030192, 5.68545668066068366 51.96675106613660233, 5.68543195915802979 51.96675079449809687, 5.67531082716932378 51.96699858284895157, 5.6742880942194347 51.96993589156372195, 5.6742880942194347 51.96993589156372195)))</t>
  </si>
  <si>
    <t>MultiPolygon (((5.66823496849352093 51.9691805221312606, 5.6742880942194347 51.96993589156372195, 5.67531082716932378 51.96699858284895157, 5.68543195915802979 51.96675079449809687, 5.6822936099520609 51.96570737178802091, 5.68280774177648951 51.96500346610362442, 5.68525387495345136 51.96440111736865219, 5.67330730419523466 51.9651640689292762, 5.66728250824672042 51.96748760597186134, 5.66823496849352093 51.9691805221312606, 5.66823496849352093 51.9691805221312606)))</t>
  </si>
  <si>
    <t>MultiPolygon (((5.66728250824672042 51.96748760597186134, 5.67330730419523466 51.9651640689292762, 5.66800838361437442 51.96377871678370752, 5.66728250824672042 51.96748760597186134, 5.66728250824672042 51.96748760597186134)))</t>
  </si>
  <si>
    <t>MultiPolygon (((5.66510488671660628 51.96895805746974872, 5.66823496849352093 51.9691805221312606, 5.66728250824672042 51.96748760597186134, 5.66800838361437442 51.96377871678370752, 5.66441511615712212 51.96277500332321608, 5.65898631270587149 51.9623500385109196, 5.65822059831619129 51.96575739283818507, 5.6563532683737261 51.96810120429769597, 5.66510488671660628 51.96895805746974872, 5.66510488671660628 51.96895805746974872)))</t>
  </si>
  <si>
    <t>MultiPolygon (((5.65822059831619129 51.96575739283818507, 5.65898631270587149 51.9623500385109196, 5.65896401472384092 51.96076170228678137, 5.65008166699944603 51.95711325621198995, 5.64583633302701138 51.95672785113597314, 5.64052926159208479 51.95571779668393475, 5.63946648041397491 51.95943914298969446, 5.64600798014904459 51.96093679532009446, 5.64708883097331782 51.96062248682427764, 5.65185512597292572 51.9613482030643965, 5.6513892556001899 51.96254554181091834, 5.65343563340240429 51.96442708608982741, 5.65822059831619129 51.96575739283818507, 5.65822059831619129 51.96575739283818507)))</t>
  </si>
  <si>
    <t>MultiPolygon (((5.65188883531701602 51.96612922758384912, 5.65373978656384235 51.96752322028735449, 5.6563532683737261 51.96810120429769597, 5.65822059831619129 51.96575739283818507, 5.65343563340240429 51.96442708608982741, 5.6513892556001899 51.96254554181091834, 5.65185512597292572 51.9613482030643965, 5.64708883097331782 51.96062248682427764, 5.64600798014904459 51.96093679532009446, 5.65101354721624816 51.96529482133689015, 5.65188883531701602 51.96612922758384912, 5.65188883531701602 51.96612922758384912)))</t>
  </si>
  <si>
    <t>MultiPolygon (((5.67243143980437203 51.97416189868129521, 5.68129709988550413 51.97487382883947049, 5.68264380381928724 51.97126448621030192, 5.6742880942194347 51.96993589156372195, 5.66823496849352093 51.9691805221312606, 5.67243143980437203 51.97416189868129521, 5.67243143980437203 51.97416189868129521)))</t>
  </si>
  <si>
    <t>MultiPolygon (((5.67238459933425165 51.98111531481522718, 5.67477598555241958 51.98197047342640786, 5.67941862357770333 51.98026775792355636, 5.68129709988550413 51.97487382883947049, 5.67243143980437203 51.97416189868129521, 5.67123991835161778 51.97743531311621723, 5.67073110694358373 51.97817180063339038, 5.67238459933425165 51.98111531481522718, 5.67238459933425165 51.98111531481522718)))</t>
  </si>
  <si>
    <t>MultiPolygon (((5.67123991835161778 51.97743531311621723, 5.67243143980437203 51.97416189868129521, 5.66823496849352093 51.9691805221312606, 5.66510488671660628 51.96895805746974872, 5.6640630264761338 51.97408032486834628, 5.66802456160390911 51.97527225965310294, 5.67123991835161778 51.97743531311621723, 5.67123991835161778 51.97743531311621723)))</t>
  </si>
  <si>
    <t>MultiPolygon (((5.66126829228850692 51.97351890583912137, 5.6640630264761338 51.97408032486834628, 5.66510488671660628 51.96895805746974872, 5.6563532683737261 51.96810120429769597, 5.65505396868785759 51.96972652743072985, 5.65758107584230796 51.97048355847105938, 5.65920123493171978 51.97288454861659091, 5.66126829228850692 51.97351890583912137, 5.66126829228850692 51.97351890583912137)))</t>
  </si>
  <si>
    <t>MultiPolygon (((5.66669446458949455 51.97805194623782654, 5.67073110694358373 51.97817180063339038, 5.67123991835161778 51.97743531311621723, 5.66802456160390911 51.97527225965310294, 5.6640630264761338 51.97408032486834628, 5.6614746678199861 51.97663474754848068, 5.66669446458949455 51.97805194623782654, 5.66669446458949455 51.97805194623782654)))</t>
  </si>
  <si>
    <t>MultiPolygon (((5.66143389502511951 51.97665450979935997, 5.6614746678199861 51.97663474754848068, 5.6640630264761338 51.97408032486834628, 5.66126829228850692 51.97351890583912137, 5.66004479460305454 51.97555002516173772, 5.66143389502511951 51.97665450979935997, 5.66143389502511951 51.97665450979935997)))</t>
  </si>
  <si>
    <t>MultiPolygon (((5.65444391215518305 51.97048961275667978, 5.65505396868785759 51.96972652743072985, 5.6563532683737261 51.96810120429769597, 5.65373978656384235 51.96752322028735449, 5.65188883531701602 51.96612922758384912, 5.6503027501587928 51.96686481284285719, 5.64937106752626939 51.96902258525841489, 5.65444391215518305 51.97048961275667978, 5.65444391215518305 51.97048961275667978)))</t>
  </si>
  <si>
    <t>MultiPolygon (((5.64807016937787143 51.96678549119641843, 5.6503027501587928 51.96686481284285719, 5.65188883531701602 51.96612922758384912, 5.65101354721624816 51.96529482133689015, 5.64956935218914236 51.96589678095475051, 5.64657711046912425 51.96575359919935266, 5.64694137048732081 51.96483245448791166, 5.64428262753876897 51.9644245033345058, 5.64361084646828459 51.9662313202609738, 5.64807016937787143 51.96678549119641843, 5.64807016937787143 51.96678549119641843)))</t>
  </si>
  <si>
    <t>MultiPolygon (((5.64577391035429965 51.97236171512166436, 5.65159245544616784 51.97409423940725048, 5.65444391215518305 51.97048961275667978, 5.64937106752626939 51.96902258525841489, 5.6503027501587928 51.96686481284285719, 5.64807016937787143 51.96678549119641843, 5.64419689036775729 51.97189500765941261, 5.64577391035429965 51.97236171512166436, 5.64577391035429965 51.97236171512166436)))</t>
  </si>
  <si>
    <t>MultiPolygon (((5.64419689036775729 51.97189500765941261, 5.64807016937787143 51.96678549119641843, 5.64361084646828459 51.9662313202609738, 5.64334998367673091 51.9662000221819369, 5.63992296173586016 51.97075331243935636, 5.64419689036775729 51.97189500765941261, 5.64419689036775729 51.97189500765941261)))</t>
  </si>
  <si>
    <t>MultiPolygon (((5.66455051611286198 51.98070264639700611, 5.66979167413985685 51.98039457606456182, 5.67238459933425165 51.98111531481522718, 5.67073110694358373 51.97817180063339038, 5.66669446458949455 51.97805194623782654, 5.66455051611286198 51.98070264639700611, 5.66455051611286198 51.98070264639700611)))</t>
  </si>
  <si>
    <t>MultiPolygon (((5.65666106989632489 51.97952500151492217, 5.66123895113143405 51.98074586690317744, 5.66455051611286198 51.98070264639700611, 5.66669446458949455 51.97805194623782654, 5.6614746678199861 51.97663474754848068, 5.66143389502511951 51.97665450979935997, 5.65666106989632489 51.97952500151492217, 5.65666106989632489 51.97952500151492217)))</t>
  </si>
  <si>
    <t>MultiPolygon (((5.65159245544616784 51.97409423940725048, 5.65916629283293204 51.97592820813307668, 5.66004479460305454 51.97555002516173772, 5.66126829228850692 51.97351890583912137, 5.65920123493171978 51.97288454861659091, 5.65758107584230796 51.97048355847105938, 5.65505396868785759 51.96972652743072985, 5.65444391215518305 51.97048961275667978, 5.65159245544616784 51.97409423940725048, 5.65159245544616784 51.97409423940725048)))</t>
  </si>
  <si>
    <t>MultiPolygon (((5.65295609636951912 51.97862597474630775, 5.65666106989632489 51.97952500151492217, 5.66143389502511951 51.97665450979935997, 5.66004479460305454 51.97555002516173772, 5.65916629283293204 51.97592820813307668, 5.65159245544616784 51.97409423940725048, 5.6488093860185522 51.97756875075154426, 5.65295609636951912 51.97862597474630775, 5.65295609636951912 51.97862597474630775)))</t>
  </si>
  <si>
    <t>MultiPolygon (((5.67375878207683471 51.98250602773960338, 5.67477598555241958 51.98197047342640786, 5.67238459933425165 51.98111531481522718, 5.66979167413985685 51.98039457606456182, 5.66455051611286198 51.98070264639700611, 5.66123895113143405 51.98074586690317744, 5.65666106989632489 51.97952500151492217, 5.65580728341136307 51.98064726473339903, 5.67208238112803187 51.98434757213983914, 5.67375878207683471 51.98250602773960338, 5.67375878207683471 51.98250602773960338)))</t>
  </si>
  <si>
    <t>MultiPolygon (((5.65251682907251762 51.98477189539610066, 5.66073837998085327 51.98664909867189721, 5.65996318984510349 51.98762545877020358, 5.66413015782317153 51.990052551220586, 5.66797174952832616 51.98928817527381341, 5.67484427350025022 51.98987490234114262, 5.67541107989241933 51.98738316647941105, 5.67375878207683471 51.98250602773960338, 5.67208238112803187 51.98434757213983914, 5.65580728341136307 51.98064726473339903, 5.65251682907251762 51.98477189539610066, 5.65251682907251762 51.98477189539610066)))</t>
  </si>
  <si>
    <t>MultiPolygon (((5.64821894382051948 51.97831383644808056, 5.6488093860185522 51.97756875075154426, 5.65159245544616784 51.97409423940725048, 5.64577391035429965 51.97236171512166436, 5.6440300916636934 51.97462925338004425, 5.6464076995599557 51.97477117725872375, 5.64426095258183835 51.97746510713572121, 5.64821894382051948 51.97831383644808056, 5.64821894382051948 51.97831383644808056)))</t>
  </si>
  <si>
    <t>MultiPolygon (((5.64817442716358542 51.98493148201580283, 5.65165737688882608 51.98585385316158636, 5.65251682907251762 51.98477189539610066, 5.65580728341136307 51.98064726473339903, 5.65666106989632489 51.97952500151492217, 5.65295609636951912 51.97862597474630775, 5.64817442716358542 51.98493148201580283, 5.64817442716358542 51.98493148201580283)))</t>
  </si>
  <si>
    <t>MultiPolygon (((5.64253500209493364 51.98568458821150529, 5.64219828602229789 51.98634844812564637, 5.64619964326741641 51.98741029137156033, 5.64817442716358542 51.98493148201580283, 5.65295609636951912 51.97862597474630775, 5.6488093860185522 51.97756875075154426, 5.64821894382051948 51.97831383644808056, 5.64253500209493364 51.98568458821150529, 5.64253500209493364 51.98568458821150529)))</t>
  </si>
  <si>
    <t>MultiPolygon (((5.64253500209493364 51.98568458821150529, 5.64821894382051948 51.97831383644808056, 5.64426095258183835 51.97746510713572121, 5.64172568097822946 51.98064541562569474, 5.64403188133055611 51.98115425973418269, 5.64076634487710482 51.98529835212191585, 5.64253500209493364 51.98568458821150529, 5.64253500209493364 51.98568458821150529)))</t>
  </si>
  <si>
    <t>MultiPolygon (((6.14605459911729479 52.22422985675628127, 6.15650908367084515 52.22569458395265229, 6.16015308316001153 52.22522315304819784, 6.16217298788600765 52.224166159394386, 6.16398571903932169 52.22164597750956716, 6.16262749758617012 52.2183947213902826, 6.16406875658042797 52.21744064963582588, 6.16596292030114501 52.21775567165209253, 6.16668479256103996 52.21880196830332466, 6.16764781354879865 52.21887537571495841, 6.16752505868110212 52.22010447726019322, 6.16867137814803002 52.22069914813952352, 6.16527630900177126 52.22284229057105875, 6.16572277107189315 52.22350332222990943, 6.16249959105232303 52.2279169104537857, 6.16786515017817916 52.22633859936208722, 6.16843565822971307 52.22727900686650315, 6.16759786160850254 52.22768737968022634, 6.16302800993812561 52.22852210033575915, 6.16626883770702072 52.23101377223709818, 6.169682076186775 52.2294861677334481, 6.17397571172561133 52.22595945183423538, 6.18081737795114972 52.22315575904311657, 6.18925452657655839 52.2172675412530225, 6.19071719322776115 52.21436292985880101, 6.19105096701032664 52.21058492680977281, 6.18959726658073706 52.20773159398445529, 6.18403716576673279 52.20429824272640218, 6.17836546573107714 52.20330094674891086, 6.1721192045779949 52.20120999168975828, 6.16143054778304222 52.20109355226959025, 6.15820316202208051 52.19974311585264104, 6.15651230016119388 52.19773626792584764, 6.15360766734612952 52.19767376856491836, 6.15156159502547695 52.19836031241414531, 6.14702908444077778 52.20268341434211834, 6.14338582266908073 52.20375927585533304, 6.1485002645951603 52.21062033891852394, 6.14801147327194286 52.21292165686552522, 6.15279483133175376 52.21837717119293387, 6.15329563166793658 52.22036030929871941, 6.15058279324096979 52.22285693281982333, 6.1469736769187282 52.22216565583281067, 6.14605459911729479 52.22422985675628127, 6.14605459911729479 52.22422985675628127)))</t>
  </si>
  <si>
    <t>MultiPolygon (((6.14605459911729479 52.22422985675628127, 6.1469736769187282 52.22216565583281067, 6.1453491803303999 52.22208509341043481, 6.1458984929033571 52.21918849787623174, 6.14244016299314488 52.21848150945142208, 6.14003041816721584 52.21884940678376807, 6.13948202800988074 52.21784341845491895, 6.14051098674564333 52.21638526834113492, 6.14492082635468417 52.21763420698189151, 6.1435148628557732 52.21317806722737487, 6.14801147327194286 52.21292165686552522, 6.1485002645951603 52.21062033891852394, 6.14338582266908073 52.20375927585533304, 6.14294214400674399 52.20443258024580047, 6.13456682111173635 52.20530102936348271, 6.12903170455500312 52.20507445050097317, 6.1190107919643193 52.20312899739684553, 6.08599254179055471 52.19960802496833452, 6.08604333237219919 52.20070427834247084, 6.08592099357629301 52.20428593626194669, 6.09062900955866393 52.20866861895508038, 6.11466214599941882 52.21588142885816808, 6.11465563065028217 52.21075194771201922, 6.11661659070801367 52.21080128162753198, 6.11639113791840838 52.21638477073905449, 6.14605459911729479 52.22422985675628127, 6.14605459911729479 52.22422985675628127)))</t>
  </si>
  <si>
    <t>MultiPolygon (((6.11466214599941882 52.21588142885816808, 6.11639113791840838 52.21638477073905449, 6.11661659070801367 52.21080128162753198, 6.11465563065028217 52.21075194771201922, 6.11466214599941882 52.21588142885816808, 6.11466214599941882 52.21588142885816808)))</t>
  </si>
  <si>
    <t>MultiPolygon (((6.1469736769187282 52.22216565583281067, 6.15058279324096979 52.22285693281982333, 6.15329563166793658 52.22036030929871941, 6.15279483133175376 52.21837717119293387, 6.14801147327194286 52.21292165686552522, 6.1435148628557732 52.21317806722737487, 6.14492082635468417 52.21763420698189151, 6.14051098674564333 52.21638526834113492, 6.13948202800988074 52.21784341845491895, 6.14003041816721584 52.21884940678376807, 6.14244016299314488 52.21848150945142208, 6.1458984929033571 52.21918849787623174, 6.1453491803303999 52.22208509341043481, 6.1469736769187282 52.22216565583281067, 6.1469736769187282 52.22216565583281067)))</t>
  </si>
  <si>
    <t>MultiPolygon (((6.09337955236077278 52.17783430168363878, 6.0968653372160162 52.17473043416882916, 6.10688664551243399 52.17579858281544603, 6.10879511945894738 52.17239050499657083, 6.10776689087562996 52.17046067471754611, 6.09832048640226887 52.16495064785294034, 6.09232209045546558 52.16301374737577135, 6.0883360735365164 52.15908719136049854, 6.08773407809483125 52.15565109059527771, 6.08493873790936579 52.15378996889317875, 6.07580871290859204 52.15018711726963119, 6.07454370760093187 52.14838734096867512, 6.06738368069458733 52.15391053969521096, 6.06425694446086894 52.15738465753132402, 6.06624521100275693 52.16101995648831036, 6.06745771041074544 52.16079588272448575, 6.07392071592965266 52.16480311639498524, 6.07806416284748696 52.16601114609909473, 6.07778321635578767 52.16760201637934102, 6.0746566871425598 52.17110938207476067, 6.07371106470955002 52.17073822779310177, 6.07232222769241048 52.17148895121712115, 6.0778675552958541 52.17577627807582985, 6.07768397691669904 52.17657814288631357, 6.09493861544073656 52.18034811247014204, 6.09650321916633509 52.17870455078600145, 6.09337955236077278 52.17783430168363878, 6.09337955236077278 52.17783430168363878)))</t>
  </si>
  <si>
    <t>MultiPolygon (((6.08599254179055471 52.19960802496833452, 6.08688986075497507 52.19658100363844966, 6.09002165881846302 52.19723931252360671, 6.09268680288374398 52.18968037357520728, 6.09136852822953667 52.18898464346974464, 6.10722863830501606 52.18611241825886538, 6.09493861544073656 52.18034811247014204, 6.07768397691669904 52.17657814288631357, 6.07739511395270426 52.17783986340639757, 6.07356186519125352 52.17586966173414709, 6.06712067955341272 52.17444554210421614, 6.06245325348292585 52.17171299207900148, 6.05979420923268197 52.17622074521052866, 6.05534460642839356 52.17949276940495196, 6.0538068359558439 52.18135206643488999, 6.05012508264422255 52.18328756611763453, 6.04938920193298735 52.18520981354625832, 6.05097301789628972 52.18714142661805511, 6.05106960610345723 52.18875164766546959, 6.05387381010323811 52.19499939860065041, 6.05609273746467824 52.19605513490604665, 6.05823823178353393 52.19593494355743246, 6.05728532825799881 52.1966595311934185, 6.07229967881117627 52.19761317446151594, 6.08604333237219919 52.20070427834247084, 6.08599254179055471 52.19960802496833452, 6.08599254179055471 52.19960802496833452)))</t>
  </si>
  <si>
    <t>MultiPolygon (((6.0468664237310632 52.22044308746950492, 6.06664855141516846 52.21896370134972898, 6.06675480443262405 52.22006778318766607, 6.07384889480491097 52.2195557002508508, 6.08118710461246614 52.21743400449029338, 6.08700149293907256 52.21710559885129754, 6.09231220781239724 52.21831519957449075, 6.09062900955866393 52.20866861895508038, 6.08592099357629301 52.20428593626194669, 6.08604333237219919 52.20070427834247084, 6.07229967881117627 52.19761317446151594, 6.05728532825799881 52.1966595311934185, 6.05347359278442188 52.2012128131698887, 6.05024383215866024 52.21001947026289258, 6.04790800617397029 52.21300403456510253, 6.04824065534865429 52.2164243712005316, 6.0468664237310632 52.22044308746950492, 6.0468664237310632 52.22044308746950492),(6.08047920471744696 52.21201383319511535, 6.0731215941940917 52.2120294698366294, 6.07131211088633194 52.21098150970630769, 6.07117445690108415 52.21003185422620163, 6.07239491222609029 52.20936593718756313, 6.08082758866031448 52.21126296409216394, 6.08047920471744696 52.21201383319511535, 6.08047920471744696 52.21201383319511535)))</t>
  </si>
  <si>
    <t>MultiPolygon (((6.06657527131673646 52.24964857742318713, 6.06395307678733797 52.241781105090908, 6.06439225059796261 52.23840890556781602, 6.06615013830549987 52.2361832513910187, 6.06988821578473647 52.234017198584894, 6.06675480443262405 52.22006778318766607, 6.06664855141516846 52.21896370134972898, 6.0468664237310632 52.22044308746950492, 6.04690920959620559 52.22136771770036745, 6.04240776605654073 52.22247096134895372, 6.0408755205460265 52.22415988402772768, 6.03546396355946957 52.22448109888937751, 6.03342453133376466 52.2240795659340975, 6.03446153685410547 52.2277855013843606, 6.03797736710330035 52.22864108310553632, 6.04151892158018544 52.23090166861523187, 6.04690430037452842 52.23278615904128941, 6.05016609254790794 52.23545363565348509, 6.05353460985705194 52.23575009993366791, 6.05342025391559702 52.23896032560894298, 6.04643523408494499 52.23847288348250828, 6.04703437906126062 52.23622252276055633, 6.0431699484866277 52.23417146473975947, 6.03886919436378022 52.23367930919636848, 6.03440850768314352 52.23430507206653317, 6.02847182221784816 52.23904313341269301, 6.02833142811802603 52.24167994342085564, 6.02650571421532621 52.24290439444951062, 6.02892726730641737 52.24439042806920241, 6.02788869680356232 52.24486061348687826, 6.02839930572655369 52.24538789331672461, 6.02733825689582581 52.24581313875793143, 6.02480155891250657 52.24893648404343338, 6.02846575819792907 52.24865775417963931, 6.0311594203177199 52.25316410522408006, 6.04619958686475112 52.25044346583970167, 6.06657527131673646 52.24964857742318713, 6.06657527131673646 52.24964857742318713)))</t>
  </si>
  <si>
    <t>MultiPolygon (((6.06137042939979587 52.26865663255770755, 6.06626702695874975 52.26235859824722496, 6.06878012011812729 52.25677322662866686, 6.07742135360590652 52.25781144408844625, 6.07790527705391703 52.25671403992908637, 6.08599037700238021 52.25533428688709847, 6.08543718951309032 52.24920601352851435, 6.06657527131673646 52.24964857742318713, 6.04619958686475112 52.25044346583970167, 6.0311594203177199 52.25316410522408006, 6.03176938956803621 52.25855051658422212, 6.03514923368292866 52.25831471267128592, 6.03580168188349209 52.25951330554958218, 6.0365056920444129 52.25948955630474302, 6.03749347739666486 52.26092048765269027, 6.03768436010096909 52.26360613224407814, 6.0348244493912313 52.26527550343195827, 6.03639465610883885 52.26853038275707775, 6.04067348647761282 52.26822726563167976, 6.0430962225917515 52.268891795732209, 6.04293328335787994 52.27004631912218002, 6.04126389396899466 52.27165795316613384, 6.04345246172335759 52.27560497702506126, 6.0564308031966263 52.27696351379551487, 6.06137042939979587 52.26865663255770755, 6.06137042939979587 52.26865663255770755),(6.03912461264161138 52.25981510571583044, 6.03753042495386438 52.25877229662351198, 6.03557716086406426 52.25880718878661924, 6.034577314103311 52.25703304610864564, 6.03622893552385786 52.25579459060031695, 6.04170914448254326 52.25628200485368779, 6.04270717896576048 52.25741794907664683, 6.04253291941987314 52.25910416961107074, 6.03911741971655669 52.26086053312548785, 6.03912461264161138 52.25981510571583044, 6.03912461264161138 52.25981510571583044)))</t>
  </si>
  <si>
    <t>MultiPolygon (((6.03911741971655669 52.26086053312548785, 6.04253291941987314 52.25910416961107074, 6.04270717896576048 52.25741794907664683, 6.04170914448254326 52.25628200485368779, 6.03622893552385786 52.25579459060031695, 6.034577314103311 52.25703304610864564, 6.03557716086406426 52.25880718878661924, 6.03753042495386438 52.25877229662351198, 6.03912461264161138 52.25981510571583044, 6.03911741971655669 52.26086053312548785, 6.03911741971655669 52.26086053312548785)))</t>
  </si>
  <si>
    <t>MultiPolygon (((6.08047920471744696 52.21201383319511535, 6.08082758866031448 52.21126296409216394, 6.07239491222609029 52.20936593718756313, 6.07117445690108415 52.21003185422620163, 6.07131211088633194 52.21098150970630769, 6.0731215941940917 52.2120294698366294, 6.08047920471744696 52.21201383319511535)))</t>
  </si>
  <si>
    <t>MultiPolygon (((6.05016609254790794 52.23545363565348509, 6.04690430037452842 52.23278615904128941, 6.04151892158018544 52.23090166861523187, 6.03797736710330035 52.22864108310553632, 6.03446153685410547 52.2277855013843606, 6.03422431162884632 52.23129682424838904, 6.03363918841551339 52.23151485821752971, 6.03497286803566624 52.23139039299066866, 6.03604174446009623 52.23191731801460236, 6.03440850768314352 52.23430507206653317, 6.03886919436378022 52.23367930919636848, 6.0431699484866277 52.23417146473975947, 6.04703437906126062 52.23622252276055633, 6.04643523408494499 52.23847288348250828, 6.05342025391559702 52.23896032560894298, 6.05353460985705194 52.23575009993366791, 6.05016609254790794 52.23545363565348509, 6.05016609254790794 52.23545363565348509)))</t>
  </si>
  <si>
    <t>MultiPolygon (((6.07232222769241048 52.17148895121712115, 6.07371106470955002 52.17073822779310177, 6.0746566871425598 52.17110938207476067, 6.07778321635578767 52.16760201637934102, 6.07806416284748696 52.16601114609909473, 6.07392071592965266 52.16480311639498524, 6.06745771041074544 52.16079588272448575, 6.06624521100275693 52.16101995648831036, 6.06580682811607907 52.16464845043387299, 6.06569408958814194 52.16522140025122667, 6.0632184673415086 52.1702167571667843, 6.06245325348292585 52.17171299207900148, 6.06712067955341272 52.17444554210421614, 6.07356186519125352 52.17586966173414709, 6.07739511395270426 52.17783986340639757, 6.07768397691669904 52.17657814288631357, 6.0778675552958541 52.17577627807582985, 6.07232222769241048 52.17148895121712115, 6.07232222769241048 52.17148895121712115)))</t>
  </si>
  <si>
    <t>MultiPolygon (((6.08407140226782861 52.3016859207504794, 6.08623403896045723 52.30189784970256994, 6.08812903236095959 52.30037629610271921, 6.0909021795173599 52.29998946884469291, 6.09919413217689321 52.30012834430448976, 6.09874158450516202 52.30115990704312878, 6.10132037857426646 52.30122477101081557, 6.10499435402446533 52.29625016444969532, 6.10477062945284654 52.29476203032938031, 6.10586446074228295 52.29240796731388485, 6.11132161488953418 52.28821082162072997, 6.11126709265017976 52.28072061980813601, 6.11236468658063359 52.2783050401054723, 6.12110931478951592 52.27202558028265855, 6.12298195433663839 52.26925544186062922, 6.12390719876156808 52.26450687678577367, 6.12744664019898799 52.26170498100701423, 6.12143994316654627 52.25997477668644819, 6.1092021707979276 52.2588180007056593, 6.10156920996899554 52.25651037797541676, 6.09793516687728232 52.25393727572402014, 6.09399257546744977 52.24876779463644993, 6.08543718951309032 52.24920601352851435, 6.08599037700238021 52.25533428688709847, 6.08672571076268465 52.26204681867551471, 6.08800883609979326 52.26473647073655826, 6.09011347783153756 52.26656033752448138, 6.0958689128707535 52.26828114940001058, 6.0898919997379215 52.27999426880607814, 6.08611296126392265 52.28298637857927389, 6.08641893967184533 52.28454735812754706, 6.09148663117363753 52.28777457705059817, 6.08900579691018518 52.29244596270345369, 6.08347683853200216 52.29423862653717947, 6.08192080113154887 52.29540105460358745, 6.08407140226782861 52.3016859207504794, 6.08407140226782861 52.3016859207504794),(6.10081312379403595 52.28598141117786469, 6.09350929466987079 52.28427599735965714, 6.0964324230723399 52.2797296493521273, 6.10087442923068313 52.27811904474568649, 6.10438562411873509 52.27349787412190807, 6.10441339024101204 52.26968396459120925, 6.10526813436284321 52.26880328148757116, 6.10779965018116577 52.26861793692511071, 6.11622315367535219 52.26931676112517522, 6.11000581039620094 52.27699143366319845, 6.10471508652119965 52.27866287442018489, 6.1039899102787567 52.27939811531567926, 6.10207105744117584 52.28358042435031905, 6.10264754891448824 52.28386696375332576, 6.10081312379403595 52.28598141117786469, 6.10081312379403595 52.28598141117786469)))</t>
  </si>
  <si>
    <t>MultiPolygon (((6.07070567872366951 52.32188189925700783, 6.06738760572233904 52.32141288968880133, 6.06608697530034213 52.32025307493518795, 6.06652511104340419 52.31780911180212712, 6.07184293841249634 52.3171850719672662, 6.07377584149246896 52.31774093969593054, 6.07969398419026152 52.31764154118570787, 6.08099010441487486 52.31190247711161589, 6.08439803355857212 52.31145210286010894, 6.08292773839046852 52.30712015260456127, 6.08407140226782861 52.3016859207504794, 6.08192080113154887 52.29540105460358745, 6.08347683853200216 52.29423862653717947, 6.08900579691018518 52.29244596270345369, 6.09148663117363753 52.28777457705059817, 6.08641893967184533 52.28454735812754706, 6.08611296126392265 52.28298637857927389, 6.0898919997379215 52.27999426880607814, 6.0958689128707535 52.26828114940001058, 6.09011347783153756 52.26656033752448138, 6.08800883609979326 52.26473647073655826, 6.08672571076268465 52.26204681867551471, 6.08599037700238021 52.25533428688709847, 6.07790527705391703 52.25671403992908637, 6.07742135360590652 52.25781144408844625, 6.06878012011812729 52.25677322662866686, 6.06626702695874975 52.26235859824722496, 6.06137042939979587 52.26865663255770755, 6.0564308031966263 52.27696351379551487, 6.04345246172335759 52.27560497702506126, 6.04334844477098887 52.27872655900947763, 6.03484316250829433 52.29246560009247702, 6.03476265835713654 52.29479595245863521, 6.03708040571358939 52.29889321340871788, 6.04652618657490315 52.31564997537457629, 6.05111507714304597 52.32369809214976897, 6.05276408920339737 52.3259524251441519, 6.05294802223277273 52.33090728595720975, 6.07368063105662781 52.33056923949849448, 6.07070567872366951 52.32188189925700783),(6.05972272674959189 52.29117995545629327, 6.06384475736666673 52.29108636664179244, 6.06639237399970277 52.29271486842350214, 6.06607950299183418 52.29325397821764199, 6.06270314748524886 52.29350251666138405, 6.06235739784025895 52.29429290666912067, 6.05902559633711046 52.29275332162643508, 6.05972272674959189 52.29117995545629327)))</t>
  </si>
  <si>
    <t>MultiPolygon (((6.12744664019898799 52.26170498100701423, 6.13006909233219677 52.26069138909543454, 6.12514495573952633 52.25682535902019765, 6.12363768065021397 52.25368789129436209, 6.12386547409972515 52.25148110655408118, 6.136722186140525 52.24904083247802333, 6.13413279822843283 52.24746830306468581, 6.13195022266920819 52.24802755246735586, 6.125540956271327 52.24610024247510154, 6.12226420116642256 52.24825086333305535, 6.11744580773460545 52.2494847186915905, 6.11545044570542018 52.24896412239052523, 6.1165837800318279 52.24772487677054045, 6.10220658992002374 52.24341341373864367, 6.10161062182070424 52.24505285305594526, 6.09951054286207128 52.24576660925026772, 6.0940504713124648 52.2416244498376372, 6.08575043946765248 52.23865496658456209, 6.08307423717492579 52.23548168220571597, 6.06988821578473647 52.234017198584894, 6.06615013830549987 52.2361832513910187, 6.06439225059796261 52.23840890556781602, 6.06395307678733797 52.241781105090908, 6.06657527131673646 52.24964857742318713, 6.08543718951309032 52.24920601352851435, 6.09399257546744977 52.24876779463644993, 6.09793516687728232 52.25393727572402014, 6.10156920996899554 52.25651037797541676, 6.1092021707979276 52.2588180007056593, 6.12143994316654627 52.25997477668644819, 6.12744664019898799 52.26170498100701423, 6.12744664019898799 52.26170498100701423)))</t>
  </si>
  <si>
    <t>MultiPolygon (((6.14350200967041893 52.24641169138358521, 6.14450983367315384 52.24712230477030772, 6.15002031267598159 52.24831593175562006, 6.15333702801194704 52.24705473012328838, 6.15419929535859378 52.24586859597461341, 6.15384513692077828 52.24430619595007386, 6.15116650162358258 52.24253255412843089, 6.14355567079885034 52.24340665121614791, 6.14350200967041893 52.24641169138358521, 6.14350200967041893 52.24641169138358521)))</t>
  </si>
  <si>
    <t>MultiPolygon (((6.13413279822843283 52.24746830306468581, 6.136722186140525 52.24904083247802333, 6.14350200967041893 52.24641169138358521, 6.14355567079885034 52.24340665121614791, 6.15116650162358258 52.24253255412843089, 6.14223667199623069 52.23845586377314021, 6.14170713825436998 52.23417211290471585, 6.14307931021019105 52.23161832545977745, 6.14750986758426166 52.22777820010714578, 6.15650908367084515 52.22569458395265229, 6.14605459911729479 52.22422985675628127, 6.11639113791840838 52.21638477073905449, 6.11466214599941882 52.21588142885816808, 6.09062900955866393 52.20866861895508038, 6.09231220781239724 52.21831519957449075, 6.08700149293907256 52.21710559885129754, 6.08118710461246614 52.21743400449029338, 6.07384889480491097 52.2195557002508508, 6.06675480443262405 52.22006778318766607, 6.06988821578473647 52.234017198584894, 6.08307423717492579 52.23548168220571597, 6.08167633337762581 52.23379116235281572, 6.08751172977490107 52.22870173341705424, 6.09126391098193753 52.22679472452877292, 6.09474351267753178 52.22618969537921174, 6.10461212466294612 52.22660370217459302, 6.11965538988912439 52.22819576508576489, 6.11790096448568654 52.23045085958012379, 6.11835302983142082 52.2333826839286175, 6.11702776298876305 52.23585194237956131, 6.11602509361669622 52.23862647467642262, 6.12051218171640699 52.23871020438015478, 6.12128020122240812 52.24123923775501055, 6.12827593487832623 52.24336336488450883, 6.13542590923392073 52.24712306256783734, 6.13421107806103638 52.24741556455093416, 6.13413279822843283 52.24746830306468581, 6.13413279822843283 52.24746830306468581)))</t>
  </si>
  <si>
    <t>MultiPolygon (((6.06270314748524886 52.29350251666138405, 6.06607950299183418 52.29325397821764199, 6.06639237399970277 52.29271486842350214, 6.06384475736666673 52.29108636664179244, 6.05972272674959189 52.29117995545629327, 6.05902559633711046 52.29275332162643508, 6.06235739784025895 52.29429290666912067, 6.06270314748524886 52.29350251666138405, 6.06270314748524886 52.29350251666138405)))</t>
  </si>
  <si>
    <t>MultiPolygon (((6.10081312379403595 52.28598141117786469, 6.10264754891448824 52.28386696375332576, 6.10207105744117584 52.28358042435031905, 6.1039899102787567 52.27939811531567926, 6.10471508652119965 52.27866287442018489, 6.11000581039620094 52.27699143366319845, 6.11622315367535219 52.26931676112517522, 6.10779965018116577 52.26861793692511071, 6.10526813436284321 52.26880328148757116, 6.10441339024101204 52.26968396459120925, 6.10438562411873509 52.27349787412190807, 6.10087442923068313 52.27811904474568649, 6.0964324230723399 52.2797296493521273, 6.09350929466987079 52.28427599735965714, 6.10081312379403595 52.28598141117786469, 6.10081312379403595 52.28598141117786469)))</t>
  </si>
  <si>
    <t>MultiPolygon (((6.13421107806103638 52.24741556455093416, 6.12932747815411716 52.24495833122729493, 6.10933391683149107 52.24121936252904419, 6.0993624563849389 52.23778607591087564, 6.08307423717492579 52.23548168220571597, 6.08575043946765248 52.23865496658456209, 6.0940504713124648 52.2416244498376372, 6.09951054286207128 52.24576660925026772, 6.10161062182070424 52.24505285305594526, 6.10220658992002374 52.24341341373864367, 6.1165837800318279 52.24772487677054045, 6.11545044570542018 52.24896412239052523, 6.11744580773460545 52.2494847186915905, 6.12226420116642256 52.24825086333305535, 6.125540956271327 52.24610024247510154, 6.13195022266920819 52.24802755246735586, 6.13413279822843283 52.24746830306468581, 6.13421107806103638 52.24741556455093416, 6.13421107806103638 52.24741556455093416)))</t>
  </si>
  <si>
    <t>MultiPolygon (((6.09126391098193753 52.22679472452877292, 6.09232383281113332 52.22940309564776129, 6.09777347543046933 52.23218959262504768, 6.11702776298876305 52.23585194237956131, 6.11835302983142082 52.2333826839286175, 6.11790096448568654 52.23045085958012379, 6.11965538988912439 52.22819576508576489, 6.10461212466294612 52.22660370217459302, 6.09474351267753178 52.22618969537921174, 6.09126391098193753 52.22679472452877292, 6.09126391098193753 52.22679472452877292)))</t>
  </si>
  <si>
    <t>MultiPolygon (((6.13421107806103638 52.24741556455093416, 6.13542590923392073 52.24712306256783734, 6.12827593487832623 52.24336336488450883, 6.12128020122240812 52.24123923775501055, 6.12051218171640699 52.23871020438015478, 6.11602509361669622 52.23862647467642262, 6.11702776298876305 52.23585194237956131, 6.09777347543046933 52.23218959262504768, 6.09232383281113332 52.22940309564776129, 6.09126391098193753 52.22679472452877292, 6.08751172977490107 52.22870173341705424, 6.08167633337762581 52.23379116235281572, 6.08307423717492579 52.23548168220571597, 6.0993624563849389 52.23778607591087564, 6.10933391683149107 52.24121936252904419, 6.12932747815411716 52.24495833122729493, 6.13421107806103638 52.24741556455093416, 6.13421107806103638 52.24741556455093416)))</t>
  </si>
  <si>
    <t>MultiPolygon (((6.10613311754085419 52.15219109596768732, 6.07606728280211428 52.14393807421181748, 6.07436954618350544 52.14730091175825066, 6.07454370760093187 52.14838734096867512, 6.07580871290859204 52.15018711726963119, 6.08493873790936579 52.15378996889317875, 6.08773407809483125 52.15565109059527771, 6.0883360735365164 52.15908719136049854, 6.09232209045546558 52.16301374737577135, 6.09832048640226887 52.16495064785294034, 6.10776689087562996 52.17046067471754611, 6.14033722749007449 52.15863344230357512, 6.10613311754085419 52.15219109596768732, 6.10613311754085419 52.15219109596768732)))</t>
  </si>
  <si>
    <t>MultiPolygon (((6.08599254179055471 52.19960802496833452, 6.1190107919643193 52.20312899739684553, 6.12172096343926597 52.19103569281590183, 6.1186168360845139 52.19071538940448107, 6.1190379514381954 52.18777700944567499, 6.12466067126984104 52.18847369667120972, 6.12750736235246141 52.18685231896034793, 6.12633218221158415 52.18220576073257888, 6.11834278478004645 52.18176821313056024, 6.1220537719375665 52.17352206496788369, 6.11474448117222824 52.17344041301289792, 6.10879511945894738 52.17239050499657083, 6.10688664551243399 52.17579858281544603, 6.0968653372160162 52.17473043416882916, 6.09337955236077278 52.17783430168363878, 6.09650321916633509 52.17870455078600145, 6.09493861544073656 52.18034811247014204, 6.10722863830501606 52.18611241825886538, 6.09136852822953667 52.18898464346974464, 6.09268680288374398 52.18968037357520728, 6.09002165881846302 52.19723931252360671, 6.08688986075497507 52.19658100363844966, 6.08599254179055471 52.19960802496833452, 6.08599254179055471 52.19960802496833452)))</t>
  </si>
  <si>
    <t>MultiPolygon (((6.14338582266908073 52.20375927585533304, 6.14702908444077778 52.20268341434211834, 6.15156159502547695 52.19836031241414531, 6.15360766734612952 52.19767376856491836, 6.15651230016119388 52.19773626792584764, 6.15635021694124607 52.19360089471476982, 6.15903314110237687 52.19009229583749487, 6.16143773316445476 52.18935900294228247, 6.16539910917538592 52.18982723332223372, 6.16953312115078045 52.18908952890229358, 6.18114125009939031 52.18136551200009166, 6.18891278524295263 52.17969787325012732, 6.1915449381707397 52.17843976190413002, 6.19362103676500286 52.17644860036131149, 6.19436294220640349 52.17431990047232659, 6.19279943387591914 52.16980127275880363, 6.19151345174470524 52.16763591532642153, 6.18674951430847564 52.16448999880895343, 6.18467854121510019 52.16122257273053009, 6.17257693805214913 52.1613291070396059, 6.17250326540836802 52.16183401117603324, 6.16721546931244191 52.16205943625352859, 6.16699314929516706 52.16111524941030098, 6.15981673372538729 52.16153959122438266, 6.15501890181200029 52.16025850998251912, 6.1528054452874974 52.16433374034562576, 6.15081902609768871 52.16621505203220011, 6.14563968851757458 52.16643104341733306, 6.14682176390713231 52.16914968580713463, 6.14967290532281652 52.1704722251975852, 6.14944604326907029 52.17157840386443013, 6.14837889835416895 52.17251557831147579, 6.14467842589951552 52.17257787879475472, 6.14274534591480048 52.1745345444439792, 6.1421918077594837 52.17793114614775618, 6.14326414042042313 52.17908994001797396, 6.1489722434905616 52.18346110754162481, 6.15000567626686134 52.18753592799373564, 6.14443646192795523 52.1937045723014208, 6.14391796424591075 52.19744783527141152, 6.140816851782402 52.20081493963807162, 6.14338582266908073 52.20375927585533304, 6.14338582266908073 52.20375927585533304)))</t>
  </si>
  <si>
    <t>MultiPolygon (((6.1190107919643193 52.20312899739684553, 6.12903170455500312 52.20507445050097317, 6.13456682111173635 52.20530102936348271, 6.14294214400674399 52.20443258024580047, 6.14338582266908073 52.20375927585533304, 6.140816851782402 52.20081493963807162, 6.14391796424591075 52.19744783527141152, 6.14443646192795523 52.1937045723014208, 6.15000567626686134 52.18753592799373564, 6.1489722434905616 52.18346110754162481, 6.14326414042042313 52.17908994001797396, 6.1376885722714638 52.17810200687678446, 6.13631200044505665 52.17684060703881244, 6.12697944322244581 52.17318820652711509, 6.1220537719375665 52.17352206496788369, 6.11834278478004645 52.18176821313056024, 6.12633218221158415 52.18220576073257888, 6.12830560796537238 52.17892981558103571, 6.13858326177537084 52.18087255034893701, 6.1383619583970912 52.18239577808461149, 6.13102072391300545 52.19119680480625334, 6.13117648897198197 52.19282100177762374, 6.1330898291501672 52.19894673721064038, 6.13047732255354116 52.19956908107501903, 6.12806917494725667 52.19135834169193089, 6.12750736235246141 52.18685231896034793, 6.12466067126984104 52.18847369667120972, 6.1190379514381954 52.18777700944567499, 6.1186168360845139 52.19071538940448107, 6.12172096343926597 52.19103569281590183, 6.1190107919643193 52.20312899739684553, 6.1190107919643193 52.20312899739684553)))</t>
  </si>
  <si>
    <t>MultiPolygon (((6.14326414042042313 52.17908994001797396, 6.1421918077594837 52.17793114614775618, 6.13960236482096278 52.1771460525237174, 6.13835235560928805 52.17541198579974804, 6.13637780344733041 52.17239550841559037, 6.13706230894392757 52.16769284353947, 6.13488553279063886 52.16718332232601085, 6.13529224062739065 52.16646968724043631, 6.13804775582295115 52.16672189060610521, 6.13802478514019789 52.16738229085078871, 6.14156148005452707 52.16797705236115945, 6.14310501877624748 52.16374802972065083, 6.14393312065488484 52.16372221559022648, 6.14563968851757458 52.16643104341733306, 6.15081902609768871 52.16621505203220011, 6.1528054452874974 52.16433374034562576, 6.15501890181200029 52.16025850998251912, 6.15357814874021791 52.1596222893514252, 6.14413546103645114 52.15937049733182818, 6.14081565083444492 52.1586891900456564, 6.14033722749007449 52.15863344230357512, 6.10776689087562996 52.17046067471754611, 6.10879511945894738 52.17239050499657083, 6.11474448117222824 52.17344041301289792, 6.1220537719375665 52.17352206496788369, 6.12697944322244581 52.17318820652711509, 6.13631200044505665 52.17684060703881244, 6.1376885722714638 52.17810200687678446, 6.14326414042042313 52.17908994001797396, 6.14326414042042313 52.17908994001797396)))</t>
  </si>
  <si>
    <t>MultiPolygon (((6.12806917494725667 52.19135834169193089, 6.12823526968814125 52.19141122880960637, 6.13117648897198197 52.19282100177762374, 6.13102072391300545 52.19119680480625334, 6.1383619583970912 52.18239577808461149, 6.13858326177537084 52.18087255034893701, 6.12830560796537238 52.17892981558103571, 6.12633218221158415 52.18220576073257888, 6.12750736235246141 52.18685231896034793, 6.12806917494725667 52.19135834169193089, 6.12806917494725667 52.19135834169193089)))</t>
  </si>
  <si>
    <t>MultiPolygon (((6.12806917494725667 52.19135834169193089, 6.13047732255354116 52.19956908107501903, 6.1330898291501672 52.19894673721064038, 6.13117648897198197 52.19282100177762374, 6.12823526968814125 52.19141122880960637, 6.12806917494725667 52.19135834169193089, 6.12806917494725667 52.19135834169193089)))</t>
  </si>
  <si>
    <t>MultiPolygon (((6.1421918077594837 52.17793114614775618, 6.14274534591480048 52.1745345444439792, 6.14467842589951552 52.17257787879475472, 6.14837889835416895 52.17251557831147579, 6.14944604326907029 52.17157840386443013, 6.14967290532281652 52.1704722251975852, 6.14682176390713231 52.16914968580713463, 6.14563968851757458 52.16643104341733306, 6.14393312065488484 52.16372221559022648, 6.14310501877624748 52.16374802972065083, 6.14156148005452707 52.16797705236115945, 6.13802478514019789 52.16738229085078871, 6.13804775582295115 52.16672189060610521, 6.13529224062739065 52.16646968724043631, 6.13488553279063886 52.16718332232601085, 6.13706230894392757 52.16769284353947, 6.13637780344733041 52.17239550841559037, 6.13835235560928805 52.17541198579974804, 6.13960236482096278 52.1771460525237174, 6.1421918077594837 52.17793114614775618, 6.1421918077594837 52.17793114614775618)))</t>
  </si>
  <si>
    <t>MultiPolygon (((5.38723310555366641 51.86738158484510564, 5.3900165918980969 51.86465737728852332, 5.39761076947520646 51.86283894880183709, 5.40840551033559436 51.86208759428890858, 5.40735759260795046 51.85701022383403114, 5.40975169203755879 51.85636087841331232, 5.40809602747326235 51.85438683207808452, 5.40792837119831038 51.8544128167218048, 5.39978108645732835 51.8545722447589057, 5.39523915872498527 51.85293350254723066, 5.37961954115333807 51.86151423957878137, 5.37840773781858417 51.8633999327441586, 5.38723310555366641 51.86738158484510564, 5.38723310555366641 51.86738158484510564)))</t>
  </si>
  <si>
    <t>MultiPolygon (((5.40840551033559436 51.86208759428890858, 5.40856787407379436 51.86427973423522531, 5.41254975199903754 51.86419940802293382, 5.41566131648171378 51.86537112662475124, 5.41569153269872672 51.86781888862934409, 5.41654942744679513 51.86808398416403065, 5.41904085019949733 51.86808596429681018, 5.41965361080195773 51.86686905684490512, 5.422978267758916 51.86642416344992768, 5.41782493566246437 51.85809189171370548, 5.41523417755345093 51.85180101955559451, 5.4095704082226197 51.85370168378995714, 5.40809602747326235 51.85438683207808452, 5.40975169203755879 51.85636087841331232, 5.40735759260795046 51.85701022383403114, 5.40840551033559436 51.86208759428890858, 5.40840551033559436 51.86208759428890858)))</t>
  </si>
  <si>
    <t>MultiPolygon (((5.41612557258621852 51.87721823332760351, 5.42147409975911643 51.87765982116523134, 5.4287999298981191 51.87822441597738532, 5.4333404393055531 51.8770526274417989, 5.422978267758916 51.86642416344992768, 5.41965361080195773 51.86686905684490512, 5.41904085019949733 51.86808596429681018, 5.41654942744679513 51.86808398416403065, 5.41569153269872672 51.86781888862934409, 5.41566131648171378 51.86537112662475124, 5.41254975199903754 51.86419940802293382, 5.40856787407379436 51.86427973423522531, 5.40840551033559436 51.86208759428890858, 5.39761076947520646 51.86283894880183709, 5.3900165918980969 51.86465737728852332, 5.39183675843304755 51.86694006915518429, 5.3969845047342746 51.86582328692543342, 5.40250598552170125 51.86464345313056867, 5.40801297175800766 51.8645519523227847, 5.40801646745608977 51.86950074131204502, 5.40935973874876819 51.87177897772634338, 5.4164037843136974 51.87509023115768514, 5.41612557258621852 51.87721823332760351, 5.41612557258621852 51.87721823332760351)))</t>
  </si>
  <si>
    <t>MultiPolygon (((5.39726937976567811 51.87054059772487591, 5.40036324968285086 51.87118833724130695, 5.40801646745608977 51.86950074131204502, 5.40801297175800766 51.8645519523227847, 5.40250598552170125 51.86464345313056867, 5.3969845047342746 51.86582328692543342, 5.39726937976567811 51.87054059772487591, 5.39726937976567811 51.87054059772487591)))</t>
  </si>
  <si>
    <t>MultiPolygon (((5.39153937786347104 51.87258622575277656, 5.39459609841478471 51.87048162836883591, 5.39726937976567811 51.87054059772487591, 5.3969845047342746 51.86582328692543342, 5.39183675843304755 51.86694006915518429, 5.3900165918980969 51.86465737728852332, 5.38723310555366641 51.86738158484510564, 5.38502559470250919 51.86966639091571807, 5.39153937786347104 51.87258622575277656, 5.39153937786347104 51.87258622575277656)))</t>
  </si>
  <si>
    <t>MultiPolygon (((5.40090961087060162 51.87596346105699752, 5.41612557258621852 51.87721823332760351, 5.4164037843136974 51.87509023115768514, 5.40935973874876819 51.87177897772634338, 5.40801646745608977 51.86950074131204502, 5.40036324968285086 51.87118833724130695, 5.40090961087060162 51.87596346105699752, 5.40090961087060162 51.87596346105699752)))</t>
  </si>
  <si>
    <t>MultiPolygon (((5.395277370010648 51.87548473674687699, 5.40090961087060162 51.87596346105699752, 5.40036324968285086 51.87118833724130695, 5.39726937976567811 51.87054059772487591, 5.39459609841478471 51.87048162836883591, 5.39153937786347104 51.87258622575277656, 5.39270807405628894 51.87416598839831039, 5.395277370010648 51.87548473674687699, 5.395277370010648 51.87548473674687699)))</t>
  </si>
  <si>
    <t>MultiPolygon (((5.39142005230179588 51.87358461706912749, 5.39270807405628894 51.87416598839831039, 5.39153937786347104 51.87258622575277656, 5.38502559470250919 51.86966639091571807, 5.38723310555366641 51.86738158484510564, 5.37840773781858417 51.8633999327441586, 5.3731213219686218 51.86144694689077994, 5.36006965685124559 51.85836242658551498, 5.34929362200818304 51.85842659971378765, 5.34275948343443918 51.85679830258728629, 5.33888902589656489 51.85759408848433338, 5.338534174793792 51.85826368941293651, 5.32829044094204818 51.85701747864232658, 5.32808472514796705 51.85926259784631043, 5.3283587657961462 51.85940774463568204, 5.32808934082877883 51.86451731594500814, 5.33658309965700184 51.86996633915801169, 5.33902393630896821 51.8740341583690352, 5.34166487755153074 51.87348598694805446, 5.34407309261743269 51.87494238240535083, 5.34486681370447858 51.87745861739244901, 5.34984730197602598 51.87722020460465444, 5.3514749967099382 51.87815811122324305, 5.35422747231448515 51.87485034090011027, 5.36052993195133265 51.875466402623573, 5.36923462957419506 51.87495900480551114, 5.36865953680456975 51.87255134395591227, 5.37430235867264816 51.86857879538617766, 5.38325856671730119 51.87028454794585741, 5.39142005230179588 51.87358461706912749, 5.39142005230179588 51.87358461706912749)))</t>
  </si>
  <si>
    <t>MultiPolygon (((5.3998244152363748 51.89857588929977794, 5.39969081764743919 51.89830415133172892, 5.39764330424116334 51.89574177000858413, 5.39868929832325595 51.89291007487837959, 5.40069526025444091 51.89072702714294394, 5.40120187677732311 51.88386050758176538, 5.39707524522170168 51.87866549179819486, 5.39498011833214797 51.87777676326994936, 5.38863193026777587 51.87719337918083795, 5.38754196405213559 51.87911465141550593, 5.38859216242000638 51.88004584155817867, 5.37723872107788292 51.8860111238101851, 5.37570971667207065 51.88662650171011137, 5.36906188938348894 51.88535713794006199, 5.38276101064598134 51.89203588273801415, 5.3926056690519264 51.8968393931874985, 5.3998244152363748 51.89857588929977794, 5.3998244152363748 51.89857588929977794)))</t>
  </si>
  <si>
    <t>MultiPolygon (((5.35378264837444906 51.87806637499163287, 5.36906188938348894 51.88535713794006199, 5.37570971667207065 51.88662650171011137, 5.37723872107788292 51.8860111238101851, 5.38859216242000638 51.88004584155817867, 5.38754196405213559 51.87911465141550593, 5.38863193026777587 51.87719337918083795, 5.38322026789303898 51.87423170479318912, 5.37581030174155217 51.87459022299723443, 5.36775586394985016 51.87645390714322247, 5.35906964051233636 51.87690975516129299, 5.35378264837444906 51.87806637499163287, 5.35378264837444906 51.87806637499163287)))</t>
  </si>
  <si>
    <t>MultiPolygon (((5.3514749967099382 51.87815811122324305, 5.35378264837444906 51.87806637499163287, 5.35906964051233636 51.87690975516129299, 5.36775586394985016 51.87645390714322247, 5.37581030174155217 51.87459022299723443, 5.38322026789303898 51.87423170479318912, 5.38940743805854705 51.87498675955470873, 5.39142005230179588 51.87358461706912749, 5.38325856671730119 51.87028454794585741, 5.37430235867264816 51.86857879538617766, 5.36865953680456975 51.87255134395591227, 5.36923462957419506 51.87495900480551114, 5.36052993195133265 51.875466402623573, 5.35422747231448515 51.87485034090011027, 5.3514749967099382 51.87815811122324305, 5.3514749967099382 51.87815811122324305)))</t>
  </si>
  <si>
    <t>MultiPolygon (((5.43328018610318964 51.91942882593863118, 5.43377104599202276 51.91982427664049027, 5.44256564573762525 51.91557874665698336, 5.44645622735821622 51.91287824141127061, 5.45327740614690182 51.90306708820738635, 5.45013204554840858 51.90230883389018146, 5.43235521569861568 51.90101418681570777, 5.42685800788831951 51.90624950827314876, 5.42380102605512882 51.91735104953277613, 5.4273460705235097 51.91850113855863214, 5.43170218064372268 51.91846379951638824, 5.43328018610318964 51.91942882593863118, 5.43328018610318964 51.91942882593863118)))</t>
  </si>
  <si>
    <t>MultiPolygon (((5.42075245838312014 51.91484816557108672, 5.42380102605512882 51.91735104953277613, 5.42685800788831951 51.90624950827314876, 5.43235521569861568 51.90101418681570777, 5.4245491919054496 51.90060587761008293, 5.41822486341998832 51.90027598284775934, 5.40541355991491912 51.89929769846133922, 5.39969081764743919 51.89830415133172892, 5.3998244152363748 51.89857588929977794, 5.40422074384060025 51.90399288405084377, 5.4043216607610356 51.90507022021678551, 5.40807460494888481 51.90644427474872202, 5.40953959406627671 51.90776855912280041, 5.41125678119374953 51.91200880808036544, 5.41329780783675751 51.91281485927055428, 5.41801643845515901 51.91329553470691849, 5.42075245838312014 51.91484816557108672, 5.42075245838312014 51.91484816557108672)))</t>
  </si>
  <si>
    <t>MultiPolygon (((5.43377104599202276 51.91982427664049027, 5.4351117317626203 51.92067042733234672, 5.44380121006889706 51.92142329052897054, 5.44697955669004941 51.92057160372937119, 5.44959628408194252 51.92182621323701142, 5.45338451700927074 51.92276135857611052, 5.45392244496242995 51.92051725376359883, 5.46164374840224198 51.92162076752863697, 5.46262931471255531 51.92090431339833856, 5.46361507471732555 51.9213179347948568, 5.46973012884406096 51.91987773814482665, 5.46872174452602877 51.91852256507768004, 5.4697824776078221 51.91811985024853726, 5.4672345271342353 51.91476998502007945, 5.46800975441539006 51.914782648191931, 5.47058182711633822 51.9114358659639592, 5.47215132796425063 51.91171659364286484, 5.47245103578848457 51.9080688747325425, 5.45877145293037902 51.9048928760480095, 5.45657286448453682 51.90481184719077845, 5.45560958469564294 51.90445228024358926, 5.45604031615969198 51.90370347400844508, 5.45327740614690182 51.90306708820738635, 5.44645622735821622 51.91287824141127061, 5.44256564573762525 51.91557874665698336, 5.43377104599202276 51.91982427664049027, 5.43377104599202276 51.91982427664049027)))</t>
  </si>
  <si>
    <t>MultiPolygon (((5.40541355991491912 51.89929769846133922, 5.41822486341998832 51.90027598284775934, 5.41658212033361242 51.89592846878056065, 5.4144441480894363 51.89428507457828488, 5.41123917411505495 51.89312194795095934, 5.40334188687313155 51.89489413292065478, 5.40541355991491912 51.89929769846133922, 5.40541355991491912 51.89929769846133922)))</t>
  </si>
  <si>
    <t>MultiPolygon (((5.40334188687313155 51.89489413292065478, 5.41123917411505495 51.89312194795095934, 5.40991755941280772 51.89161373706436109, 5.41016291410527028 51.8889444369164039, 5.41225975624414879 51.88857446366298376, 5.41569076199043753 51.88596864770835282, 5.40740317751747668 51.88171216224814231, 5.40214002477372368 51.88583049845323814, 5.40334188687313155 51.89489413292065478, 5.40334188687313155 51.89489413292065478)))</t>
  </si>
  <si>
    <t>MultiPolygon (((5.39969081764743919 51.89830415133172892, 5.40541355991491912 51.89929769846133922, 5.40334188687313155 51.89489413292065478, 5.40214002477372368 51.88583049845323814, 5.40740317751747668 51.88171216224814231, 5.395277370010648 51.87548473674687699, 5.39270807405628894 51.87416598839831039, 5.39142005230179588 51.87358461706912749, 5.38940743805854705 51.87498675955470873, 5.38322026789303898 51.87423170479318912, 5.38863193026777587 51.87719337918083795, 5.39498011833214797 51.87777676326994936, 5.39707524522170168 51.87866549179819486, 5.40120187677732311 51.88386050758176538, 5.40069526025444091 51.89072702714294394, 5.39868929832325595 51.89291007487837959, 5.39764330424116334 51.89574177000858413, 5.39969081764743919 51.89830415133172892, 5.39969081764743919 51.89830415133172892)))</t>
  </si>
  <si>
    <t>MultiPolygon (((5.43235521569861568 51.90101418681570777, 5.45013204554840858 51.90230883389018146, 5.44380392894637932 51.90039735342770655, 5.43672184459473318 51.89715356648468259, 5.43099943626655612 51.89382639749852899, 5.42749159678085569 51.89202345946869599, 5.42622506891342482 51.8946675108054265, 5.42634195828948673 51.89833058733518811, 5.4245491919054496 51.90060587761008293, 5.43235521569861568 51.90101418681570777, 5.43235521569861568 51.90101418681570777)))</t>
  </si>
  <si>
    <t>MultiPolygon (((5.41822486341998832 51.90027598284775934, 5.4245491919054496 51.90060587761008293, 5.42634195828948673 51.89833058733518811, 5.42622506891342482 51.8946675108054265, 5.42749159678085569 51.89202345946869599, 5.41569076199043753 51.88596864770835282, 5.41225975624414879 51.88857446366298376, 5.41016291410527028 51.8889444369164039, 5.40991755941280772 51.89161373706436109, 5.41123917411505495 51.89312194795095934, 5.4144441480894363 51.89428507457828488, 5.41658212033361242 51.89592846878056065, 5.41822486341998832 51.90027598284775934, 5.41822486341998832 51.90027598284775934)))</t>
  </si>
  <si>
    <t>MultiPolygon (((5.40740317751747668 51.88171216224814231, 5.41045518003231507 51.87949134205187818, 5.41273014162442045 51.87882865263891574, 5.42094735846223408 51.88020615198331598, 5.42147409975911643 51.87765982116523134, 5.41612557258621852 51.87721823332760351, 5.40090961087060162 51.87596346105699752, 5.395277370010648 51.87548473674687699, 5.40740317751747668 51.88171216224814231, 5.40740317751747668 51.88171216224814231)))</t>
  </si>
  <si>
    <t>MultiPolygon (((5.41569076199043753 51.88596864770835282, 5.41900883751849793 51.88583865220092406, 5.42094735846223408 51.88020615198331598, 5.41273014162442045 51.87882865263891574, 5.41045518003231507 51.87949134205187818, 5.40740317751747668 51.88171216224814231, 5.41569076199043753 51.88596864770835282, 5.41569076199043753 51.88596864770835282)))</t>
  </si>
  <si>
    <t>MultiPolygon (((5.45327740614690182 51.90306708820738635, 5.45604031615969198 51.90370347400844508, 5.45644075026447428 51.90302530847246487, 5.4555409549080176 51.90282172182755005, 5.4588540059256907 51.89749562133392402, 5.460966197751846 51.89364916444144171, 5.46356602812040215 51.89133888704802899, 5.46391674575245467 51.8890089474663796, 5.4534345488157312 51.88743749050883025, 5.44498355915716648 51.88420330174944439, 5.4415096474975071 51.88686027297249836, 5.43903809004256455 51.88899305139636908, 5.43812852163140725 51.89330268375870503, 5.43811409350432573 51.89354871013090076, 5.43984140478909595 51.89368808366544528, 5.44010837030079664 51.89274404438277344, 5.44307896837863225 51.89290213408449404, 5.44735789760640632 51.89360392700962166, 5.44850231010306896 51.8949402833898219, 5.44876712126493423 51.89634796736707045, 5.44371637587471646 51.8989036026073336, 5.44380392894637932 51.90039735342770655, 5.45013204554840858 51.90230883389018146, 5.45327740614690182 51.90306708820738635, 5.45327740614690182 51.90306708820738635)))</t>
  </si>
  <si>
    <t>MultiPolygon (((5.43672184459473318 51.89715356648468259, 5.44380392894637932 51.90039735342770655, 5.44371637587471646 51.8989036026073336, 5.44876712126493423 51.89634796736707045, 5.44850231010306896 51.8949402833898219, 5.44735789760640632 51.89360392700962166, 5.44307896837863225 51.89290213408449404, 5.44010837030079664 51.89274404438277344, 5.43984140478909595 51.89368808366544528, 5.43811409350432573 51.89354871013090076, 5.43672184459473318 51.89715356648468259, 5.43672184459473318 51.89715356648468259)))</t>
  </si>
  <si>
    <t>MultiPolygon (((5.43099943626655612 51.89382639749852899, 5.43672184459473318 51.89715356648468259, 5.43811409350432573 51.89354871013090076, 5.43812852163140725 51.89330268375870503, 5.43493394461524115 51.890871958907546, 5.43099943626655612 51.89382639749852899, 5.43099943626655612 51.89382639749852899)))</t>
  </si>
  <si>
    <t>MultiPolygon (((5.42749159678085569 51.89202345946869599, 5.43099943626655612 51.89382639749852899, 5.43493394461524115 51.890871958907546, 5.43812852163140725 51.89330268375870503, 5.43903809004256455 51.88899305139636908, 5.43152341100014979 51.88884893815496469, 5.42749159678085569 51.89202345946869599, 5.42749159678085569 51.89202345946869599)))</t>
  </si>
  <si>
    <t>MultiPolygon (((5.42749159678085569 51.89202345946869599, 5.43152341100014979 51.88884893815496469, 5.42983025933313002 51.88758365833700026, 5.42729844558930807 51.8872020513098704, 5.41900883751849793 51.88583865220092406, 5.41569076199043753 51.88596864770835282, 5.42749159678085569 51.89202345946869599, 5.42749159678085569 51.89202345946869599)))</t>
  </si>
  <si>
    <t>MultiPolygon (((5.41900883751849793 51.88583865220092406, 5.42729844558930807 51.8872020513098704, 5.42807345531725272 51.88227470657984242, 5.42094735846223408 51.88020615198331598, 5.41900883751849793 51.88583865220092406, 5.41900883751849793 51.88583865220092406)))</t>
  </si>
  <si>
    <t>MultiPolygon (((5.42094735846223408 51.88020615198331598, 5.42807345531725272 51.88227470657984242, 5.43153360524063711 51.88325157372876362, 5.43393030034533542 51.88179386063449527, 5.4330818461162087 51.88098913341232077, 5.43604622546036342 51.87901911448935266, 5.43481358946179416 51.87815058044724736, 5.4333404393055531 51.8770526274417989, 5.4287999298981191 51.87822441597738532, 5.42147409975911643 51.87765982116523134, 5.42094735846223408 51.88020615198331598, 5.42094735846223408 51.88020615198331598)))</t>
  </si>
  <si>
    <t>MultiPolygon (((5.42729844558930807 51.8872020513098704, 5.42983025933313002 51.88758365833700026, 5.42981551713331356 51.88568959715243523, 5.43402146442564327 51.88472691964773276, 5.43947966673160632 51.8852095540900109, 5.4415096474975071 51.88686027297249836, 5.44498355915716648 51.88420330174944439, 5.43604622546036342 51.87901911448935266, 5.4330818461162087 51.88098913341232077, 5.43393030034533542 51.88179386063449527, 5.43153360524063711 51.88325157372876362, 5.42807345531725272 51.88227470657984242, 5.42729844558930807 51.8872020513098704, 5.42729844558930807 51.8872020513098704)))</t>
  </si>
  <si>
    <t>MultiPolygon (((5.43152341100014979 51.88884893815496469, 5.43903809004256455 51.88899305139636908, 5.4415096474975071 51.88686027297249836, 5.43947966673160632 51.8852095540900109, 5.43402146442564327 51.88472691964773276, 5.42981551713331356 51.88568959715243523, 5.42983025933313002 51.88758365833700026, 5.43152341100014979 51.88884893815496469, 5.43152341100014979 51.88884893815496469)))</t>
  </si>
  <si>
    <t>MultiPolygon (((5.51738294562252651 52.10062925334691641, 5.51936817789782186 52.1004942071462267, 5.52318656408321207 52.1043223037330776, 5.52516376250721208 52.10075145472654867, 5.53154329347156448 52.10226696037967997, 5.5328169498231512 52.09998388170576789, 5.53916018144127076 52.0978137056963817, 5.53883067404643192 52.0964361850112283, 5.53507919007590665 52.09287462350515341, 5.53829393464129893 52.09268972889172034, 5.53711848063364442 52.08864381094078055, 5.53085607438143967 52.08977438821305128, 5.5266341740811642 52.08490339975985961, 5.53130607811836938 52.08393924218869131, 5.53114218791942935 52.0822795302981234, 5.52689625726955214 52.0806799026122107, 5.52265441322460315 52.07754211754581064, 5.52035723713369464 52.07830769918965785, 5.51941392938497533 52.07920684887629648, 5.51445332317729342 52.07879532634680686, 5.50992265132536296 52.07905017747687282, 5.51036077746361208 52.0780550032414169, 5.50911297639758235 52.07697703554335789, 5.50683665692208635 52.07674833430229455, 5.50366512319977019 52.07880755184408628, 5.50076881685314323 52.0834632630269283, 5.49104809931988402 52.08443873855613759, 5.48434915617479923 52.08649217609359994, 5.47068854772403412 52.08648873333318363, 5.46790359847868501 52.08595549040143169, 5.47149169975144645 52.08820065024605839, 5.47183525773050761 52.08930221830073037, 5.47294519636369792 52.08911004212289697, 5.47472098166558307 52.09022100188528981, 5.47678463509311708 52.09037989358561305, 5.48608269643976776 52.09365676943772172, 5.48473953794762892 52.09662442344925637, 5.48526715052201652 52.0991001759266581, 5.48430174275353366 52.10554211771859912, 5.49386174126277371 52.11109726320614755, 5.50095892633268058 52.1108698097387304, 5.50207225004057143 52.10973541330558589, 5.5071976852916702 52.10795319156772365, 5.51040068079816692 52.10784242230064933, 5.51251745207160582 52.10610067563079895, 5.51548911431225886 52.10173121431960652, 5.51738294562252651 52.10062925334691641, 5.51738294562252651 52.10062925334691641)))</t>
  </si>
  <si>
    <t>MultiPolygon (((5.47794949587359348 52.07569521940217072, 5.48713900940247434 52.0750586053638358, 5.48808135156549159 52.07704303744515073, 5.49184316097582936 52.07818572641357235, 5.4926591283441768 52.07711654345659014, 5.49232082045715053 52.0747628208617428, 5.49928561357523282 52.07523893697473483, 5.50039288714973473 52.07706526008134063, 5.50492279875723867 52.07598896963344259, 5.50458437840278236 52.07334962222680019, 5.50209237315024424 52.07334520646256948, 5.49988244652258818 52.07133520561436768, 5.49612804529045285 52.07167793342414086, 5.49406715222836883 52.07190829124400722, 5.49069648300488389 52.07141053574881084, 5.48828200218638518 52.07039258985903274, 5.48389745908077053 52.06965639748653274, 5.47635927224695962 52.07264719788406637, 5.47366148221175397 52.07313480101309011, 5.47090442536575061 52.07468628214444095, 5.46737387582575884 52.07549204945941312, 5.46643973917224102 52.07610048153580351, 5.46565333242423268 52.07828818708075858, 5.45924334798836774 52.08022547313986195, 5.4601477837692709 52.08095210274419884, 5.45967809855978548 52.08200340967250241, 5.46129913411492574 52.08264602449838065, 5.46623854048536373 52.08100016089464646, 5.47267988860478205 52.07976176390174317, 5.47277799672730847 52.07695742328394317, 5.47794949587359348 52.07569521940217072, 5.47794949587359348 52.07569521940217072)))</t>
  </si>
  <si>
    <t>MultiPolygon (((5.50076881685314323 52.0834632630269283, 5.50366512319977019 52.07880755184408628, 5.50683665692208635 52.07674833430229455, 5.50500328973672826 52.07674231073931281, 5.50492279875723867 52.07598896963344259, 5.50039288714973473 52.07706526008134063, 5.49928561357523282 52.07523893697473483, 5.49232082045715053 52.0747628208617428, 5.4926591283441768 52.07711654345659014, 5.49184316097582936 52.07818572641357235, 5.48808135156549159 52.07704303744515073, 5.48713900940247434 52.0750586053638358, 5.47794949587359348 52.07569521940217072, 5.47277799672730847 52.07695742328394317, 5.47267988860478205 52.07976176390174317, 5.46623854048536373 52.08100016089464646, 5.46129913411492574 52.08264602449838065, 5.46336770986312104 52.08344216535564186, 5.46405356642965856 52.08305617718556135, 5.46790359847868501 52.08595549040143169, 5.47068854772403412 52.08648873333318363, 5.48434915617479923 52.08649217609359994, 5.49104809931988402 52.08443873855613759, 5.50076881685314323 52.0834632630269283, 5.50076881685314323 52.0834632630269283)))</t>
  </si>
  <si>
    <t>MultiPolygon (((5.9559309346845799 52.07333855085837371, 5.96464594957357086 52.07632221518741034, 5.97704277776077664 52.07830969074376526, 5.99047982899361031 52.07916417861608238, 6.00884860071438265 52.07401418894941969, 6.00898736166288927 52.07166314740416624, 6.00608487705206961 52.06634893272378406, 6.00604451685913521 52.06213077018807667, 6.00394685003428119 52.05674807129415171, 6.00016108995976616 52.05438513295812442, 5.99821597705197451 52.05405794851917278, 5.98896631676120794 52.05506812535201533, 5.97795926465090766 52.05439013640249613, 5.98164981010859087 52.04808796487817091, 5.98711924584698174 52.04110077575055016, 5.99479581823379259 52.02777725723364455, 5.99580483460362945 52.02622030604269554, 5.99412547878340796 52.02450064799945295, 5.98046095778762954 52.01840495300255185, 5.97918075061910681 52.01648218048303107, 5.97986398845905232 52.01353893742573575, 5.97888393090573445 52.00907132242774367, 5.97581239758642901 52.00444711333949499, 5.97504827051389498 52.00644418161220983, 5.96919917484139972 52.00632944844522143, 5.96805874580231244 52.00869283817289812, 5.97007396042713001 52.00975950653207747, 5.96891725229031422 52.01109999821632357, 5.96108007043694332 52.00990624291867448, 5.95096591802780406 52.00135383308755621, 5.94981718001262738 52.00411236370243273, 5.94768911917206289 52.006882535995274, 5.94331034229118771 52.01013425720897487, 5.94604821830945607 52.0105039342966009, 5.94239624704418823 52.01083094436143739, 5.94140210716449957 52.01148599891258328, 5.93709885738976162 52.04853303737375825, 5.94324882702604107 52.06230453129023772, 5.9559309346845799 52.07333855085837371, 5.9559309346845799 52.07333855085837371)))</t>
  </si>
  <si>
    <t>MultiPolygon (((5.95096591802780406 52.00135383308755621, 5.96108007043694332 52.00990624291867448, 5.96891725229031422 52.01109999821632357, 5.97007396042713001 52.00975950653207747, 5.96805874580231244 52.00869283817289812, 5.96919917484139972 52.00632944844522143, 5.97504827051389498 52.00644418161220983, 5.97581239758642901 52.00444711333949499, 5.9745136331871338 52.00283922763269828, 5.96327445426762459 52.00038103078762219, 5.95779922213310531 52.00087649367615938, 5.95152632161127748 51.99963780639641442, 5.95096591802780406 52.00135383308755621, 5.95096591802780406 52.00135383308755621)))</t>
  </si>
  <si>
    <t>MultiPolygon (((5.99438285417169503 52.00077516753930951, 6.00337598169966036 52.00294656804213389, 6.00712192704755132 51.99633307172322105, 6.008424376997473 51.99680258394464971, 6.01039017861390334 51.99472558025434665, 6.00654747960304825 51.99128466163157469, 6.00487689163533211 51.98682428344653772, 6.00196520354179341 51.98065000477816966, 5.99828366762584242 51.97706488075109377, 5.99034003905729584 51.97440609167325221, 5.98500848912315142 51.97889763513084915, 5.9809276922575938 51.98131700553806667, 5.98260823385448326 51.98295467569293749, 5.9857747253101401 51.9839722660344421, 5.99637011547421395 51.99023950609926459, 5.99332685356215222 51.99236384679425527, 5.98721839405449874 51.99058485056190193, 5.98455195792440264 51.99664225837316422, 5.99438285417169503 52.00077516753930951, 5.99438285417169503 52.00077516753930951)))</t>
  </si>
  <si>
    <t>MultiPolygon (((5.97986398845905232 52.01353893742573575, 5.97918075061910681 52.01648218048303107, 5.98046095778762954 52.01840495300255185, 5.99412547878340796 52.02450064799945295, 5.99580483460362945 52.02622030604269554, 5.99479581823379259 52.02777725723364455, 6.0003439477392515 52.02733263964117327, 6.00524481272533261 52.02440742263735274, 6.00279767873123404 52.02053082456055932, 5.99530607535520499 52.01795248285934292, 5.99170253618762594 52.01291145415117256, 5.99448595580652732 52.00913914737645882, 5.99974364901487345 52.00954417627998794, 6.00390275674492724 52.00747675474806186, 6.00279874867866603 52.00662864098901395, 6.00337598169966036 52.00294656804213389, 5.99438285417169503 52.00077516753930951, 5.99112183859943404 52.00409152556427017, 5.9846998567715719 52.00207047744572719, 5.98301484703028752 52.00227395848862244, 5.98287860937315408 52.00397344750793138, 5.98625822017331188 52.0076288707040888, 5.98764282282998028 52.01269236581020294, 5.97986398845905232 52.01353893742573575, 5.97986398845905232 52.01353893742573575)))</t>
  </si>
  <si>
    <t>MultiPolygon (((5.96382932253280806 51.98705470865341738, 5.96761399661034009 51.98736357810258113, 5.97308248365133121 51.98687650448178488, 5.9827416494668304 51.98849995234098742, 5.98721839405449874 51.99058485056190193, 5.99332685356215222 51.99236384679425527, 5.99637011547421395 51.99023950609926459, 5.9857747253101401 51.9839722660344421, 5.98260823385448326 51.98295467569293749, 5.9809276922575938 51.98131700553806667, 5.97123879874591612 51.98469964792402465, 5.96382932253280806 51.98705470865341738, 5.96382932253280806 51.98705470865341738)))</t>
  </si>
  <si>
    <t>MultiPolygon (((5.95536846862919855 51.99361196713553568, 5.96167264256918283 51.99420970642655249, 5.97559078308594582 51.99353166570030993, 5.97963045119634806 51.99434983533265608, 5.98455195792440264 51.99664225837316422, 5.98721839405449874 51.99058485056190193, 5.9827416494668304 51.98849995234098742, 5.97308248365133121 51.98687650448178488, 5.96761399661034009 51.98736357810258113, 5.96382932253280806 51.98705470865341738, 5.96093889247763276 51.98849196317286214, 5.95519317845039531 51.993364126785103, 5.95536846862919855 51.99361196713553568, 5.95536846862919855 51.99361196713553568)))</t>
  </si>
  <si>
    <t>MultiPolygon (((5.97581239758642901 52.00444711333949499, 5.97888393090573445 52.00907132242774367, 5.97986398845905232 52.01353893742573575, 5.98764282282998028 52.01269236581020294, 5.98625822017331188 52.0076288707040888, 5.98287860937315408 52.00397344750793138, 5.98301484703028752 52.00227395848862244, 5.9846998567715719 52.00207047744572719, 5.99112183859943404 52.00409152556427017, 5.99438285417169503 52.00077516753930951, 5.98455195792440264 51.99664225837316422, 5.97963045119634806 51.99434983533265608, 5.97559078308594582 51.99353166570030993, 5.96167264256918283 51.99420970642655249, 5.95536846862919855 51.99361196713553568, 5.9536133617815219 51.99500158382936377, 5.95152632161127748 51.99963780639641442, 5.95779922213310531 52.00087649367615938, 5.96327445426762459 52.00038103078762219, 5.9745136331871338 52.00283922763269828, 5.97581239758642901 52.00444711333949499, 5.97581239758642901 52.00444711333949499)))</t>
  </si>
  <si>
    <t>MultiPolygon (((6.0781475364678812 52.02989022117718321, 6.08325530639409706 52.02540805819273828, 6.08967200077422888 52.02084342357760249, 6.09898990010481512 52.01833443653679012, 6.11385648808244397 52.00940709098986758, 6.10800239484165353 52.00314669162474956, 6.10787599757538935 51.99872514496017573, 6.10899995038474408 51.99613712672865518, 6.10342893075648529 51.99451957675601221, 6.09374910395779334 51.9927873109973433, 6.08791921156505378 51.99343028004820866, 6.08462320593536177 51.9947969448744729, 6.07802592778529505 52.00131498398263119, 6.07766275098783471 52.00378627321770608, 6.07884507376265049 52.00713049193787185, 6.07762178093112482 52.00962319080556284, 6.07407869854498728 52.01192845059066627, 6.06827891166173927 52.01416802776413562, 6.06438187577295285 52.01497460433518683, 6.06387526905473351 52.01714305958606133, 6.06749740608151988 52.01871312144200488, 6.06437916226419027 52.02127931686251117, 6.0641776639868743 52.02260261283864651, 6.06509367229671348 52.0230495682834615, 6.0781475364678812 52.02989022117718321, 6.0781475364678812 52.02989022117718321)))</t>
  </si>
  <si>
    <t>MultiPolygon (((6.00604451685913521 52.06213077018807667, 6.01594773409400219 52.05728396124557378, 6.02043897028618069 52.0529741532461685, 6.02663566757931779 52.05044921143941394, 6.03095743652422289 52.0493773958559558, 6.02575603713379948 52.04376751334618945, 6.02904479851041231 52.03850408976953901, 6.02969180082847611 52.03483949501051598, 6.02939910600407369 52.03373833535117399, 6.02703612518886445 52.03338436751104013, 6.02481946791732081 52.03132626804607241, 6.02447857562648537 52.0299000895173549, 6.0268404915082705 52.02836094219310326, 6.02964166404737689 52.0279968251782492, 6.03861885556833045 52.02987660620512855, 6.04165895277514853 52.02621495755357728, 6.0406368889213935 52.02357440614571971, 6.04387765148433509 52.01882763816198718, 6.04146271488948461 52.01856413540576796, 6.03400441596347115 52.01951319144323094, 6.02130482590938865 52.01951321146672313, 6.0199944541084589 52.01431768882613227, 6.00976934569114896 52.01176392322866349, 6.01131990978301811 52.00898279770167676, 6.00390275674492724 52.00747675474806186, 5.99974364901487345 52.00954417627998794, 5.99448595580652732 52.00913914737645882, 5.99170253618762594 52.01291145415117256, 5.99530607535520499 52.01795248285934292, 6.00279767873123404 52.02053082456055932, 6.00524481272533261 52.02440742263735274, 6.0003439477392515 52.02733263964117327, 5.99479581823379259 52.02777725723364455, 5.98711924584698174 52.04110077575055016, 5.98164981010859087 52.04808796487817091, 5.97795926465090766 52.05439013640249613, 5.98896631676120794 52.05506812535201533, 5.99821597705197451 52.05405794851917278, 6.00016108995976616 52.05438513295812442, 6.00394685003428119 52.05674807129415171, 6.00604451685913521 52.06213077018807667, 6.00604451685913521 52.06213077018807667)))</t>
  </si>
  <si>
    <t>MultiPolygon (((6.02663566757931779 52.05044921143941394, 6.02811610807867027 52.05191328167200737, 6.02781011586439419 52.05518753672490817, 6.02878310015011998 52.05674283545208425, 6.03337409125092972 52.05651184254219999, 6.04176894265121156 52.05585595186894921, 6.05053271124499403 52.05050378511732845, 6.05190355589987661 52.05024185152584693, 6.05370202603079122 52.04874579803048817, 6.05458403096737641 52.04619625649142023, 6.05920492324012816 52.04307600878197348, 6.06196749761867881 52.04261528234450651, 6.06904401239004088 52.03763371206372312, 6.06883844133480821 52.03666584353230462, 6.07292320810717801 52.03378662295633461, 6.07631251510935844 52.03309635069562233, 6.07933398596537433 52.03113965827382259, 6.0781475364678812 52.02989022117718321, 6.06509367229671348 52.0230495682834615, 6.06311865404060235 52.0241583540345971, 6.05775261980763702 52.02416826557702478, 6.05518851964783611 52.02360590486721037, 6.05586542529385952 52.01848766911830779, 6.05371256786681489 52.01743756841110411, 6.04850211634357393 52.01629033030420146, 6.04552674454107564 52.01940884817941679, 6.0444630456346875 52.01930328250054458, 6.04387765148433509 52.01882763816198718, 6.0406368889213935 52.02357440614571971, 6.04165895277514853 52.02621495755357728, 6.03861885556833045 52.02987660620512855, 6.02964166404737689 52.0279968251782492, 6.0268404915082705 52.02836094219310326, 6.02447857562648537 52.0299000895173549, 6.02481946791732081 52.03132626804607241, 6.02703612518886445 52.03338436751104013, 6.02939910600407369 52.03373833535117399, 6.02969180082847611 52.03483949501051598, 6.02904479851041231 52.03850408976953901, 6.02575603713379948 52.04376751334618945, 6.03095743652422289 52.0493773958559558, 6.02663566757931779 52.05044921143941394, 6.02663566757931779 52.05044921143941394)))</t>
  </si>
  <si>
    <t>MultiPolygon (((6.0444630456346875 52.01930328250054458, 6.04552674454107564 52.01940884817941679, 6.04850211634357393 52.01629033030420146, 6.05371256786681489 52.01743756841110411, 6.05586542529385952 52.01848766911830779, 6.05518851964783611 52.02360590486721037, 6.05775261980763702 52.02416826557702478, 6.06311865404060235 52.0241583540345971, 6.06509367229671348 52.0230495682834615, 6.0641776639868743 52.02260261283864651, 6.06437916226419027 52.02127931686251117, 6.06749740608151988 52.01871312144200488, 6.06387526905473351 52.01714305958606133, 6.06438187577295285 52.01497460433518683, 6.06408670662053151 52.01499699755764539, 6.06115647081402287 52.01624718355481036, 6.04859082142327953 52.01391155997274751, 6.0444630456346875 52.01930328250054458, 6.0444630456346875 52.01930328250054458)))</t>
  </si>
  <si>
    <t>MultiPolygon (((6.04387765148433509 52.01882763816198718, 6.0444630456346875 52.01930328250054458, 6.04859082142327953 52.01391155997274751, 6.06115647081402287 52.01624718355481036, 6.06408670662053151 52.01499699755764539, 6.05743966807813372 52.01402206094229541, 6.0480663127603238 52.00979460561227796, 6.04130828404326969 52.0141769778899814, 6.03497798354822024 52.01642566711736038, 6.03474406676314956 52.01343916215182617, 6.02146295377435248 52.00949201505859065, 6.01695523872455507 52.0072295310590107, 6.01735685276558652 52.0064813455257493, 6.00337598169966036 52.00294656804213389, 6.00279874867866603 52.00662864098901395, 6.00390275674492724 52.00747675474806186, 6.01131990978301811 52.00898279770167676, 6.00976934569114896 52.01176392322866349, 6.0199944541084589 52.01431768882613227, 6.02130482590938865 52.01951321146672313, 6.03400441596347115 52.01951319144323094, 6.04146271488948461 52.01856413540576796, 6.04387765148433509 52.01882763816198718, 6.04387765148433509 52.01882763816198718)))</t>
  </si>
  <si>
    <t>MultiPolygon (((6.00337598169966036 52.00294656804213389, 6.01735685276558652 52.0064813455257493, 6.01908665656874753 52.00469321016537094, 6.02335610133817489 52.00331127030726464, 6.02017889713456622 52.0007748655490829, 6.02032207971414657 51.99691316086880022, 6.01533373073500766 51.99686793764931991, 6.01039017861390334 51.99472558025434665, 6.008424376997473 51.99680258394464971, 6.00712192704755132 51.99633307172322105, 6.00337598169966036 52.00294656804213389, 6.00337598169966036 52.00294656804213389)))</t>
  </si>
  <si>
    <t>MultiPolygon (((6.01735685276558652 52.0064813455257493, 6.01695523872455507 52.0072295310590107, 6.02146295377435248 52.00949201505859065, 6.03474406676314956 52.01343916215182617, 6.03497798354822024 52.01642566711736038, 6.04130828404326969 52.0141769778899814, 6.0480663127603238 52.00979460561227796, 6.04574942586409225 52.00755599814497998, 6.0446158241318404 52.00398876673622084, 6.0430889021927614 52.00223599438092492, 6.03321904913399187 51.99721102113749538, 6.02779126058116255 51.9958405184841439, 6.02032207971414657 51.99691316086880022, 6.02017889713456622 52.0007748655490829, 6.02335610133817489 52.00331127030726464, 6.01908665656874753 52.00469321016537094, 6.01735685276558652 52.0064813455257493, 6.01735685276558652 52.0064813455257493)))</t>
  </si>
  <si>
    <t>MultiPolygon (((6.03337409125092972 52.05651184254219999, 6.03552936049437516 52.05753730277042024, 6.05422017696466952 52.0598372839611514, 6.06366375589346163 52.05831466006994646, 6.08152761940433084 52.05842105977625778, 6.08152568290785123 52.05613802935508261, 6.07641900300221494 52.0541105406911413, 6.076945120822276 52.05343698398382202, 6.09335327423518969 52.04586756846862983, 6.08928933114427817 52.04448519340489554, 6.085931956659274 52.04157327023384028, 6.08653529492975665 52.04128374454980133, 6.08138425463380727 52.04373210663776916, 6.06703622914841567 52.04735809749644915, 6.05190355589987661 52.05024185152584693, 6.05053271124499403 52.05050378511732845, 6.04176894265121156 52.05585595186894921, 6.03337409125092972 52.05651184254219999, 6.03337409125092972 52.05651184254219999)))</t>
  </si>
  <si>
    <t>MultiPolygon (((6.05190355589987661 52.05024185152584693, 6.06703622914841567 52.04735809749644915, 6.08138425463380727 52.04373210663776916, 6.08653529492975665 52.04128374454980133, 6.09246487544881887 52.03805580575614442, 6.0781475364678812 52.02989022117718321, 6.07933398596537433 52.03113965827382259, 6.07631251510935844 52.03309635069562233, 6.07292320810717801 52.03378662295633461, 6.06883844133480821 52.03666584353230462, 6.06904401239004088 52.03763371206372312, 6.06196749761867881 52.04261528234450651, 6.05920492324012816 52.04307600878197348, 6.05458403096737641 52.04619625649142023, 6.05370202603079122 52.04874579803048817, 6.05190355589987661 52.05024185152584693, 6.05190355589987661 52.05024185152584693)))</t>
  </si>
  <si>
    <t>MultiPolygon (((6.11088291453137167 52.04161666786904306, 6.11172391234400791 52.03925172723903358, 6.11330128839456677 52.03767008794235238, 6.11684804629491552 52.03588132159801205, 6.12150232613219991 52.03461732469683909, 6.12694692784827222 52.03244875085871968, 6.13073145179872725 52.02910086433258385, 6.13226752336480718 52.02516816288554224, 6.13103034519609835 52.02086167383075122, 6.12973928875854401 52.01929761529864749, 6.12763883848576096 52.01670366221380704, 6.12739961577382086 52.01271393403086307, 6.12595976452418167 52.01012655013722252, 6.12233915735441769 52.00735289102973269, 6.11476772346860464 52.00456679443389874, 6.11228186975043553 51.99897497904809285, 6.10959053275270403 51.99643671019418889, 6.10899995038474408 51.99613712672865518, 6.10787599757538935 51.99872514496017573, 6.10800239484165353 52.00314669162474956, 6.11385648808244397 52.00940709098986758, 6.09898990010481512 52.01833443653679012, 6.08967200077422888 52.02084342357760249, 6.08325530639409706 52.02540805819273828, 6.0962660363282799 52.03354663522213031, 6.10617233683848948 52.02923867359150734, 6.10666850492497915 52.03390343713578403, 6.1054282927200072 52.03936247944206173, 6.11088291453137167 52.04161666786904306, 6.11088291453137167 52.04161666786904306)))</t>
  </si>
  <si>
    <t>MultiPolygon (((6.08457475013401439 52.08169621636943702, 6.08526089624575217 52.08156672453415581, 6.09808408865126328 52.07916603401756106, 6.10342330034293568 52.07814359613350774, 6.10295375330703305 52.07757086364043886, 6.10922560401329573 52.07489335166086875, 6.11397074227436121 52.07158334295486668, 6.11525543955571216 52.06916832344469981, 6.11569877140187135 52.06823113298644046, 6.12098393001022423 52.06859485226140549, 6.11995301908670619 52.066761844989081, 6.122769324646403 52.06322962398198939, 6.12872042843857923 52.06427745985954658, 6.12881959635162055 52.06279874875762204, 6.13208289608149126 52.06275511467246986, 6.13259225201422709 52.06185907446410965, 6.13575105401100807 52.06205856971737234, 6.13642505828631268 52.06039228343915681, 6.13535349465342517 52.05973429651421469, 6.13746923095687169 52.05918110840306667, 6.13207363923642301 52.05573259201866421, 6.12306306758770091 52.05254390599613146, 6.12404826768595711 52.05778064725479481, 6.11792208757160072 52.06015299562463383, 6.11380684495857984 52.05915159956858673, 6.11287866124249302 52.06010583037526374, 6.10971545496689306 52.05810837420244042, 6.10777148541580051 52.06114949680043935, 6.10421978013965649 52.05981393286571546, 6.09225184874959691 52.06868923812022132, 6.08764013010995431 52.07276509621063809, 6.08636354102110122 52.0760112917303033, 6.08457475013401439 52.08169621636943702, 6.08457475013401439 52.08169621636943702)))</t>
  </si>
  <si>
    <t>MultiPolygon (((6.07021472593356215 52.07795763952101709, 6.07437449989451395 52.07488556005358049, 6.08636354102110122 52.0760112917303033, 6.08764013010995431 52.07276509621063809, 6.09225184874959691 52.06868923812022132, 6.08932923369993873 52.06848697869479281, 6.08912911436800552 52.06587115698123114, 6.09044115017268428 52.06357393341328788, 6.08828358139261283 52.06310075939726545, 6.08709054476218814 52.05927235555258648, 6.08141268940318813 52.05919277020267089, 6.08152761940433084 52.05842105977625778, 6.06366375589346163 52.05831466006994646, 6.05422017696466952 52.0598372839611514, 6.03552936049437516 52.05753730277042024, 6.03337409125092972 52.05651184254219999, 6.02878310015011998 52.05674283545208425, 6.02781011586439419 52.05518753672490817, 6.02811610807867027 52.05191328167200737, 6.02663566757931779 52.05044921143941394, 6.02043897028618069 52.0529741532461685, 6.01594773409400219 52.05728396124557378, 6.00604451685913521 52.06213077018807667, 6.00608487705206961 52.06634893272378406, 6.00964348480000421 52.06600177190217238, 6.02373781971928146 52.06728245042344838, 6.02802595544481701 52.06902003793931755, 6.04269987233157657 52.07795815788761473, 6.058607116767182 52.08532386903435452, 6.06176922537005147 52.0864946907925912, 6.06766575375616135 52.08821049735784925, 6.0675660937042295 52.08758765059776152, 6.07136464442011192 52.08494387385159996, 6.07021472593356215 52.07795763952101709)))</t>
  </si>
  <si>
    <t>MultiPolygon (((6.07743016398035962 52.08361992453129119, 6.07769134626740115 52.08352629054578387, 6.0801103376624086 52.08375330564057748, 6.0807492078823584 52.08383336196730795, 6.08135477169401462 52.08229618166689789, 6.08457475013401439 52.08169621636943702, 6.08636354102110122 52.0760112917303033, 6.07437449989451395 52.07488556005358049, 6.07021472593356215 52.07795763952101709, 6.07136464442011192 52.08494387385159996, 6.0675660937042295 52.08758765059776152, 6.06766575375616135 52.08821049735784925, 6.0680628248131816 52.08824408710567155, 6.07610196512179535 52.08749815712549491, 6.07709521593597035 52.08388379724983253, 6.07727937441504196 52.08384453618023002, 6.07743016398035962 52.08361992453129119)))</t>
  </si>
  <si>
    <t>MultiPolygon (((6.09246487544881887 52.03805580575614442, 6.0982874465019945 52.03538436526067557, 6.0962660363282799 52.03354663522213031, 6.08325530639409706 52.02540805819273828, 6.0781475364678812 52.02989022117718321, 6.09246487544881887 52.03805580575614442, 6.09246487544881887 52.03805580575614442)))</t>
  </si>
  <si>
    <t>MultiPolygon (((6.10421978013965649 52.05981393286571546, 6.10777148541580051 52.06114949680043935, 6.10971545496689306 52.05810837420244042, 6.11287866124249302 52.06010583037526374, 6.11380684495857984 52.05915159956858673, 6.11792208757160072 52.06015299562463383, 6.12404826768595711 52.05778064725479481, 6.12306306758770091 52.05254390599613146, 6.11576364332641376 52.04874585023269162, 6.1109347561200309 52.05170044038435861, 6.10759147307529915 52.05729992111026405, 6.10421978013965649 52.05981393286571546, 6.10421978013965649 52.05981393286571546)))</t>
  </si>
  <si>
    <t>MultiPolygon (((6.08152761940433084 52.05842105977625778, 6.08141268940318813 52.05919277020267089, 6.08709054476218814 52.05927235555258648, 6.08828358139261283 52.06310075939726545, 6.09044115017268428 52.06357393341328788, 6.09833556032358892 52.04538085464965746, 6.1009149376469054 52.04323162684089965, 6.09246487544881887 52.03805580575614442, 6.08653529492975665 52.04128374454980133, 6.085931956659274 52.04157327023384028, 6.08928933114427817 52.04448519340489554, 6.09335327423518969 52.04586756846862983, 6.076945120822276 52.05343698398382202, 6.07641900300221494 52.0541105406911413, 6.08152568290785123 52.05613802935508261, 6.08152761940433084 52.05842105977625778, 6.08152761940433084 52.05842105977625778)))</t>
  </si>
  <si>
    <t>MultiPolygon (((6.09044115017268428 52.06357393341328788, 6.08912911436800552 52.06587115698123114, 6.08932923369993873 52.06848697869479281, 6.09225184874959691 52.06868923812022132, 6.10421978013965649 52.05981393286571546, 6.10759147307529915 52.05729992111026405, 6.1109347561200309 52.05170044038435861, 6.1009149376469054 52.04323162684089965, 6.09833556032358892 52.04538085464965746, 6.09044115017268428 52.06357393341328788, 6.09044115017268428 52.06357393341328788)))</t>
  </si>
  <si>
    <t>MultiPolygon (((6.1109347561200309 52.05170044038435861, 6.11576364332641376 52.04874585023269162, 6.11160461184826431 52.04469915545588066, 6.11088291453137167 52.04161666786904306, 6.1054282927200072 52.03936247944206173, 6.10666850492497915 52.03390343713578403, 6.10617233683848948 52.02923867359150734, 6.0962660363282799 52.03354663522213031, 6.0982874465019945 52.03538436526067557, 6.09246487544881887 52.03805580575614442, 6.1009149376469054 52.04323162684089965, 6.1109347561200309 52.05170044038435861, 6.1109347561200309 52.05170044038435861)))</t>
  </si>
  <si>
    <t>MultiPolygon (((5.84857426073694331 51.99159802166657585, 5.8562176304956175 51.98894844729459663, 5.86376291653681925 51.98753759093822424, 5.86316174697271464 51.98532552022414421, 5.8555595416675974 51.98577161407106928, 5.84507748823953666 51.987088698936887, 5.84857426073694331 51.99159802166657585, 5.84857426073694331 51.99159802166657585)))</t>
  </si>
  <si>
    <t>MultiPolygon (((5.81963176603337562 52.00055062435889397, 5.82033912673384979 52.00080536463823222, 5.83380744176116295 51.99871739401066151, 5.84739729725939661 51.99831843177507551, 5.85619488435479507 51.99610593048201679, 5.863713793996566 51.99576878814617231, 5.86256003088213973 51.99122096707401397, 5.86470239337900434 51.9910814641983805, 5.86376394909350918 51.98754105084490362, 5.86376291653681925 51.98753759093822424, 5.8562176304956175 51.98894844729459663, 5.84857426073694331 51.99159802166657585, 5.84174257505094996 51.99428912901668554, 5.83072912387081566 51.99817277482429034, 5.81963176603337562 52.00055062435889397, 5.81963176603337562 52.00055062435889397)))</t>
  </si>
  <si>
    <t>MultiPolygon (((5.8401781022196344 51.99202197120796853, 5.84174257505094996 51.99428912901668554, 5.84857426073694331 51.99159802166657585, 5.84507748823953666 51.987088698936887, 5.83796957303551434 51.98797853061361707, 5.8401781022196344 51.99202197120796853, 5.8401781022196344 51.99202197120796853)))</t>
  </si>
  <si>
    <t>MultiPolygon (((5.82803690028401711 51.99594358732863952, 5.83072912387081566 51.99817277482429034, 5.84174257505094996 51.99428912901668554, 5.8401781022196344 51.99202197120796853, 5.83108343771910054 51.99263550966038139, 5.83146429460814186 51.99534762250221576, 5.82803690028401711 51.99594358732863952, 5.82803690028401711 51.99594358732863952)))</t>
  </si>
  <si>
    <t>MultiPolygon (((5.83108343771910054 51.99263550966038139, 5.8401781022196344 51.99202197120796853, 5.83796957303551434 51.98797853061361707, 5.83526131630490319 51.98829896568350506, 5.83304206032295802 51.98850737998908755, 5.83063762250222073 51.98962645112691661, 5.83108343771910054 51.99263550966038139, 5.83108343771910054 51.99263550966038139)))</t>
  </si>
  <si>
    <t>MultiPolygon (((5.82803690028401711 51.99594358732863952, 5.83146429460814186 51.99534762250221576, 5.83108343771910054 51.99263550966038139, 5.83063762250222073 51.98962645112691661, 5.8272214589378688 51.9909091546162756, 5.82645047774196456 51.99476201931204145, 5.82803690028401711 51.99594358732863952, 5.82803690028401711 51.99594358732863952)))</t>
  </si>
  <si>
    <t>MultiPolygon (((5.86016317293001432 51.97924886565762392, 5.86246287683403811 51.98250065321492741, 5.86526616148746083 51.9845579815526051, 5.86621850213566542 51.98400653967754437, 5.86736973935260941 51.98028996090503284, 5.86373686451548615 51.97796466804612692, 5.86471666972272754 51.97627144758371998, 5.86686689141462381 51.97530251905154586, 5.86918688173540115 51.97599143355252238, 5.87086024645044713 51.97511299221520886, 5.86713614162347064 51.97195395446291855, 5.86418223295917773 51.97050385344775236, 5.859467599478271 51.96955499591742722, 5.85435815671788529 51.96982574190950288, 5.86016317293001432 51.97924886565762392, 5.86016317293001432 51.97924886565762392)))</t>
  </si>
  <si>
    <t>MultiPolygon (((5.8555595416675974 51.98577161407106928, 5.86316174697271464 51.98532552022414421, 5.86526616148746083 51.9845579815526051, 5.86246287683403811 51.98250065321492741, 5.86016317293001432 51.97924886565762392, 5.84759603043475273 51.97935957376457594, 5.8555595416675974 51.98577161407106928, 5.8555595416675974 51.98577161407106928)))</t>
  </si>
  <si>
    <t>MultiPolygon (((5.84507748823953666 51.987088698936887, 5.8555595416675974 51.98577161407106928, 5.84759603043475273 51.97935957376457594, 5.84551316698418244 51.97915967596029674, 5.84507748823953666 51.987088698936887, 5.84507748823953666 51.987088698936887)))</t>
  </si>
  <si>
    <t>MultiPolygon (((5.83526131630490319 51.98829896568350506, 5.83796957303551434 51.98797853061361707, 5.84507748823953666 51.987088698936887, 5.84551316698418244 51.97915967596029674, 5.84759603043475273 51.97935957376457594, 5.8471536755966449 51.97877499794096678, 5.8331640797000226 51.97759041590940399, 5.82778270731217507 51.97658815809673882, 5.82666952286060802 51.97745913687394648, 5.83305098849877357 51.97967782786547986, 5.83655095062345897 51.9827415218172959, 5.83526131630490319 51.98829896568350506, 5.83526131630490319 51.98829896568350506)))</t>
  </si>
  <si>
    <t>MultiPolygon (((5.84759603043475273 51.97935957376457594, 5.86016317293001432 51.97924886565762392, 5.85435815671788529 51.96982574190950288, 5.8543019632619826 51.96983600062513631, 5.84403179797431971 51.97250386580453352, 5.835342640497724 51.9735587267884398, 5.82542985007209335 51.97323130948193182, 5.81839130461334797 51.97189971074973158, 5.81813185520435194 51.97231947785857642, 5.81809963058362545 51.97332334483407124, 5.8200436038848995 51.97682115760076726, 5.81993403704247214 51.97693869537383904, 5.82666952286060802 51.97745913687394648, 5.82778270731217507 51.97658815809673882, 5.8331640797000226 51.97759041590940399, 5.8471536755966449 51.97877499794096678, 5.84759603043475273 51.97935957376457594, 5.84759603043475273 51.97935957376457594)))</t>
  </si>
  <si>
    <t>MultiPolygon (((5.81963176603337562 52.00055062435889397, 5.83072912387081566 51.99817277482429034, 5.82803690028401711 51.99594358732863952, 5.82645047774196456 51.99476201931204145, 5.8272214589378688 51.9909091546162756, 5.83063762250222073 51.98962645112691661, 5.83304206032295802 51.98850737998908755, 5.82954439653795298 51.98789961411281269, 5.82952214913489186 51.98789582743502535, 5.82206197137702208 51.98986218276068882, 5.82116360013165313 51.98805882188466398, 5.81954615897701455 51.98780652709412919, 5.81284299027592422 51.98955807591073608, 5.80649414013161458 51.9932518772506711, 5.81353415394741724 51.99825735398632531, 5.81963176603337562 52.00055062435889397, 5.81963176603337562 52.00055062435889397)))</t>
  </si>
  <si>
    <t>MultiPolygon (((5.80292212780631544 51.99412036814710092, 5.80649414013161458 51.9932518772506711, 5.81284299027592422 51.98955807591073608, 5.81954615897701455 51.98780652709412919, 5.82116360013165313 51.98805882188466398, 5.82206197137702208 51.98986218276068882, 5.82952214913489186 51.98789582743502535, 5.82240395778749154 51.98666039026903718, 5.81692932486231395 51.98810431908034246, 5.81261094624788033 51.98798400507247663, 5.80843489223537368 51.98781067882917739, 5.80854562299733512 51.98932098906401933, 5.80292212780631544 51.99412036814710092, 5.80292212780631544 51.99412036814710092)))</t>
  </si>
  <si>
    <t>MultiPolygon (((5.79876121860557614 51.991789873458508, 5.80292212780631544 51.99412036814710092, 5.80854562299733512 51.98932098906401933, 5.80843489223537368 51.98781067882917739, 5.80279407856278695 51.98760664708731127, 5.79876121860557614 51.991789873458508, 5.79876121860557614 51.991789873458508)))</t>
  </si>
  <si>
    <t>MultiPolygon (((5.82952214913489186 51.98789582743502535, 5.82954439653795298 51.98789961411281269, 5.82946167801607285 51.98662888514728309, 5.82469591035823608 51.98581132029962504, 5.82317165009022375 51.98493719722064554, 5.82335341414576746 51.98355115571685303, 5.82103144129298666 51.98300108341874193, 5.81831281772183662 51.98305435194444613, 5.81483266561176748 51.98520269888590661, 5.8151659262208657 51.98652463267061563, 5.81698889038316302 51.98633134393525523, 5.81692932486231395 51.98810431908034246, 5.82240395778749154 51.98666039026903718, 5.82952214913489186 51.98789582743502535, 5.82952214913489186 51.98789582743502535)))</t>
  </si>
  <si>
    <t>MultiPolygon (((5.83304206032295802 51.98850737998908755, 5.83526131630490319 51.98829896568350506, 5.83655095062345897 51.9827415218172959, 5.83305098849877357 51.97967782786547986, 5.82666952286060802 51.97745913687394648, 5.81993403704247214 51.97693869537383904, 5.81197397384284109 51.98504024178168237, 5.81261094624788033 51.98798400507247663, 5.81692932486231395 51.98810431908034246, 5.81698889038316302 51.98633134393525523, 5.8151659262208657 51.98652463267061563, 5.81483266561176748 51.98520269888590661, 5.81831281772183662 51.98305435194444613, 5.82103144129298666 51.98300108341874193, 5.82335341414576746 51.98355115571685303, 5.82317165009022375 51.98493719722064554, 5.82469591035823608 51.98581132029962504, 5.82946167801607285 51.98662888514728309, 5.82954439653795298 51.98789961411281269, 5.83304206032295802 51.98850737998908755, 5.83304206032295802 51.98850737998908755)))</t>
  </si>
  <si>
    <t>MultiPolygon (((5.80687927307554475 51.97380933379621837, 5.80633597562431358 51.97617834572956497, 5.81181513655271331 51.97672396926968474, 5.81127995244983175 51.97582145439211843, 5.81598432148553357 51.97452881010215719, 5.81809963058362545 51.97332334483407124, 5.81813185520435194 51.97231947785857642, 5.81629371836678999 51.97215408096985101, 5.81013852334683278 51.97331453460363093, 5.80898554666135958 51.97450388100340746, 5.80687927307554475 51.97380933379621837, 5.80687927307554475 51.97380933379621837)))</t>
  </si>
  <si>
    <t>MultiPolygon (((5.81629371836678999 51.97215408096985101, 5.81813185520435194 51.97231947785857642, 5.81839130461334797 51.97189971074973158, 5.81074514860739733 51.96925244263502464, 5.80805595510486583 51.96960499142068102, 5.80687927307554475 51.97380933379621837, 5.80898554666135958 51.97450388100340746, 5.81013852334683278 51.97331453460363093, 5.81629371836678999 51.97215408096985101, 5.81629371836678999 51.97215408096985101)),((5.8200436038848995 51.97682115760076726, 5.81809963058362545 51.97332334483407124, 5.81598432148553357 51.97452881010215719, 5.81127995244983175 51.97582145439211843, 5.81181513655271331 51.97672396926968474, 5.8200436038848995 51.97682115760076726, 5.8200436038848995 51.97682115760076726)))</t>
  </si>
  <si>
    <t>MultiPolygon (((5.79656777039436566 51.97863655699759278, 5.79691364734011039 51.97943482259975667, 5.80204233715983175 51.98251057009179021, 5.80241767135631292 51.98168821148023966, 5.80460306123907266 51.98066965206288614, 5.80544337182751136 51.9787237697715554, 5.80456403157412204 51.97860035720233185, 5.79656777039436566 51.97863655699759278, 5.79656777039436566 51.97863655699759278)))</t>
  </si>
  <si>
    <t>MultiPolygon (((5.79145243845827817 51.97949473533737574, 5.79248080152796074 51.98020746994894381, 5.79235022337693994 51.98555178256822984, 5.78973717309980174 51.98546682871921831, 5.78967188529004773 51.98632097583895018, 5.7957666389611262 51.98710018625468621, 5.79787469414865075 51.98420666957250802, 5.80177113976152459 51.9831410291950391, 5.80204233715983175 51.98251057009179021, 5.79691364734011039 51.97943482259975667, 5.79656777039436566 51.97863655699759278, 5.79145243845827817 51.97949473533737574, 5.79145243845827817 51.97949473533737574)))</t>
  </si>
  <si>
    <t>MultiPolygon (((5.79145243845827817 51.97949473533737574, 5.79656777039436566 51.97863655699759278, 5.80456403157412204 51.97860035720233185, 5.80089467152091398 51.97545809621754387, 5.79138899537691554 51.9746685407367579, 5.78411286920772394 51.97584887885513893, 5.79132964760045255 51.97758767499501431, 5.79145243845827817 51.97949473533737574, 5.79145243845827817 51.97949473533737574)))</t>
  </si>
  <si>
    <t>MultiPolygon (((5.78249618207513016 51.98643719946859676, 5.78342959430718295 51.98672134902170683, 5.78414771404818673 51.98479333888193565, 5.78806089036123339 51.98598229436719009, 5.78840243966864243 51.98516010841684221, 5.78815867602981182 51.9842915805298631, 5.78445655313762508 51.98317344954828201, 5.78111452674485893 51.97967291960543434, 5.78162657895182974 51.97595669181851008, 5.77443358620611225 51.97590857556230048, 5.77592889357013739 51.98154694490737171, 5.77532670456636144 51.98268525707744914, 5.77474506022775635 51.98359173594138127, 5.77880905542003909 51.98559329619747871, 5.78249618207513016 51.98643719946859676, 5.78249618207513016 51.98643719946859676)))</t>
  </si>
  <si>
    <t>MultiPolygon (((5.79007223676484983 51.98824629909088202, 5.79462024180491664 51.98924763489332435, 5.79552993171392838 51.99041839174363844, 5.79876121860557614 51.991789873458508, 5.80279407856278695 51.98760664708731127, 5.80843489223537368 51.98781067882917739, 5.81261094624788033 51.98798400507247663, 5.81197397384284109 51.98504024178168237, 5.81993403704247214 51.97693869537383904, 5.8200436038848995 51.97682115760076726, 5.81181513655271331 51.97672396926968474, 5.80633597562431358 51.97617834572956497, 5.80687927307554475 51.97380933379621837, 5.80805595510486583 51.96960499142068102, 5.80265968228333406 51.96889249058564531, 5.78420884584244632 51.96888388867807151, 5.78259161149025314 51.9693729254090897, 5.75420712505598697 51.97112353585610833, 5.75392462893628487 51.97310506600088331, 5.75689389985882105 51.97461850450360998, 5.76376985694360577 51.97438406107534092, 5.77148791572087205 51.97467843690096601, 5.77443358620611225 51.97590857556230048, 5.78162657895182974 51.97595669181851008, 5.78111452674485893 51.97967291960543434, 5.78445655313762508 51.98317344954828201, 5.78815867602981182 51.9842915805298631, 5.78840243966864243 51.98516010841684221, 5.78806089036123339 51.98598229436719009, 5.78414771404818673 51.98479333888193565, 5.78342959430718295 51.98672134902170683, 5.79007223676484983 51.98824629909088202, 5.79007223676484983 51.98824629909088202),(5.79145243845827817 51.97949473533737574, 5.79132964760045255 51.97758767499501431, 5.78411286920772394 51.97584887885513893, 5.79138899537691554 51.9746685407367579, 5.80089467152091398 51.97545809621754387, 5.80456403157412204 51.97860035720233185, 5.80544337182751136 51.9787237697715554, 5.80460306123907266 51.98066965206288614, 5.80241767135631292 51.98168821148023966, 5.80204233715983175 51.98251057009179021, 5.80177113976152459 51.9831410291950391, 5.79787469414865075 51.98420666957250802, 5.7957666389611262 51.98710018625468621, 5.78967188529004773 51.98632097583895018, 5.78973717309980174 51.98546682871921831, 5.79235022337693994 51.98555178256822984, 5.79248080152796074 51.98020746994894381, 5.79145243845827817 51.97949473533737574, 5.79145243845827817 51.97949473533737574)))</t>
  </si>
  <si>
    <t>MultiPolygon (((5.74718752347151707 51.97130287917680391, 5.75420712505598697 51.97112353585610833, 5.78259161149025314 51.9693729254090897, 5.78420884584244632 51.96888388867807151, 5.80265968228333406 51.96889249058564531, 5.80805595510486583 51.96960499142068102, 5.81074514860739733 51.96925244263502464, 5.78677334676086552 51.96015864442595955, 5.78246000374626146 51.9591693964894219, 5.77761055032513493 51.95912665773573735, 5.77215089242192025 51.96016316308972449, 5.7619012712780755 51.96353088944987064, 5.74629570643364218 51.9700200017624212, 5.74718752347151707 51.97130287917680391)))</t>
  </si>
  <si>
    <t>MultiPolygon (((5.80051000054200561 52.01936243756082945, 5.80625970922561851 52.01887799199932516, 5.80267368246726623 52.01511934573863272, 5.79768257445826762 52.0170401339913937, 5.80051000054200561 52.01936243756082945, 5.80051000054200561 52.01936243756082945)))</t>
  </si>
  <si>
    <t>MultiPolygon (((5.78010910445797865 52.00787242952517175, 5.7845698200144442 52.01223860386478748, 5.79483459503039633 52.00844340239413555, 5.80121320991533018 52.00739133269919989, 5.80173186581566735 52.00710100345989417, 5.79860474822395844 52.00449673548258289, 5.79639252008655248 52.00491532302281428, 5.79190960379939401 52.00575031625974987, 5.78010910445797865 52.00787242952517175, 5.78010910445797865 52.00787242952517175)))</t>
  </si>
  <si>
    <t>MultiPolygon (((5.77047059682773344 52.02115626598705234, 5.7708868452316251 52.0215823121085279, 5.77765796835613532 52.02187830072977448, 5.79813807052591557 52.02201542094488218, 5.80363085368822595 52.02068193258210016, 5.80422076229645789 52.02113731696123011, 5.80243277675619495 52.02235785018208958, 5.81337361372973227 52.02407058281959706, 5.80833823560723683 52.01875993467145065, 5.80722588838799325 52.0117005077975918, 5.80296055898195551 52.00405409113079003, 5.82033912673384979 52.00080536463823222, 5.81963176603337562 52.00055062435889397, 5.79860474822395844 52.00449673548258289, 5.80173186581566735 52.00710100345989417, 5.80121320991533018 52.00739133269919989, 5.79483459503039633 52.00844340239413555, 5.7845698200144442 52.01223860386478748, 5.78010910445797865 52.00787242952517175, 5.77854511435416551 52.00816207625644694, 5.76436562990284962 52.01078693886686466, 5.76642061793202743 52.01111998112265411, 5.76710615352915212 52.0119022718358579, 5.77047059682773344 52.02115626598705234, 5.77047059682773344 52.02115626598705234),(5.80051000054200561 52.01936243756082945, 5.79768257445826762 52.0170401339913937, 5.80267368246726623 52.01511934573863272, 5.80625970922561851 52.01887799199932516, 5.80051000054200561 52.01936243756082945, 5.80051000054200561 52.01936243756082945)))</t>
  </si>
  <si>
    <t>MultiPolygon (((5.74735535603633529 52.0200197189422795, 5.7565677599420102 52.02106181508601424, 5.76988071090465127 52.02154083645996963, 5.77047059682773344 52.02115626598705234, 5.76710615352915212 52.0119022718358579, 5.76642061793202743 52.01111998112265411, 5.76436562990284962 52.01078693886686466, 5.75237711049349798 52.01300165800729047, 5.74735535603633529 52.0200197189422795, 5.74735535603633529 52.0200197189422795)))</t>
  </si>
  <si>
    <t>MultiPolygon (((5.79190960379939401 52.00575031625974987, 5.79639252008655248 52.00491532302281428, 5.79586786819377764 52.00342530268594032, 5.79792293111102719 51.99939694819610736, 5.79189451222010288 51.99987563244835798, 5.79189769921918352 51.99950404738297038, 5.79048367499883465 51.99898979503954166, 5.79130973557179285 51.99933052932110655, 5.79190960379939401 52.00575031625974987, 5.79190960379939401 52.00575031625974987)))</t>
  </si>
  <si>
    <t>MultiPolygon (((5.77854511435416551 52.00816207625644694, 5.78010910445797865 52.00787242952517175, 5.79190960379939401 52.00575031625974987, 5.79130973557179285 51.99933052932110655, 5.79048367499883465 51.99898979503954166, 5.78161868660204359 51.99791147336636499, 5.77854511435416551 52.00816207625644694, 5.77854511435416551 52.00816207625644694)))</t>
  </si>
  <si>
    <t>MultiPolygon (((5.79639252008655248 52.00491532302281428, 5.79860474822395844 52.00449673548258289, 5.81963176603337562 52.00055062435889397, 5.81353415394741724 51.99825735398632531, 5.80649414013161458 51.9932518772506711, 5.80292212780631544 51.99412036814710092, 5.79876121860557614 51.991789873458508, 5.79552993171392838 51.99041839174363844, 5.79462024180491664 51.98924763489332435, 5.79007223676484983 51.98824629909088202, 5.78161868660204359 51.99791147336636499, 5.79048367499883465 51.99898979503954166, 5.79189769921918352 51.99950404738297038, 5.79189451222010288 51.99987563244835798, 5.79792293111102719 51.99939694819610736, 5.79586786819377764 52.00342530268594032, 5.79639252008655248 52.00491532302281428, 5.79639252008655248 52.00491532302281428)))</t>
  </si>
  <si>
    <t>MultiPolygon (((5.75237711049349798 52.01300165800729047, 5.76436562990284962 52.01078693886686466, 5.77854511435416551 52.00816207625644694, 5.78161868660204359 51.99791147336636499, 5.79007223676484983 51.98824629909088202, 5.78342959430718295 51.98672134902170683, 5.78249618207513016 51.98643719946859676, 5.77755624920604038 51.99099563543681768, 5.77287882342112635 51.99117426820855314, 5.76526200737443251 51.99030780591408529, 5.76721510447543029 51.9950452015140101, 5.76961061481640058 52.00913342978531517, 5.76392307656474934 52.01020163831530141, 5.75267225157011985 52.01227963348802064, 5.75237711049349798 52.01300165800729047, 5.75237711049349798 52.01300165800729047)))</t>
  </si>
  <si>
    <t>MultiPolygon (((5.77755624920604038 51.99099563543681768, 5.78249618207513016 51.98643719946859676, 5.77880905542003909 51.98559329619747871, 5.77474506022775635 51.98359173594138127, 5.77532670456636144 51.98268525707744914, 5.77356130274840762 51.9817910034996018, 5.76797030495001373 51.98201341015530375, 5.76750853589879586 51.9834738874010327, 5.76407690777849169 51.9814107510290242, 5.76365735282458047 51.98151709671013521, 5.76788695552629349 51.98542163119525839, 5.77755624920604038 51.99099563543681768, 5.77755624920604038 51.99099563543681768)))</t>
  </si>
  <si>
    <t>MultiPolygon (((5.76407690777849169 51.9814107510290242, 5.76750853589879586 51.9834738874010327, 5.76797030495001373 51.98201341015530375, 5.77356130274840762 51.9817910034996018, 5.77176145201331003 51.98109308404029605, 5.76863486743092224 51.9762846007832735, 5.76636531836968835 51.97678112782870841, 5.76701931587720562 51.97918564149872367, 5.76315933398468694 51.97927511298783543, 5.76407690777849169 51.9814107510290242, 5.76407690777849169 51.9814107510290242)))</t>
  </si>
  <si>
    <t>MultiPolygon (((5.77356130274840762 51.9817910034996018, 5.77532670456636144 51.98268525707744914, 5.77592889357013739 51.98154694490737171, 5.77443358620611225 51.97590857556230048, 5.77148791572087205 51.97467843690096601, 5.76376985694360577 51.97438406107534092, 5.76252371858517076 51.977913134660227, 5.76365735282458047 51.98151709671013521, 5.76407690777849169 51.9814107510290242, 5.76315933398468694 51.97927511298783543, 5.76701931587720562 51.97918564149872367, 5.76636531836968835 51.97678112782870841, 5.76863486743092224 51.9762846007832735, 5.77176145201331003 51.98109308404029605, 5.77356130274840762 51.9817910034996018, 5.77356130274840762 51.9817910034996018)))</t>
  </si>
  <si>
    <t>MultiPolygon (((5.76526200737443251 51.99030780591408529, 5.77287882342112635 51.99117426820855314, 5.77755624920604038 51.99099563543681768, 5.76788695552629349 51.98542163119525839, 5.76365735282458047 51.98151709671013521, 5.76204925572195492 51.98185581521838827, 5.7621375262118395 51.98195347881617323, 5.7622700568722216 51.98266100709384574, 5.75971357780060522 51.98666285627174943, 5.75780533276740325 51.98731649781905872, 5.75080960905409899 51.98469054256465682, 5.75066868884028359 51.98473508175742808, 5.75115562654389567 51.98704792938303854, 5.7540841612527025 51.98687481707004565, 5.75957658722663179 51.99095608523691681, 5.76204766847448635 51.98991286916368182, 5.76526200737443251 51.99030780591408529, 5.76526200737443251 51.99030780591408529)))</t>
  </si>
  <si>
    <t>MultiPolygon (((5.75080960905409899 51.98469054256465682, 5.75780533276740325 51.98731649781905872, 5.75971357780060522 51.98666285627174943, 5.7622700568722216 51.98266100709384574, 5.75718592326231438 51.98276088355318336, 5.7518322930473218 51.98437416235552888, 5.75080960905409899 51.98469054256465682, 5.75080960905409899 51.98469054256465682)))</t>
  </si>
  <si>
    <t>MultiPolygon (((5.7518322930473218 51.98437416235552888, 5.75718592326231438 51.98276088355318336, 5.7622700568722216 51.98266100709384574, 5.7621375262118395 51.98195347881617323, 5.75928905847767769 51.98179224441300761, 5.75282227275982549 51.97926008173736534, 5.74811787946045971 51.98175605657860388, 5.7518322930473218 51.98437416235552888, 5.7518322930473218 51.98437416235552888)))</t>
  </si>
  <si>
    <t>MultiPolygon (((5.75066868884028359 51.98473508175742808, 5.75080960905409899 51.98469054256465682, 5.7518322930473218 51.98437416235552888, 5.74811787946045971 51.98175605657860388, 5.75282227275982549 51.97926008173736534, 5.74830988325140879 51.97755584448081123, 5.74281904672459742 51.98075120844213615, 5.74904271055928184 51.98397409457553664, 5.75066868884028359 51.98473508175742808, 5.75066868884028359 51.98473508175742808)))</t>
  </si>
  <si>
    <t>MultiPolygon (((5.7621375262118395 51.98195347881617323, 5.76204925572195492 51.98185581521838827, 5.76008338244871876 51.98152686577381587, 5.76073942140302186 51.97846525258530903, 5.75891369699747813 51.97717454497824008, 5.7568592927568405 51.97830164290117949, 5.74950854392361954 51.97616004410877366, 5.74830988325140879 51.97755584448081123, 5.75282227275982549 51.97926008173736534, 5.75928905847767769 51.98179224441300761, 5.7621375262118395 51.98195347881617323, 5.7621375262118395 51.98195347881617323)))</t>
  </si>
  <si>
    <t>MultiPolygon (((5.76204925572195492 51.98185581521838827, 5.76365735282458047 51.98151709671013521, 5.76252371858517076 51.977913134660227, 5.76376985694360577 51.97438406107534092, 5.75689389985882105 51.97461850450360998, 5.75392462893628487 51.97310506600088331, 5.75420712505598697 51.97112353585610833, 5.74718752347151707 51.97130287917680391, 5.74698501241567961 51.97211806035694792, 5.74999751280149063 51.9747431004032947, 5.74950854392361954 51.97616004410877366, 5.7568592927568405 51.97830164290117949, 5.75891369699747813 51.97717454497824008, 5.76073942140302186 51.97846525258530903, 5.76008338244871876 51.98152686577381587, 5.76204925572195492 51.98185581521838827, 5.76204925572195492 51.98185581521838827)))</t>
  </si>
  <si>
    <t>MultiPolygon (((5.76392307656474934 52.01020163831530141, 5.76961061481640058 52.00913342978531517, 5.76721510447543029 51.9950452015140101, 5.76526200737443251 51.99030780591408529, 5.76204766847448635 51.98991286916368182, 5.75957658722663179 51.99095608523691681, 5.7540841612527025 51.98687481707004565, 5.75115562654389567 51.98704792938303854, 5.74607110615268635 51.98842417435744068, 5.744837382836538 51.98657225296606299, 5.74055709585708929 51.98790828403311082, 5.7404602633498385 51.98793854084876642, 5.73758476211178881 51.99749422711645508, 5.74415776196449102 51.99805869642965916, 5.74949398813555312 52.00716458350005666, 5.75711373088529133 52.00466180400326266, 5.76392307656474934 52.01020163831530141, 5.76392307656474934 52.01020163831530141)))</t>
  </si>
  <si>
    <t>MultiPolygon (((5.74513738293603371 52.01976864661942557, 5.74735535603633529 52.0200197189422795, 5.75237711049349798 52.01300165800729047, 5.75267225157011985 52.01227963348802064, 5.76392307656474934 52.01020163831530141, 5.75711373088529133 52.00466180400326266, 5.74949398813555312 52.00716458350005666, 5.74415776196449102 51.99805869642965916, 5.73758476211178881 51.99749422711645508, 5.7404602633498385 51.98793854084876642, 5.72933520838105892 51.99017513364679388, 5.72046402608790494 51.99100751503327444, 5.72436261189858797 52.00070833017495886, 5.73277630774821301 52.00074003293327252, 5.73588349197778591 52.00232012352094557, 5.73413701602321257 52.00641856564913468, 5.73756649865102997 52.00715760415246081, 5.73881372923444033 52.00814196575313275, 5.73928458775085826 52.01016873799840567, 5.73818180839006065 52.01228747983194722, 5.74115997440812187 52.01643659875355041, 5.74513738293603371 52.01976864661942557, 5.74513738293603371 52.01976864661942557)))</t>
  </si>
  <si>
    <t>MultiPolygon (((5.744837382836538 51.98657225296606299, 5.74607110615268635 51.98842417435744068, 5.75115562654389567 51.98704792938303854, 5.75066868884028359 51.98473508175742808, 5.74904271055928184 51.98397409457553664, 5.7484549532980207 51.98445001557116285, 5.74331878618470526 51.98215799265719994, 5.73857802136068518 51.98186232141060259, 5.73969869088590023 51.98284285736533405, 5.744837382836538 51.98657225296606299, 5.744837382836538 51.98657225296606299)))</t>
  </si>
  <si>
    <t>MultiPolygon (((5.74055709585708929 51.98790828403311082, 5.744837382836538 51.98657225296606299, 5.73969869088590023 51.98284285736533405, 5.73825435101851955 51.98508278889542567, 5.74055709585708929 51.98790828403311082, 5.74055709585708929 51.98790828403311082)))</t>
  </si>
  <si>
    <t>MultiPolygon (((5.73857802136068518 51.98186232141060259, 5.74331878618470526 51.98215799265719994, 5.7484549532980207 51.98445001557116285, 5.74904271055928184 51.98397409457553664, 5.74281904672459742 51.98075120844213615, 5.74013527603848939 51.97947455935663186, 5.73489039019702229 51.97925719873285999, 5.73857802136068518 51.98186232141060259, 5.73857802136068518 51.98186232141060259)))</t>
  </si>
  <si>
    <t>MultiPolygon (((5.73825435101851955 51.98508278889542567, 5.73969869088590023 51.98284285736533405, 5.73857802136068518 51.98186232141060259, 5.73489039019702229 51.97925719873285999, 5.73174955032851408 51.97761925563944629, 5.72711785015228791 51.97885845191539289, 5.73166241916416297 51.98131953044102005, 5.73421009319966135 51.9818175264930602, 5.73825435101851955 51.98508278889542567, 5.73825435101851955 51.98508278889542567)))</t>
  </si>
  <si>
    <t>MultiPolygon (((5.72046402608790494 51.99100751503327444, 5.72933520838105892 51.99017513364679388, 5.7404602633498385 51.98793854084876642, 5.74055709585708929 51.98790828403311082, 5.73825435101851955 51.98508278889542567, 5.73421009319966135 51.9818175264930602, 5.73166241916416297 51.98131953044102005, 5.72711785015228791 51.97885845191539289, 5.72491120078620064 51.97843573978178711, 5.72535105715366921 51.97925696192214673, 5.72171430607923259 51.98148746040308055, 5.72115579869460067 51.98092374078741074, 5.7166392518375666 51.98143670458645715, 5.72046402608790494 51.99100751503327444, 5.72046402608790494 51.99100751503327444)))</t>
  </si>
  <si>
    <t>MultiPolygon (((5.74013527603848939 51.97947455935663186, 5.74281904672459742 51.98075120844213615, 5.74830988325140879 51.97755584448081123, 5.74950854392361954 51.97616004410877366, 5.74412008303639698 51.97450409745481181, 5.74013363875546911 51.97433485668681641, 5.73993456652675604 51.97447084420789309, 5.74013527603848939 51.97947455935663186, 5.74013527603848939 51.97947455935663186)))</t>
  </si>
  <si>
    <t>MultiPolygon (((5.73489039019702229 51.97925719873285999, 5.74013527603848939 51.97947455935663186, 5.73993456652675604 51.97447084420789309, 5.73029939596943105 51.97527745181920267, 5.73174955032851408 51.97761925563944629, 5.73489039019702229 51.97925719873285999, 5.73489039019702229 51.97925719873285999)))</t>
  </si>
  <si>
    <t>MultiPolygon (((5.73029939596943105 51.97527745181920267, 5.73993456652675604 51.97447084420789309, 5.74013363875546911 51.97433485668681641, 5.73558000666498913 51.9724734601167242, 5.72644749365979067 51.97094380739609676, 5.72681371647215975 51.97425386953041482, 5.73029939596943105 51.97527745181920267, 5.73029939596943105 51.97527745181920267)))</t>
  </si>
  <si>
    <t>MultiPolygon (((5.72491120078620064 51.97843573978178711, 5.72711785015228791 51.97885845191539289, 5.73174955032851408 51.97761925563944629, 5.73029939596943105 51.97527745181920267, 5.72681371647215975 51.97425386953041482, 5.72644749365979067 51.97094380739609676, 5.7198069514118357 51.96916529718243538, 5.72216659480771561 51.97528234335177189, 5.72491120078620064 51.97843573978178711, 5.72491120078620064 51.97843573978178711)))</t>
  </si>
  <si>
    <t>MultiPolygon (((5.72115579869460067 51.98092374078741074, 5.72171430607923259 51.98148746040308055, 5.72535105715366921 51.97925696192214673, 5.72491120078620064 51.97843573978178711, 5.72216659480771561 51.97528234335177189, 5.7198069514118357 51.96916529718243538, 5.7136400454204308 51.96813884428987507, 5.71363899708335676 51.96814235891153544, 5.71849070237668577 51.97448408543679932, 5.71778368066566767 51.97537860845525159, 5.72115579869460067 51.98092374078741074, 5.72115579869460067 51.98092374078741074)))</t>
  </si>
  <si>
    <t>MultiPolygon (((5.74013363875546911 51.97433485668681641, 5.74412008303639698 51.97450409745481181, 5.74950854392361954 51.97616004410877366, 5.74999751280149063 51.9747431004032947, 5.74698501241567961 51.97211806035694792, 5.74718752347151707 51.97130287917680391, 5.74629570643364218 51.9700200017624212, 5.74161029883628071 51.97011285283840465, 5.73219879983432357 51.96815692311182744, 5.72845026224134646 51.96714208899283705, 5.7226055585061637 51.96405076995782224, 5.72088612691601739 51.96690521138329899, 5.71768349705033163 51.96682275824406361, 5.7136400454204308 51.96813884428987507, 5.7198069514118357 51.96916529718243538, 5.72644749365979067 51.97094380739609676, 5.73558000666498913 51.9724734601167242, 5.74013363875546911 51.97433485668681641)))</t>
  </si>
  <si>
    <t>MultiPolygon (((5.64334189998756042 52.26920290066931329, 5.64428822942072284 52.26922685505451938, 5.64897544290663056 52.26688070640258843, 5.65427991118973239 52.26319994712789452, 5.65709811201007184 52.26205217016958215, 5.66179805061485908 52.2577861753984223, 5.66817629977653947 52.25544513386049772, 5.67551011681530326 52.25121166391991068, 5.67715897037522588 52.2496918563996644, 5.68142410576550283 52.24174874962838544, 5.68364209537786724 52.24061686251764769, 5.68127007051124 52.22533946716911402, 5.67086315131181706 52.22396837658571656, 5.66551866058261755 52.22270448254177211, 5.65766247387564558 52.21917281923366971, 5.64636072498439301 52.21407557590967485, 5.63829184885248047 52.21461680215831791, 5.62877856872337201 52.22171741403009548, 5.63324067648242366 52.22779212900888979, 5.6316504273836312 52.23992452177470369, 5.62944512400019104 52.24389972015504924, 5.61884188167569398 52.2495482176972601, 5.62241231673991759 52.2521271192888932, 5.62488196041060196 52.25580717171931155, 5.629099647370718 52.25790343622701783, 5.62933596864743357 52.25851945903102802, 5.62645219992240264 52.25856241225226739, 5.62716686793063658 52.25991165953276862, 5.62538951060437675 52.26716755985955842, 5.62089919074503541 52.27562726826526074, 5.63921080566696098 52.27186125999141808, 5.64202113879225475 52.2707137458562201, 5.64334189998756042 52.26920290066931329),(5.6592042212204019 52.22828677570821299, 5.66459240095588878 52.22785742413213228, 5.6696575374216458 52.22844730479595654, 5.67259183336480977 52.22988616808636664, 5.67488461097593966 52.2366678478296862, 5.65602072497156083 52.23770996409788125, 5.65507684642607789 52.23655801539561594, 5.65415409344963926 52.23159881444828301, 5.65672811330726688 52.22930639854124735, 5.6592042212204019 52.22828677570821299, 5.6592042212204019 52.22828677570821299)))</t>
  </si>
  <si>
    <t>MultiPolygon (((5.60730924504045714 52.25058955743044464, 5.61884188167569398 52.2495482176972601, 5.62944512400019104 52.24389972015504924, 5.6316504273836312 52.23992452177470369, 5.63324067648242366 52.22779212900888979, 5.62877856872337201 52.22171741403009548, 5.63829184885248047 52.21461680215831791, 5.64636072498439301 52.21407557590967485, 5.63326739143708277 52.20816659764845014, 5.60796850278724612 52.20509308228636769, 5.60848610971632677 52.21312605957723463, 5.60720651950768278 52.22302408368788207, 5.60757828208106979 52.22481393648335768, 5.61000183853170942 52.22742035541655525, 5.60895903156079623 52.232245138231157, 5.60975584801927063 52.23703948841364308, 5.609017712224043 52.24548324976136371, 5.60730924504045714 52.25058955743044464, 5.60730924504045714 52.25058955743044464)))</t>
  </si>
  <si>
    <t>MultiPolygon (((5.67488461097593966 52.2366678478296862, 5.67259183336480977 52.22988616808636664, 5.6696575374216458 52.22844730479595654, 5.66459240095588878 52.22785742413213228, 5.6592042212204019 52.22828677570821299, 5.65672811330726688 52.22930639854124735, 5.65415409344963926 52.23159881444828301, 5.65507684642607789 52.23655801539561594, 5.65602072497156083 52.23770996409788125, 5.67488461097593966 52.2366678478296862)))</t>
  </si>
  <si>
    <t>MultiPolygon (((5.55133977979686843 52.29009685600669144, 5.55200663409264727 52.29035557366248099, 5.55379939556964608 52.28836358902220383, 5.55291414266343963 52.2879175602427253, 5.55527371729489783 52.28670048657885872, 5.5661592866078804 52.2852230231698627, 5.561420673693104 52.27926809585439116, 5.55825151834126263 52.2774490588261358, 5.554075474423815 52.27202362312596762, 5.5505055955860394 52.26938733858495567, 5.5419088324092467 52.25797883513556741, 5.53776593603133094 52.25729213312246912, 5.53688283586954011 52.25165623172295426, 5.53393885631232507 52.24749043850112429, 5.52261694975876605 52.25087973169517852, 5.51881705875323547 52.24601264963362013, 5.51379649345797063 52.24559403208893826, 5.50716423067784966 52.24644132110621797, 5.50247053078659842 52.24553008919203734, 5.49985891806828953 52.24407293817808551, 5.49736436451138299 52.24122728657349057, 5.49617772053881559 52.23915389244974961, 5.49608178390835356 52.23627908016565158, 5.4900129678844376 52.23582878063493951, 5.48788123611413958 52.23659472716807528, 5.4836902926269433 52.23924354775693502, 5.48132504294029044 52.24339216787401341, 5.47419202015897088 52.2564699239529773, 5.47854289061325694 52.25743153441580091, 5.47861957275492717 52.25781967919860449, 5.48840867182740411 52.26253992928325687, 5.50190265512621757 52.26448229468464035, 5.50554487021487926 52.26475801070910165, 5.5274397780653608 52.26368004704404768, 5.52820459996592106 52.26425975441055982, 5.52608045344905729 52.26480021126665321, 5.52874867898536948 52.26484146533888264, 5.53082271444916618 52.2660551299925018, 5.53159043605126222 52.26769255335458553, 5.53060578454696206 52.26916642569836569, 5.53103747913113786 52.27156077395176226, 5.53160140534404388 52.26911230910668138, 5.53331386540627435 52.26901349805788755, 5.53481376668973635 52.27056927392833074, 5.53184814699932748 52.27149585709066315, 5.53577091640836549 52.27143067739136484, 5.54100764644016408 52.2791683716699751, 5.54807870041046325 52.29181108160455693, 5.55133977979686843 52.29009685600669144)))</t>
  </si>
  <si>
    <t>MultiPolygon (((5.57738955591999641 52.28233804177092026, 5.58753589282618268 52.27881238611811199, 5.5934519442157038 52.2782599440573037, 5.59787992455810457 52.27865892266830627, 5.60289135260154136 52.2784070902803677, 5.6106543398342259 52.27726299522660725, 5.61152290802855624 52.27639767873682075, 5.6110490711173151 52.27568966801575812, 5.61222322629122861 52.27532218294040689, 5.61816845657886432 52.2750198075750987, 5.61901474681797364 52.27551662626630247, 5.61524950885198582 52.2714775548304118, 5.61051705336472661 52.26942559038665337, 5.60081300070510846 52.26215276984024172, 5.59672036958338204 52.26148152570657146, 5.58905942065383687 52.26338315000108281, 5.58768348576337281 52.26877900065223059, 5.58838481421916544 52.26902328622789184, 5.58847955437783384 52.27119086180118046, 5.58425913916474848 52.27163473000602778, 5.57536270070081486 52.26527157841000104, 5.58044682075618947 52.26440155928288078, 5.58202306620504718 52.26286553285292769, 5.57872232131843759 52.26016212921830117, 5.57661830820743543 52.25956950716525284, 5.57405728060165107 52.26006366259023395, 5.5736989389347853 52.25876496184115894, 5.57889434111809557 52.25760553296545652, 5.57978290078956807 52.25849263718345128, 5.5866635832923528 52.25599842038069909, 5.58823918323060465 52.25529919302256587, 5.57904755424562904 52.25222718280153344, 5.56780516833535977 52.2533521030116006, 5.56459029564687757 52.25252392239488586, 5.55963636942670458 52.2495886046741731, 5.54918633872361422 52.24990450100916917, 5.53393885631232507 52.24749043850112429, 5.53688283586954011 52.25165623172295426, 5.53776593603133094 52.25729213312246912, 5.5419088324092467 52.25797883513556741, 5.5505055955860394 52.26938733858495567, 5.554075474423815 52.27202362312596762, 5.55825151834126263 52.2774490588261358, 5.561420673693104 52.27926809585439116, 5.5661592866078804 52.2852230231698627, 5.57738955591999641 52.28233804177092026)))</t>
  </si>
  <si>
    <t>MultiPolygon (((5.60848610971632677 52.21312605957723463, 5.60796850278724612 52.20509308228636769, 5.60772603359611299 52.20506335720502733, 5.5499173440834122 52.20233624002659667, 5.54955128447780499 52.20364930678530158, 5.54135448547485421 52.21227886395723061, 5.53984598007062878 52.21212722178040622, 5.53961066308449812 52.21317336145379784, 5.54041471447442468 52.21325405520658336, 5.53622373140154345 52.21760238915738483, 5.55024146256606787 52.21891670312022882, 5.55596670217473498 52.22027115249749585, 5.55842834298538513 52.22185845310961128, 5.55991547446745749 52.22489670185790089, 5.56832735365857801 52.22655947701782964, 5.58290148005695297 52.226158715357478, 5.59930680971813377 52.22459176028631589, 5.60324654032489367 52.22338024046072036, 5.60720651950768278 52.22302408368788207, 5.60848610971632677 52.21312605957723463, 5.60848610971632677 52.21312605957723463)))</t>
  </si>
  <si>
    <t>MultiPolygon (((5.58823918323060465 52.25529919302256587, 5.59914620833915677 52.251415362349519, 5.60242196688833438 52.25047639032792546, 5.60730924504045714 52.25058955743044464, 5.609017712224043 52.24548324976136371, 5.60975584801927063 52.23703948841364308, 5.60895903156079623 52.232245138231157, 5.61000183853170942 52.22742035541655525, 5.60757828208106979 52.22481393648335768, 5.60720651950768278 52.22302408368788207, 5.60324654032489367 52.22338024046072036, 5.59930680971813377 52.22459176028631589, 5.58290148005695297 52.226158715357478, 5.56832735365857801 52.22655947701782964, 5.55991547446745749 52.22489670185790089, 5.55944965374200173 52.22631409021681037, 5.56042576908597042 52.22968309749009563, 5.55123184295496941 52.23593996430451369, 5.55516390215214173 52.24056596482439119, 5.54918633872361422 52.24990450100916917, 5.55963636942670458 52.2495886046741731, 5.56459029564687757 52.25252392239488586, 5.56780516833535977 52.2533521030116006, 5.57904755424562904 52.25222718280153344, 5.58823918323060465 52.25529919302256587, 5.58823918323060465 52.25529919302256587)))</t>
  </si>
  <si>
    <t>MultiPolygon (((5.52261694975876605 52.25087973169517852, 5.53393885631232507 52.24749043850112429, 5.54918633872361422 52.24990450100916917, 5.55516390215214173 52.24056596482439119, 5.55123184295496941 52.23593996430451369, 5.56042576908597042 52.22968309749009563, 5.55944965374200173 52.22631409021681037, 5.55991547446745749 52.22489670185790089, 5.55842834298538513 52.22185845310961128, 5.55596670217473498 52.22027115249749585, 5.55024146256606787 52.21891670312022882, 5.53622373140154345 52.21760238915738483, 5.53459230961291393 52.21929637230944365, 5.53314480689279264 52.21910382819392282, 5.52694141209456369 52.22304362684911894, 5.52301494832362572 52.22730386911497646, 5.52348577091527204 52.22750081553321877, 5.51939715171348944 52.23062098009672383, 5.51751043579449174 52.23095882843682602, 5.51768120899724579 52.23141212896985053, 5.51487860396034613 52.23114174156444278, 5.51557326999495334 52.23412794400196901, 5.51501518257549339 52.23434527494840296, 5.5127651439783083 52.23469031410409968, 5.51297443716920021 52.23573193111317181, 5.51024693800125664 52.23533015867075591, 5.51099877152734408 52.23380865236688209, 5.51033331563874729 52.23283800004175959, 5.50815214441144008 52.23250605404528812, 5.50644302719050494 52.23159341904207054, 5.50170533384059102 52.2329602619504243, 5.50099438614294023 52.23411985640073141, 5.49938220986683746 52.23388405080498842, 5.49739188411890201 52.23637226950954471, 5.49608178390835356 52.23627908016565158, 5.49617772053881559 52.23915389244974961, 5.49736436451138299 52.24122728657349057, 5.49985891806828953 52.24407293817808551, 5.50247053078659842 52.24553008919203734, 5.50716423067784966 52.24644132110621797, 5.51379649345797063 52.24559403208893826, 5.51881705875323547 52.24601264963362013, 5.52261694975876605 52.25087973169517852, 5.52261694975876605 52.25087973169517852)))</t>
  </si>
  <si>
    <t>MultiPolygon (((5.59779034186532964 52.26042243485642302, 5.5866635832923528 52.25599842038069909, 5.57978290078956807 52.25849263718345128, 5.57889434111809557 52.25760553296545652, 5.5736989389347853 52.25876496184115894, 5.57405728060165107 52.26006366259023395, 5.57661830820743543 52.25956950716525284, 5.57872232131843759 52.26016212921830117, 5.58202306620504718 52.26286553285292769, 5.58044682075618947 52.26440155928288078, 5.57536270070081486 52.26527157841000104, 5.58425913916474848 52.27163473000602778, 5.58847955437783384 52.27119086180118046, 5.58838481421916544 52.26902328622789184, 5.58768348576337281 52.26877900065223059, 5.58905942065383687 52.26338315000108281, 5.59672036958338204 52.26148152570657146, 5.60081300070510846 52.26215276984024172, 5.59779034186532964 52.26042243485642302, 5.59779034186532964 52.26042243485642302)))</t>
  </si>
  <si>
    <t>MultiPolygon (((5.59779034186532964 52.26042243485642302, 5.60496361873973026 52.25753529535448649, 5.59914620833915677 52.251415362349519, 5.58823918323060465 52.25529919302256587, 5.5866635832923528 52.25599842038069909, 5.59779034186532964 52.26042243485642302, 5.59779034186532964 52.26042243485642302)))</t>
  </si>
  <si>
    <t>MultiPolygon (((5.62089919074503541 52.27562726826526074, 5.62538951060437675 52.26716755985955842, 5.62716686793063658 52.25991165953276862, 5.61941783335969003 52.25945978768359623, 5.61456178428676189 52.26050367740278091, 5.61420423707427485 52.26134303750873755, 5.61090858505945533 52.26221384031695294, 5.60638802360784183 52.26274641969547474, 5.60207614813674581 52.26163368112785435, 5.60081300070510846 52.26215276984024172, 5.61051705336472661 52.26942559038665337, 5.61524950885198582 52.2714775548304118, 5.61901474681797364 52.27551662626630247, 5.62089919074503541 52.27562726826526074, 5.62089919074503541 52.27562726826526074)))</t>
  </si>
  <si>
    <t>MultiPolygon (((5.61090858505945533 52.26221384031695294, 5.61420423707427485 52.26134303750873755, 5.61456178428676189 52.26050367740278091, 5.61941783335969003 52.25945978768359623, 5.62716686793063658 52.25991165953276862, 5.62645219992240264 52.25856241225226739, 5.62933596864743357 52.25851945903102802, 5.629099647370718 52.25790343622701783, 5.62488196041060196 52.25580717171931155, 5.62241231673991759 52.2521271192888932, 5.61884188167569398 52.2495482176972601, 5.60730924504045714 52.25058955743044464, 5.60242196688833438 52.25047639032792546, 5.59914620833915677 52.251415362349519, 5.60496361873973026 52.25753529535448649, 5.608347414063374 52.25589041838370719, 5.61037782659612549 52.25829167481457915, 5.61013929199639971 52.26128955423366307, 5.61090858505945533 52.26221384031695294, 5.61090858505945533 52.26221384031695294)))</t>
  </si>
  <si>
    <t>MultiPolygon (((5.60081300070510846 52.26215276984024172, 5.60207614813674581 52.26163368112785435, 5.60638802360784183 52.26274641969547474, 5.61090858505945533 52.26221384031695294, 5.61013929199639971 52.26128955423366307, 5.61037782659612549 52.25829167481457915, 5.608347414063374 52.25589041838370719, 5.60496361873973026 52.25753529535448649, 5.59779034186532964 52.26042243485642302, 5.60081300070510846 52.26215276984024172, 5.60081300070510846 52.26215276984024172)))</t>
  </si>
  <si>
    <t>MultiPolygon (((5.8858168257106076 52.47749177899188311, 5.87392905173906232 52.46555549441319499, 5.87054019142409711 52.46368563447506972, 5.86963420038823713 52.46089336127101177, 5.86785842850252592 52.45897175880477192, 5.86302621315769645 52.46096127578674384, 5.8648400369061493 52.46205522965470891, 5.86342250329807602 52.46240833901331513, 5.86227139371882622 52.4613400857190797, 5.85901184373036266 52.46250602565290677, 5.85056174507485771 52.46665630016959625, 5.84840503352960095 52.4672157558497787, 5.84498015325116249 52.46985868137774389, 5.84236347421518332 52.47055045152012553, 5.85021668660255756 52.48560687839326278, 5.85110119269761597 52.49140112234683642, 5.90158112268959822 52.50567914334651221, 5.90955985408116469 52.49795457813762312, 5.92085187225612408 52.48255479728488382, 5.91439411109507862 52.48131364073138627, 5.91513703556146364 52.47979256583334973, 5.91427564782032 52.47963546768279741, 5.8858168257106076 52.47749177899188311, 5.8858168257106076 52.47749177899188311)))</t>
  </si>
  <si>
    <t>MultiPolygon (((5.87620539883144133 52.52202501997810913, 5.87776268493299536 52.52114849927688311, 5.87902257380968152 52.52166164034331786, 5.88260439710744709 52.51896121930575845, 5.88331868064477526 52.51923075051293921, 5.88727666187981402 52.51690619169189489, 5.90158112268959822 52.50567914334651221, 5.85110119269761597 52.49140112234683642, 5.85217572272754438 52.4948085852794577, 5.85822291568282871 52.50026966475979151, 5.8645498648398231 52.51581424601758386, 5.86643787201639277 52.51775568966795049, 5.86580130297385427 52.51865806093850608, 5.87620539883144133 52.52202501997810913, 5.87620539883144133 52.52202501997810913),(5.8681136096409281 52.51262167325175767, 5.86988916615008183 52.51077091284336973, 5.87548228791438376 52.51251601308998573, 5.8784528230148636 52.50914047523484385, 5.8808191746170202 52.50868043528701179, 5.88202935811486505 52.50967047031588208, 5.88125933495784547 52.51517995103439773, 5.87311793851211306 52.51452009253610242, 5.8681136096409281 52.51262167325175767, 5.8681136096409281 52.51262167325175767)))</t>
  </si>
  <si>
    <t>MultiPolygon (((5.92085187225612408 52.48255479728488382, 5.92555944460960582 52.47405758598178238, 5.93540970510709887 52.47739203147938269, 5.93687988626193963 52.4764990505704958, 5.94612201607290292 52.48203960214538455, 5.95047861435037984 52.47738103771353479, 5.93963169595146301 52.47145985845303073, 5.93584803369913505 52.46946422097511942, 5.92182726049908226 52.4645806490353479, 5.90436743726347046 52.45685328021829719, 5.90212008829633117 52.4585681773376109, 5.89655438854624503 52.46293322087015554, 5.90480083386573895 52.46573558765675926, 5.90461655745393177 52.46682669417013045, 5.89919069111008554 52.46822451139139076, 5.89170181054807163 52.46810749096932369, 5.88825114412776962 52.46320145233003274, 5.89015203872860393 52.46162226518314498, 5.88428957532391284 52.4596301410492174, 5.88670588680874562 52.45652657675498887, 5.877613383352843 52.45312358009888953, 5.87464871579464898 52.4542129743981036, 5.87406664806928269 52.45565938840948661, 5.87254671629662894 52.45524311954703478, 5.8713628697968181 52.45779334386796222, 5.86785842850252592 52.45897175880477192, 5.86963420038823713 52.46089336127101177, 5.87054019142409711 52.46368563447506972, 5.87392905173906232 52.46555549441319499, 5.8858168257106076 52.47749177899188311, 5.91427564782032 52.47963546768279741, 5.91513703556146364 52.47979256583334973, 5.91439411109507862 52.48131364073138627, 5.92085187225612408 52.48255479728488382, 5.92085187225612408 52.48255479728488382)))</t>
  </si>
  <si>
    <t>MultiPolygon (((5.89655438854624503 52.46293322087015554, 5.90212008829633117 52.4585681773376109, 5.87375039146688049 52.44699980276945439, 5.87138352442239064 52.44785716908403828, 5.87433846330548359 52.44975901984606281, 5.877613383352843 52.45312358009888953, 5.88670588680874562 52.45652657675498887, 5.88428957532391284 52.4596301410492174, 5.89015203872860393 52.46162226518314498, 5.89091432921682667 52.46098989888412945, 5.89655438854624503 52.46293322087015554, 5.89655438854624503 52.46293322087015554)))</t>
  </si>
  <si>
    <t>MultiPolygon (((5.88125933495784547 52.51517995103439773, 5.88202935811486505 52.50967047031588208, 5.8808191746170202 52.50868043528701179, 5.8784528230148636 52.50914047523484385, 5.87548228791438376 52.51251601308998573, 5.86988916615008183 52.51077091284336973, 5.8681136096409281 52.51262167325175767, 5.87311793851211306 52.51452009253610242, 5.88125933495784547 52.51517995103439773, 5.88125933495784547 52.51517995103439773)))</t>
  </si>
  <si>
    <t>MultiPolygon (((5.89015203872860393 52.46162226518314498, 5.88825114412776962 52.46320145233003274, 5.89170181054807163 52.46810749096932369, 5.89919069111008554 52.46822451139139076, 5.90461655745393177 52.46682669417013045, 5.90480083386573895 52.46573558765675926, 5.89655438854624503 52.46293322087015554, 5.89091432921682667 52.46098989888412945, 5.89015203872860393 52.46162226518314498, 5.89015203872860393 52.46162226518314498)))</t>
  </si>
  <si>
    <t>MultiPolygon (((5.99544297716608199 52.45073272186218816, 5.99677830564875869 52.44942433745158183, 5.97788659162037295 52.43986196977714087, 5.97081892626266431 52.44814484078706585, 5.9752432384071863 52.44845185446256863, 5.99544297716608199 52.45073272186218816, 5.99544297716608199 52.45073272186218816)))</t>
  </si>
  <si>
    <t>MultiPolygon (((6.03590883723736038 52.47415975290015666, 6.03693839397223808 52.4703108600210939, 6.03610821629569649 52.46751214715481382, 6.0339226483745918 52.46439577541917743, 6.03471425577298159 52.46167677084678616, 6.03023528105504614 52.45378036502969366, 6.02939095638431954 52.45265251613595581, 6.02083426895408191 52.45829476716374273, 6.01651201043402395 52.46226253037599463, 6.01362427160369339 52.46438458594253262, 6.01553894759427266 52.46657641784575077, 6.01980863100127728 52.47072480340921885, 6.02498622629507175 52.47379497478862476, 6.02787109271987198 52.47430968500150783, 6.02998928057332328 52.47362246019804388, 6.0318373681795423 52.47509172991112081, 6.03009926936850427 52.47663074984686915, 6.0332886843302056 52.47803579540165941, 6.03590883723736038 52.47415975290015666, 6.03590883723736038 52.47415975290015666)))</t>
  </si>
  <si>
    <t>MultiPolygon (((6.01604039493079767 52.48274623328615718, 6.01669989245817938 52.48227021933083591, 6.01963053230487333 52.48365973198141887, 6.02139356737964526 52.48373414954256333, 6.02593307185261029 52.48328620989358484, 6.02853785170366496 52.48195556896985892, 6.02227087100066427 52.47820646142649537, 6.01126723100035143 52.47294424386124945, 6.00678178917812122 52.47581937376617134, 6.0054688970306076 52.47751786277930108, 6.00212309155843826 52.4753925691869938, 5.99177914952915902 52.48617329634219431, 5.98316165378341669 52.48897570912612309, 5.99172241528847405 52.49389879717978147, 6.00078839952877896 52.50014882409335826, 6.00874149203104047 52.49656933532256176, 6.01897640377221066 52.48895816674529158, 6.01852710410301572 52.48446672242853595, 6.01604039493079767 52.48274623328615718, 6.01604039493079767 52.48274623328615718)))</t>
  </si>
  <si>
    <t>MultiPolygon (((6.02083426895408191 52.45829476716374273, 6.02939095638431954 52.45265251613595581, 6.02266741761997348 52.4441031086679601, 6.01775521929886192 52.44420863567246727, 5.99400319207429 52.42606271680759988, 5.97788659162037295 52.43986196977714087, 5.99677830564875869 52.44942433745158183, 6.00233554820971449 52.44549581817772577, 6.00827769237676801 52.44705394633012219, 6.00275104189921205 52.45389991762856852, 6.00743367974214237 52.45789184739783906, 6.00866857989394099 52.45686443938927823, 6.01651201043402395 52.46226253037599463, 6.02083426895408191 52.45829476716374273, 6.02083426895408191 52.45829476716374273)))</t>
  </si>
  <si>
    <t>MultiPolygon (((6.00212309155843826 52.4753925691869938, 5.98822263904421259 52.46737306844850224, 5.98646328508060233 52.46622903743303112, 5.98479107896084095 52.46499353964955503, 5.97650869949903463 52.4717875049028919, 5.96854089976784152 52.47158418968092519, 5.96524000327853354 52.47451567871477351, 5.96530901777050904 52.47644438898795727, 5.97180861848453581 52.48125211905445298, 5.98316165378341669 52.48897570912612309, 5.99177914952915902 52.48617329634219431, 6.00212309155843826 52.4753925691869938, 6.00212309155843826 52.4753925691869938)))</t>
  </si>
  <si>
    <t>MultiPolygon (((5.96524000327853354 52.47451567871477351, 5.96854089976784152 52.47158418968092519, 5.97650869949903463 52.4717875049028919, 5.98479107896084095 52.46499353964955503, 5.9752432384071863 52.44845185446256863, 5.97081892626266431 52.44814484078706585, 5.96961272617203154 52.44826593037570461, 5.96487991566456444 52.45328172266157907, 5.95900553342571015 52.45235837333822104, 5.95425128431905115 52.45753280277453001, 5.9551727190047048 52.45952363485131542, 5.95187362169651824 52.46282885989049305, 5.94959119810196135 52.46200948571453182, 5.94706266832443475 52.4649693849548342, 5.93963169595146301 52.47145985845303073, 5.95047861435037984 52.47738103771353479, 5.94612201607290292 52.48203960214538455, 5.94988967289556214 52.48380855788585109, 5.95288150546642303 52.48443847401981088, 5.95830097258789682 52.48406300832554905, 5.96530901777050904 52.47644438898795727, 5.96524000327853354 52.47451567871477351, 5.96524000327853354 52.47451567871477351)))</t>
  </si>
  <si>
    <t>MultiPolygon (((6.00212309155843826 52.4753925691869938, 6.0054688970306076 52.47751786277930108, 6.00678178917812122 52.47581937376617134, 6.01126723100035143 52.47294424386124945, 6.01302092510211139 52.47165875574133054, 5.99568282293582833 52.46505776524637099, 5.99260738765788492 52.46388602808681156, 5.98822263904421259 52.46737306844850224, 6.00212309155843826 52.4753925691869938, 6.00212309155843826 52.4753925691869938)))</t>
  </si>
  <si>
    <t>MultiPolygon (((5.98479107896084095 52.46499353964955503, 5.98646328508060233 52.46622903743303112, 5.99078825346641786 52.46095467200031948, 5.99402473089993038 52.45833341810846662, 5.99544297716608199 52.45073272186218816, 5.9752432384071863 52.44845185446256863, 5.98479107896084095 52.46499353964955503, 5.98479107896084095 52.46499353964955503)))</t>
  </si>
  <si>
    <t>MultiPolygon (((6.0318373681795423 52.47509172991112081, 6.02998928057332328 52.47362246019804388, 6.02787109271987198 52.47430968500150783, 6.02498622629507175 52.47379497478862476, 6.01980863100127728 52.47072480340921885, 6.01553894759427266 52.46657641784575077, 6.0162798087359679 52.46775688813949756, 6.01568957416461103 52.47126799896103222, 6.01493232093186592 52.4719317585222953, 6.01302092510211139 52.47165875574133054, 6.01126723100035143 52.47294424386124945, 6.02227087100066427 52.47820646142649537, 6.02853785170366496 52.48195556896985892, 6.03286252795481648 52.4784991055984662, 6.0332886843302056 52.47803579540165941, 6.03009926936850427 52.47663074984686915, 6.0318373681795423 52.47509172991112081, 6.0318373681795423 52.47509172991112081)))</t>
  </si>
  <si>
    <t>MultiPolygon (((6.01302092510211139 52.47165875574133054, 6.01493232093186592 52.4719317585222953, 6.01568957416461103 52.47126799896103222, 6.0162798087359679 52.46775688813949756, 6.01553894759427266 52.46657641784575077, 6.01362427160369339 52.46438458594253262, 6.01651201043402395 52.46226253037599463, 6.00866857989394099 52.45686443938927823, 6.00743367974214237 52.45789184739783906, 6.00113735406603777 52.46376687269955852, 5.99568282293582833 52.46505776524637099, 6.01302092510211139 52.47165875574133054, 6.01302092510211139 52.47165875574133054)))</t>
  </si>
  <si>
    <t>MultiPolygon (((5.98646328508060233 52.46622903743303112, 5.98822263904421259 52.46737306844850224, 5.99260738765788492 52.46388602808681156, 5.99568282293582833 52.46505776524637099, 6.00113735406603777 52.46376687269955852, 6.00743367974214237 52.45789184739783906, 6.00275104189921205 52.45389991762856852, 6.00827769237676801 52.44705394633012219, 6.00233554820971449 52.44549581817772577, 5.99677830564875869 52.44942433745158183, 5.99544297716608199 52.45073272186218816, 5.99402473089993038 52.45833341810846662, 5.99078825346641786 52.46095467200031948, 5.98646328508060233 52.46622903743303112, 5.98646328508060233 52.46622903743303112)))</t>
  </si>
  <si>
    <t>MultiPolygon (((5.973724951130154 52.40976966252650016, 5.9659791134064637 52.41642784463270743, 5.95754976446675766 52.41989304825983709, 5.94122869788335173 52.43472290757281939, 5.94383579189070588 52.43588609789996724, 5.94680709030328281 52.4390916356773289, 5.95340487903877236 52.44198744161200665, 5.95479132405172695 52.44252736691489503, 5.95720720774953882 52.44339458815221633, 5.97081892626266431 52.44814484078706585, 5.97788659162037295 52.43986196977714087, 5.99400319207429 52.42606271680759988, 5.973724951130154 52.40976966252650016)))</t>
  </si>
  <si>
    <t>MultiPolygon (((5.95900553342571015 52.45235837333822104, 5.96487991566456444 52.45328172266157907, 5.96961272617203154 52.44826593037570461, 5.97081892626266431 52.44814484078706585, 5.95720720774953882 52.44339458815221633, 5.95587496573846753 52.44535945040635738, 5.95572891098786705 52.44738882502856114, 5.95660068481457206 52.44781857222660193, 5.95504862438334825 52.44962803795449702, 5.94903065973852474 52.4461400431644762, 5.95340487903877236 52.44198744161200665, 5.94680709030328281 52.4390916356773289, 5.94383579189070588 52.43588609789996724, 5.94122869788335173 52.43472290757281939, 5.93761548438705855 52.43790789081844395, 5.93564952266389678 52.43780185566187413, 5.93072805660374947 52.43954314035634212, 5.92785443557056357 52.44374901043354242, 5.94302464969436706 52.45009399290664476, 5.95900553342571015 52.45235837333822104, 5.95900553342571015 52.45235837333822104)))</t>
  </si>
  <si>
    <t>MultiPolygon (((5.94706266832443475 52.4649693849548342, 5.92403633133277463 52.45575582067545639, 5.9126181729916274 52.45401482495807244, 5.90237233707958353 52.45079901258820598, 5.88462709076071988 52.44371371607694954, 5.8861843207426876 52.44251350490130648, 5.87638857499323475 52.43898265390936331, 5.87586245033864341 52.4392622029769484, 5.8722447815794343 52.44302927245189494, 5.87067067719062052 52.44251745689184929, 5.869623599801292 52.44378414503771069, 5.86876644773545753 52.4447946014975912, 5.86960247273945424 52.44509337013236205, 5.87375039146688049 52.44699980276945439, 5.90212008829633117 52.4585681773376109, 5.90436743726347046 52.45685328021829719, 5.92182726049908226 52.4645806490353479, 5.93584803369913505 52.46946422097511942, 5.93963169595146301 52.47145985845303073, 5.94706266832443475 52.4649693849548342, 5.94706266832443475 52.4649693849548342)))</t>
  </si>
  <si>
    <t>MultiPolygon (((5.94242714480324796 52.39663600387073927, 5.92433861211734669 52.39139294080504072, 5.90599333517128855 52.40860035907879677, 5.91629160216402017 52.41294949180125684, 5.89995438708840236 52.41981642648504192, 5.89884371513217154 52.42070573207777784, 5.92550702877127122 52.42986035063071171, 5.93434877132357652 52.43048491995866556, 5.94122869788335173 52.43472290757281939, 5.95754976446675766 52.41989304825983709, 5.9659791134064637 52.41642784463270743, 5.973724951130154 52.40976966252650016, 5.96672726180827517 52.40557173365579047, 5.95186124106320413 52.40095606074245183, 5.95102434761435717 52.39843712018269173, 5.94242714480324796 52.39663600387073927, 5.94242714480324796 52.39663600387073927)))</t>
  </si>
  <si>
    <t>MultiPolygon (((5.89213672629823293 52.44394461801397966, 5.89555087456363669 52.4411966512694363, 5.89675963635648426 52.44181029657531212, 5.90068935628418956 52.43862196043264134, 5.89608355426910524 52.43568856772534303, 5.89677447655455467 52.43503034635831028, 5.88855591914681042 52.43348978007973926, 5.88438944618377668 52.43177618385515615, 5.87638857499323475 52.43898265390936331, 5.8861843207426876 52.44251350490130648, 5.88703137092052842 52.44186114277894717, 5.89213672629823293 52.44394461801397966, 5.89213672629823293 52.44394461801397966)),((5.94302464969436706 52.45009399290664476, 5.92785443557056357 52.44374901043354242, 5.93072805660374947 52.43954314035634212, 5.93564952266389678 52.43780185566187413, 5.93761548438705855 52.43790789081844395, 5.94122869788335173 52.43472290757281939, 5.93434877132357652 52.43048491995866556, 5.92550702877127122 52.42986035063071171, 5.89884371513217154 52.42070573207777784, 5.88662406521982717 52.42976053332090913, 5.90022847370460379 52.43464497823258341, 5.90533191345873387 52.4384804127068449, 5.91042645614803597 52.44123603016428348, 5.92139586142808572 52.44495652867389879, 5.91864212107546184 52.4476121087649787, 5.90981960522945737 52.44427483115792654, 5.90483305909930678 52.44849729749145695, 5.91311743568255022 52.449858380555888, 5.91399914158991624 52.449030415045236, 5.94959119810196135 52.46200948571453182, 5.95187362169651824 52.46282885989049305, 5.9551727190047048 52.45952363485131542, 5.95425128431905115 52.45753280277453001, 5.95900553342571015 52.45235837333822104, 5.94302464969436706 52.45009399290664476, 5.94302464969436706 52.45009399290664476)))</t>
  </si>
  <si>
    <t>MultiPolygon (((5.95340487903877236 52.44198744161200665, 5.94903065973852474 52.4461400431644762, 5.95504862438334825 52.44962803795449702, 5.95660068481457206 52.44781857222660193, 5.95572891098786705 52.44738882502856114, 5.95587496573846753 52.44535945040635738, 5.95720720774953882 52.44339458815221633, 5.95479132405172695 52.44252736691489503, 5.95340487903877236 52.44198744161200665, 5.95340487903877236 52.44198744161200665)))</t>
  </si>
  <si>
    <t>MultiPolygon (((5.94706266832443475 52.4649693849548342, 5.94959119810196135 52.46200948571453182, 5.91399914158991624 52.449030415045236, 5.91311743568255022 52.449858380555888, 5.90483305909930678 52.44849729749145695, 5.90237233707958353 52.45079901258820598, 5.9126181729916274 52.45401482495807244, 5.92403633133277463 52.45575582067545639, 5.94706266832443475 52.4649693849548342, 5.94706266832443475 52.4649693849548342)))</t>
  </si>
  <si>
    <t>MultiPolygon (((5.90068935628418956 52.43862196043264134, 5.90161744089260054 52.43786915518184344, 5.90413717567716745 52.44169869857458366, 5.90981960522945737 52.44427483115792654, 5.91864212107546184 52.4476121087649787, 5.92139586142808572 52.44495652867389879, 5.91042645614803597 52.44123603016428348, 5.90533191345873387 52.4384804127068449, 5.90022847370460379 52.43464497823258341, 5.88662406521982717 52.42976053332090913, 5.88438944618377668 52.43177618385515615, 5.88855591914681042 52.43348978007973926, 5.89677447655455467 52.43503034635831028, 5.89608355426910524 52.43568856772534303, 5.90068935628418956 52.43862196043264134, 5.90068935628418956 52.43862196043264134)))</t>
  </si>
  <si>
    <t>MultiPolygon (((5.90237233707958353 52.45079901258820598, 5.90483305909930678 52.44849729749145695, 5.90981960522945737 52.44427483115792654, 5.90413717567716745 52.44169869857458366, 5.90161744089260054 52.43786915518184344, 5.90068935628418956 52.43862196043264134, 5.89675963635648426 52.44181029657531212, 5.89555087456363669 52.4411966512694363, 5.89213672629823293 52.44394461801397966, 5.88703137092052842 52.44186114277894717, 5.8861843207426876 52.44251350490130648, 5.88462709076071988 52.44371371607694954, 5.90237233707958353 52.45079901258820598, 5.90237233707958353 52.45079901258820598)))</t>
  </si>
  <si>
    <t>MultiPolygon (((5.85066628460663107 51.87406868235283497, 5.85719247315064973 51.87784203509788483, 5.86384696101731873 51.88034180050763666, 5.87169416037159486 51.87846705112911394, 5.87304877279580584 51.87709268216110559, 5.87639682162711008 51.87657715975743145, 5.88070541151524306 51.86859042399800046, 5.88245845468507866 51.86684122216608728, 5.88442642329776788 51.86693368682994532, 5.88676570909621244 51.8652030075613979, 5.88158442442539453 51.85910034747060848, 5.87647845958275195 51.85367868139298508, 5.87431042410314497 51.85239055139425801, 5.87107764968759582 51.85153400992211914, 5.86357589781516264 51.85132201177300004, 5.8567094878415018 51.85202831062355955, 5.84474746742503459 51.85667118328161251, 5.83143568636470011 51.86334427429572713, 5.83571614064994026 51.86661410993237098, 5.83867594812913193 51.86496153284753063, 5.84424812378468239 51.86581353250129922, 5.85066628460663107 51.87406868235283497, 5.85066628460663107 51.87406868235283497)))</t>
  </si>
  <si>
    <t>MultiPolygon (((5.83686990358594393 51.89375023081399974, 5.85712354051798467 51.89462092317047137, 5.85762769208808631 51.88838881866484343, 5.87148104039882313 51.8886524098085502, 5.87311790082314555 51.88691561813035236, 5.8745108790255598 51.88339596640846452, 5.87639682162711008 51.87657715975743145, 5.87304877279580584 51.87709268216110559, 5.87169416037159486 51.87846705112911394, 5.86384696101731873 51.88034180050763666, 5.85719247315064973 51.87784203509788483, 5.85066628460663107 51.87406868235283497, 5.84947316644207049 51.87913057338993639, 5.84263304813744799 51.88537721439789863, 5.8385481391643177 51.89018870719660015, 5.83686990358594393 51.89375023081399974, 5.83686990358594393 51.89375023081399974)))</t>
  </si>
  <si>
    <t>MultiPolygon (((5.83023780192325169 51.89368104089353295, 5.83672239447392016 51.89374629326444932, 5.83686990358594393 51.89375023081399974, 5.8385481391643177 51.89018870719660015, 5.84263304813744799 51.88537721439789863, 5.84947316644207049 51.87913057338993639, 5.85066628460663107 51.87406868235283497, 5.84424812378468239 51.86581353250129922, 5.83867594812913193 51.86496153284753063, 5.83571614064994026 51.86661410993237098, 5.83143568636470011 51.86334427429572713, 5.82569459168478332 51.86621324882953132, 5.81707483110954904 51.8702653831743774, 5.82407097737194146 51.87274297386927202, 5.82806761019290764 51.87340971456547578, 5.82899735370314076 51.87239513881868902, 5.83161123720106556 51.87223199312592925, 5.83258311410852759 51.8734395106994981, 5.8351538125519502 51.87761900633137913, 5.83281341506885287 51.87843507262689258, 5.83778835704271071 51.88343400305586783, 5.83665308809153416 51.88373221242462563, 5.83587357141572038 51.88603353037438382, 5.836150774203821 51.88759618427786791, 5.8359401337262824 51.88814753838530436, 5.83438909048886689 51.89034185349824213, 5.83019842390665932 51.89172559254294725, 5.83023780192325169 51.89368104089353295)))</t>
  </si>
  <si>
    <t>MultiPolygon (((5.7750829579782792 51.8442469636059613, 5.77965213982253267 51.84456834285936111, 5.78105401626305415 51.8436542350649745, 5.77752783460165453 51.84042220238291065, 5.77402801063486937 51.83533147218187764, 5.77243900900180407 51.82855714978214223, 5.77429194912753019 51.82303832342121552, 5.77568613482591786 51.82071469463878799, 5.77472861177198471 51.82052472453874259, 5.77471452548271369 51.82054580944978994, 5.77133417504998558 51.82306288242969572, 5.75762055691718722 51.82398994386053914, 5.76473154079539274 51.83229129560255188, 5.7750829579782792 51.8442469636059613, 5.7750829579782792 51.8442469636059613)))</t>
  </si>
  <si>
    <t>MultiPolygon (((5.78683775322580374 51.84089688343392055, 5.79791326142145635 51.84618430592106364, 5.80482843592620057 51.84083311497510493, 5.80286325176456685 51.83981833361818303, 5.8025016751513796 51.83851618514008663, 5.79141877035951325 51.83947098665080944, 5.7869049815398883 51.84046871857818672, 5.78683775322580374 51.84089688343392055, 5.78683775322580374 51.84089688343392055)))</t>
  </si>
  <si>
    <t>MultiPolygon (((5.8073257547929833 51.8518400909208026, 5.81235808940100895 51.85033518374594763, 5.81232426668064939 51.8496400236094388, 5.8173877391288018 51.84952299843316581, 5.82041180753071252 51.84958373549975619, 5.81297674868982561 51.84178454136116443, 5.80983112320614481 51.83763875627295192, 5.80385403312898696 51.83837022156830443, 5.8025016751513796 51.83851618514008663, 5.80286325176456685 51.83981833361818303, 5.80482843592620057 51.84083311497510493, 5.79791326142145635 51.84618430592106364, 5.8047770639547549 51.84952134854528794, 5.8073257547929833 51.8518400909208026, 5.8073257547929833 51.8518400909208026)))</t>
  </si>
  <si>
    <t>MultiPolygon (((5.79262633247101899 51.82708776370814263, 5.79291310964388195 51.82364615852357304, 5.7830053729974491 51.82209073826370371, 5.77568613482591786 51.82071469463878799, 5.77429194912753019 51.82303832342121552, 5.77812909598513791 51.82762515703674921, 5.78246107410115506 51.82633512217557126, 5.78583141843995641 51.82640910855107563, 5.7878888706047702 51.82777002879860362, 5.79131272349065362 51.82795883798358005, 5.79262633247101899 51.82708776370814263, 5.79262633247101899 51.82708776370814263)))</t>
  </si>
  <si>
    <t>MultiPolygon (((5.77402801063486937 51.83533147218187764, 5.7882186711363488 51.83178444820043751, 5.79093116884434078 51.83239062871202663, 5.79255725884648864 51.83093863355027509, 5.7932528321980703 51.82820500441427214, 5.79262633247101899 51.82708776370814263, 5.79131272349065362 51.82795883798358005, 5.7878888706047702 51.82777002879860362, 5.78583141843995641 51.82640910855107563, 5.78246107410115506 51.82633512217557126, 5.77812909598513791 51.82762515703674921, 5.77429194912753019 51.82303832342121552, 5.77243900900180407 51.82855714978214223, 5.77402801063486937 51.83533147218187764, 5.77402801063486937 51.83533147218187764)))</t>
  </si>
  <si>
    <t>MultiPolygon (((5.80385403312898696 51.83837022156830443, 5.80983112320614481 51.83763875627295192, 5.80813682007932375 51.83474438618124225, 5.80730787051409258 51.83033121616949757, 5.80851841276902814 51.82559192376897528, 5.79291310964388195 51.82364615852357304, 5.79262633247101899 51.82708776370814263, 5.7932528321980703 51.82820500441427214, 5.79625291820330002 51.82998713722733442, 5.79647717190939371 51.83342211843346803, 5.80341146835250665 51.83694628119627623, 5.80385403312898696 51.83837022156830443, 5.80385403312898696 51.83837022156830443)))</t>
  </si>
  <si>
    <t>MultiPolygon (((5.78105401626305415 51.8436542350649745, 5.78120550874218608 51.84297751514066732, 5.78358976036758943 51.84199795022015422, 5.78683775322580374 51.84089688343392055, 5.7869049815398883 51.84046871857818672, 5.79141877035951325 51.83947098665080944, 5.8025016751513796 51.83851618514008663, 5.80385403312898696 51.83837022156830443, 5.80341146835250665 51.83694628119627623, 5.79647717190939371 51.83342211843346803, 5.79625291820330002 51.82998713722733442, 5.7932528321980703 51.82820500441427214, 5.79255725884648864 51.83093863355027509, 5.79093116884434078 51.83239062871202663, 5.7882186711363488 51.83178444820043751, 5.77402801063486937 51.83533147218187764, 5.77752783460165453 51.84042220238291065, 5.78105401626305415 51.8436542350649745, 5.78105401626305415 51.8436542350649745)))</t>
  </si>
  <si>
    <t>MultiPolygon (((5.77568613482591786 51.82071469463878799, 5.7830053729974491 51.82209073826370371, 5.78758678540491633 51.81433893341218067, 5.78934059596312256 51.81441102039958224, 5.79446224759330697 51.80778232658863658, 5.8001406540026208 51.80131154846343122, 5.80345572507238483 51.79778251871206862, 5.80084365698169524 51.79521788127387083, 5.79607571013100031 51.79813563945408106, 5.79437407445137609 51.79731511446829018, 5.79224685524415683 51.798930378195017, 5.79122124466307842 51.80139102592311673, 5.78165195290953715 51.80888067668612251, 5.78115111513131019 51.81082008490350432, 5.77472861177198471 51.82052472453874259, 5.77568613482591786 51.82071469463878799, 5.77568613482591786 51.82071469463878799)))</t>
  </si>
  <si>
    <t>MultiPolygon (((5.8199263079134349 51.8016472146807132, 5.82450437426282974 51.79800340096578282, 5.81407782335248768 51.79281987375457419, 5.81022050713844518 51.79058943289984285, 5.80593698523246804 51.79262945555670683, 5.8150289991616404 51.80012899438111873, 5.8199263079134349 51.8016472146807132, 5.8199263079134349 51.8016472146807132)))</t>
  </si>
  <si>
    <t>MultiPolygon (((5.80648451649711195 51.8040754676442603, 5.81607797031476625 51.80631205310437792, 5.8199263079134349 51.8016472146807132, 5.8150289991616404 51.80012899438111873, 5.80593698523246804 51.79262945555670683, 5.80094866478928051 51.79515143637124908, 5.80084365698169524 51.79521788127387083, 5.80345572507238483 51.79778251871206862, 5.8001406540026208 51.80131154846343122, 5.80648451649711195 51.8040754676442603, 5.80648451649711195 51.8040754676442603)))</t>
  </si>
  <si>
    <t>MultiPolygon (((5.80318668427377027 51.81196186651844471, 5.8140682288380976 51.81119479608602774, 5.81607797031476625 51.80631205310437792, 5.80648451649711195 51.8040754676442603, 5.80376667587600714 51.80743420637111285, 5.80340762492175433 51.80952445945413842, 5.80318668427377027 51.81196186651844471, 5.80318668427377027 51.81196186651844471)))</t>
  </si>
  <si>
    <t>MultiPolygon (((5.79446224759330697 51.80778232658863658, 5.79898916227021477 51.80919203497209224, 5.80340762492175433 51.80952445945413842, 5.80376667587600714 51.80743420637111285, 5.80648451649711195 51.8040754676442603, 5.8001406540026208 51.80131154846343122, 5.79446224759330697 51.80778232658863658, 5.79446224759330697 51.80778232658863658)))</t>
  </si>
  <si>
    <t>MultiPolygon (((5.80281922022826624 51.81696787879530319, 5.81180229737610077 51.81757669294923119, 5.81386125151502942 51.8122760293408291, 5.8140682288380976 51.81119479608602774, 5.80318668427377027 51.81196186651844471, 5.80280879447529152 51.81551824444088084, 5.80281922022826624 51.81696787879530319, 5.80281922022826624 51.81696787879530319)))</t>
  </si>
  <si>
    <t>MultiPolygon (((5.78934059596312256 51.81441102039958224, 5.79611388134898231 51.81544655391378029, 5.79662901723901314 51.81485601299739585, 5.80280879447529152 51.81551824444088084, 5.80318668427377027 51.81196186651844471, 5.80340762492175433 51.80952445945413842, 5.79898916227021477 51.80919203497209224, 5.79446224759330697 51.80778232658863658, 5.78934059596312256 51.81441102039958224, 5.78934059596312256 51.81441102039958224)))</t>
  </si>
  <si>
    <t>MultiPolygon (((5.79291310964388195 51.82364615852357304, 5.80851841276902814 51.82559192376897528, 5.81180229737610077 51.81757669294923119, 5.80281922022826624 51.81696787879530319, 5.79463045448128611 51.82027206286648635, 5.79291310964388195 51.82364615852357304, 5.79291310964388195 51.82364615852357304)))</t>
  </si>
  <si>
    <t>MultiPolygon (((5.7830053729974491 51.82209073826370371, 5.79291310964388195 51.82364615852357304, 5.79463045448128611 51.82027206286648635, 5.80281922022826624 51.81696787879530319, 5.80280879447529152 51.81551824444088084, 5.79662901723901314 51.81485601299739585, 5.79611388134898231 51.81544655391378029, 5.78934059596312256 51.81441102039958224, 5.78758678540491633 51.81433893341218067, 5.7830053729974491 51.82209073826370371, 5.7830053729974491 51.82209073826370371)))</t>
  </si>
  <si>
    <t>MultiPolygon (((5.85483490207898427 51.81675321157277381, 5.86992172021138892 51.8169555684307781, 5.87682107720209235 51.81952015550805868, 5.8765806975933037 51.80987698468249647, 5.86475648801358052 51.80980393423814689, 5.85302631033948551 51.80785254689728703, 5.85426356569396589 51.81388071010712082, 5.85483490207898427 51.81675321157277381, 5.85483490207898427 51.81675321157277381)))</t>
  </si>
  <si>
    <t>MultiPolygon (((5.8140682288380976 51.81119479608602774, 5.81386125151502942 51.8122760293408291, 5.8172169415218633 51.81263797952139782, 5.82010223689700279 51.81099443005793148, 5.82792539528908637 51.81355610651581145, 5.83060059954557897 51.81134220065798246, 5.83300218979200125 51.80957102948884341, 5.8379865873728356 51.8086011621831517, 5.83673634304228894 51.80595737366414255, 5.82550613598590417 51.80012824446560415, 5.82686017875047568 51.79953879442587095, 5.82450437426282974 51.79800340096578282, 5.8199263079134349 51.8016472146807132, 5.81607797031476625 51.80631205310437792, 5.8140682288380976 51.81119479608602774, 5.8140682288380976 51.81119479608602774)))</t>
  </si>
  <si>
    <t>MultiPolygon (((5.84020486915045467 51.81666596808933178, 5.84097077615546834 51.81652817929439436, 5.83877261442697293 51.81498334029538455, 5.84061116572335504 51.81442465331861769, 5.85426356569396589 51.81388071010712082, 5.85302631033948551 51.80785254689728703, 5.85244895451597014 51.80749208691224084, 5.84696455654287028 51.80811492427973519, 5.84094437451363024 51.80719995876102502, 5.84133270535750704 51.80590449809088938, 5.83977052583677203 51.80496784110511754, 5.8388054059618737 51.80483622182303804, 5.83673634304228894 51.80595737366414255, 5.8379865873728356 51.8086011621831517, 5.83300218979200125 51.80957102948884341, 5.83060059954557897 51.81134220065798246, 5.84020486915045467 51.81666596808933178, 5.84020486915045467 51.81666596808933178)))</t>
  </si>
  <si>
    <t>MultiPolygon (((5.85541692364589839 51.81916064886108586, 5.85483490207898427 51.81675321157277381, 5.85426356569396589 51.81388071010712082, 5.84061116572335504 51.81442465331861769, 5.83877261442697293 51.81498334029538455, 5.84097077615546834 51.81652817929439436, 5.84663299541977022 51.82039366041222905, 5.85541692364589839 51.81916064886108586, 5.85541692364589839 51.81916064886108586)))</t>
  </si>
  <si>
    <t>MultiPolygon (((5.85791188136779084 51.83034777376585112, 5.85842517653915618 51.83262347120910363, 5.86307522034582806 51.82976883418188407, 5.8748175232515143 51.82255762706137148, 5.87682107720209235 51.81952015550805868, 5.86992172021138892 51.8169555684307781, 5.85483490207898427 51.81675321157277381, 5.85541692364589839 51.81916064886108586, 5.85745333935989443 51.82821402501888741, 5.85791188136779084 51.83034777376585112, 5.85791188136779084 51.83034777376585112)))</t>
  </si>
  <si>
    <t>MultiPolygon (((5.85745333935989443 51.82821402501888741, 5.85541692364589839 51.81916064886108586, 5.84663299541977022 51.82039366041222905, 5.84097077615546834 51.81652817929439436, 5.84020486915045467 51.81666596808933178, 5.83894774873166966 51.81785111735796079, 5.84005304792595847 51.81858278764176617, 5.85492851631699374 51.8275822849059864, 5.85745333935989443 51.82821402501888741, 5.85745333935989443 51.82821402501888741)))</t>
  </si>
  <si>
    <t>MultiPolygon (((5.83524465798672765 51.831067429468483, 5.83497200974263652 51.83020557625943781, 5.83639099595734656 51.82847801687194078, 5.84171422220735348 51.82854009541279083, 5.84005304792595847 51.81858278764176617, 5.83894774873166966 51.81785111735796079, 5.84020486915045467 51.81666596808933178, 5.83060059954557897 51.81134220065798246, 5.82792539528908637 51.81355610651581145, 5.82010223689700279 51.81099443005793148, 5.8172169415218633 51.81263797952139782, 5.81386125151502942 51.8122760293408291, 5.81180229737610077 51.81757669294923119, 5.80851841276902814 51.82559192376897528, 5.82670598667786255 51.82829448221635005, 5.83524465798672765 51.831067429468483, 5.83524465798672765 51.831067429468483)))</t>
  </si>
  <si>
    <t>MultiPolygon (((5.84171422220735348 51.82854009541279083, 5.84358152078514781 51.83158359162937501, 5.85791188136779084 51.83034777376585112, 5.85745333935989443 51.82821402501888741, 5.85492851631699374 51.8275822849059864, 5.84005304792595847 51.81858278764176617, 5.84171422220735348 51.82854009541279083, 5.84171422220735348 51.82854009541279083)))</t>
  </si>
  <si>
    <t>MultiPolygon (((5.84179819380167142 51.83352257223713622, 5.84682673599395475 51.83598342048785668, 5.85114611633853521 51.84119490159407206, 5.85203878834046787 51.83671791790928296, 5.85842517653915618 51.83262347120910363, 5.85791188136779084 51.83034777376585112, 5.84358152078514781 51.83158359162937501, 5.84171422220735348 51.82854009541279083, 5.83639099595734656 51.82847801687194078, 5.83497200974263652 51.83020557625943781, 5.83524465798672765 51.831067429468483, 5.84179819380167142 51.83352257223713622, 5.84179819380167142 51.83352257223713622)))</t>
  </si>
  <si>
    <t>MultiPolygon (((5.82569459168478332 51.86621324882953132, 5.83143568636470011 51.86334427429572713, 5.84474746742503459 51.85667118328161251, 5.84208734087809223 51.85457373257664671, 5.84076686289556335 51.85474793748921485, 5.84040117320103924 51.8505950010068446, 5.83703946513634619 51.84649375311515485, 5.83543004702731949 51.84459183067959032, 5.82941958592270204 51.84301721833189447, 5.8258353248041912 51.84461176636457935, 5.82266963450896924 51.8412623195394815, 5.81756402681414908 51.83838117658593347, 5.81297674868982561 51.84178454136116443, 5.82041180753071252 51.84958373549975619, 5.8173877391288018 51.84952299843316581, 5.82032736778185722 51.85387005646853709, 5.82151002740315349 51.85560470577773629, 5.82215177664423233 51.85542062792050899, 5.82539098892608642 51.86012750755523371, 5.82548852209492374 51.86268884656665534, 5.82368956879179578 51.86431346738794446, 5.82569459168478332 51.86621324882953132, 5.82569459168478332 51.86621324882953132)))</t>
  </si>
  <si>
    <t>MultiPolygon (((5.81297674868982561 51.84178454136116443, 5.81756402681414908 51.83838117658593347, 5.82170148878616445 51.8347856621653662, 5.82677096258038318 51.83035344115892684, 5.82670598667786255 51.82829448221635005, 5.80851841276902814 51.82559192376897528, 5.80730787051409258 51.83033121616949757, 5.80813682007932375 51.83474438618124225, 5.80983112320614481 51.83763875627295192, 5.81297674868982561 51.84178454136116443, 5.81297674868982561 51.84178454136116443)))</t>
  </si>
  <si>
    <t>MultiPolygon (((5.82170148878616445 51.8347856621653662, 5.83373545495894419 51.84096234631298472, 5.83480312909887022 51.84081714243605177, 5.83658876657770698 51.83914376288434767, 5.83886155706475485 51.83572222703344323, 5.84179819380167142 51.83352257223713622, 5.83524465798672765 51.831067429468483, 5.82670598667786255 51.82829448221635005, 5.82677096258038318 51.83035344115892684, 5.82170148878616445 51.8347856621653662, 5.82170148878616445 51.8347856621653662)))</t>
  </si>
  <si>
    <t>MultiPolygon (((5.83703946513634619 51.84649375311515485, 5.84080825592648978 51.8446930185076269, 5.84050280109737141 51.84195108348075109, 5.83658876657770698 51.83914376288434767, 5.83480312909887022 51.84081714243605177, 5.83373545495894419 51.84096234631298472, 5.82170148878616445 51.8347856621653662, 5.81756402681414908 51.83838117658593347, 5.82266963450896924 51.8412623195394815, 5.8258353248041912 51.84461176636457935, 5.82941958592270204 51.84301721833189447, 5.83543004702731949 51.84459183067959032, 5.83703946513634619 51.84649375311515485, 5.83703946513634619 51.84649375311515485)))</t>
  </si>
  <si>
    <t>MultiPolygon (((5.84080825592648978 51.8446930185076269, 5.85212031155046652 51.84305446744240697, 5.85183304317189634 51.84250646656240491, 5.85114611633853521 51.84119490159407206, 5.84682673599395475 51.83598342048785668, 5.84179819380167142 51.83352257223713622, 5.83886155706475485 51.83572222703344323, 5.83658876657770698 51.83914376288434767, 5.84050280109737141 51.84195108348075109, 5.84080825592648978 51.8446930185076269, 5.84080825592648978 51.8446930185076269)))</t>
  </si>
  <si>
    <t>MultiPolygon (((5.84474746742503459 51.85667118328161251, 5.8567094878415018 51.85202831062355955, 5.85494057998679551 51.84871329571320331, 5.85212031155046652 51.84305446744240697, 5.84080825592648978 51.8446930185076269, 5.83703946513634619 51.84649375311515485, 5.84040117320103924 51.8505950010068446, 5.84076686289556335 51.85474793748921485, 5.84208734087809223 51.85457373257664671, 5.84474746742503459 51.85667118328161251, 5.84474746742503459 51.85667118328161251)))</t>
  </si>
  <si>
    <t>MultiPolygon (((5.87107764968759582 51.85153400992211914, 5.87431042410314497 51.85239055139425801, 5.87647845958275195 51.85367868139298508, 5.88158442442539453 51.85910034747060848, 5.88607211532368346 51.85868489774276213, 5.88731953307066203 51.85900904358213381, 5.88740820705958168 51.85454321092868923, 5.88570459643256072 51.85239034011299708, 5.88578563885905481 51.85079910740125797, 5.88462219482803039 51.85016805570215581, 5.88718967209591959 51.84961913091971297, 5.88549098234323242 51.84765958651755113, 5.88038929558375667 51.84505497384061812, 5.87614089333530387 51.84586180202342121, 5.87295410271727381 51.84815473844451361, 5.87107764968759582 51.85153400992211914, 5.87107764968759582 51.85153400992211914)))</t>
  </si>
  <si>
    <t>MultiPolygon (((5.86307522034582806 51.82976883418188407, 5.87327001562907292 51.82865112136385477, 5.87508426055034327 51.82918010576570822, 5.87517683988803441 51.82997894980658771, 5.88038985561704397 51.82371547705724879, 5.88103504146400979 51.82088992611651435, 5.88193157772701358 51.82104534475191571, 5.88049250099668441 51.82032616752016452, 5.88151581901484466 51.8174016816141787, 5.88419147551468491 51.81371451317475163, 5.88595820912894219 51.81250126693979752, 5.88554696594854221 51.81020332005323326, 5.8824484510539703 51.80950397875628965, 5.87911010828253389 51.80952987481597916, 5.8765806975933037 51.80987698468249647, 5.87682107720209235 51.81952015550805868, 5.8748175232515143 51.82255762706137148, 5.86307522034582806 51.82976883418188407, 5.86307522034582806 51.82976883418188407)))</t>
  </si>
  <si>
    <t>MultiPolygon (((5.89673002683923286 51.83165440408615865, 5.89789380578653777 51.83206917565897243, 5.90544679767323721 51.83097046718180678, 5.90824944409841013 51.82935302883197437, 5.90530362063577918 51.82745051474815767, 5.9014318242017767 51.82738811819546498, 5.9003334170180386 51.82572439542104803, 5.89909530775547175 51.82461580757384922, 5.89233919225260827 51.82389395975146584, 5.88806339346432051 51.82300330984393355, 5.88193157772701358 51.82104534475191571, 5.88103504146400979 51.82088992611651435, 5.88038985561704397 51.82371547705724879, 5.87517683988803441 51.82997894980658771, 5.87778789664042289 51.83054296820271389, 5.89673002683923286 51.83165440408615865, 5.89673002683923286 51.83165440408615865)))</t>
  </si>
  <si>
    <t>MultiPolygon (((5.87138201057506492 51.83497540206025889, 5.87961270940204361 51.83651986740744633, 5.88400571753902035 51.83616726912999439, 5.88442585343113578 51.83659245273210558, 5.88728998245439694 51.83885885251098813, 5.88909449799279194 51.83737435811449501, 5.88912366354349004 51.83517472963296058, 5.89673002683923286 51.83165440408615865, 5.87778789664042289 51.83054296820271389, 5.87311241261182193 51.83284220480300775, 5.87138201057506492 51.83497540206025889, 5.87138201057506492 51.83497540206025889)))</t>
  </si>
  <si>
    <t>MultiPolygon (((5.87614089333530387 51.84586180202342121, 5.88038929558375667 51.84505497384061812, 5.89453037788054246 51.8405567571474819, 5.89216949440545612 51.84001315079273553, 5.89808784058857682 51.8364047344444856, 5.89570447188263369 51.83327886497269077, 5.89588904135754088 51.83258482658539634, 5.89789380578653777 51.83206917565897243, 5.89673002683923286 51.83165440408615865, 5.88912366354349004 51.83517472963296058, 5.88909449799279194 51.83737435811449501, 5.88728998245439694 51.83885885251098813, 5.88442585343113578 51.83659245273210558, 5.87412762143403988 51.84232702742048104, 5.87051561036652902 51.84305993114868016, 5.87614089333530387 51.84586180202342121, 5.87614089333530387 51.84586180202342121)))</t>
  </si>
  <si>
    <t>MultiPolygon (((5.86225832697002058 51.8406117282404324, 5.86788811247236008 51.8413335704342515, 5.87051561036652902 51.84305993114868016, 5.87412762143403988 51.84232702742048104, 5.88442585343113578 51.83659245273210558, 5.88400571753902035 51.83616726912999439, 5.87961270940204361 51.83651986740744633, 5.87138201057506492 51.83497540206025889, 5.86225832697002058 51.8406117282404324, 5.86225832697002058 51.8406117282404324)))</t>
  </si>
  <si>
    <t>MultiPolygon (((5.85957233031105762 51.84114091934166879, 5.86225832697002058 51.8406117282404324, 5.87138201057506492 51.83497540206025889, 5.87311241261182193 51.83284220480300775, 5.87778789664042289 51.83054296820271389, 5.87517683988803441 51.82997894980658771, 5.87508426055034327 51.82918010576570822, 5.87327001562907292 51.82865112136385477, 5.86307522034582806 51.82976883418188407, 5.85842517653915618 51.83262347120910363, 5.85957233031105762 51.84114091934166879, 5.85957233031105762 51.84114091934166879)))</t>
  </si>
  <si>
    <t>MultiPolygon (((5.85114611633853521 51.84119490159407206, 5.85183304317189634 51.84250646656240491, 5.85957233031105762 51.84114091934166879, 5.85842517653915618 51.83262347120910363, 5.85203878834046787 51.83671791790928296, 5.85114611633853521 51.84119490159407206, 5.85114611633853521 51.84119490159407206)))</t>
  </si>
  <si>
    <t>MultiPolygon (((5.85494057998679551 51.84871329571320331, 5.87035364423966488 51.84628407303286934, 5.87295410271727381 51.84815473844451361, 5.87614089333530387 51.84586180202342121, 5.87051561036652902 51.84305993114868016, 5.86788811247236008 51.8413335704342515, 5.86225832697002058 51.8406117282404324, 5.85957233031105762 51.84114091934166879, 5.85183304317189634 51.84250646656240491, 5.85212031155046652 51.84305446744240697, 5.85494057998679551 51.84871329571320331, 5.85494057998679551 51.84871329571320331)))</t>
  </si>
  <si>
    <t>MultiPolygon (((5.8567094878415018 51.85202831062355955, 5.86357589781516264 51.85132201177300004, 5.87107764968759582 51.85153400992211914, 5.87295410271727381 51.84815473844451361, 5.87035364423966488 51.84628407303286934, 5.85494057998679551 51.84871329571320331, 5.8567094878415018 51.85202831062355955, 5.8567094878415018 51.85202831062355955)))</t>
  </si>
  <si>
    <t>MultiPolygon (((5.48084638963692505 52.16795494291667978, 5.47992236258507237 52.16581455499115805, 5.46963276410989341 52.16620943254425669, 5.4687215113572778 52.17524278004798077, 5.47495074926886094 52.17549476515574014, 5.4851822958685279 52.17469527082046454, 5.48509908228144027 52.1717804625394308, 5.48084638963692505 52.16795494291667978, 5.48084638963692505 52.16795494291667978)))</t>
  </si>
  <si>
    <t>MultiPolygon (((5.48560959319775954 52.18197429098006523, 5.4851822958685279 52.17469527082046454, 5.47495074926886094 52.17549476515574014, 5.4687215113572778 52.17524278004798077, 5.4652945231660377 52.17543892754483181, 5.4588839783648444 52.17597443234892296, 5.45876861226459198 52.18038846583928603, 5.45692548078189521 52.18503559069818465, 5.45571489772966789 52.18541255305785853, 5.45570153405258917 52.19032149885272531, 5.48304101455267023 52.18220116599340486, 5.48560959319775954 52.18197429098006523, 5.48560959319775954 52.18197429098006523)))</t>
  </si>
  <si>
    <t>MultiPolygon (((5.45692548078189521 52.18503559069818465, 5.45876861226459198 52.18038846583928603, 5.4588839783648444 52.17597443234892296, 5.45736760599748294 52.17563700541552407, 5.44009317003627757 52.17337838081480328, 5.43904300286825926 52.18412696488214664, 5.43808620544447496 52.184584820971601, 5.44009586786473953 52.19005221424258423, 5.43971148100143331 52.19608203931731083, 5.43976987037439308 52.19723634085919883, 5.43977143369570726 52.19726704719657562, 5.44801297648307425 52.193184360103551, 5.45570153405258917 52.19032149885272531, 5.45571489772966789 52.18541255305785853, 5.45692548078189521 52.18503559069818465)))</t>
  </si>
  <si>
    <t>MultiPolygon (((5.45801663412347082 52.16972570500988127, 5.4576151328490079 52.16707924542220809, 5.44653756748739859 52.16802332306244239, 5.44359441709302772 52.16882984453926753, 5.43987554334079793 52.17119745511442375, 5.43891606993583743 52.17291704202512648, 5.44009317003627757 52.17337838081480328, 5.45736760599748294 52.17563700541552407, 5.45801663412347082 52.16972570500988127, 5.45801663412347082 52.16972570500988127)))</t>
  </si>
  <si>
    <t>MultiPolygon (((5.4652945231660377 52.17543892754483181, 5.4687215113572778 52.17524278004798077, 5.46963276410989341 52.16620943254425669, 5.4576151328490079 52.16707924542220809, 5.45801663412347082 52.16972570500988127, 5.46561796647873344 52.1712851688943573, 5.4652945231660377 52.17543892754483181, 5.4652945231660377 52.17543892754483181)))</t>
  </si>
  <si>
    <t>MultiPolygon (((5.45736760599748294 52.17563700541552407, 5.4588839783648444 52.17597443234892296, 5.4652945231660377 52.17543892754483181, 5.46561796647873344 52.1712851688943573, 5.45801663412347082 52.16972570500988127, 5.45736760599748294 52.17563700541552407, 5.45736760599748294 52.17563700541552407)))</t>
  </si>
  <si>
    <t>MultiPolygon (((5.44359068961265358 52.2212287235262238, 5.44763759783558221 52.22114022441524384, 5.45049445843289249 52.22205966576190406, 5.45318787167809926 52.22165132681752908, 5.45105678550832096 52.21810697129261314, 5.44816072300611332 52.21499217518879732, 5.44056791708405996 52.20583663795170537, 5.43982049561463921 52.20598373708438089, 5.43923712994384712 52.20460143134192776, 5.43471392612629423 52.20587578163691234, 5.40966992666725943 52.21857956712519666, 5.40722183254896738 52.21340465543305953, 5.39552235600946961 52.21915384787237002, 5.3932113228413403 52.22064549399017608, 5.39476804477205185 52.22485046675395637, 5.39659298436614421 52.22979040225535385, 5.42571893654043258 52.22711631441741531, 5.42973593043835567 52.22625822708368304, 5.43765268956879133 52.2229327572935631, 5.44359068961265358 52.2212287235262238, 5.44359068961265358 52.2212287235262238)))</t>
  </si>
  <si>
    <t>MultiPolygon (((5.47065931389704119 52.26320374969139948, 5.47095080509606824 52.26265895586382015, 5.47613673593027084 52.26310925415518938, 5.47290730279212045 52.26222302532649167, 5.47429152686441256 52.26171951726283282, 5.47222116213300325 52.26126850044754946, 5.47365718629970388 52.25761503547892062, 5.47481000526749817 52.25705836312145181, 5.47861957275492717 52.25781967919860449, 5.47854289061325694 52.25743153441580091, 5.47419202015897088 52.2564699239529773, 5.48132504294029044 52.24339216787401341, 5.47367007183220444 52.24130438729080339, 5.46615202890688323 52.23799092225704754, 5.46165213267203953 52.23435924079402781, 5.45752478815472486 52.22840949292787371, 5.45346423042323547 52.2216591798346812, 5.45318787167809926 52.22165132681752908, 5.45049445843289249 52.22205966576190406, 5.44763759783558221 52.22114022441524384, 5.44359068961265358 52.2212287235262238, 5.43765268956879133 52.2229327572935631, 5.42973593043835567 52.22625822708368304, 5.42571893654043258 52.22711631441741531, 5.39659298436614421 52.22979040225535385, 5.40350199574700696 52.24674543972195551, 5.41186302259282925 52.24631675336964776, 5.41465042011565245 52.24543301309888932, 5.42503245704234249 52.24952794727354188, 5.43530959287641036 52.25233368398730249, 5.45258588772510588 52.25374907031784488, 5.45433967228206296 52.25351358341267627, 5.45995895416251642 52.25528978988949547, 5.46242180233679253 52.25539525435794985, 5.46432535686356502 52.25927295625055535, 5.46516595634677849 52.25564862543354394, 5.46653050587410227 52.2559247003357541, 5.46521693113450535 52.25935427519527821, 5.4664415439546703 52.25848541482158538, 5.47128483822129219 52.25934138638574211, 5.46828375458393623 52.25956956361137173, 5.47076018643605799 52.26008033782211015, 5.46945806665481005 52.26170896577302472, 5.46758502048701267 52.26165057959094895, 5.47084338689254679 52.26263203915991085, 5.46981341967108659 52.26324728968902633, 5.47144718541225039 52.26354072297139908, 5.47065931389704119 52.26320374969139948, 5.47065931389704119 52.26320374969139948)))</t>
  </si>
  <si>
    <t>MultiPolygon (((5.46456949635793698 52.20471799082036313, 5.45485423523257307 52.19845633298132981, 5.44801297648307425 52.193184360103551, 5.43977143369570726 52.19726704719657562, 5.43944905045364635 52.20219507329682074, 5.44111869264030457 52.20432225937220494, 5.44369612461608288 52.20546047551068369, 5.44797586830008029 52.20384304715518908, 5.45446506444200807 52.21101405200670342, 5.4591609912504202 52.2088856640975294, 5.46456949635793698 52.20471799082036313, 5.46456949635793698 52.20471799082036313)))</t>
  </si>
  <si>
    <t>MultiPolygon (((5.45845392894492942 52.19568172326353306, 5.46800548421504828 52.19411330432805585, 5.46920746472210517 52.19501489090571766, 5.47347965650262225 52.19242617259655503, 5.47590964490509791 52.18944958841566972, 5.48052902065520797 52.18726192770792949, 5.48694289097418064 52.18622465678923561, 5.48950294330694355 52.18844631961103886, 5.49536574579302428 52.18611426991287061, 5.48560959319775954 52.18197429098006523, 5.48304101455267023 52.18220116599340486, 5.45570153405258917 52.19032149885272531, 5.44801297648307425 52.193184360103551, 5.45485423523257307 52.19845633298132981, 5.45524028482539425 52.19715874837868341, 5.45845392894492942 52.19568172326353306, 5.45845392894492942 52.19568172326353306)))</t>
  </si>
  <si>
    <t>MultiPolygon (((5.46456949635793698 52.20471799082036313, 5.4666985128997343 52.20680122390577793, 5.470504434166644 52.20403424456569041, 5.46890662493774204 52.19981404496241595, 5.48424352523503078 52.19508993829978039, 5.48690395715167956 52.19281546712950615, 5.48482032921757057 52.19068792897058984, 5.48950294330694355 52.18844631961103886, 5.48694289097418064 52.18622465678923561, 5.48052902065520797 52.18726192770792949, 5.47590964490509791 52.18944958841566972, 5.47347965650262225 52.19242617259655503, 5.46920746472210517 52.19501489090571766, 5.46800548421504828 52.19411330432805585, 5.45845392894492942 52.19568172326353306, 5.45524028482539425 52.19715874837868341, 5.45485423523257307 52.19845633298132981, 5.46456949635793698 52.20471799082036313, 5.46456949635793698 52.20471799082036313)))</t>
  </si>
  <si>
    <t>MultiPolygon (((5.62574295194614127 52.19282545797999262, 5.62428320730250242 52.19332625002377313, 5.61963380455049766 52.19311923696327682, 5.61857934137526271 52.1911828624390921, 5.61779674315745936 52.19118156482175408, 5.61691809107795237 52.19213533196090538, 5.61744427163316917 52.19435875636595057, 5.6077622286175739 52.19419751009289854, 5.60774926202123858 52.19516170178911807, 5.60772603359611299 52.20506335720502733, 5.60796850278724612 52.20509308228636769, 5.63326739143708277 52.20816659764845014, 5.63486202186195229 52.20380575483339669, 5.62574295194614127 52.19282545797999262)))</t>
  </si>
  <si>
    <t>MultiPolygon (((5.5499173440834122 52.20233624002659667, 5.60772603359611299 52.20506335720502733, 5.60774926202123858 52.19516170178911807, 5.6019485708876724 52.19649174745539, 5.60024899944166332 52.19765144514369837, 5.5955574604740077 52.1963413208479281, 5.5899220807058958 52.19595985382596126, 5.58955363223948432 52.19543076734625231, 5.58795190754367077 52.1954258019633599, 5.58816032142654961 52.1948414499291502, 5.58319770567959761 52.19541061880448041, 5.5802702812520959 52.19450055242488418, 5.57766673165625537 52.19479700016272972, 5.57517382742753576 52.19266596296522209, 5.57692659357697185 52.19166701911686346, 5.57793026925564472 52.18618322347434457, 5.57527259446898871 52.1870076651072381, 5.57483709988356324 52.18616965302548749, 5.56649349077818734 52.18652148777460553, 5.56452796344451439 52.18534059209622455, 5.56522900163543355 52.18072457094741878, 5.56698900532867658 52.18081221971790029, 5.56818088266720679 52.17991636000338929, 5.56889137718110927 52.17790869825089572, 5.56527648565190702 52.17811145346895785, 5.55464145674203991 52.17568412381876186, 5.54892265143893493 52.17532051909147839, 5.54660767561114643 52.1767810009075248, 5.54453608972592082 52.17713246549507744, 5.54219331104012181 52.1778456632828096, 5.53769836323213482 52.18207247653855063, 5.53439611947001087 52.18583426972042361, 5.53080786827553172 52.19153926328802839, 5.52526445842212244 52.19984946122222169, 5.52361898077855162 52.20573021269835579, 5.52236861050536643 52.2065876104762836, 5.51891561740034131 52.20721395515386831, 5.51949516696544951 52.20762390037089773, 5.53032667411039824 52.20746762861030987, 5.54955128447780499 52.20364930678530158, 5.5499173440834122 52.20233624002659667)))</t>
  </si>
  <si>
    <t>MultiPolygon (((5.49238869515662032 52.20964243571917507, 5.49681168043231416 52.2085702091151731, 5.5025900576673461 52.21218664973822854, 5.50523986444637625 52.21240990740342625, 5.51054179540548095 52.20997094846637765, 5.51247915585932269 52.20820778119900751, 5.51891561740034131 52.20721395515386831, 5.52236861050536643 52.2065876104762836, 5.52361898077855162 52.20573021269835579, 5.52526445842212244 52.19984946122222169, 5.53080786827553172 52.19153926328802839, 5.52920645334724803 52.1910024603771916, 5.52120909177343755 52.19183457323525488, 5.51208448292507835 52.18857382175290383, 5.50493453906457297 52.18857476324396316, 5.50417678552651424 52.18913479777958031, 5.50082350174874968 52.18857685688341519, 5.49630921031075292 52.18661787222546167, 5.4959338666375972 52.18685606556454815, 5.49536574579302428 52.18611426991287061, 5.48950294330694355 52.18844631961103886, 5.48482032921757057 52.19068792897058984, 5.48690395715167956 52.19281546712950615, 5.48424352523503078 52.19508993829978039, 5.46890662493774204 52.19981404496241595, 5.470504434166644 52.20403424456569041, 5.4666985128997343 52.20680122390577793, 5.47113211430662361 52.21128862135205395, 5.47664944430438005 52.21607886186973246, 5.4812604644983649 52.21392573185209329, 5.48714281839506857 52.21104652033118754, 5.49238869515662032 52.20964243571917507, 5.49238869515662032 52.20964243571917507)))</t>
  </si>
  <si>
    <t>MultiPolygon (((5.51557326999495334 52.23412794400196901, 5.51487860396034613 52.23114174156444278, 5.51768120899724579 52.23141212896985053, 5.51751043579449174 52.23095882843682602, 5.51939715171348944 52.23062098009672383, 5.52348577091527204 52.22750081553321877, 5.52301494832362572 52.22730386911497646, 5.52694141209456369 52.22304362684911894, 5.53314480689279264 52.21910382819392282, 5.53459230961291393 52.21929637230944365, 5.53622373140154345 52.21760238915738483, 5.54041471447442468 52.21325405520658336, 5.53961066308449812 52.21317336145379784, 5.53984598007062878 52.21212722178040622, 5.54135448547485421 52.21227886395723061, 5.54955128447780499 52.20364930678530158, 5.53032667411039824 52.20746762861030987, 5.51949516696544951 52.20762390037089773, 5.51891561740034131 52.20721395515386831, 5.51247915585932269 52.20820778119900751, 5.51054179540548095 52.20997094846637765, 5.50523986444637625 52.21240990740342625, 5.5025900576673461 52.21218664973822854, 5.50226999064280164 52.21448214246161257, 5.50141698477117824 52.21970291399914288, 5.5050975520012857 52.22029421057572307, 5.50644130548452804 52.22400778142275612, 5.50637594188864909 52.22526019864434943, 5.50111040366950466 52.2273605187008414, 5.50685176737094562 52.23111177497799673, 5.51501518257549339 52.23434527494840296, 5.51557326999495334 52.23412794400196901, 5.51557326999495334 52.23412794400196901)))</t>
  </si>
  <si>
    <t>MultiPolygon (((5.45752478815472486 52.22840949292787371, 5.47014910666833476 52.22747499719589115, 5.47159695501027521 52.22276600474280883, 5.47123929976950141 52.22274160130992726, 5.46592047386701729 52.22059390209327034, 5.45346423042323547 52.2216591798346812, 5.45752478815472486 52.22840949292787371, 5.45752478815472486 52.22840949292787371)))</t>
  </si>
  <si>
    <t>MultiPolygon (((5.45105678550832096 52.21810697129261314, 5.4621326091215856 52.2154626407352751, 5.45081459917020439 52.21189833496278254, 5.44816072300611332 52.21499217518879732, 5.45105678550832096 52.21810697129261314, 5.45105678550832096 52.21810697129261314)))</t>
  </si>
  <si>
    <t>MultiPolygon (((5.45446506444200807 52.21101405200670342, 5.44797586830008029 52.20384304715518908, 5.44369612461608288 52.20546047551068369, 5.44111869264030457 52.20432225937220494, 5.44018717273394259 52.20463046962456133, 5.44056791708405996 52.20583663795170537, 5.44816072300611332 52.21499217518879732, 5.45081459917020439 52.21189833496278254, 5.45446506444200807 52.21101405200670342, 5.45446506444200807 52.21101405200670342)))</t>
  </si>
  <si>
    <t>MultiPolygon (((5.4621326091215856 52.2154626407352751, 5.46248783331017496 52.21552156143172141, 5.46514644757276713 52.21301736679171768, 5.47113211430662361 52.21128862135205395, 5.4666985128997343 52.20680122390577793, 5.46456949635793698 52.20471799082036313, 5.4591609912504202 52.2088856640975294, 5.45446506444200807 52.21101405200670342, 5.45081459917020439 52.21189833496278254, 5.4621326091215856 52.2154626407352751, 5.4621326091215856 52.2154626407352751)))</t>
  </si>
  <si>
    <t>MultiPolygon (((5.49832647940211761 52.21614732576461648, 5.50226999064280164 52.21448214246161257, 5.5025900576673461 52.21218664973822854, 5.49681168043231416 52.2085702091151731, 5.49238869515662032 52.20964243571917507, 5.49832647940211761 52.21614732576461648, 5.49832647940211761 52.21614732576461648)))</t>
  </si>
  <si>
    <t>MultiPolygon (((5.49322630155898306 52.21773506118525177, 5.49832647940211761 52.21614732576461648, 5.49238869515662032 52.20964243571917507, 5.48714281839506857 52.21104652033118754, 5.49059337543195802 52.21401824106397527, 5.49322630155898306 52.21773506118525177, 5.49322630155898306 52.21773506118525177)))</t>
  </si>
  <si>
    <t>MultiPolygon (((5.49247318412645491 52.22127956935350568, 5.49262797652457468 52.22138999662855952, 5.4980836090389138 52.22096596967968196, 5.50141698477117824 52.21970291399914288, 5.50226999064280164 52.21448214246161257, 5.49832647940211761 52.21614732576461648, 5.49322630155898306 52.21773506118525177, 5.49247318412645491 52.22127956935350568, 5.49247318412645491 52.22127956935350568)))</t>
  </si>
  <si>
    <t>MultiPolygon (((5.49247318412645491 52.22127956935350568, 5.49322630155898306 52.21773506118525177, 5.49059337543195802 52.21401824106397527, 5.48714281839506857 52.21104652033118754, 5.4812604644983649 52.21392573185209329, 5.49247318412645491 52.22127956935350568, 5.49247318412645491 52.22127956935350568)))</t>
  </si>
  <si>
    <t>MultiPolygon (((5.49262797652457468 52.22138999662855952, 5.50111040366950466 52.2273605187008414, 5.50637594188864909 52.22526019864434943, 5.50644130548452804 52.22400778142275612, 5.5050975520012857 52.22029421057572307, 5.50141698477117824 52.21970291399914288, 5.4980836090389138 52.22096596967968196, 5.49262797652457468 52.22138999662855952, 5.49262797652457468 52.22138999662855952)))</t>
  </si>
  <si>
    <t>MultiPolygon (((5.488418361301588 52.22219931069760435, 5.49247318412645491 52.22127956935350568, 5.4812604644983649 52.21392573185209329, 5.47664944430438005 52.21607886186973246, 5.47655216839394399 52.2165193791751463, 5.4839188708840263 52.2210388935966705, 5.488418361301588 52.22219931069760435, 5.488418361301588 52.22219931069760435)))</t>
  </si>
  <si>
    <t>MultiPolygon (((5.49739188411890201 52.23637226950954471, 5.49938220986683746 52.23388405080498842, 5.50099438614294023 52.23411985640073141, 5.50170533384059102 52.2329602619504243, 5.50644302719050494 52.23159341904207054, 5.50815214441144008 52.23250605404528812, 5.51033331563874729 52.23283800004175959, 5.51099877152734408 52.23380865236688209, 5.51024693800125664 52.23533015867075591, 5.51297443716920021 52.23573193111317181, 5.5127651439783083 52.23469031410409968, 5.51501518257549339 52.23434527494840296, 5.50685176737094562 52.23111177497799673, 5.50111040366950466 52.2273605187008414, 5.49262797652457468 52.22138999662855952, 5.49247318412645491 52.22127956935350568, 5.488418361301588 52.22219931069760435, 5.48944429212280305 52.2245888420832074, 5.49254160931322843 52.23142684528015423, 5.49336718315745376 52.23133531090335424, 5.49739188411890201 52.23637226950954471, 5.49739188411890201 52.23637226950954471)))</t>
  </si>
  <si>
    <t>MultiPolygon (((5.48182824523554579 52.22592140179856557, 5.48245941677714033 52.22620481246303825, 5.48096329662593895 52.22794113014085582, 5.48655530273993897 52.23127926097827611, 5.48667829060836887 52.23291400876784962, 5.48914317486179915 52.2333193533498843, 5.49254160931322843 52.23142684528015423, 5.48944429212280305 52.2245888420832074, 5.48362522108306294 52.22556776694086267, 5.4819977600389862 52.22491379367890119, 5.48182824523554579 52.22592140179856557, 5.48182824523554579 52.22592140179856557)))</t>
  </si>
  <si>
    <t>MultiPolygon (((5.4819977600389862 52.22491379367890119, 5.48362522108306294 52.22556776694086267, 5.48944429212280305 52.2245888420832074, 5.488418361301588 52.22219931069760435, 5.4839188708840263 52.2210388935966705, 5.48244402682203358 52.22275587971581245, 5.4819977600389862 52.22491379367890119, 5.4819977600389862 52.22491379367890119)))</t>
  </si>
  <si>
    <t>MultiPolygon (((5.47014910666833476 52.22747499719589115, 5.47213518163823665 52.22923434810232379, 5.47741627948009935 52.22562623499832313, 5.48182824523554579 52.22592140179856557, 5.4819977600389862 52.22491379367890119, 5.48244402682203358 52.22275587971581245, 5.47470011997822414 52.22318857930748948, 5.47159695501027521 52.22276600474280883, 5.47014910666833476 52.22747499719589115, 5.47014910666833476 52.22747499719589115)))</t>
  </si>
  <si>
    <t>MultiPolygon (((5.47123929976950141 52.22274160130992726, 5.47159695501027521 52.22276600474280883, 5.47470011997822414 52.22318857930748948, 5.48244402682203358 52.22275587971581245, 5.4839188708840263 52.2210388935966705, 5.47655216839394399 52.2165193791751463, 5.47318952003978687 52.21859877928601179, 5.47123929976950141 52.22274160130992726, 5.47123929976950141 52.22274160130992726)))</t>
  </si>
  <si>
    <t>MultiPolygon (((5.46592047386701729 52.22059390209327034, 5.47123929976950141 52.22274160130992726, 5.47318952003978687 52.21859877928601179, 5.47655216839394399 52.2165193791751463, 5.47664944430438005 52.21607886186973246, 5.47113211430662361 52.21128862135205395, 5.46514644757276713 52.21301736679171768, 5.46248783331017496 52.21552156143172141, 5.46321590751009634 52.21799838100265845, 5.46592047386701729 52.22059390209327034, 5.46592047386701729 52.22059390209327034)))</t>
  </si>
  <si>
    <t>MultiPolygon (((5.45318787167809926 52.22165132681752908, 5.45346423042323547 52.2216591798346812, 5.46592047386701729 52.22059390209327034, 5.46321590751009634 52.21799838100265845, 5.46248783331017496 52.21552156143172141, 5.4621326091215856 52.2154626407352751, 5.45105678550832096 52.21810697129261314, 5.45318787167809926 52.22165132681752908, 5.45318787167809926 52.22165132681752908)))</t>
  </si>
  <si>
    <t>MultiPolygon (((5.48788123611413958 52.23659472716807528, 5.4900129678844376 52.23582878063493951, 5.49608178390835356 52.23627908016565158, 5.49739188411890201 52.23637226950954471, 5.49336718315745376 52.23133531090335424, 5.49254160931322843 52.23142684528015423, 5.48914317486179915 52.2333193533498843, 5.48667829060836887 52.23291400876784962, 5.48655530273993897 52.23127926097827611, 5.48096329662593895 52.22794113014085582, 5.48245941677714033 52.22620481246303825, 5.48182824523554579 52.22592140179856557, 5.47741627948009935 52.22562623499832313, 5.47213518163823665 52.22923434810232379, 5.47014910666833476 52.22747499719589115, 5.45752478815472486 52.22840949292787371, 5.46165213267203953 52.23435924079402781, 5.46615202890688323 52.23799092225704754, 5.47367007183220444 52.24130438729080339, 5.48132504294029044 52.24339216787401341, 5.4836902926269433 52.23924354775693502, 5.48788123611413958 52.23659472716807528, 5.48788123611413958 52.23659472716807528)))</t>
  </si>
  <si>
    <t>MultiPolygon (((5.2772112717642381 51.7843792315796918, 5.26829489767641235 51.78336032719932547, 5.26645254221935666 51.7931218908640858, 5.27631241894792424 51.79521058475413753, 5.28627091077029387 51.79914053126993423, 5.2899531812216587 51.79564844388917066, 5.29366755923510635 51.78907644564443302, 5.29080490264469905 51.78711634603661906, 5.2772112717642381 51.7843792315796918, 5.2772112717642381 51.7843792315796918)))</t>
  </si>
  <si>
    <t>MultiPolygon (((5.3248426668117359 51.81780699789354117, 5.32032518286008216 51.81613703982916519, 5.31255867847557095 51.81198788349702511, 5.30649465332989578 51.8069324080925, 5.30910742947426595 51.80698613638642769, 5.31094411013846202 51.80471075272905068, 5.32248429123329281 51.80835347153369952, 5.3198403305511226 51.8106150925418163, 5.31902413205983304 51.81246706993996298, 5.32829918193177576 51.81525065928868656, 5.33355100817202388 51.81034899277383232, 5.32462295088257331 51.80629516616441066, 5.32560607783713102 51.79906228128021439, 5.32924329856891443 51.79725662206337233, 5.33227641479637615 51.79859790820163568, 5.33748578853767075 51.79921143574842546, 5.34670314201032681 51.79929951379594399, 5.34706830912810815 51.80423487863436804, 5.34741213783697145 51.80418637801469117, 5.35883444393650166 51.79651216231341948, 5.35854939526988616 51.79596717317843257, 5.3545320891994086 51.79640206562769578, 5.34988507627469367 51.79594677208802977, 5.33897927110246151 51.79214521378212055, 5.33765428300062528 51.7924171250329195, 5.33749036013096667 51.79381306499872295, 5.33512070056360965 51.79470638610668942, 5.32806896082435433 51.79561874545296973, 5.32339520203175987 51.79365879955723528, 5.32192755211291324 51.79224597283337062, 5.31767179280692037 51.78749119852022176, 5.31091331608262518 51.79114725122958873, 5.29462574058609903 51.78830139393360099, 5.29366755923510635 51.78907644564443302, 5.2899531812216587 51.79564844388917066, 5.28627091077029387 51.79914053126993423, 5.28843667217567948 51.79957430259524642, 5.28817055973807726 51.80017671431441073, 5.28100751002728863 51.80191705214405573, 5.28371497413886448 51.80326213025502113, 5.28387457199046651 51.80515069497874237, 5.2830863513245836 51.80606729995705706, 5.28448018103562056 51.80654026413137103, 5.28085267674815295 51.81040064860336969, 5.28295891586518351 51.81224794925375932, 5.28325865027926955 51.81699395173110645, 5.28469538919078197 51.81743350473500698, 5.28171797334121873 51.82120751418325, 5.29055341618483777 51.82323520582551168, 5.29784570336598204 51.82405728573272086, 5.30460030076213229 51.8239633531775965, 5.31126955155932468 51.82314441575909569, 5.316328372143305 51.82179694720980478, 5.3248426668117359 51.81780699789354117, 5.3248426668117359 51.81780699789354117)))</t>
  </si>
  <si>
    <t>MultiPolygon (((5.3248426668117359 51.81780699789354117, 5.32610515548877483 51.81700860053479119, 5.32829918193177576 51.81525065928868656, 5.31902413205983304 51.81246706993996298, 5.3198403305511226 51.8106150925418163, 5.32248429123329281 51.80835347153369952, 5.31094411013846202 51.80471075272905068, 5.30910742947426595 51.80698613638642769, 5.30649465332989578 51.8069324080925, 5.31255867847557095 51.81198788349702511, 5.32032518286008216 51.81613703982916519, 5.3248426668117359 51.81780699789354117, 5.3248426668117359 51.81780699789354117)))</t>
  </si>
  <si>
    <t>MultiPolygon (((5.33227641479637615 51.79859790820163568, 5.32924329856891443 51.79725662206337233, 5.32560607783713102 51.79906228128021439, 5.32462295088257331 51.80629516616441066, 5.33355100817202388 51.81034899277383232, 5.33903209401971601 51.8065941450452172, 5.34367740510875233 51.80485914706764561, 5.34706830912810815 51.80423487863436804, 5.34670314201032681 51.79929951379594399, 5.33748578853767075 51.79921143574842546, 5.33227641479637615 51.79859790820163568, 5.33227641479637615 51.79859790820163568)))</t>
  </si>
  <si>
    <t>MultiPolygon (((5.40533860898149321 51.8346534274145867, 5.40165616147786132 51.83176057231565181, 5.39720984594892794 51.83288542889004447, 5.38993951849791042 51.82518197166317009, 5.38857436454137506 51.82347617487604907, 5.39357402106325434 51.82191820660840875, 5.38585784712390403 51.81566528901076651, 5.38789833821933151 51.81362212289624836, 5.38940785917860321 51.81329487056816419, 5.3946957874067758 51.816255469434779, 5.39838488963780438 51.81715553370845129, 5.39440946551917833 51.81272305731509675, 5.38349052134624095 51.80463369635860715, 5.37560308513768792 51.79616023551822934, 5.37019400481381659 51.79109690017173762, 5.36903890415572338 51.78981619858384278, 5.3668787359861696 51.79291846495506491, 5.35854939526988616 51.79596717317843257, 5.35883444393650166 51.79651216231341948, 5.34741213783697145 51.80418637801469117, 5.35408255904440455 51.80420646049164901, 5.36109586793329385 51.80571968915696601, 5.36579630609533975 51.80795355440951511, 5.37068352341981825 51.81195203875256539, 5.384391410097769 51.82729179780820061, 5.39341954697725079 51.833793243583699, 5.40063321565600685 51.83765877048785597, 5.40533860898149321 51.8346534274145867)))</t>
  </si>
  <si>
    <t>MultiPolygon (((5.40533860898149321 51.8346534274145867, 5.4058432805397878 51.83270563336389358, 5.40697064187125154 51.83280054406768755, 5.40833137135649089 51.82928061895951544, 5.41496497318230574 51.82493779745120577, 5.41622292781236858 51.82263981464070923, 5.41488544888811152 51.82129018643880158, 5.41040964180070372 51.82254524656683259, 5.40605821009641652 51.8224201954743009, 5.40170634612779477 51.82089279847573238, 5.40005407099345636 51.81941747786802921, 5.39897087154509592 51.82051728257130208, 5.39357402106325434 51.82191820660840875, 5.38857436454137506 51.82347617487604907, 5.38993951849791042 51.82518197166317009, 5.39720984594892794 51.83288542889004447, 5.40165616147786132 51.83176057231565181, 5.40533860898149321 51.8346534274145867)))</t>
  </si>
  <si>
    <t>MultiPolygon (((5.39357402106325434 51.82191820660840875, 5.39897087154509592 51.82051728257130208, 5.40005407099345636 51.81941747786802921, 5.39838488963780438 51.81715553370845129, 5.3946957874067758 51.816255469434779, 5.38940785917860321 51.81329487056816419, 5.38789833821933151 51.81362212289624836, 5.38585784712390403 51.81566528901076651, 5.39357402106325434 51.82191820660840875, 5.39357402106325434 51.82191820660840875)))</t>
  </si>
  <si>
    <t>MultiPolygon (((5.26991971171673246 51.7743264182479237, 5.27159552008861176 51.76560686079072582, 5.27278774483226531 51.75306831878071989, 5.26844698423178759 51.75209044792208601, 5.26735354515864795 51.75321907143381139, 5.26154484796054334 51.75213269826902973, 5.25705860944937697 51.75382194238267886, 5.24928806822897087 51.75800552332280802, 5.23561889782462053 51.75780692910245051, 5.2367057540212274 51.76069361734122509, 5.23014064764494702 51.76209732357891369, 5.23099969062909587 51.76710502911306833, 5.23382118728281398 51.76731548412821837, 5.23343727751709586 51.7708152756454254, 5.23744407795047273 51.77196463174207963, 5.24019751820799318 51.77100715942310671, 5.24886504532461817 51.77123622029815664, 5.25173825601502475 51.77241569738869487, 5.25963787122018633 51.77389092679609206, 5.26255805053479975 51.77382270408154596, 5.26252178662134629 51.77464642743658629, 5.26991971171673246 51.7743264182479237, 5.26991971171673246 51.7743264182479237)))</t>
  </si>
  <si>
    <t>MultiPolygon (((5.23561889782462053 51.75780692910245051, 5.24928806822897087 51.75800552332280802, 5.25705860944937697 51.75382194238267886, 5.25122839344302328 51.7497557408102864, 5.24992104297644957 51.74467190540102024, 5.25596438902963392 51.74329459699663403, 5.25528240116434731 51.73790328724224707, 5.2577653372458828 51.73985935648458678, 5.26842340213080362 51.74340842739813695, 5.26800999018597516 51.74592674006923687, 5.27240031303364809 51.74764341464832285, 5.27374424581944012 51.74702901276815936, 5.27560150681536211 51.74724089909025793, 5.27523009967228607 51.7534122354304813, 5.27278774483226531 51.75306831878071989, 5.27159552008861176 51.76560686079072582, 5.27806204440931293 51.76149353977160672, 5.29253249983195673 51.74908154984076702, 5.2939555064016206 51.74720410474475329, 5.28903077323266135 51.74315613235462052, 5.28402566607786817 51.74180610018175486, 5.28328499270552232 51.73977682696587976, 5.27572029817583044 51.74016990985736442, 5.26853827818309295 51.73964741441586312, 5.26414142839513399 51.73882804853722206, 5.25546623632756127 51.7348996619303918, 5.24967966007917486 51.73358070668065523, 5.24467851738209667 51.73442123641170554, 5.23110377246812153 51.74130393672719208, 5.23202930597274563 51.7444527048182934, 5.23594388804555511 51.74772792844909475, 5.23416941389485402 51.7521838989355274, 5.2346933928570456 51.75482521865153274, 5.23321529474679359 51.75507412175961264, 5.23421981014922633 51.75781859629643122, 5.23561889782462053 51.75780692910245051, 5.23561889782462053 51.75780692910245051)))</t>
  </si>
  <si>
    <t>MultiPolygon (((5.25705860944937697 51.75382194238267886, 5.26154484796054334 51.75213269826902973, 5.26735354515864795 51.75321907143381139, 5.26844698423178759 51.75209044792208601, 5.27278774483226531 51.75306831878071989, 5.27523009967228607 51.7534122354304813, 5.27560150681536211 51.74724089909025793, 5.27374424581944012 51.74702901276815936, 5.27240031303364809 51.74764341464832285, 5.26800999018597516 51.74592674006923687, 5.26842340213080362 51.74340842739813695, 5.2577653372458828 51.73985935648458678, 5.25528240116434731 51.73790328724224707, 5.25596438902963392 51.74329459699663403, 5.24992104297644957 51.74467190540102024, 5.25122839344302328 51.7497557408102864, 5.25705860944937697 51.75382194238267886, 5.25705860944937697 51.75382194238267886)))</t>
  </si>
  <si>
    <t>MultiPolygon (((5.23343727751709586 51.7708152756454254, 5.23382118728281398 51.76731548412821837, 5.23099969062909587 51.76710502911306833, 5.23014064764494702 51.76209732357891369, 5.2367057540212274 51.76069361734122509, 5.23561889782462053 51.75780692910245051, 5.23421981014922633 51.75781859629643122, 5.23321529474679359 51.75507412175961264, 5.2346933928570456 51.75482521865153274, 5.23416941389485402 51.7521838989355274, 5.23165863253446695 51.7520412767312834, 5.23143306770265148 51.75445971212390361, 5.22976432411994097 51.75454203315230473, 5.22627762293948628 51.75434405174347319, 5.21855183772458986 51.75105326068312905, 5.21143258678516208 51.75330509256024669, 5.2100833813254761 51.75095904319058349, 5.21270059516798057 51.75046045470081424, 5.2112099567346517 51.74800803005887673, 5.21334136787103031 51.74576297099591216, 5.23202930597274563 51.7444527048182934, 5.23110377246812153 51.74130393672719208, 5.22213937501489944 51.74338755723420036, 5.21634745632171715 51.74345117292130425, 5.21185092761318369 51.74273564424245109, 5.20913700132706747 51.74966214964014455, 5.208747023626775 51.75748600428937607, 5.20716068919031461 51.76229239851768682, 5.20660146641794341 51.76905432284674902, 5.2111258478871294 51.76925621752433671, 5.21446148855960434 51.76861691050202552, 5.23157236342567078 51.77062718694245547, 5.23343727751709586 51.7708152756454254, 5.23343727751709586 51.7708152756454254)))</t>
  </si>
  <si>
    <t>MultiPolygon (((5.20660146641794341 51.76905432284674902, 5.20716068919031461 51.76229239851768682, 5.208747023626775 51.75748600428937607, 5.20913700132706747 51.74966214964014455, 5.21185092761318369 51.74273564424245109, 5.20649417355845046 51.74147718457159328, 5.19552436274308427 51.74027318698385614, 5.18569979536198211 51.74191755621143329, 5.1850205371972633 51.7458028744291525, 5.18444461087298247 51.74586409851129787, 5.1857251649368532 51.75064573087650643, 5.18495093537356855 51.75363648565013364, 5.1835186767806638 51.75581771721520852, 5.17967491498958843 51.75923707233942395, 5.1745653607323483 51.76107275993263812, 5.17512804070342813 51.76253166380052306, 5.18177373484938375 51.76133303471951308, 5.1856686448177447 51.75939659891471223, 5.18791518203290103 51.75711456063154969, 5.19052569663796692 51.74997510923425637, 5.19236334140816691 51.74832429907736753, 5.19557512585562797 51.74699199506714109, 5.19715087943928378 51.74825743710305659, 5.19432864522529592 51.75028871701212552, 5.19095421194712081 51.75837357317460885, 5.18684856453961007 51.7621752083596931, 5.18366811083547407 51.76399326578795979, 5.18390250238025185 51.76609505572253767, 5.19004710407036818 51.76565052950682144, 5.19241206239853792 51.76645584382993803, 5.19199480476296049 51.76745252864618152, 5.19590482901869866 51.76744039503967088, 5.20660146641794341 51.76905432284674902, 5.20660146641794341 51.76905432284674902),(5.20189383587064835 51.74852035279011631, 5.20035166611996935 51.74675869713438914, 5.19919244335437458 51.74657089536952981, 5.19951632052479429 51.74425604288558134, 5.20198045579643154 51.74256647638672035, 5.20658952178344947 51.74426180972092482, 5.20800510798367444 51.74694703490580849, 5.20574872817898449 51.74811459559925453, 5.20658806316267597 51.75187503100995201, 5.20220089884263626 51.75205245762192874, 5.20189383587064835 51.74852035279011631, 5.20189383587064835 51.74852035279011631)))</t>
  </si>
  <si>
    <t>MultiPolygon (((5.19715087943928378 51.74825743710305659, 5.19557512585562797 51.74699199506714109, 5.19236334140816691 51.74832429907736753, 5.19052569663796692 51.74997510923425637, 5.18791518203290103 51.75711456063154969, 5.1856686448177447 51.75939659891471223, 5.18177373484938375 51.76133303471951308, 5.17512804070342813 51.76253166380052306, 5.17386285641227772 51.76408997808645296, 5.18065165632855162 51.7665551703382647, 5.18150656972913293 51.76641926935497651, 5.18390250238025185 51.76609505572253767, 5.18366811083547407 51.76399326578795979, 5.18684856453961007 51.7621752083596931, 5.19095421194712081 51.75837357317460885, 5.19432864522529592 51.75028871701212552, 5.19715087943928378 51.74825743710305659, 5.19715087943928378 51.74825743710305659)))</t>
  </si>
  <si>
    <t>MultiPolygon (((5.20658806316267597 51.75187503100995201, 5.20574872817898449 51.74811459559925453, 5.20800510798367444 51.74694703490580849, 5.20658952178344947 51.74426180972092482, 5.20198045579643154 51.74256647638672035, 5.19951632052479429 51.74425604288558134, 5.19919244335437458 51.74657089536952981, 5.20035166611996935 51.74675869713438914, 5.20189383587064835 51.74852035279011631, 5.20220089884263626 51.75205245762192874, 5.20658806316267597 51.75187503100995201)))</t>
  </si>
  <si>
    <t>MultiPolygon (((5.23416941389485402 51.7521838989355274, 5.23594388804555511 51.74772792844909475, 5.23202930597274563 51.7444527048182934, 5.21334136787103031 51.74576297099591216, 5.2112099567346517 51.74800803005887673, 5.21270059516798057 51.75046045470081424, 5.2100833813254761 51.75095904319058349, 5.21143258678516208 51.75330509256024669, 5.21855183772458986 51.75105326068312905, 5.22627762293948628 51.75434405174347319, 5.22976432411994097 51.75454203315230473, 5.23143306770265148 51.75445971212390361, 5.23165863253446695 51.7520412767312834, 5.23416941389485402 51.7521838989355274, 5.23416941389485402 51.7521838989355274)))</t>
  </si>
  <si>
    <t>MultiPolygon (((5.32192755211291324 51.79224597283337062, 5.32339520203175987 51.79365879955723528, 5.32806896082435433 51.79561874545296973, 5.33512070056360965 51.79470638610668942, 5.33749036013096667 51.79381306499872295, 5.33765428300062528 51.7924171250329195, 5.33897927110246151 51.79214521378212055, 5.34988507627469367 51.79594677208802977, 5.3545320891994086 51.79640206562769578, 5.35854939526988616 51.79596717317843257, 5.3668787359861696 51.79291846495506491, 5.36903890415572338 51.78981619858384278, 5.3625388834770078 51.77946368778759023, 5.36042964581001335 51.76868034247992512, 5.35376452226455601 51.77177109905580465, 5.34827065902838417 51.77345642447100005, 5.34256005077621676 51.77550010362687516, 5.33570529036954078 51.77917637209105806, 5.32229306223296827 51.78706239740503747, 5.32094565297590272 51.78860596547795581, 5.32252798111133441 51.79191261038474181, 5.32192755211291324 51.79224597283337062),(5.33851363772280507 51.78946840427783371, 5.33658322076998992 51.78958729542478778, 5.33673992471769232 51.78869896560187414, 5.33774127063462966 51.78701344829288189, 5.34072898274728303 51.78494817769716718, 5.34372093121447111 51.78431816607998428, 5.34807076183526409 51.78525280056197033, 5.34701951174010226 51.78738803398471191, 5.33851363772280507 51.78946840427783371)))</t>
  </si>
  <si>
    <t>MultiPolygon (((5.34827065902838417 51.77345642447100005, 5.35376452226455601 51.77177109905580465, 5.36042964581001335 51.76868034247992512, 5.35992739975634258 51.76058743748613722, 5.35756815655257235 51.7578903398080854, 5.35351436260315783 51.75547725025745649, 5.32204122028086335 51.74652362993229104, 5.3043608477657731 51.73878397215796809, 5.30033868043625045 51.73728743740514346, 5.29599666187430973 51.73671787213976359, 5.29165239961870881 51.73726271247455344, 5.28328499270552232 51.73977682696587976, 5.28402566607786817 51.74180610018175486, 5.28903077323266135 51.74315613235462052, 5.2939555064016206 51.74720410474475329, 5.29253249983195673 51.74908154984076702, 5.29434923056487339 51.74939029379451227, 5.29491653671376472 51.75025194609196433, 5.29650768615904965 51.75837423868337339, 5.30053649807290306 51.76179822173936174, 5.30519294433900956 51.76357593633450449, 5.30925211345567494 51.76435338973607969, 5.31388487954126632 51.76505578280813324, 5.31534265410034301 51.76384661747183458, 5.3173133014895928 51.76449328729460575, 5.32478522251784536 51.76440760855485479, 5.33002255547689874 51.7649478925783626, 5.33596961028685968 51.76449306642933124, 5.33643116409855534 51.76243744486210119, 5.34540485449201697 51.76237356269548684, 5.34542070592016838 51.76555659385694241, 5.34321217996473408 51.76933541894550928, 5.34345482648398651 51.77029277679472585, 5.34503650997741264 51.77221125738375207, 5.34827065902838417 51.77345642447100005, 5.34827065902838417 51.77345642447100005),(5.34221765334494147 51.76145219744842052, 5.34110240668431757 51.76135823041465756, 5.33694810177521184 51.75877038934626739, 5.32719275564504713 51.75558306829142197, 5.3247419900035311 51.7537464656233368, 5.31971809890728764 51.75271816239016687, 5.32115900149308541 51.7498218951832456, 5.32573053445678291 51.75099568215193813, 5.33971680000017024 51.7566387541316999, 5.34434758172979496 51.76077689372450408, 5.34221765334494147 51.76145219744842052, 5.34221765334494147 51.76145219744842052)))</t>
  </si>
  <si>
    <t>MultiPolygon (((5.26829489767641235 51.78336032719932547, 5.2772112717642381 51.7843792315796918, 5.29080490264469905 51.78711634603661906, 5.29366755923510635 51.78907644564443302, 5.29543185414361162 51.78533585198638889, 5.30111333628250936 51.77836598994940687, 5.3021940977115154 51.77530537882793737, 5.30350976851198208 51.77452966854580296, 5.31138664803439031 51.77332522987028085, 5.30995372818544631 51.77246506148535587, 5.30297392446198756 51.77135384660819284, 5.30094888366929951 51.77413316916776154, 5.29830922327478504 51.77329640131301858, 5.3015085166505509 51.76780573108668193, 5.30411608138567559 51.76813596929868311, 5.30555222231066548 51.76610739647648529, 5.308477210706676 51.76686360251725461, 5.30781042468318365 51.76944801821413478, 5.31788323320359524 51.76966365302659057, 5.3173133014895928 51.76449328729460575, 5.31534265410034301 51.76384661747183458, 5.31388487954126632 51.76505578280813324, 5.30925211345567494 51.76435338973607969, 5.30519294433900956 51.76357593633450449, 5.30053649807290306 51.76179822173936174, 5.29650768615904965 51.75837423868337339, 5.29491653671376472 51.75025194609196433, 5.29434923056487339 51.74939029379451227, 5.29253249983195673 51.74908154984076702, 5.27806204440931293 51.76149353977160672, 5.27159552008861176 51.76560686079072582, 5.26991971171673246 51.7743264182479237, 5.26829489767641235 51.78336032719932547, 5.26829489767641235 51.78336032719932547)))</t>
  </si>
  <si>
    <t>MultiPolygon (((5.32229306223296827 51.78706239740503747, 5.33570529036954078 51.77917637209105806, 5.32365994852585267 51.77449201143972601, 5.32477653032209375 51.77169440345080886, 5.32150485015497132 51.76985898323570723, 5.32478522251784536 51.76440760855485479, 5.3173133014895928 51.76449328729460575, 5.31788323320359524 51.76966365302659057, 5.31803914759294294 51.77102998457450411, 5.31138664803439031 51.77332522987028085, 5.31343101448317157 51.78312474346930117, 5.31470726912418545 51.78520551025046359, 5.31659543260077072 51.78633301885461293, 5.32229306223296827 51.78706239740503747, 5.32229306223296827 51.78706239740503747)))</t>
  </si>
  <si>
    <t>MultiPolygon (((5.29366755923510635 51.78907644564443302, 5.29462574058609903 51.78830139393360099, 5.31091331608262518 51.79114725122958873, 5.31767179280692037 51.78749119852022176, 5.32192755211291324 51.79224597283337062, 5.32252798111133441 51.79191261038474181, 5.32094565297590272 51.78860596547795581, 5.32229306223296827 51.78706239740503747, 5.31659543260077072 51.78633301885461293, 5.31470726912418545 51.78520551025046359, 5.31343101448317157 51.78312474346930117, 5.31138664803439031 51.77332522987028085, 5.30350976851198208 51.77452966854580296, 5.3021940977115154 51.77530537882793737, 5.30111333628250936 51.77836598994940687, 5.29543185414361162 51.78533585198638889, 5.29366755923510635 51.78907644564443302, 5.29366755923510635 51.78907644564443302)))</t>
  </si>
  <si>
    <t>MultiPolygon (((5.33851363772280507 51.78946840427783371, 5.34701951174010226 51.78738803398471191, 5.34807076183526409 51.78525280056197033, 5.34372093121447111 51.78431816607998428, 5.34072898274728303 51.78494817769716718, 5.33774127063462966 51.78701344829288189, 5.33673992471769232 51.78869896560187414, 5.33658322076998992 51.78958729542478778, 5.33851363772280507 51.78946840427783371, 5.33851363772280507 51.78946840427783371)))</t>
  </si>
  <si>
    <t>MultiPolygon (((5.34221765334494147 51.76145219744842052, 5.34434758172979496 51.76077689372450408, 5.33971680000017024 51.7566387541316999, 5.32573053445678291 51.75099568215193813, 5.32115900149308541 51.7498218951832456, 5.31971809890728764 51.75271816239016687, 5.3247419900035311 51.7537464656233368, 5.32719275564504713 51.75558306829142197, 5.33694810177521184 51.75877038934626739, 5.34110240668431757 51.76135823041465756, 5.34221765334494147 51.76145219744842052, 5.34221765334494147 51.76145219744842052)))</t>
  </si>
  <si>
    <t>MultiPolygon (((5.31138664803439031 51.77332522987028085, 5.31803914759294294 51.77102998457450411, 5.31788323320359524 51.76966365302659057, 5.30781042468318365 51.76944801821413478, 5.308477210706676 51.76686360251725461, 5.30555222231066548 51.76610739647648529, 5.30411608138567559 51.76813596929868311, 5.3015085166505509 51.76780573108668193, 5.29830922327478504 51.77329640131301858, 5.30094888366929951 51.77413316916776154, 5.30297392446198756 51.77135384660819284, 5.30995372818544631 51.77246506148535587, 5.31138664803439031 51.77332522987028085, 5.31138664803439031 51.77332522987028085)))</t>
  </si>
  <si>
    <t>MultiPolygon (((5.33570529036954078 51.77917637209105806, 5.34256005077621676 51.77550010362687516, 5.34827065902838417 51.77345642447100005, 5.34503650997741264 51.77221125738375207, 5.34345482648398651 51.77029277679472585, 5.34321217996473408 51.76933541894550928, 5.34542070592016838 51.76555659385694241, 5.34540485449201697 51.76237356269548684, 5.33643116409855534 51.76243744486210119, 5.33596961028685968 51.76449306642933124, 5.33002255547689874 51.7649478925783626, 5.32478522251784536 51.76440760855485479, 5.32150485015497132 51.76985898323570723, 5.32477653032209375 51.77169440345080886, 5.32365994852585267 51.77449201143972601, 5.33570529036954078 51.77917637209105806, 5.33570529036954078 51.77917637209105806)))</t>
  </si>
  <si>
    <t>MultiPolygon (((6.37734846016230605 52.24474994797555638, 6.38185146751569743 52.24611280613758169, 6.38341082744552146 52.24401580664889622, 6.38986330787179124 52.24255918337224358, 6.4026188644004165 52.24327170994379088, 6.41642222827994768 52.24216635185473478, 6.41639524161250829 52.23952515078791237, 6.38873089121397619 52.24136011571047788, 6.37038046469314434 52.24163952416209611, 6.36693275324355756 52.23985774090187562, 6.35004840616369925 52.22501557406856421, 6.33492758821292234 52.21957116013420119, 6.32695682441057272 52.21578930103344618, 6.32572548088802122 52.21293202699773417, 6.32371359730999938 52.21102291474042545, 6.32235881191579985 52.21094806606392069, 6.31937629123911826 52.21206210551258664, 6.3193284654103099 52.21565445410593043, 6.30668972754083068 52.22089490373072351, 6.30142774252477711 52.2197906020080822, 6.29154968829036765 52.22016498608904556, 6.28057094290221762 52.21856973129933976, 6.27542219221016584 52.21877374316219544, 6.26875243210857569 52.2155396405372727, 6.26060849072184844 52.21767731440844784, 6.25958756847052911 52.22651387836101122, 6.2608353634138556 52.22907097050745762, 6.26471844376371845 52.2272478081223781, 6.26940044644394057 52.22645738903256074, 6.27129092026566948 52.22641363162383499, 6.27100706308986577 52.2279099236001727, 6.27780348461676052 52.22836520794171378, 6.28633319413124791 52.23036202453193511, 6.29181201416387736 52.2308853598761047, 6.2928292123134808 52.23082722785323284, 6.29303506081195518 52.22951245835029965, 6.29695180447576419 52.22900122019919422, 6.29794228732684225 52.22552982973461155, 6.3204291908568706 52.22566908593469037, 6.32543403391656334 52.22699663596655739, 6.3387083104569184 52.22715286371285259, 6.33805687922460237 52.23622294892035001, 6.34147604013642319 52.23625594848829223, 6.34201947602665861 52.23759342517772808, 6.34662285415841332 52.2390294382896414, 6.34864096033587888 52.23870100337260425, 6.34965154664698872 52.24124122795110026, 6.35089183318917083 52.24168008105053929, 6.36685130946694144 52.24153213908298454, 6.37734846016230605 52.24474994797555638, 6.37734846016230605 52.24474994797555638)))</t>
  </si>
  <si>
    <t>MultiPolygon (((6.26875243210857569 52.2155396405372727, 6.27542219221016584 52.21877374316219544, 6.28057094290221762 52.21856973129933976, 6.29154968829036765 52.22016498608904556, 6.30142774252477711 52.2197906020080822, 6.30668972754083068 52.22089490373072351, 6.3193284654103099 52.21565445410593043, 6.31937629123911826 52.21206210551258664, 6.32235881191579985 52.21094806606392069, 6.32601551048927657 52.18298597088924851, 6.32559419278570978 52.17418000953846047, 6.32390000891621096 52.17277145527970106, 6.3203882079264142 52.17264114788741836, 6.31606693340124536 52.17538525952828365, 6.31362078212138123 52.1761530598765475, 6.30562094184476596 52.17659509002648122, 6.3010041287859293 52.17625146356235177, 6.29300048882129648 52.17759234717349415, 6.2842149680202759 52.17824737013707193, 6.2736199728259594 52.17659972133581903, 6.26724666826643961 52.17362650544905733, 6.26308373510693261 52.17357659284488136, 6.25559828100177118 52.17176404230169595, 6.25368963412258783 52.17194099142304964, 6.2505111693644535 52.17637644835764377, 6.25042961649630158 52.17873648362681394, 6.25385661532063875 52.1803095972877955, 6.25334808833990863 52.18138125831806207, 6.25051241517316214 52.18134895524912054, 6.25033318008628758 52.1887063679036487, 6.25213292695159861 52.18890890869204213, 6.25847695145164096 52.19272075459407034, 6.25696841787944447 52.1934447694225554, 6.25953541272522607 52.1967335224158262, 6.25768608089214506 52.19790667079439572, 6.26227866327611959 52.2033213085520913, 6.26515192906345408 52.20473725628090733, 6.26603183409539177 52.20693115804247952, 6.26638324719409656 52.21035111937204221, 6.26467782195580725 52.21186232745391465, 6.26473416339359357 52.21384017694253998, 6.26875243210857569 52.2155396405372727, 6.26875243210857569 52.2155396405372727),(6.30136254958666253 52.20824308073719067, 6.29511495749319572 52.21051510995014411, 6.29083719441608924 52.20626016711072737, 6.29456895250291382 52.20394484854409711, 6.2994233306170706 52.204678740576135, 6.30151747897265491 52.20554521710799634, 6.30136254958666253 52.20824308073719067, 6.30136254958666253 52.20824308073719067)))</t>
  </si>
  <si>
    <t>MultiPolygon (((6.25368963412258783 52.17194099142304964, 6.25559828100177118 52.17176404230169595, 6.26308373510693261 52.17357659284488136, 6.26724666826643961 52.17362650544905733, 6.2736199728259594 52.17659972133581903, 6.2842149680202759 52.17824737013707193, 6.29300048882129648 52.17759234717349415, 6.3010041287859293 52.17625146356235177, 6.30562094184476596 52.17659509002648122, 6.31362078212138123 52.1761530598765475, 6.31606693340124536 52.17538525952828365, 6.3203882079264142 52.17264114788741836, 6.32390000891621096 52.17277145527970106, 6.32244943746114529 52.17164795780684017, 6.32202585143346951 52.16996350501392499, 6.32997115542262367 52.16608406310495383, 6.31384009637338028 52.16580932384795233, 6.31324078232201735 52.16827236352124686, 6.30698593992940548 52.16813619772941735, 6.30700525936480272 52.16885146798697548, 6.30476729109386902 52.16871525179445968, 6.30466364958766246 52.16808490357333028, 6.29232338976214578 52.16785862387646944, 6.29352565397574359 52.16551943021048032, 6.27184515039761159 52.16525539549834178, 6.2552181852165667 52.16297369839382014, 6.25587148882519806 52.16694539578605827, 6.25377871945209662 52.17028367166350478, 6.25368963412258783 52.17194099142304964, 6.25368963412258783 52.17194099142304964)))</t>
  </si>
  <si>
    <t>MultiPolygon (((6.31384009637338028 52.16580932384795233, 6.32997115542262367 52.16608406310495383, 6.33189433323456718 52.16528596765847681, 6.33069872964011982 52.16248539009483665, 6.33066260371719647 52.15673048083212393, 6.32927233202554973 52.15541475570774566, 6.32658007302036651 52.15626518228568642, 6.32366868350520051 52.15534749739931186, 6.32264794529490803 52.15424822048850473, 6.3240008670979142 52.15275247454832908, 6.31528818416217064 52.15129146577296382, 6.3051198323978257 52.15067343422624901, 6.30091805387261061 52.14911116744043795, 6.29811111386097444 52.14981970770335806, 6.29569717136105211 52.1488307630628114, 6.29028005403765711 52.14940149527912894, 6.28644438407940687 52.14893906925900069, 6.28341634948953942 52.14829814740824077, 6.2801509683634329 52.1494728433816519, 6.27689634605476154 52.14947274365943741, 6.27453769044505005 52.14884386281656248, 6.26979138207309461 52.14995870197178363, 6.26603206298427118 52.14786517003842903, 6.25586541256320494 52.152455063412269, 6.25303065911515876 52.16028231272976257, 6.2552181852165667 52.16297369839382014, 6.27184515039761159 52.16525539549834178, 6.29352565397574359 52.16551943021048032, 6.2972553903661419 52.15912523277152957, 6.29536499850485143 52.15665366641879785, 6.30169008412316423 52.15409252436194976, 6.30952668268233907 52.15591007887397978, 6.31215372195512003 52.15828941624327086, 6.30849670065981716 52.15931828344783128, 6.30625640844922319 52.16146264698223689, 6.29942072771532313 52.15981044507370257, 6.2960160279140176 52.16551038104880433, 6.31384009637338028 52.16580932384795233)))</t>
  </si>
  <si>
    <t>MultiPolygon (((6.30136254958666253 52.20824308073719067, 6.30151747897265491 52.20554521710799634, 6.2994233306170706 52.204678740576135, 6.29456895250291382 52.20394484854409711, 6.29083719441608924 52.20626016711072737, 6.29511495749319572 52.21051510995014411, 6.30136254958666253 52.20824308073719067, 6.30136254958666253 52.20824308073719067)))</t>
  </si>
  <si>
    <t>MultiPolygon (((6.29352565397574359 52.16551943021048032, 6.29232338976214578 52.16785862387646944, 6.30466364958766246 52.16808490357333028, 6.30476729109386902 52.16871525179445968, 6.30700525936480272 52.16885146798697548, 6.30698593992940548 52.16813619772941735, 6.31324078232201735 52.16827236352124686, 6.31384009637338028 52.16580932384795233, 6.2960160279140176 52.16551038104880433, 6.29942072771532313 52.15981044507370257, 6.30625640844922319 52.16146264698223689, 6.30849670065981716 52.15931828344783128, 6.31215372195512003 52.15828941624327086, 6.30952668268233907 52.15591007887397978, 6.30169008412316423 52.15409252436194976, 6.29536499850485143 52.15665366641879785, 6.2972553903661419 52.15912523277152957, 6.29352565397574359 52.16551943021048032, 6.29352565397574359 52.16551943021048032)))</t>
  </si>
  <si>
    <t>MultiPolygon (((6.23617429605874651 52.19164209082804717, 6.2420244048537068 52.18951007431160605, 6.25033318008628758 52.1887063679036487, 6.25051241517316214 52.18134895524912054, 6.25334808833990863 52.18138125831806207, 6.25385661532063875 52.1803095972877955, 6.25042961649630158 52.17873648362681394, 6.2505111693644535 52.17637644835764377, 6.25368963412258783 52.17194099142304964, 6.25377871945209662 52.17028367166350478, 6.25587148882519806 52.16694539578605827, 6.2552181852165667 52.16297369839382014, 6.25303065911515876 52.16028231272976257, 6.25586541256320494 52.152455063412269, 6.26603206298427118 52.14786517003842903, 6.26439118841993281 52.14707534954938239, 6.25110334117079436 52.14676116165858843, 6.24928508242900449 52.14745067395200095, 6.24434601092397568 52.14669358476194105, 6.24015094663693048 52.14605035826649271, 6.23797381742926316 52.14612581352410103, 6.23526091192175258 52.15542862801522972, 6.23164011229548187 52.1559403134604409, 6.2288780562609638 52.15534547999089199, 6.22844863034795893 52.15477279529788746, 6.22347806608332643 52.15384425178555006, 6.22307156539442108 52.15583112556095102, 6.21915320543372285 52.15607685372978608, 6.21867430787115172 52.15836227710941841, 6.23402624684035089 52.1601776111507931, 6.24267208279597341 52.16184294722071968, 6.24140683961551179 52.16618240008993013, 6.23508331912723968 52.1684314262801081, 6.23447918508365895 52.17094351131936492, 6.23048359710773347 52.17208107837813458, 6.22992535090041599 52.17402766914936763, 6.22447960825521207 52.17512257351257432, 6.22239895720760661 52.17744816146441877, 6.21790291074596002 52.17226134880224464, 6.21846041827981111 52.17048110676197581, 6.22183619661378362 52.16980308788739507, 6.21582651881480519 52.16203651612166681, 6.2118138874637765 52.16307383233933592, 6.20722167148331483 52.16664368521853135, 6.2005286499634904 52.16491672322953832, 6.19870796094885979 52.16291027540161451, 6.19526349648372854 52.16562339425669137, 6.19279943387591914 52.16980127275880363, 6.19436294220640349 52.17431990047232659, 6.19362103676500286 52.17644860036131149, 6.1915449381707397 52.17843976190413002, 6.19649218192696871 52.17829835275088612, 6.20371340373111568 52.18028977841863991, 6.22013489318116441 52.19063370787775824, 6.22526696010479608 52.19258378153603672, 6.23220545908132895 52.19128492593882385, 6.23617429605874651 52.19164209082804717, 6.23617429605874651 52.19164209082804717)))</t>
  </si>
  <si>
    <t>MultiPolygon (((6.21648026649898355 52.23147471617706117, 6.22053969656748151 52.22951817058460477, 6.23392001889834013 52.22903541944312167, 6.23520349057810286 52.2281584025733352, 6.23805356741272998 52.22771746386083436, 6.2508710666010554 52.22693131400853872, 6.25729474883173253 52.22727621718711788, 6.2608353634138556 52.22907097050745762, 6.25958756847052911 52.22651387836101122, 6.26060849072184844 52.21767731440844784, 6.23683753623134951 52.21577450789345676, 6.22895801620518785 52.21625705735294787, 6.22345186784280102 52.21557966049614663, 6.21694851573502216 52.22647364619108856, 6.21450121160490543 52.23142728255539424, 6.21648026649898355 52.23147471617706117, 6.21648026649898355 52.23147471617706117)),((6.18913562140079687 52.22916651125446919, 6.20311011055929029 52.22926922278620054, 6.19165433927880748 52.22740638115499223, 6.19267592431479397 52.22578687689132693, 6.19548301148573177 52.22504947805614961, 6.19704277980630636 52.22181117906407621, 6.20096977166726049 52.2210034262215359, 6.20714636417509791 52.22233915466289034, 6.22199784757449592 52.21544080203154437, 6.21608362555857763 52.21484066333191265, 6.21503366767886067 52.21125806941373071, 6.21504201755424557 52.21170742236069628, 6.20474846042735528 52.21369478513704365, 6.20155719622655255 52.21129255006561465, 6.19815921772927236 52.21006124297487361, 6.19512863504754918 52.21003090533690028, 6.19293274344718103 52.21036836827267535, 6.19105096701032664 52.21058492680977281, 6.19071719322776115 52.21436292985880101, 6.18925452657655839 52.2172675412530225, 6.18081737795114972 52.22315575904311657, 6.17397571172561133 52.22595945183423538, 6.169682076186775 52.2294861677334481, 6.16626883770702072 52.23101377223709818, 6.17421422607602555 52.23278132888695779, 6.18253093997630732 52.23382502778346037, 6.18913562140079687 52.22916651125446919, 6.18913562140079687 52.22916651125446919)))</t>
  </si>
  <si>
    <t>MultiPolygon (((6.19105096701032664 52.21058492680977281, 6.19293274344718103 52.21036836827267535, 6.19270105587701547 52.20823889693645725, 6.19166631345302321 52.20781648467553282, 6.19448093934729549 52.20392333610512026, 6.19628188883649411 52.19708611524096398, 6.20177159370995401 52.19157365576673158, 6.20518826522410993 52.19134244794582145, 6.20791257329793034 52.19260435988947933, 6.20968128370444905 52.19492899548360754, 6.2227207530227755 52.19859336910331393, 6.22062718634226286 52.20115915679709673, 6.22065221006107993 52.20312010792105895, 6.22198494997994356 52.20359071886525726, 6.22003420873470958 52.20520272634411185, 6.21110908984683441 52.20300847296063296, 6.20920251409561974 52.2079012647530547, 6.20981479567603412 52.21095131745188667, 6.19815921772927236 52.21006124297487361, 6.20155719622655255 52.21129255006561465, 6.20474846042735528 52.21369478513704365, 6.21504201755424557 52.21170742236069628, 6.21503366767886067 52.21125806941373071, 6.22236584551957606 52.20611906229206767, 6.22768222933562399 52.20393762079332589, 6.23152746234936128 52.20127323859859558, 6.23606828096549126 52.19359865166268975, 6.23617429605874651 52.19164209082804717, 6.23220545908132895 52.19128492593882385, 6.22526696010479608 52.19258378153603672, 6.22013489318116441 52.19063370787775824, 6.20371340373111568 52.18028977841863991, 6.19649218192696871 52.17829835275088612, 6.1915449381707397 52.17843976190413002, 6.18891278524295263 52.17969787325012732, 6.18114125009939031 52.18136551200009166, 6.16953312115078045 52.18908952890229358, 6.16539910917538592 52.18982723332223372, 6.16143773316445476 52.18935900294228247, 6.15903314110237687 52.19009229583749487, 6.15635021694124607 52.19360089471476982, 6.15651230016119388 52.19773626792584764, 6.15820316202208051 52.19974311585264104, 6.16143054778304222 52.20109355226959025, 6.1721192045779949 52.20120999168975828, 6.17836546573107714 52.20330094674891086, 6.18403716576673279 52.20429824272640218, 6.18959726658073706 52.20773159398445529, 6.19105096701032664 52.21058492680977281, 6.19105096701032664 52.21058492680977281)))</t>
  </si>
  <si>
    <t>MultiPolygon (((6.26060849072184844 52.21767731440844784, 6.26875243210857569 52.2155396405372727, 6.26473416339359357 52.21384017694253998, 6.26467782195580725 52.21186232745391465, 6.26638324719409656 52.21035111937204221, 6.26603183409539177 52.20693115804247952, 6.26515192906345408 52.20473725628090733, 6.26227866327611959 52.2033213085520913, 6.25768608089214506 52.19790667079439572, 6.25953541272522607 52.1967335224158262, 6.25696841787944447 52.1934447694225554, 6.25847695145164096 52.19272075459407034, 6.25213292695159861 52.18890890869204213, 6.25033318008628758 52.1887063679036487, 6.2420244048537068 52.18951007431160605, 6.23617429605874651 52.19164209082804717, 6.23606828096549126 52.19359865166268975, 6.23152746234936128 52.20127323859859558, 6.22768222933562399 52.20393762079332589, 6.22236584551957606 52.20611906229206767, 6.21503366767886067 52.21125806941373071, 6.21608362555857763 52.21484066333191265, 6.22199784757449592 52.21544080203154437, 6.22345186784280102 52.21557966049614663, 6.22895801620518785 52.21625705735294787, 6.23683753623134951 52.21577450789345676, 6.26060849072184844 52.21767731440844784, 6.26060849072184844 52.21767731440844784)))</t>
  </si>
  <si>
    <t>MultiPolygon (((6.20311011055929029 52.22926922278620054, 6.21694851573502216 52.22647364619108856, 6.22345186784280102 52.21557966049614663, 6.22199784757449592 52.21544080203154437, 6.20714636417509791 52.22233915466289034, 6.20096977166726049 52.2210034262215359, 6.19704277980630636 52.22181117906407621, 6.19548301148573177 52.22504947805614961, 6.19267592431479397 52.22578687689132693, 6.19165433927880748 52.22740638115499223, 6.20311011055929029 52.22926922278620054, 6.20311011055929029 52.22926922278620054)))</t>
  </si>
  <si>
    <t>MultiPolygon (((6.21582651881480519 52.16203651612166681, 6.22183619661378362 52.16980308788739507, 6.21846041827981111 52.17048110676197581, 6.21790291074596002 52.17226134880224464, 6.22239895720760661 52.17744816146441877, 6.22447960825521207 52.17512257351257432, 6.22992535090041599 52.17402766914936763, 6.23048359710773347 52.17208107837813458, 6.23447918508365895 52.17094351131936492, 6.23508331912723968 52.1684314262801081, 6.24140683961551179 52.16618240008993013, 6.24267208279597341 52.16184294722071968, 6.23402624684035089 52.1601776111507931, 6.21867430787115172 52.15836227710941841, 6.21611836932108019 52.15858764160057603, 6.21719518312999231 52.15959850031443068, 6.21686054959149548 52.16177675852348727, 6.21582651881480519 52.16203651612166681, 6.21582651881480519 52.16203651612166681)))</t>
  </si>
  <si>
    <t>MultiPolygon (((6.19293274344718103 52.21036836827267535, 6.19512863504754918 52.21003090533690028, 6.19815921772927236 52.21006124297487361, 6.20981479567603412 52.21095131745188667, 6.20920251409561974 52.2079012647530547, 6.21110908984683441 52.20300847296063296, 6.22003420873470958 52.20520272634411185, 6.22198494997994356 52.20359071886525726, 6.22065221006107993 52.20312010792105895, 6.22062718634226286 52.20115915679709673, 6.2227207530227755 52.19859336910331393, 6.20968128370444905 52.19492899548360754, 6.20791257329793034 52.19260435988947933, 6.20518826522410993 52.19134244794582145, 6.20177159370995401 52.19157365576673158, 6.19628188883649411 52.19708611524096398, 6.19448093934729549 52.20392333610512026, 6.19166631345302321 52.20781648467553282, 6.19270105587701547 52.20823889693645725, 6.19293274344718103 52.21036836827267535, 6.19293274344718103 52.21036836827267535)))</t>
  </si>
  <si>
    <t>MultiPolygon (((6.46658172873067638 52.14733645172574938, 6.46943460989201746 52.14747542418982107, 6.47071110046395415 52.14640654800680153, 6.47095906900757267 52.14401042301398803, 6.48122434711527617 52.14247886912107077, 6.48164668870807059 52.14091458995921613, 6.48486694556595911 52.1372750115251975, 6.48851832980167043 52.13424259716485665, 6.48788955895226405 52.13243911048839863, 6.48652214905332958 52.13187506573760288, 6.48825886629260573 52.12998080959607705, 6.48830468550051798 52.12690266059279054, 6.49140954483880783 52.1261425398917666, 6.49210945279857032 52.12400465299843688, 6.489717072028518 52.12064197224999873, 6.491187738751659 52.12003505108336299, 6.48903155731535985 52.11929884551437198, 6.48747284690965298 52.11632841946339312, 6.48459297666152512 52.11449535334648431, 6.48117382653724494 52.11029021580836229, 6.48246887591326004 52.10906095391945314, 6.48200248334327789 52.10592272607667752, 6.4801163442372145 52.10465837181013882, 6.47854363576814496 52.10068968876874607, 6.4768922817890866 52.10042146780271111, 6.47253792708179532 52.10210488193740019, 6.47242288952609623 52.10406350183449575, 6.47019433022856294 52.10429092451979471, 6.4704978606918182 52.10585270774441113, 6.46670426311180524 52.10660645446741057, 6.46146350672560832 52.10402631438210364, 6.46013309925980028 52.10673835836192325, 6.45520491493225457 52.10798014759411956, 6.45246635509542088 52.10690553004644698, 6.45182244746529232 52.10730397429406935, 6.44488506896735203 52.10619610141614544, 6.44346119748802515 52.10477134960929391, 6.44322554933281388 52.119004129188788, 6.4445693320189763 52.11902157624429321, 6.44580749066066439 52.1203101641015536, 6.44518281347716027 52.12217024264237608, 6.4485717368572617 52.12228190881248935, 6.45283333710950036 52.12119431430250671, 6.45528501035713465 52.12241705181325102, 6.45539940602518048 52.12414717434531042, 6.45245069161421014 52.12614883410810762, 6.4586663765740564 52.12834584307520913, 6.4596680796695356 52.13241758017081651, 6.44767075080286478 52.13513112929830129, 6.44627935347114711 52.13774500016179303, 6.44792605281661224 52.13849872302900934, 6.44744744123649838 52.14030693182250076, 6.45961882326432146 52.13832890278525412, 6.46495797608630962 52.14613179361303708, 6.46658172873067638 52.14733645172574938)))</t>
  </si>
  <si>
    <t>MultiPolygon (((6.39268063400026598 52.13149368451723831, 6.39476846205721383 52.13422688664053339, 6.3980733785527768 52.13388062455555172, 6.40240112098473002 52.13476729412960253, 6.41573681687678299 52.13918728851254514, 6.41754949797194651 52.13696673044150032, 6.42029147665833033 52.13785760425457738, 6.42109672513206498 52.13565929587421977, 6.41778995134632879 52.13377817368856881, 6.42181890218080476 52.13291312394458998, 6.42216432435476658 52.13250476280339285, 6.4189652192669957 52.13090951956187524, 6.42300692286900787 52.12764520170762239, 6.4318343292792699 52.12759876536969728, 6.43437471597079114 52.12289315192597883, 6.43693402929064451 52.12324791077489294, 6.44322554933281388 52.119004129188788, 6.44346119748802515 52.10477134960929391, 6.43974227210756567 52.10313217901456539, 6.43755866351349137 52.10374275770018926, 6.42399857085251025 52.0969079881939976, 6.41842229465045122 52.10043873004565995, 6.39152965456342415 52.1130509439675933, 6.39648946153979381 52.11714835102107202, 6.39838937942843877 52.11764775067420175, 6.3918223319961136 52.12372778550714969, 6.39584327491391846 52.13083229941906183, 6.39268063400026598 52.13149368451723831, 6.39268063400026598 52.13149368451723831)))</t>
  </si>
  <si>
    <t>MultiPolygon (((6.41922161050149054 52.14408454695785622, 6.43050661391539258 52.14378832758345084, 6.44744744123649838 52.14030693182250076, 6.44792605281661224 52.13849872302900934, 6.44627935347114711 52.13774500016179303, 6.44767075080286478 52.13513112929830129, 6.4596680796695356 52.13241758017081651, 6.4586663765740564 52.12834584307520913, 6.45245069161421014 52.12614883410810762, 6.45539940602518048 52.12414717434531042, 6.45528501035713465 52.12241705181325102, 6.45283333710950036 52.12119431430250671, 6.4485717368572617 52.12228190881248935, 6.45032526013410745 52.12251329407398259, 6.45027932108032065 52.12297016368756175, 6.44786822190974362 52.12714997382632021, 6.4420371561318639 52.12822250609895747, 6.43799295264977545 52.12822098518149261, 6.43866749620794021 52.12498355750637558, 6.43693402929064451 52.12324791077489294, 6.43437471597079114 52.12289315192597883, 6.4318343292792699 52.12759876536969728, 6.42300692286900787 52.12764520170762239, 6.4189652192669957 52.13090951956187524, 6.42216432435476658 52.13250476280339285, 6.42181890218080476 52.13291312394458998, 6.41778995134632879 52.13377817368856881, 6.42109672513206498 52.13565929587421977, 6.42029147665833033 52.13785760425457738, 6.41754949797194651 52.13696673044150032, 6.41573681687678299 52.13918728851254514, 6.41968821018254854 52.14051199511529688, 6.41922161050149054 52.14408454695785622, 6.41922161050149054 52.14408454695785622)))</t>
  </si>
  <si>
    <t>MultiPolygon (((6.43693402929064451 52.12324791077489294, 6.43866749620794021 52.12498355750637558, 6.43799295264977545 52.12822098518149261, 6.4420371561318639 52.12822250609895747, 6.44786822190974362 52.12714997382632021, 6.45027932108032065 52.12297016368756175, 6.45032526013410745 52.12251329407398259, 6.4485717368572617 52.12228190881248935, 6.44518281347716027 52.12217024264237608, 6.44580749066066439 52.1203101641015536, 6.4445693320189763 52.11902157624429321, 6.44322554933281388 52.119004129188788, 6.43693402929064451 52.12324791077489294, 6.43693402929064451 52.12324791077489294)))</t>
  </si>
  <si>
    <t>MultiPolygon (((6.38320044371890383 52.17588921705536364, 6.39473926870857579 52.17720130350671326, 6.39458771143318661 52.17424453971146647, 6.39301028817521111 52.17353189578511063, 6.39444316076968189 52.16946304454734218, 6.39119795469023622 52.1695258230760146, 6.38926064815475314 52.17296494857657763, 6.38330194052945377 52.17192443600586671, 6.38320044371890383 52.17588921705536364, 6.38320044371890383 52.17588921705536364)))</t>
  </si>
  <si>
    <t>MultiPolygon (((6.45274577818085504 52.2064771889695507, 6.45349124332798407 52.20417245873741052, 6.45613327676546689 52.20170922781633038, 6.43937486238406187 52.19192701180107719, 6.43995279146996413 52.1916943359003227, 6.42565517645104478 52.18612595824045286, 6.41977902741610063 52.17992517011615661, 6.41499597428733637 52.17750042968710034, 6.41179808405242735 52.17354267922475941, 6.40791796624766263 52.17544957992905807, 6.39458771143318661 52.17424453971146647, 6.39473926870857579 52.17720130350671326, 6.38320044371890383 52.17588921705536364, 6.38167694044326694 52.17581667913255927, 6.37913460189330372 52.17753128827126119, 6.37629077967029634 52.18286285769031707, 6.38006736970886212 52.18363560542751145, 6.38401353477401212 52.1828304455827805, 6.38549871717740292 52.1831296771356179, 6.44463717838143957 52.2054318624590934, 6.45274577818085504 52.2064771889695507, 6.45274577818085504 52.2064771889695507),(6.41649171825263753 52.18465826074256597, 6.41469862327043483 52.18629743827904122, 6.41260206763365392 52.18606484290718583, 6.41184597611302909 52.18243640101041336, 6.41346159780876324 52.18179400691016667, 6.41388837948108925 52.18343069751525576, 6.41649171825263753 52.18465826074256597, 6.41649171825263753 52.18465826074256597)))</t>
  </si>
  <si>
    <t>MultiPolygon (((6.35004840616369925 52.22501557406856421, 6.36693275324355756 52.23985774090187562, 6.37038046469314434 52.24163952416209611, 6.38873089121397619 52.24136011571047788, 6.41639524161250829 52.23952515078791237, 6.41680735452415796 52.23712633899189939, 6.42197492383252744 52.23292575026086837, 6.42934228186541823 52.22313580161101498, 6.4315736576126934 52.22124423412670779, 6.43996778277184312 52.21706715191901083, 6.4463109795618907 52.21280091641644105, 6.45274577818085504 52.2064771889695507, 6.44463717838143957 52.2054318624590934, 6.38549871717740292 52.1831296771356179, 6.38401353477401212 52.1828304455827805, 6.38006736970886212 52.18363560542751145, 6.37894792278639322 52.18530451641841239, 6.37982162604145753 52.1911205702794021, 6.37264034487581732 52.19488147402138623, 6.37362024400458882 52.19771728644456488, 6.37181157031440826 52.20092862305282466, 6.36993552626760184 52.20255852531518315, 6.36102564574836649 52.20004371422559331, 6.35581863533409486 52.20767446983826687, 6.36453646902195835 52.22264666462668714, 6.3584684221562231 52.22197682844228694, 6.35470930284046975 52.22234026435598508, 6.35004840616369925 52.22501557406856421, 6.35004840616369925 52.22501557406856421)))</t>
  </si>
  <si>
    <t>MultiPolygon (((6.32235881191579985 52.21094806606392069, 6.32371359730999938 52.21102291474042545, 6.32572548088802122 52.21293202699773417, 6.32695682441057272 52.21578930103344618, 6.33492758821292234 52.21957116013420119, 6.35004840616369925 52.22501557406856421, 6.35470930284046975 52.22234026435598508, 6.3584684221562231 52.22197682844228694, 6.36453646902195835 52.22264666462668714, 6.35581863533409486 52.20767446983826687, 6.36102564574836649 52.20004371422559331, 6.36993552626760184 52.20255852531518315, 6.37181157031440826 52.20092862305282466, 6.37362024400458882 52.19771728644456488, 6.37264034487581732 52.19488147402138623, 6.37982162604145753 52.1911205702794021, 6.37894792278639322 52.18530451641841239, 6.38006736970886212 52.18363560542751145, 6.37629077967029634 52.18286285769031707, 6.37344790357538393 52.18147209615803916, 6.32601551048927657 52.18298597088924851, 6.32235881191579985 52.21094806606392069, 6.32235881191579985 52.21094806606392069),(6.37018344788573909 52.19887653965459151, 6.36813594348693801 52.1988944194054767, 6.36563358142234037 52.19671499334505427, 6.36044921312175848 52.19521999906936571, 6.35688037579420318 52.19797455629565519, 6.35307183267702413 52.19871685694593566, 6.34721028713934832 52.19655620318574307, 6.34723197056134758 52.19524989791377578, 6.35649122497409369 52.19521465525190251, 6.36177696342611299 52.19105722646917656, 6.36147874017375425 52.19032516566539215, 6.3627543484180169 52.18872929003173766, 6.36840784960597706 52.18984978678464159, 6.3713053016096195 52.18860322794753159, 6.37251356116549239 52.18695556031683225, 6.37366007986815131 52.18715805332207935, 6.37023194017532379 52.19450606985954977, 6.37018344788573909 52.19887653965459151, 6.37018344788573909 52.19887653965459151)))</t>
  </si>
  <si>
    <t>MultiPolygon (((6.32601551048927657 52.18298597088924851, 6.37344790357538393 52.18147209615803916, 6.37629077967029634 52.18286285769031707, 6.37913460189330372 52.17753128827126119, 6.38167694044326694 52.17581667913255927, 6.38320044371890383 52.17588921705536364, 6.38330194052945377 52.17192443600586671, 6.38926064815475314 52.17296494857657763, 6.39119795469023622 52.1695258230760146, 6.3830253365857752 52.16968498421472589, 6.38288326640793979 52.16671801328187996, 6.32997115542262367 52.16608406310495383, 6.32202585143346951 52.16996350501392499, 6.32244943746114529 52.17164795780684017, 6.32390000891621096 52.17277145527970106, 6.32559419278570978 52.17418000953846047, 6.32601551048927657 52.18298597088924851, 6.32601551048927657 52.18298597088924851)))</t>
  </si>
  <si>
    <t>MultiPolygon (((6.41649171825263753 52.18465826074256597, 6.41388837948108925 52.18343069751525576, 6.41346159780876324 52.18179400691016667, 6.41184597611302909 52.18243640101041336, 6.41260206763365392 52.18606484290718583, 6.41469862327043483 52.18629743827904122, 6.41649171825263753 52.18465826074256597, 6.41649171825263753 52.18465826074256597)))</t>
  </si>
  <si>
    <t>MultiPolygon (((6.37018344788573909 52.19887653965459151, 6.37023194017532379 52.19450606985954977, 6.37366007986815131 52.18715805332207935, 6.37251356116549239 52.18695556031683225, 6.3713053016096195 52.18860322794753159, 6.36840784960597706 52.18984978678464159, 6.3627543484180169 52.18872929003173766, 6.36147874017375425 52.19032516566539215, 6.36177696342611299 52.19105722646917656, 6.35649122497409369 52.19521465525190251, 6.34723197056134758 52.19524989791377578, 6.34721028713934832 52.19655620318574307, 6.35307183267702413 52.19871685694593566, 6.35688037579420318 52.19797455629565519, 6.36044921312175848 52.19521999906936571, 6.36563358142234037 52.19671499334505427, 6.36813594348693801 52.1988944194054767, 6.37018344788573909 52.19887653965459151, 6.37018344788573909 52.19887653965459151)))</t>
  </si>
  <si>
    <t>MultiPolygon (((6.47835697202904015 52.18382723681524737, 6.47903168402834861 52.18259959510569246, 6.49064694501463357 52.17986297662956474, 6.49240114007011471 52.17737186395400073, 6.4922218807469525 52.1761156124590002, 6.49437180538382286 52.17319641556878906, 6.49284586989865709 52.16943006502904012, 6.48784636542125259 52.16119382904100377, 6.48378798691137082 52.15719940977947999, 6.46140434084736537 52.15214305315649312, 6.4626623898709612 52.15060115701714949, 6.46651941958533083 52.14963963980831352, 6.46658172873067638 52.14733645172574938, 6.46495797608630962 52.14613179361303708, 6.45961882326432146 52.13832890278525412, 6.44744744123649838 52.14030693182250076, 6.43050661391539258 52.14378832758345084, 6.41922161050149054 52.14408454695785622, 6.41918962635622936 52.14434998905854712, 6.42008136517991357 52.14550704509206724, 6.42010036940928153 52.14922814860302225, 6.42223596308094002 52.14926784889965461, 6.42687532158511665 52.15491849058843599, 6.43115913519716198 52.15631348291959313, 6.42996396897457778 52.15851108835924776, 6.42695763605905945 52.16045921689354259, 6.42906316151139823 52.16412594720932105, 6.43178045847207613 52.16431061733401719, 6.43052680716418479 52.16689609253207038, 6.43945014456914855 52.16717889793353891, 6.45075960975468998 52.17030183864827109, 6.47835697202904015 52.18382723681524737),(6.44708156632945162 52.15036314107185689, 6.44516110303977108 52.15040650983747383, 6.44394839968523403 52.14899353331000498, 6.44876156972490389 52.14525064452116254, 6.44625783290082932 52.14324510393126388, 6.44944467499582874 52.1430186874551751, 6.45315131353635696 52.1437593814066247, 6.454128340997352 52.14557326911315016, 6.45271416936709308 52.14820623722029325, 6.44708156632945162 52.15036314107185689)))</t>
  </si>
  <si>
    <t>MultiPolygon (((6.45613327676546689 52.20170922781633038, 6.4572870592381717 52.20096465656795459, 6.46711831234130674 52.20039534175603535, 6.47026954199817617 52.19937978943555379, 6.46946445386826063 52.19828203296688685, 6.46999897838001203 52.19269046761185393, 6.47269999249011718 52.18904046998837742, 6.47835697202904015 52.18382723681524737, 6.45075960975468998 52.17030183864827109, 6.43945014456914855 52.16717889793353891, 6.43052680716418479 52.16689609253207038, 6.42500164747657188 52.16684764527220608, 6.40490593458446256 52.16929234414175198, 6.39444316076968189 52.16946304454734218, 6.39301028817521111 52.17353189578511063, 6.39458771143318661 52.17424453971146647, 6.40791796624766263 52.17544957992905807, 6.41179808405242735 52.17354267922475941, 6.41499597428733637 52.17750042968710034, 6.41977902741610063 52.17992517011615661, 6.42565517645104478 52.18612595824045286, 6.43995279146996413 52.1916943359003227, 6.43937486238406187 52.19192701180107719, 6.45613327676546689 52.20170922781633038, 6.45613327676546689 52.20170922781633038)))</t>
  </si>
  <si>
    <t>MultiPolygon (((6.32997115542262367 52.16608406310495383, 6.38288326640793979 52.16671801328187996, 6.38688335341655122 52.16675721036553171, 6.38522230869003593 52.16451516155961343, 6.39016449081767668 52.16400471404614336, 6.39101144149516553 52.16312674668650118, 6.38946611524078545 52.16089528788332075, 6.38879540111483823 52.15660278873588851, 6.39010926770714516 52.15147181212243765, 6.38888423291476126 52.14949379362123238, 6.39084693604615595 52.14912570825725879, 6.36749838255105427 52.14489696336826796, 6.35869718989814103 52.14395522685499174, 6.3577210491069609 52.13552675248663348, 6.32831436829437965 52.1377123616756819, 6.32655890812633359 52.14738652395646312, 6.3240008670979142 52.15275247454832908, 6.32264794529490803 52.15424822048850473, 6.32366868350520051 52.15534749739931186, 6.32658007302036651 52.15626518228568642, 6.32927233202554973 52.15541475570774566, 6.33066260371719647 52.15673048083212393, 6.33069872964011982 52.16248539009483665, 6.33189433323456718 52.16528596765847681, 6.32997115542262367 52.16608406310495383, 6.32997115542262367 52.16608406310495383)))</t>
  </si>
  <si>
    <t>MultiPolygon (((6.39084693604615595 52.14912570825725879, 6.40147651714022548 52.15168188740534561, 6.40935877479653282 52.14932904941338165, 6.41730780351055685 52.14915285880000084, 6.41918962635622936 52.14434998905854712, 6.41922161050149054 52.14408454695785622, 6.41968821018254854 52.14051199511529688, 6.41573681687678299 52.13918728851254514, 6.40240112098473002 52.13476729412960253, 6.3980733785527768 52.13388062455555172, 6.39476846205721383 52.13422688664053339, 6.39268063400026598 52.13149368451723831, 6.38267792717388538 52.12854864868069171, 6.38344036477500687 52.1272612481071107, 6.37920086304073308 52.12589499288976214, 6.37794006737034991 52.12715327608649574, 6.36913926765704996 52.12396925355041333, 6.36198348074677344 52.12666911063274711, 6.35772157017582096 52.13029935547982063, 6.3577210491069609 52.13552675248663348, 6.35869718989814103 52.14395522685499174, 6.36749838255105427 52.14489696336826796, 6.39084693604615595 52.14912570825725879, 6.39084693604615595 52.14912570825725879)))</t>
  </si>
  <si>
    <t>MultiPolygon (((6.44708156632945162 52.15036314107185689, 6.45271416936709308 52.14820623722029325, 6.454128340997352 52.14557326911315016, 6.45315131353635696 52.1437593814066247, 6.44944467499582874 52.1430186874551751, 6.44625783290082932 52.14324510393126388, 6.44876156972490389 52.14525064452116254, 6.44394839968523403 52.14899353331000498, 6.44516110303977108 52.15040650983747383, 6.44708156632945162 52.15036314107185689, 6.44708156632945162 52.15036314107185689)))</t>
  </si>
  <si>
    <t>MultiPolygon (((6.39101144149516553 52.16312674668650118, 6.39294520838135494 52.16286758411559532, 6.39492626861074598 52.16451074201236082, 6.39871606232430867 52.16491876788492732, 6.40755511331326932 52.16311205030799414, 6.40670687296413632 52.16289832488613598, 6.40244608574236729 52.16141094137286416, 6.40009752552300881 52.1595718133011701, 6.38879540111483823 52.15660278873588851, 6.38946611524078545 52.16089528788332075, 6.39101144149516553 52.16312674668650118, 6.39101144149516553 52.16312674668650118)))</t>
  </si>
  <si>
    <t>MultiPolygon (((6.39119795469023622 52.1695258230760146, 6.39444316076968189 52.16946304454734218, 6.40490593458446256 52.16929234414175198, 6.42500164747657188 52.16684764527220608, 6.43052680716418479 52.16689609253207038, 6.43178045847207613 52.16431061733401719, 6.42906316151139823 52.16412594720932105, 6.41762582761076228 52.16254921370407516, 6.41273260982543736 52.16287500028465018, 6.41175015339672871 52.16226421360262577, 6.40670687296413632 52.16289832488613598, 6.40755511331326932 52.16311205030799414, 6.39871606232430867 52.16491876788492732, 6.39492626861074598 52.16451074201236082, 6.39294520838135494 52.16286758411559532, 6.39101144149516553 52.16312674668650118, 6.39016449081767668 52.16400471404614336, 6.38522230869003593 52.16451516155961343, 6.38688335341655122 52.16675721036553171, 6.38288326640793979 52.16671801328187996, 6.3830253365857752 52.16968498421472589, 6.39119795469023622 52.1695258230760146, 6.39119795469023622 52.1695258230760146)))</t>
  </si>
  <si>
    <t>MultiPolygon (((6.38879540111483823 52.15660278873588851, 6.40009752552300881 52.1595718133011701, 6.40174856146340954 52.15573303314950948, 6.40481083136864537 52.15290929914387874, 6.40147651714022548 52.15168188740534561, 6.39084693604615595 52.14912570825725879, 6.38888423291476126 52.14949379362123238, 6.39010926770714516 52.15147181212243765, 6.38879540111483823 52.15660278873588851, 6.38879540111483823 52.15660278873588851)))</t>
  </si>
  <si>
    <t>MultiPolygon (((6.41762582761076228 52.16254921370407516, 6.42906316151139823 52.16412594720932105, 6.42695763605905945 52.16045921689354259, 6.42996396897457778 52.15851108835924776, 6.43115913519716198 52.15631348291959313, 6.42687532158511665 52.15491849058843599, 6.42223596308094002 52.14926784889965461, 6.42010036940928153 52.14922814860302225, 6.41754564461484023 52.15502396562379772, 6.41444761743384984 52.15851692215597524, 6.41658445112579923 52.15985808913787736, 6.41808274758375497 52.15986859845808965, 6.41896037145106035 52.16122268917448679, 6.41762582761076228 52.16254921370407516, 6.41762582761076228 52.16254921370407516)))</t>
  </si>
  <si>
    <t>MultiPolygon (((6.40481083136864537 52.15290929914387874, 6.41444761743384984 52.15851692215597524, 6.41754564461484023 52.15502396562379772, 6.42010036940928153 52.14922814860302225, 6.42008136517991357 52.14550704509206724, 6.41918962635622936 52.14434998905854712, 6.41730780351055685 52.14915285880000084, 6.40935877479653282 52.14932904941338165, 6.40147651714022548 52.15168188740534561, 6.40481083136864537 52.15290929914387874, 6.40481083136864537 52.15290929914387874)))</t>
  </si>
  <si>
    <t>MultiPolygon (((6.40670687296413632 52.16289832488613598, 6.41175015339672871 52.16226421360262577, 6.41201574969535759 52.1609371773417223, 6.41658445112579923 52.15985808913787736, 6.41444761743384984 52.15851692215597524, 6.40481083136864537 52.15290929914387874, 6.40174856146340954 52.15573303314950948, 6.40009752552300881 52.1595718133011701, 6.40244608574236729 52.16141094137286416, 6.40670687296413632 52.16289832488613598, 6.40670687296413632 52.16289832488613598)))</t>
  </si>
  <si>
    <t>MultiPolygon (((6.41175015339672871 52.16226421360262577, 6.41273260982543736 52.16287500028465018, 6.41762582761076228 52.16254921370407516, 6.41896037145106035 52.16122268917448679, 6.41808274758375497 52.15986859845808965, 6.41658445112579923 52.15985808913787736, 6.41201574969535759 52.1609371773417223, 6.41175015339672871 52.16226421360262577, 6.41175015339672871 52.16226421360262577)))</t>
  </si>
  <si>
    <t>MultiPolygon (((5.75293059760125836 51.77229057624896313, 5.75441618337259975 51.77485579772755386, 5.76916235386660325 51.77111720499232916, 5.7686602123057984 51.76982814813697331, 5.76808648414387726 51.7687971793762145, 5.7563286978844852 51.76209145882560136, 5.75170940831570476 51.7560431693954186, 5.74523855292580965 51.75914449326249667, 5.7407792589309361 51.7632479420424545, 5.73568162409404003 51.76891411716303537, 5.73960363607311841 51.77020759364342695, 5.74235939508218074 51.76984872466719878, 5.74457325411905284 51.77024198268956923, 5.75635578765960076 51.76858388056957239, 5.75730059360276325 51.77092408971243032, 5.75293059760125836 51.77229057624896313, 5.75293059760125836 51.77229057624896313)))</t>
  </si>
  <si>
    <t>MultiPolygon (((5.73403690047123327 51.77989872674334038, 5.73701181920127468 51.77834874760299044, 5.74053912235783326 51.77790485259490083, 5.74201693966959592 51.77440158745601195, 5.7364643766934158 51.77454578940269414, 5.73550183787908718 51.77279870910241755, 5.73864401364984733 51.77180227989273931, 5.73960363607311841 51.77020759364342695, 5.73568162409404003 51.76891411716303537, 5.73202487397090632 51.77189384948584916, 5.7297453751248888 51.77285104821920925, 5.73220027485275452 51.77817795384713406, 5.7336940931133844 51.77793630548674741, 5.73403690047123327 51.77989872674334038, 5.73403690047123327 51.77989872674334038)))</t>
  </si>
  <si>
    <t>MultiPolygon (((5.79933436801036262 51.77528903209477562, 5.81293019016331947 51.77085937754952027, 5.81067364810441678 51.7687597445898362, 5.82093206745839797 51.76649138895639624, 5.82149512260214408 51.75744528361757801, 5.80946751915955684 51.75653393243782574, 5.80687728888721377 51.75966268638454437, 5.80239474656154108 51.76253784683199655, 5.7906039420213018 51.76470565599723983, 5.79325668147132422 51.77020926330076378, 5.79933436801036262 51.77528903209477562, 5.79933436801036262 51.77528903209477562)))</t>
  </si>
  <si>
    <t>MultiPolygon (((5.74641186619657063 51.77883841679925325, 5.76854128716105574 51.78256721242978955, 5.76716729017322915 51.77748754601565651, 5.7720456533983544 51.77588431867274466, 5.76916235386660325 51.77111720499232916, 5.75441618337259975 51.77485579772755386, 5.75293059760125836 51.77229057624896313, 5.75167439103992617 51.77245824903639715, 5.75191656319133227 51.77320719166450402, 5.74201693966959592 51.77440158745601195, 5.74053912235783326 51.77790485259490083, 5.74145806428466798 51.77876295787809369, 5.74641186619657063 51.77883841679925325, 5.74641186619657063 51.77883841679925325)))</t>
  </si>
  <si>
    <t>MultiPolygon (((5.80094866478928051 51.79515143637124908, 5.80593698523246804 51.79262945555670683, 5.81022050713844518 51.79058943289984285, 5.80717533070589287 51.78842655570831965, 5.81232924227751546 51.78441624004300792, 5.81778218503826672 51.78419325504607684, 5.8188016983171309 51.78306397618636225, 5.82297305631947193 51.7814603851492663, 5.82864693915309218 51.78002430827709901, 5.81735037451715975 51.77372574688789797, 5.81661169334487571 51.7738958665938469, 5.81293019016331947 51.77085937754952027, 5.79933436801036262 51.77528903209477562, 5.79108283324716133 51.77612840576424702, 5.78939209941322819 51.7767940312987065, 5.77858638166559846 51.78240347740940308, 5.77859485134863249 51.78407414220838234, 5.7806588400326655 51.78420398204092123, 5.79598480130612259 51.79187558133875768, 5.80094866478928051 51.79515143637124908, 5.80094866478928051 51.79515143637124908)))</t>
  </si>
  <si>
    <t>MultiPolygon (((5.7686602123057984 51.76982814813697331, 5.77004735312858319 51.76870006125717794, 5.77902208713779952 51.76601513897563933, 5.776565227486536 51.76383462577919659, 5.78371767412121063 51.76211434077335838, 5.7807724049851581 51.75741793876957075, 5.78168954470577123 51.75644943095509376, 5.78964645245766096 51.75690972039469528, 5.79578227649523559 51.75825474289678141, 5.79450769207102923 51.76146611663444475, 5.79158993390117249 51.76157706097977496, 5.78871971858271461 51.76278493183679785, 5.7906039420213018 51.76470565599723983, 5.80239474656154108 51.76253784683199655, 5.80687728888721377 51.75966268638454437, 5.80946751915955684 51.75653393243782574, 5.79053431350657721 51.75350905477059626, 5.77966551383751526 51.75221195843450772, 5.76929854753932148 51.75234715657020246, 5.75795854387129413 51.75418822171423017, 5.75170940831570476 51.7560431693954186, 5.7563286978844852 51.76209145882560136, 5.76808648414387726 51.7687971793762145, 5.7686602123057984 51.76982814813697331, 5.7686602123057984 51.76982814813697331)))</t>
  </si>
  <si>
    <t>MultiPolygon (((5.77498831388401523 51.78377336275180198, 5.77859485134863249 51.78407414220838234, 5.77858638166559846 51.78240347740940308, 5.78939209941322819 51.7767940312987065, 5.79108283324716133 51.77612840576424702, 5.79933436801036262 51.77528903209477562, 5.79325668147132422 51.77020926330076378, 5.7906039420213018 51.76470565599723983, 5.78259132395300046 51.76514924275436869, 5.77902208713779952 51.76601513897563933, 5.77004735312858319 51.76870006125717794, 5.7686602123057984 51.76982814813697331, 5.76916235386660325 51.77111720499232916, 5.7720456533983544 51.77588431867274466, 5.76716729017322915 51.77748754601565651, 5.76854128716105574 51.78256721242978955, 5.76947325525669275 51.78518931268911274, 5.77498831388401523 51.78377336275180198, 5.77498831388401523 51.78377336275180198)),((5.81407782335248768 51.79281987375457419, 5.81548032693999328 51.79131693307122219, 5.82946239647829678 51.78680054227405094, 5.83158519768591432 51.78291565499235105, 5.82787041293607366 51.78063760531693305, 5.82864693915309218 51.78002430827709901, 5.82297305631947193 51.7814603851492663, 5.8188016983171309 51.78306397618636225, 5.81778218503826672 51.78419325504607684, 5.81232924227751546 51.78441624004300792, 5.80717533070589287 51.78842655570831965, 5.81022050713844518 51.79058943289984285, 5.81407782335248768 51.79281987375457419, 5.81407782335248768 51.79281987375457419)))</t>
  </si>
  <si>
    <t>MultiPolygon (((5.74201693966959592 51.77440158745601195, 5.75191656319133227 51.77320719166450402, 5.75167439103992617 51.77245824903639715, 5.75293059760125836 51.77229057624896313, 5.75730059360276325 51.77092408971243032, 5.75635578765960076 51.76858388056957239, 5.74457325411905284 51.77024198268956923, 5.74235939508218074 51.76984872466719878, 5.73960363607311841 51.77020759364342695, 5.73864401364984733 51.77180227989273931, 5.73550183787908718 51.77279870910241755, 5.7364643766934158 51.77454578940269414, 5.74201693966959592 51.77440158745601195, 5.74201693966959592 51.77440158745601195)))</t>
  </si>
  <si>
    <t>MultiPolygon (((5.77902208713779952 51.76601513897563933, 5.78259132395300046 51.76514924275436869, 5.7906039420213018 51.76470565599723983, 5.78871971858271461 51.76278493183679785, 5.79158993390117249 51.76157706097977496, 5.79450769207102923 51.76146611663444475, 5.79578227649523559 51.75825474289678141, 5.78964645245766096 51.75690972039469528, 5.78168954470577123 51.75644943095509376, 5.7807724049851581 51.75741793876957075, 5.78371767412121063 51.76211434077335838, 5.776565227486536 51.76383462577919659, 5.77902208713779952 51.76601513897563933, 5.77902208713779952 51.76601513897563933)))</t>
  </si>
  <si>
    <t>MultiPolygon (((5.81293019016331947 51.77085937754952027, 5.81661169334487571 51.7738958665938469, 5.81735037451715975 51.77372574688789797, 5.82864693915309218 51.78002430827709901, 5.83221548197567863 51.77939257237456872, 5.83600593293717385 51.77440381426593774, 5.83624613769758938 51.77290265172531036, 5.82860378498872223 51.77043202711499248, 5.82883216308216578 51.76934158780159834, 5.82734828661840698 51.76813287558874777, 5.82095448901873969 51.76882382947481887, 5.81293019016331947 51.77085937754952027, 5.81293019016331947 51.77085937754952027)))</t>
  </si>
  <si>
    <t>MultiPolygon (((5.81407782335248768 51.79281987375457419, 5.82450437426282974 51.79800340096578282, 5.83699937327704799 51.7880985373229521, 5.84372441090921768 51.7808437832989128, 5.84952275267682253 51.77230545435248388, 5.85611563838989468 51.76352450953609008, 5.86503986748792361 51.75824975891624291, 5.8644688424260627 51.75768172202194251, 5.85214957073683628 51.75931737653250764, 5.84241587244571292 51.75881208903727781, 5.82149512260214408 51.75744528361757801, 5.82093206745839797 51.76649138895639624, 5.81067364810441678 51.7687597445898362, 5.81293019016331947 51.77085937754952027, 5.82095448901873969 51.76882382947481887, 5.82734828661840698 51.76813287558874777, 5.82883216308216578 51.76934158780159834, 5.82860378498872223 51.77043202711499248, 5.83624613769758938 51.77290265172531036, 5.83600593293717385 51.77440381426593774, 5.83221548197567863 51.77939257237456872, 5.82864693915309218 51.78002430827709901, 5.82787041293607366 51.78063760531693305, 5.83158519768591432 51.78291565499235105, 5.82946239647829678 51.78680054227405094, 5.81548032693999328 51.79131693307122219, 5.81407782335248768 51.79281987375457419, 5.81407782335248768 51.79281987375457419),(5.84142914630921695 51.76776202421521589, 5.84062736435530372 51.76785136215580962, 5.84033547165729239 51.76590197858529763, 5.8357015457902861 51.76665040241726246, 5.83473149857359008 51.76438001011570833, 5.84062060898897872 51.76298942909260603, 5.84878648442481985 51.76288283519866695, 5.84700355454440146 51.76522746654308094, 5.84931031250983047 51.76685947059429083, 5.84673001225823441 51.76771724537636743, 5.84142914630921695 51.76776202421521589, 5.84142914630921695 51.76776202421521589)))</t>
  </si>
  <si>
    <t>MultiPolygon (((5.8765806975933037 51.80987698468249647, 5.87911010828253389 51.80952987481597916, 5.87939749975968962 51.80827779438781278, 5.88102478440938103 51.80144942418197473, 5.88744278293617995 51.79537367508370949, 5.8872089050285723 51.7853455635202522, 5.88798359129860938 51.7829808193430452, 5.89308702199475576 51.77814904008921104, 5.89340925836933671 51.77785292497380709, 5.88637456043640483 51.77859045457154252, 5.86901528579138887 51.77573531296609133, 5.86828547727875538 51.77619118039649493, 5.86713259640154927 51.77786946008740188, 5.86804120977079346 51.78398805803210792, 5.86423199886920177 51.78339127548781562, 5.85973065491498257 51.79167558244039782, 5.85424813458917637 51.80212057887298727, 5.85502702610028258 51.80256324774872922, 5.85302631033948551 51.80785254689728703, 5.86475648801358052 51.80980393423814689, 5.8765806975933037 51.80987698468249647, 5.8765806975933037 51.80987698468249647)))</t>
  </si>
  <si>
    <t>MultiPolygon (((5.86740859733682374 51.76760333225724509, 5.86233112427149727 51.77241696269314275, 5.85828876974316959 51.77089876590341788, 5.86406879028457606 51.76465728087568152, 5.86284558173264259 51.7629580769955524, 5.8671415694814204 51.76046215619507507, 5.86503986748792361 51.75824975891624291, 5.85611563838989468 51.76352450953609008, 5.84952275267682253 51.77230545435248388, 5.85060896916089046 51.77353081885529917, 5.85491635875953609 51.77466353200951943, 5.85750460353352853 51.77619154419850389, 5.85966109366165178 51.77397013387813018, 5.86828547727875538 51.77619118039649493, 5.86901528579138887 51.77573531296609133, 5.86789319823255262 51.77552102073726559, 5.86745494350764396 51.77441732462082769, 5.86740859733682374 51.76760333225724509, 5.86740859733682374 51.76760333225724509)),((5.84763355703982146 51.80207735513610601, 5.84551917988348979 51.80043821329119424, 5.84626190244381405 51.79578375309652216, 5.84725324830215953 51.79491247690297229, 5.85088831935668185 51.79528634889499017, 5.85286092487582543 51.80116432479540123, 5.85424813458917637 51.80212057887298727, 5.85973065491498257 51.79167558244039782, 5.84982772893007841 51.79128603527898633, 5.84654487168889592 51.79104127318452555, 5.84433975832500074 51.7913571163828621, 5.84045912068553363 51.79479231212138757, 5.83123738427238081 51.80013980369823656, 5.82686017875047568 51.79953879442587095, 5.82550613598590417 51.80012824446560415, 5.83673634304228894 51.80595737366414255, 5.8388054059618737 51.80483622182303804, 5.83977052583677203 51.80496784110511754, 5.84133270535750704 51.80590449809088938, 5.84094437451363024 51.80719995876102502, 5.84696455654287028 51.80811492427973519, 5.84657667961146821 51.80633587219710279, 5.84763355703982146 51.80207735513610601, 5.84763355703982146 51.80207735513610601)))</t>
  </si>
  <si>
    <t>MultiPolygon (((5.84696455654287028 51.80811492427973519, 5.85244895451597014 51.80749208691224084, 5.85302631033948551 51.80785254689728703, 5.85502702610028258 51.80256324774872922, 5.85424813458917637 51.80212057887298727, 5.85286092487582543 51.80116432479540123, 5.85088831935668185 51.79528634889499017, 5.84725324830215953 51.79491247690297229, 5.84626190244381405 51.79578375309652216, 5.84551917988348979 51.80043821329119424, 5.84763355703982146 51.80207735513610601, 5.84657667961146821 51.80633587219710279, 5.84696455654287028 51.80811492427973519, 5.84696455654287028 51.80811492427973519)))</t>
  </si>
  <si>
    <t>MultiPolygon (((5.86740859733682374 51.76760333225724509, 5.86924469934392334 51.76286047609875851, 5.8671415694814204 51.76046215619507507, 5.86284558173264259 51.7629580769955524, 5.86406879028457606 51.76465728087568152, 5.85828876974316959 51.77089876590341788, 5.86233112427149727 51.77241696269314275, 5.86740859733682374 51.76760333225724509, 5.86740859733682374 51.76760333225724509)))</t>
  </si>
  <si>
    <t>MultiPolygon (((5.82450437426282974 51.79800340096578282, 5.82686017875047568 51.79953879442587095, 5.83123738427238081 51.80013980369823656, 5.84045912068553363 51.79479231212138757, 5.84433975832500074 51.7913571163828621, 5.84654487168889592 51.79104127318452555, 5.84272736743911203 51.78982007595075032, 5.84216069237336466 51.79058558391355405, 5.83699937327704799 51.7880985373229521, 5.82450437426282974 51.79800340096578282, 5.82450437426282974 51.79800340096578282)))</t>
  </si>
  <si>
    <t>MultiPolygon (((5.84982772893007841 51.79128603527898633, 5.85973065491498257 51.79167558244039782, 5.86423199886920177 51.78339127548781562, 5.86804120977079346 51.78398805803210792, 5.86713259640154927 51.77786946008740188, 5.86828547727875538 51.77619118039649493, 5.85966109366165178 51.77397013387813018, 5.85750460353352853 51.77619154419850389, 5.85212574396049501 51.78141712324627122, 5.84982772893007841 51.79128603527898633, 5.84982772893007841 51.79128603527898633)))</t>
  </si>
  <si>
    <t>MultiPolygon (((5.84654487168889592 51.79104127318452555, 5.84982772893007841 51.79128603527898633, 5.85212574396049501 51.78141712324627122, 5.85750460353352853 51.77619154419850389, 5.85491635875953609 51.77466353200951943, 5.85060896916089046 51.77353081885529917, 5.84952275267682253 51.77230545435248388, 5.84372441090921768 51.7808437832989128, 5.83699937327704799 51.7880985373229521, 5.84216069237336466 51.79058558391355405, 5.84272736743911203 51.78982007595075032, 5.84654487168889592 51.79104127318452555, 5.84654487168889592 51.79104127318452555)))</t>
  </si>
  <si>
    <t>MultiPolygon (((5.84142914630921695 51.76776202421521589, 5.84673001225823441 51.76771724537636743, 5.84931031250983047 51.76685947059429083, 5.84700355454440146 51.76522746654308094, 5.84878648442481985 51.76288283519866695, 5.84062060898897872 51.76298942909260603, 5.83473149857359008 51.76438001011570833, 5.8357015457902861 51.76665040241726246, 5.84033547165729239 51.76590197858529763, 5.84062736435530372 51.76785136215580962, 5.84142914630921695 51.76776202421521589, 5.84142914630921695 51.76776202421521589)))</t>
  </si>
  <si>
    <t>MultiPolygon (((6.06162129125537064 52.44534308467490291, 6.05956581091613788 52.43967734865935171, 6.06873285390963169 52.44171011337479626, 6.06865461665417083 52.44062922915518499, 6.06777820719218131 52.44054270497934311, 6.06875955979466752 52.43837186637350811, 6.07096731325110817 52.43848749908509177, 6.07066623434644548 52.43718966953362326, 6.06875077386480299 52.43484788673161034, 6.06654242527547005 52.43535489796461491, 6.0640812507146693 52.43057291225078131, 6.06172143247963202 52.43097481310578445, 6.06056205770200229 52.42879654867726202, 6.06344980696395996 52.42813101296799516, 6.05611134370658721 52.4169253731001703, 6.05273831566967946 52.4183312994511752, 6.0504311355901832 52.41748759822436909, 6.05047675189041811 52.41495195709268984, 6.05270429899785256 52.41440300188357071, 6.05001958862713707 52.41101619551037061, 6.03770005920640607 52.41420859867839255, 6.03666034618930425 52.41527120794525985, 5.99400319207429 52.42606271680759988, 6.01775521929886192 52.44420863567246727, 6.02266741761997348 52.4441031086679601, 6.0354766496071548 52.44377826076967608, 6.0606763758227471 52.45045910095073083, 6.06162129125537064 52.44534308467490291, 6.06162129125537064 52.44534308467490291)))</t>
  </si>
  <si>
    <t>MultiPolygon (((6.11080682878485693 52.40781256215296935, 6.11035084628717584 52.40785891454438428, 6.10195466877481696 52.40840225882617176, 6.07450122339520693 52.4082917953867522, 6.07473898927873801 52.41138923176195874, 6.07605927140718194 52.41302997274261344, 6.0858744452014264 52.41888642348008887, 6.08882372158133833 52.41964558694334642, 6.09073002889900117 52.42138604988095096, 6.09154833705498966 52.42661908736899079, 6.09058843841007658 52.43255418113508881, 6.08919601236577179 52.43348986453892735, 6.08905797050251874 52.43627407403949547, 6.09462781762493666 52.444970842621629, 6.09487853622578779 52.44795776394306586, 6.09392441503174886 52.44919112591605881, 6.09487688657949089 52.45186339953220767, 6.10006038359526936 52.4539731432094456, 6.10354592886399061 52.45396371668912394, 6.10198593831882174 52.44779994687748115, 6.10229463581299125 52.44577189902508252, 6.10502364603846015 52.44258657106777832, 6.10958001679651197 52.44053072787069425, 6.11410668175934724 52.43800646509677676, 6.11948929391912344 52.43292571722335538, 6.11638503230860753 52.43019943026929042, 6.11816911944973896 52.42843684151157646, 6.11824486654068167 52.42664384189267679, 6.11387194359351049 52.41985325586172451, 6.113572497705273 52.41690566718484945, 6.11474110491710476 52.41425560362788616, 6.11080682878485693 52.40781256215296935)))</t>
  </si>
  <si>
    <t>MultiPolygon (((6.08281675950639311 52.43104238795555005, 6.08700515332352499 52.43136458779583364, 6.09058843841007658 52.43255418113508881, 6.09154833705498966 52.42661908736899079, 6.09073002889900117 52.42138604988095096, 6.08882372158133833 52.41964558694334642, 6.0858744452014264 52.41888642348008887, 6.07605927140718194 52.41302997274261344, 6.07473898927873801 52.41138923176195874, 6.07450122339520693 52.4082917953867522, 6.06212715726537432 52.40792341786471553, 6.0535947368704619 52.41019340964524531, 6.05001958862713707 52.41101619551037061, 6.05270429899785256 52.41440300188357071, 6.05047675189041811 52.41495195709268984, 6.0504311355901832 52.41748759822436909, 6.05273831566967946 52.4183312994511752, 6.05611134370658721 52.4169253731001703, 6.06344980696395996 52.42813101296799516, 6.06056205770200229 52.42879654867726202, 6.06172143247963202 52.43097481310578445, 6.0640812507146693 52.43057291225078131, 6.06854383904219397 52.42952637509592506, 6.06668305392976404 52.42429721357536465, 6.07865072658356898 52.42432428510301179, 6.07760628423427907 52.42976347169226159, 6.07891134627719154 52.43122619634009141, 6.08282492153304943 52.43052385948168848, 6.08281675950639311 52.43104238795555005, 6.08281675950639311 52.43104238795555005)))</t>
  </si>
  <si>
    <t>MultiPolygon (((6.0928481726465229 52.45480644058694253, 6.09487688657949089 52.45186339953220767, 6.09392441503174886 52.44919112591605881, 6.09487853622578779 52.44795776394306586, 6.09462781762493666 52.444970842621629, 6.08905797050251874 52.43627407403949547, 6.08919601236577179 52.43348986453892735, 6.09058843841007658 52.43255418113508881, 6.08700515332352499 52.43136458779583364, 6.08281675950639311 52.43104238795555005, 6.08192099462795444 52.4334591676678059, 6.08272515627905364 52.43443680571721188, 6.08240350374237781 52.43601192973668645, 6.07495762092793257 52.43511843870368949, 6.07326551365521272 52.43581047536336115, 6.07344824072083611 52.43791788164260481, 6.07066623434644548 52.43718966953362326, 6.07096731325110817 52.43848749908509177, 6.06875955979466752 52.43837186637350811, 6.06777820719218131 52.44054270497934311, 6.06865461665417083 52.44062922915518499, 6.06873285390963169 52.44171011337479626, 6.05956581091613788 52.43967734865935171, 6.06162129125537064 52.44534308467490291, 6.0606763758227471 52.45045910095073083, 6.06332050410176127 52.45115134175571114, 6.06876883509345433 52.4513067316125472, 6.07899118317612874 52.45208346525777898, 6.0928481726465229 52.45480644058694253, 6.0928481726465229 52.45480644058694253)))</t>
  </si>
  <si>
    <t>MultiPolygon (((6.07066623434644548 52.43718966953362326, 6.07344824072083611 52.43791788164260481, 6.07326551365521272 52.43581047536336115, 6.07495762092793257 52.43511843870368949, 6.08240350374237781 52.43601192973668645, 6.08272515627905364 52.43443680571721188, 6.08192099462795444 52.4334591676678059, 6.08281675950639311 52.43104238795555005, 6.08282492153304943 52.43052385948168848, 6.07891134627719154 52.43122619634009141, 6.07760628423427907 52.42976347169226159, 6.07865072658356898 52.42432428510301179, 6.06668305392976404 52.42429721357536465, 6.06854383904219397 52.42952637509592506, 6.0640812507146693 52.43057291225078131, 6.06654242527547005 52.43535489796461491, 6.06875077386480299 52.43484788673161034, 6.07066623434644548 52.43718966953362326, 6.07066623434644548 52.43718966953362326)))</t>
  </si>
  <si>
    <t>MultiPolygon (((6.0535947368704619 52.41019340964524531, 6.05146666984391501 52.40861818461966948, 6.04861729761651556 52.40765980777151611, 6.04484131009215719 52.40772325053222858, 6.03746826897203359 52.40952894326991185, 6.03354988212980636 52.40689648476904239, 6.02312603055659324 52.40361398255540593, 6.02124051627289081 52.40063201668360193, 6.01215370871763444 52.39947429010314295, 6.00754639925864176 52.39983556266903264, 6.00358542637947057 52.3895138798391713, 6.00283119823468247 52.38122209542939345, 6.00368292124791481 52.37447824523668061, 5.99133347027227092 52.37859794104792144, 5.95711705390064772 52.39289700168127695, 5.95102434761435717 52.39843712018269173, 5.95186124106320413 52.40095606074245183, 5.96672726180827517 52.40557173365579047, 5.973724951130154 52.40976966252650016, 5.99400319207429 52.42606271680759988, 6.03666034618930425 52.41527120794525985, 6.03770005920640607 52.41420859867839255, 6.05001958862713707 52.41101619551037061, 6.0535947368704619 52.41019340964524531, 6.0535947368704619 52.41019340964524531)))</t>
  </si>
  <si>
    <t>MultiPolygon (((6.04542080182907071 52.35713508924395398, 6.04178393094874178 52.35651243885211414, 6.04172606872546414 52.35790005122431268, 6.04268392456948167 52.36349518389302204, 6.0440403062246677 52.36639282857210986, 6.04771920666281204 52.36833338122298187, 6.05055460017730873 52.37098157072389171, 6.05154913092896063 52.3755229884109994, 6.05273578837887438 52.37708918957071802, 6.06113307366496556 52.38500038135664738, 6.07026079383636397 52.39481555072171659, 6.07246188335475257 52.40148188673760643, 6.07299044629381246 52.40315954295591894, 6.07450122339520693 52.4082917953867522, 6.10195466877481696 52.40840225882617176, 6.11035084628717584 52.40785891454438428, 6.10825991799754409 52.40617212694985483, 6.09739762620548831 52.40539741909469029, 6.09775194762228612 52.39973100787345572, 6.10201779232925823 52.39720418535147672, 6.09649085797909507 52.39217728282498143, 6.09762769084838308 52.38859049935349077, 6.09797339584842302 52.38468601705152849, 6.07990430491986622 52.3833371173737774, 6.07377113810179203 52.37815710334101027, 6.06986818332736977 52.37353662076986183, 6.0687577114425757 52.36165159583373452, 6.05232660243251885 52.3609768006412537, 6.04770925841255913 52.35796393932398018, 6.04542080182907071 52.35713508924395398, 6.04542080182907071 52.35713508924395398)))</t>
  </si>
  <si>
    <t>MultiPolygon (((6.10201779232925823 52.39720418535147672, 6.09775194762228612 52.39973100787345572, 6.09739762620548831 52.40539741909469029, 6.10825991799754409 52.40617212694985483, 6.11035084628717584 52.40785891454438428, 6.11080682878485693 52.40781256215296935, 6.11485708191238775 52.40698537929549161, 6.11624663848405437 52.40487513848079715, 6.1190647622346086 52.40264187456349276, 6.12368320342994643 52.40191615694335781, 6.12537228235850328 52.40017733056412652, 6.12757923945909333 52.39961730441410737, 6.1305527164966982 52.39997768904520825, 6.12997056433020848 52.39860332111663155, 6.12520844874622483 52.39262716839242984, 6.12619664456816615 52.38606593177519954, 6.12582997727094636 52.38405853426797165, 6.12365040558136542 52.38131818503421044, 6.11283900152321014 52.38472613714001369, 6.10497462713050432 52.38817233838727816, 6.1020336031281861 52.38870862305795839, 6.09762769084838308 52.38859049935349077, 6.09649085797909507 52.39217728282498143, 6.10201779232925823 52.39720418535147672),(6.10201779232925823 52.39720418535147672, 6.10845619931985429 52.39710306267796369, 6.10990125915914373 52.39778546971120221, 6.11019266063194078 52.3989852508348406, 6.10619675009228846 52.40102285861345166, 6.10201779232925823 52.39720418535147672)))</t>
  </si>
  <si>
    <t>MultiPolygon (((6.02606059102856495 52.38151520902731306, 6.03589329747345715 52.37933572447729347, 6.04145402969692835 52.37967935667541752, 6.04613339148495577 52.37780920833552756, 6.04833147532636861 52.38054441136274164, 6.04938766078094226 52.38595646948828488, 6.05346611015933256 52.38757104721948821, 6.06113307366496556 52.38500038135664738, 6.05273578837887438 52.37708918957071802, 6.05154913092896063 52.3755229884109994, 6.05055460017730873 52.37098157072389171, 6.04771920666281204 52.36833338122298187, 6.0440403062246677 52.36639282857210986, 6.04268392456948167 52.36349518389302204, 6.03777902997206706 52.36207229830632315, 6.03386345189116824 52.36474645912916515, 6.03466573553187136 52.3661119603200973, 6.03178339554383047 52.36722988306997451, 6.01747889186304441 52.36988077000344788, 6.00368292124791481 52.37447824523668061, 6.00283119823468247 52.38122209542939345, 6.00358542637947057 52.3895138798391713, 6.018687711941336 52.3876695789812743, 6.02358616573218164 52.38696251850212349, 6.02708866857976044 52.38573168922461321, 6.02452033773497853 52.38291394033985426, 6.02606059102856495 52.38151520902731306, 6.02606059102856495 52.38151520902731306)))</t>
  </si>
  <si>
    <t>MultiPolygon (((6.0535947368704619 52.41019340964524531, 6.06212715726537432 52.40792341786471553, 6.07450122339520693 52.4082917953867522, 6.07299044629381246 52.40315954295591894, 6.07160816281677373 52.4049092064719062, 6.06379694593748741 52.40313857067074821, 6.06048594825458675 52.40417503045941316, 6.05882577892108642 52.4029430222203132, 6.05925240121782238 52.40006900542046253, 6.0610953125143423 52.39922378889821886, 6.06600992530241001 52.3993959719331599, 6.07102465326939367 52.40166349312000449, 6.07246188335475257 52.40148188673760643, 6.07026079383636397 52.39481555072171659, 6.06113307366496556 52.38500038135664738, 6.05346611015933256 52.38757104721948821, 6.05478283630522895 52.38819193212751912, 6.05223146890214636 52.38841020503398482, 6.0581649683858112 52.39201425036644366, 6.05966738289716211 52.39381564239528188, 6.05477282548366791 52.39532745383498025, 6.04823608466252072 52.39580250413278861, 6.04598520411438578 52.395048417323423, 6.04288356349542521 52.39502638432565362, 6.03920412457001543 52.39646017948369661, 6.03866957168877061 52.39548457847819662, 6.03292276087572699 52.39554021886348067, 6.03372609953731232 52.39380035181601158, 6.03268410837572411 52.39206493804753251, 6.02954067079508249 52.39209551912281171, 6.02458264663216703 52.39104041671333079, 6.02013295829115691 52.38938414172584856, 6.018687711941336 52.3876695789812743, 6.00358542637947057 52.3895138798391713, 6.00754639925864176 52.39983556266903264, 6.01215370871763444 52.39947429010314295, 6.02124051627289081 52.40063201668360193, 6.02312603055659324 52.40361398255540593, 6.03354988212980636 52.40689648476904239, 6.03746826897203359 52.40952894326991185, 6.04484131009215719 52.40772325053222858, 6.04861729761651556 52.40765980777151611, 6.05146666984391501 52.40861818461966948, 6.0535947368704619 52.41019340964524531, 6.0535947368704619 52.41019340964524531)))</t>
  </si>
  <si>
    <t>MultiPolygon (((6.12365040558136542 52.38131818503421044, 6.12085383232736557 52.37954197156842895, 6.1133710725496071 52.37720882573381687, 6.09513336806519934 52.37384113341647662, 6.08246330448540551 52.3720692915497068, 6.07970121385633444 52.37066484955079915, 6.07820316396688654 52.36904616711427707, 6.07784492765278905 52.36429706027241338, 6.07430669011058288 52.36303474173656269, 6.07485828003463091 52.36192278526020516, 6.0687577114425757 52.36165159583373452, 6.06986818332736977 52.37353662076986183, 6.07377113810179203 52.37815710334101027, 6.07990430491986622 52.3833371173737774, 6.09797339584842302 52.38468601705152849, 6.09762769084838308 52.38859049935349077, 6.1020336031281861 52.38870862305795839, 6.10497462713050432 52.38817233838727816, 6.11283900152321014 52.38472613714001369, 6.12365040558136542 52.38131818503421044, 6.12365040558136542 52.38131818503421044),(6.08167159841025118 52.37688585030247168, 6.0823678203710223 52.37483815196591053, 6.0887250330249767 52.37482647738961106, 6.09560440198076048 52.37578511562060157, 6.09460897240305055 52.37811358751851287, 6.08877037968209667 52.37935889354316288, 6.0868771212347843 52.38056379938304019, 6.08700889012599156 52.38108965120220972, 6.0839590837886881 52.38105456018040229, 6.08167159841025118 52.37688585030247168, 6.08167159841025118 52.37688585030247168)))</t>
  </si>
  <si>
    <t>MultiPolygon (((6.07299044629381246 52.40315954295591894, 6.07246188335475257 52.40148188673760643, 6.07102465326939367 52.40166349312000449, 6.06600992530241001 52.3993959719331599, 6.0610953125143423 52.39922378889821886, 6.05925240121782238 52.40006900542046253, 6.05882577892108642 52.4029430222203132, 6.06048594825458675 52.40417503045941316, 6.06379694593748741 52.40313857067074821, 6.07160816281677373 52.4049092064719062, 6.07299044629381246 52.40315954295591894, 6.07299044629381246 52.40315954295591894)))</t>
  </si>
  <si>
    <t>MultiPolygon (((6.10201779232925823 52.39720418535147672, 6.10619675009228846 52.40102285861345166, 6.11019266063194078 52.3989852508348406, 6.10990125915914373 52.39778546971120221, 6.10845619931985429 52.39710306267796369, 6.10201779232925823 52.39720418535147672, 6.10201779232925823 52.39720418535147672)))</t>
  </si>
  <si>
    <t>MultiPolygon (((6.0868771212347843 52.38056379938304019, 6.08877037968209667 52.37935889354316288, 6.09460897240305055 52.37811358751851287, 6.09560440198076048 52.37578511562060157, 6.0887250330249767 52.37482647738961106, 6.0823678203710223 52.37483815196591053, 6.08167159841025118 52.37688585030247168, 6.0839590837886881 52.38105456018040229, 6.08700889012599156 52.38108965120220972, 6.0868771212347843 52.38056379938304019, 6.0868771212347843 52.38056379938304019)))</t>
  </si>
  <si>
    <t>MultiPolygon (((6.018687711941336 52.3876695789812743, 6.02013295829115691 52.38938414172584856, 6.02458264663216703 52.39104041671333079, 6.02954067079508249 52.39209551912281171, 6.03268410837572411 52.39206493804753251, 6.03372609953731232 52.39380035181601158, 6.03292276087572699 52.39554021886348067, 6.03866957168877061 52.39548457847819662, 6.03920412457001543 52.39646017948369661, 6.04288356349542521 52.39502638432565362, 6.04598520411438578 52.395048417323423, 6.04823608466252072 52.39580250413278861, 6.05477282548366791 52.39532745383498025, 6.05966738289716211 52.39381564239528188, 6.0581649683858112 52.39201425036644366, 6.05223146890214636 52.38841020503398482, 6.05478283630522895 52.38819193212751912, 6.05346611015933256 52.38757104721948821, 6.04938766078094226 52.38595646948828488, 6.04833147532636861 52.38054441136274164, 6.04613339148495577 52.37780920833552756, 6.04145402969692835 52.37967935667541752, 6.03589329747345715 52.37933572447729347, 6.02606059102856495 52.38151520902731306, 6.02452033773497853 52.38291394033985426, 6.02708866857976044 52.38573168922461321, 6.02358616573218164 52.38696251850212349, 6.018687711941336 52.3876695789812743, 6.018687711941336 52.3876695789812743)))</t>
  </si>
  <si>
    <t>MultiPolygon (((6.04050911410416802 52.5062577080349584, 6.0461873664428456 52.50386063899374278, 6.05422019845738824 52.49978708317915732, 6.05839755062474428 52.49600313133892371, 6.06177419853075339 52.49039817764612792, 6.06343033491801364 52.4880531924859639, 6.06078662343271635 52.48652928910519933, 6.06063411909820005 52.48483964066715401, 6.05600017171635319 52.48383989113714421, 6.05314366333621034 52.48415049000105626, 6.05040422769518038 52.48730599126142948, 6.04448549785651057 52.48492662324475333, 6.03286252795481648 52.4784991055984662, 6.02853785170366496 52.48195556896985892, 6.02593307185261029 52.48328620989358484, 6.02139356737964526 52.48373414954256333, 6.01963053230487333 52.48365973198141887, 6.01669989245817938 52.48227021933083591, 6.01604039493079767 52.48274623328615718, 6.01852710410301572 52.48446672242853595, 6.01897640377221066 52.48895816674529158, 6.00874149203104047 52.49656933532256176, 6.00078839952877896 52.50014882409335826, 6.00760995494215866 52.50426003030027999, 6.01236744405626222 52.50593976624244164, 6.01508037331041301 52.50596278557387109, 6.01933754436774482 52.50482748352467866, 6.02285139876914588 52.5053318749146527, 6.0253464839023243 52.50657332563373814, 6.0278574958816904 52.50960619807541718, 6.04050911410416802 52.5062577080349584, 6.04050911410416802 52.5062577080349584)))</t>
  </si>
  <si>
    <t>MultiPolygon (((6.04959253628626126 52.46822614463989964, 6.05377659791796496 52.46784598881667705, 6.05662857681682976 52.4689252841012248, 6.05606833699969904 52.46952724929340661, 6.06044180621673245 52.47076862231389072, 6.06338447830075644 52.46965088219136675, 6.06526731224645754 52.46566308586236005, 6.05957716336736407 52.46443386236881423, 6.05949666158255074 52.46319205694257448, 6.04877844253284724 52.4621199310705606, 6.04524396722443402 52.46259545315626838, 6.0439245320395143 52.46044657832453595, 6.03800908994647223 52.46181753011714477, 6.0333363922594927 52.45591658662662127, 6.03023528105504614 52.45378036502969366, 6.03471425577298159 52.46167677084678616, 6.0339226483745918 52.46439577541917743, 6.03610821629569649 52.46751214715481382, 6.03693839397223808 52.4703108600210939, 6.03590883723736038 52.47415975290015666, 6.0332886843302056 52.47803579540165941, 6.03286252795481648 52.4784991055984662, 6.04448549785651057 52.48492662324475333, 6.05040422769518038 52.48730599126142948, 6.05314366333621034 52.48415049000105626, 6.04519956109529844 52.47982862934326675, 6.04669146363396592 52.47322765316934579, 6.0517225622550308 52.47168710322798546, 6.04843449646388187 52.4692220942351284, 6.04959253628626126 52.46822614463989964, 6.04959253628626126 52.46822614463989964)))</t>
  </si>
  <si>
    <t>MultiPolygon (((6.10354592886399061 52.45396371668912394, 6.10006038359526936 52.4539731432094456, 6.09487688657949089 52.45186339953220767, 6.0928481726465229 52.45480644058694253, 6.07899118317612874 52.45208346525777898, 6.07812887044956263 52.45672975550868955, 6.08189219408862147 52.45906421230468197, 6.08294128174685245 52.46158191376163415, 6.0804153790429929 52.46172085864576218, 6.08336715112977533 52.46649286599122064, 6.08226885330553824 52.47011151368135984, 6.07879930532164092 52.47175689201417725, 6.07553099918109485 52.47244549917751755, 6.07268874478854492 52.47423253920137398, 6.06918342657822496 52.47674851605067659, 6.0646982443266868 52.47855126186469477, 6.06213052299701527 52.48197758362756815, 6.06063411909820005 52.48483964066715401, 6.06078662343271635 52.48652928910519933, 6.06343033491801364 52.4880531924859639, 6.06637118421072241 52.48517077231871042, 6.07142533938197726 52.48210747545006427, 6.07642127709086033 52.48022335003366123, 6.08926753530165943 52.47681125931668333, 6.09424641784173371 52.47411099774999599, 6.09914686942506723 52.47031050009885433, 6.10170123246302332 52.46634727491937866, 6.10354592886399061 52.45396371668912394)))</t>
  </si>
  <si>
    <t>MultiPolygon (((6.05949666158255074 52.46319205694257448, 6.05986837000544032 52.45900169433652138, 6.05150998596985978 52.45764957865833367, 6.05003138448860867 52.45490678872381096, 6.05110032880292703 52.4524129034624309, 6.06353958631985446 52.45180328971101602, 6.06835371298329829 52.45280199428341916, 6.06876883509345433 52.4513067316125472, 6.06332050410176127 52.45115134175571114, 6.0606763758227471 52.45045910095073083, 6.0354766496071548 52.44377826076967608, 6.02266741761997348 52.4441031086679601, 6.02939095638431954 52.45265251613595581, 6.03023528105504614 52.45378036502969366, 6.0333363922594927 52.45591658662662127, 6.03800908994647223 52.46181753011714477, 6.0439245320395143 52.46044657832453595, 6.04524396722443402 52.46259545315626838, 6.04877844253284724 52.4621199310705606, 6.05949666158255074 52.46319205694257448, 6.05949666158255074 52.46319205694257448)))</t>
  </si>
  <si>
    <t>MultiPolygon (((6.05314366333621034 52.48415049000105626, 6.05600017171635319 52.48383989113714421, 6.06063411909820005 52.48483964066715401, 6.06213052299701527 52.48197758362756815, 6.05389413831989831 52.47856645750903226, 6.05317509908072982 52.47383064723182144, 6.0517225622550308 52.47168710322798546, 6.04669146363396592 52.47322765316934579, 6.04519956109529844 52.47982862934326675, 6.05314366333621034 52.48415049000105626, 6.05314366333621034 52.48415049000105626)))</t>
  </si>
  <si>
    <t>MultiPolygon (((6.07812887044956263 52.45672975550868955, 6.07899118317612874 52.45208346525777898, 6.06876883509345433 52.4513067316125472, 6.06835371298329829 52.45280199428341916, 6.06353958631985446 52.45180328971101602, 6.05110032880292703 52.4524129034624309, 6.05003138448860867 52.45490678872381096, 6.05150998596985978 52.45764957865833367, 6.05986837000544032 52.45900169433652138, 6.05949666158255074 52.46319205694257448, 6.05957716336736407 52.46443386236881423, 6.06526731224645754 52.46566308586236005, 6.06789773453365111 52.46551515926373099, 6.06619511431806746 52.46196749491894451, 6.06598062317051046 52.45835932918095779, 6.07812887044956263 52.45672975550868955, 6.07812887044956263 52.45672975550868955)))</t>
  </si>
  <si>
    <t>MultiPolygon (((6.0517225622550308 52.47168710322798546, 6.05317509908072982 52.47383064723182144, 6.06085456429154856 52.47294044568505456, 6.0670706272062338 52.47116331345330309, 6.07053997222615216 52.47090771819000565, 6.06789773453365111 52.46551515926373099, 6.06526731224645754 52.46566308586236005, 6.06338447830075644 52.46965088219136675, 6.06044180621673245 52.47076862231389072, 6.05606833699969904 52.46952724929340661, 6.05662857681682976 52.4689252841012248, 6.05377659791796496 52.46784598881667705, 6.04959253628626126 52.46822614463989964, 6.04843449646388187 52.4692220942351284, 6.0517225622550308 52.47168710322798546, 6.0517225622550308 52.47168710322798546)))</t>
  </si>
  <si>
    <t>MultiPolygon (((6.07135755879014472 52.4726665470327589, 6.07268874478854492 52.47423253920137398, 6.07553099918109485 52.47244549917751755, 6.07879930532164092 52.47175689201417725, 6.08226885330553824 52.47011151368135984, 6.08336715112977533 52.46649286599122064, 6.0804153790429929 52.46172085864576218, 6.08294128174685245 52.46158191376163415, 6.08189219408862147 52.45906421230468197, 6.07812887044956263 52.45672975550868955, 6.06598062317051046 52.45835932918095779, 6.06619511431806746 52.46196749491894451, 6.06789773453365111 52.46551515926373099, 6.07053997222615216 52.47090771819000565, 6.07135755879014472 52.4726665470327589, 6.07135755879014472 52.4726665470327589)))</t>
  </si>
  <si>
    <t>MultiPolygon (((6.06213052299701527 52.48197758362756815, 6.0646982443266868 52.47855126186469477, 6.06918342657822496 52.47674851605067659, 6.06894052764908309 52.47598596432143836, 6.06522423727536975 52.47590163049658685, 6.06548644510877022 52.47447535129770557, 6.06790664004749924 52.47278331468868373, 6.07135755879014472 52.4726665470327589, 6.07053997222615216 52.47090771819000565, 6.0670706272062338 52.47116331345330309, 6.06085456429154856 52.47294044568505456, 6.05317509908072982 52.47383064723182144, 6.05389413831989831 52.47856645750903226, 6.06213052299701527 52.48197758362756815, 6.06213052299701527 52.48197758362756815)))</t>
  </si>
  <si>
    <t>MultiPolygon (((6.06918342657822496 52.47674851605067659, 6.07268874478854492 52.47423253920137398, 6.07135755879014472 52.4726665470327589, 6.06790664004749924 52.47278331468868373, 6.06548644510877022 52.47447535129770557, 6.06522423727536975 52.47590163049658685, 6.06894052764908309 52.47598596432143836, 6.06918342657822496 52.47674851605067659, 6.06918342657822496 52.47674851605067659)))</t>
  </si>
  <si>
    <t>MultiPolygon (((5.60008122792628615 52.3634696564866573, 5.60592904145676929 52.36322652184461646, 5.60176540887991692 52.36097580476859292, 5.5948405465453126 52.36209889570523757, 5.59321007075193943 52.36192954387804122, 5.59346924740203555 52.36293569955820715, 5.59514982798620419 52.36337100005259515, 5.60008122792628615 52.3634696564866573, 5.60008122792628615 52.3634696564866573)))</t>
  </si>
  <si>
    <t>MultiPolygon (((5.68886449094195168 52.35805725231683994, 5.69290606408239785 52.35807424180763547, 5.69872851222771626 52.35601709798960002, 5.69864143156903591 52.35580807502835654, 5.69905437036608742 52.35280137336680184, 5.70413484906744639 52.3468512299887152, 5.69806644655465 52.3474294120091912, 5.68556913812943421 52.35216185807453826, 5.67937234391190504 52.35418053904400182, 5.68886449094195168 52.35805725231683994, 5.68886449094195168 52.35805725231683994)))</t>
  </si>
  <si>
    <t>MultiPolygon (((5.68556913812943421 52.35216185807453826, 5.69806644655465 52.3474294120091912, 5.70413484906744639 52.3468512299887152, 5.70483875281213049 52.34412840185085969, 5.69660645873555183 52.34324371695248601, 5.67497527727976259 52.34273985347418545, 5.6748073868945017 52.34552046092617417, 5.67971984266940666 52.34597877486682904, 5.68092648047327664 52.34730529626767037, 5.6793036399233161 52.34975732381452929, 5.68512760001810058 52.35064709812972694, 5.68556913812943421 52.35216185807453826, 5.68556913812943421 52.35216185807453826)))</t>
  </si>
  <si>
    <t>MultiPolygon (((5.66326682436726614 52.35501715240166476, 5.66787779844195772 52.35570419225286543, 5.67601878570450413 52.35588054216843545, 5.67937234391190504 52.35418053904400182, 5.68556913812943421 52.35216185807453826, 5.68512760001810058 52.35064709812972694, 5.6793036399233161 52.34975732381452929, 5.68092648047327664 52.34730529626767037, 5.67971984266940666 52.34597877486682904, 5.6748073868945017 52.34552046092617417, 5.67497527727976259 52.34273985347418545, 5.65681936779617978 52.34232754654555464, 5.6560967131785409 52.34737262717260364, 5.65142741317291009 52.34795489146770819, 5.64918504638132468 52.35230930577314012, 5.65328709867749613 52.35368243360789364, 5.66326682436726614 52.35501715240166476, 5.66326682436726614 52.35501715240166476)))</t>
  </si>
  <si>
    <t>MultiPolygon (((5.69565590579314662 52.36076053488651638, 5.69710411494786229 52.36111439466137085, 5.69835534063706284 52.36059279252823728, 5.70066197498444094 52.35748758205070885, 5.69868612493340621 52.35673244684600292, 5.69872851222771626 52.35601709798960002, 5.69290606408239785 52.35807424180763547, 5.68886449094195168 52.35805725231683994, 5.68737564184076216 52.36297618305941626, 5.68531764959029218 52.36338723959998731, 5.6828941658263048 52.36083866044187118, 5.67719025218057549 52.36080800773193999, 5.67363131612763993 52.36157467513123009, 5.67400797378963517 52.35861748664266457, 5.66805831474851018 52.35822395954900088, 5.66758214690583895 52.36092137401568891, 5.66173940100378559 52.36053461930610098, 5.66122221508219514 52.36195265447278047, 5.65822407392575943 52.36350224870847114, 5.65366678372573528 52.36438222762735251, 5.65274876920488101 52.36508569140610803, 5.67450023420351446 52.3753342306286882, 5.67722613762978501 52.37700573651585501, 5.67759121372541387 52.37868545821014266, 5.67892158677026071 52.37884125882497699, 5.68002152250773662 52.37603268315277916, 5.69565590579314662 52.36076053488651638)))</t>
  </si>
  <si>
    <t>MultiPolygon (((5.64379416089412 52.35591494437329629, 5.64812340473243069 52.35834469008751313, 5.65080936075766971 52.35718693472895069, 5.65225703884394637 52.35519324448068801, 5.66091810811471241 52.35623003710041701, 5.66241181610350175 52.3575234084280936, 5.66326682436726614 52.35501715240166476, 5.65328709867749613 52.35368243360789364, 5.64918504638132468 52.35230930577314012, 5.64805330171837028 52.35215110410675976, 5.64379416089412 52.35591494437329629, 5.64379416089412 52.35591494437329629)))</t>
  </si>
  <si>
    <t>MultiPolygon (((5.66173940100378559 52.36053461930610098, 5.66758214690583895 52.36092137401568891, 5.66805831474851018 52.35822395954900088, 5.67400797378963517 52.35861748664266457, 5.67363131612763993 52.36157467513123009, 5.67719025218057549 52.36080800773193999, 5.6828941658263048 52.36083866044187118, 5.68531764959029218 52.36338723959998731, 5.68737564184076216 52.36297618305941626, 5.68886449094195168 52.35805725231683994, 5.67937234391190504 52.35418053904400182, 5.67601878570450413 52.35588054216843545, 5.66787779844195772 52.35570419225286543, 5.66326682436726614 52.35501715240166476, 5.66241181610350175 52.3575234084280936, 5.66173940100378559 52.36053461930610098, 5.66173940100378559 52.36053461930610098)))</t>
  </si>
  <si>
    <t>MultiPolygon (((5.70617127797245072 52.32838184481975219, 5.68644710913127405 52.31314286041565254, 5.67809267082126556 52.30150105632751689, 5.67079609726805334 52.30391690409292949, 5.65058750319899517 52.31494298828231848, 5.64070363009453324 52.32074880036419984, 5.64179864879325166 52.32146393340617863, 5.6392075504396848 52.32290829881430483, 5.64334103212960514 52.32572262647808969, 5.64270462903736281 52.32822185727102493, 5.63934302271531696 52.33034023173183868, 5.63378006238029805 52.3316297701585853, 5.6354355638821918 52.33254277116332531, 5.63821252695409036 52.33392939873397864, 5.64503271851756594 52.33733429089534894, 5.64494337148441172 52.33914976655229623, 5.64482280448448481 52.34159934481535004, 5.65070318695506568 52.34209853965899129, 5.65681936779617978 52.34232754654555464, 5.67497527727976259 52.34273985347418545, 5.69660645873555183 52.34324371695248601, 5.70483875281213049 52.34412840185085969, 5.70507551567227367 52.34287048686296373, 5.70546209719005848 52.33985992515575703, 5.71101975672964191 52.33872470976596958, 5.71280289622075443 52.33623884229344725, 5.71248064517645116 52.33184536628120753, 5.70617127797245072 52.32838184481975219, 5.70617127797245072 52.32838184481975219),(5.65425566040016214 52.32285207777459135, 5.66129681516300653 52.31858768251861136, 5.66564068505152907 52.32079577465485443, 5.66475832622854281 52.32281548064982246, 5.6627802638560345 52.32347526696328543, 5.66193745323498554 52.32502861639175507, 5.65425566040016214 52.32285207777459135, 5.65425566040016214 52.32285207777459135)))</t>
  </si>
  <si>
    <t>MultiPolygon (((5.66193745323498554 52.32502861639175507, 5.6627802638560345 52.32347526696328543, 5.66475832622854281 52.32281548064982246, 5.66564068505152907 52.32079577465485443, 5.66129681516300653 52.31858768251861136, 5.65425566040016214 52.32285207777459135, 5.66193745323498554 52.32502861639175507, 5.66193745323498554 52.32502861639175507)))</t>
  </si>
  <si>
    <t>MultiPolygon (((5.64270462903736281 52.32822185727102493, 5.64334103212960514 52.32572262647808969, 5.6392075504396848 52.32290829881430483, 5.64179864879325166 52.32146393340617863, 5.64070363009453324 52.32074880036419984, 5.63026383123824736 52.32685050281155981, 5.63017685127730871 52.32623042381285217, 5.62878402745419759 52.32681558152959411, 5.62345348864806294 52.32666732802873355, 5.62311124102796356 52.32753204559575266, 5.62276704341196432 52.32905763231706686, 5.6227899242611965 52.32966965088863986, 5.62859066267042074 52.3300060797270703, 5.63378006238029805 52.3316297701585853, 5.63934302271531696 52.33034023173183868, 5.64270462903736281 52.32822185727102493, 5.64270462903736281 52.32822185727102493)))</t>
  </si>
  <si>
    <t>MultiPolygon (((5.65366678372573528 52.36438222762735251, 5.65822407392575943 52.36350224870847114, 5.66122221508219514 52.36195265447278047, 5.66173940100378559 52.36053461930610098, 5.66241181610350175 52.3575234084280936, 5.66091810811471241 52.35623003710041701, 5.65225703884394637 52.35519324448068801, 5.65080936075766971 52.35718693472895069, 5.64812340473243069 52.35834469008751313, 5.64842688316950259 52.35852752149271794, 5.65356938701404221 52.3616379056201211, 5.65366678372573528 52.36438222762735251, 5.65366678372573528 52.36438222762735251)))</t>
  </si>
  <si>
    <t>MultiPolygon (((5.65274876920488101 52.36508569140610803, 5.65366678372573528 52.36438222762735251, 5.65356938701404221 52.3616379056201211, 5.64842688316950259 52.35852752149271794, 5.64053123049627114 52.36335321051974034, 5.63914681862401945 52.36406914722991957, 5.63771149244068592 52.36321516202346515, 5.63405782511269937 52.36279480634256345, 5.63002788850995461 52.36540620366865539, 5.6307186084299552 52.36586456368199549, 5.63323211906397603 52.36546592747451001, 5.64088310791326908 52.36627123750430712, 5.64156029440610851 52.365944869263366, 5.64391662568071784 52.36757318554728613, 5.64891994867859992 52.36749354386772382, 5.65274876920488101 52.36508569140610803, 5.65274876920488101 52.36508569140610803)))</t>
  </si>
  <si>
    <t>MultiPolygon (((5.62923588028296695 52.3618155324519492, 5.62985563744432582 52.36150036994705204, 5.63096256852655763 52.36219246352935386, 5.62973743355415213 52.3626135077113517, 5.63033266285704848 52.36395976726981871, 5.63357820222302674 52.36187707596138807, 5.63882601024509533 52.36239993077698074, 5.64053123049627114 52.36335321051974034, 5.64842688316950259 52.35852752149271794, 5.64812340473243069 52.35834469008751313, 5.64379416089412 52.35591494437329629, 5.63612105758180526 52.35179461019116331, 5.63037176988321519 52.35470889615696422, 5.62700469468742437 52.3569738793212025, 5.62718470336928522 52.35758091225194732, 5.62763004470289996 52.35725104623151793, 5.62937067506673472 52.35833505654223785, 5.62797876969100752 52.35921183616689234, 5.62843965351482467 52.36050445284745081, 5.62694676232196755 52.36085949411688034, 5.62811582739489502 52.36156099815387677, 5.62828723492834104 52.36450934426225245, 5.62906537142451224 52.36473604092094547, 5.62974119226006309 52.36422741947090032, 5.62923588028296695 52.3618155324519492, 5.62923588028296695 52.3618155324519492)))</t>
  </si>
  <si>
    <t>MultiPolygon (((5.6107763041804013 52.33086555794632488, 5.61891095223815196 52.33004903934843099, 5.6227899242611965 52.32966965088863986, 5.62276704341196432 52.32905763231706686, 5.61933068553903414 52.3272727825677606, 5.61115290354328433 52.32956490094780122, 5.6107763041804013 52.33086555794632488, 5.6107763041804013 52.33086555794632488)))</t>
  </si>
  <si>
    <t>MultiPolygon (((5.6115424813751078 52.3282193351171756, 5.61115290354328433 52.32956490094780122, 5.61933068553903414 52.3272727825677606, 5.61512535668968127 52.32426930442967006, 5.61287054803303853 52.32363032891484522, 5.61275871573670759 52.32401666393701589, 5.6115424813751078 52.3282193351171756, 5.6115424813751078 52.3282193351171756)))</t>
  </si>
  <si>
    <t>MultiPolygon (((5.60869131343843552 52.31905381582402725, 5.60194461723643222 52.3197468845762117, 5.60200981041392598 52.31800145624090703, 5.59756133707463643 52.31930608503662938, 5.59343644605588963 52.31928765623465694, 5.5876695502022411 52.32101266661563699, 5.58742570744777378 52.32162998528132647, 5.58151775408433881 52.32257781032287625, 5.57828857155154978 52.32511314612998632, 5.58354097711456809 52.32312502242283614, 5.59368901188202905 52.32198892657736877, 5.5976067879345548 52.32189135589305096, 5.60113467300357737 52.32014671648597215, 5.60400221559427703 52.31990167507807143, 5.60621890212302532 52.32059704901451624, 5.60936116514038208 52.32288684503824783, 5.61287054803303853 52.32363032891484522, 5.61512535668968127 52.32426930442967006, 5.61933068553903414 52.3272727825677606, 5.62276704341196432 52.32905763231706686, 5.62311124102796356 52.32753204559575266, 5.60869131343843552 52.31905381582402725)))</t>
  </si>
  <si>
    <t>MultiPolygon (((5.58276966493267945 52.32868599817856392, 5.58512333450426102 52.32707349987066436, 5.59150796352334645 52.32635415622026898, 5.59257818244740168 52.32623834394259177, 5.59368901188202905 52.32198892657736877, 5.58354097711456809 52.32312502242283614, 5.57828857155154978 52.32511314612998632, 5.57729640352268774 52.32570357877546741, 5.58276966493267945 52.32868599817856392, 5.58276966493267945 52.32868599817856392)))</t>
  </si>
  <si>
    <t>MultiPolygon (((5.59468520369062983 52.33158279837979876, 5.59407557803372413 52.32936553797654256, 5.59072400903784494 52.3283111150091429, 5.59150796352334645 52.32635415622026898, 5.58512333450426102 52.32707349987066436, 5.58276966493267945 52.32868599817856392, 5.5886853843079578 52.33059685099303238, 5.59468520369062983 52.33158279837979876, 5.59468520369062983 52.33158279837979876)))</t>
  </si>
  <si>
    <t>MultiPolygon (((5.60353233902028247 52.32504546491762198, 5.61275871573670759 52.32401666393701589, 5.61287054803303853 52.32363032891484522, 5.60936116514038208 52.32288684503824783, 5.60621890212302532 52.32059704901451624, 5.60400221559427703 52.31990167507807143, 5.60113467300357737 52.32014671648597215, 5.5976067879345548 52.32189135589305096, 5.59978537903274276 52.32408371508235234, 5.60353233902028247 52.32504546491762198, 5.60353233902028247 52.32504546491762198)))</t>
  </si>
  <si>
    <t>MultiPolygon (((5.59257818244740168 52.32623834394259177, 5.59738960615167702 52.3257175536510033, 5.59978537903274276 52.32408371508235234, 5.5976067879345548 52.32189135589305096, 5.59368901188202905 52.32198892657736877, 5.59257818244740168 52.32623834394259177, 5.59257818244740168 52.32623834394259177)))</t>
  </si>
  <si>
    <t>MultiPolygon (((5.59927379635891054 52.32775253875141885, 5.60109326025792775 52.32755703720305007, 5.60442051078102299 52.32742700219896648, 5.60353233902028247 52.32504546491762198, 5.59978537903274276 52.32408371508235234, 5.59738960615167702 52.3257175536510033, 5.59927379635891054 52.32775253875141885, 5.59927379635891054 52.32775253875141885)))</t>
  </si>
  <si>
    <t>MultiPolygon (((5.60442051078102299 52.32742700219896648, 5.6115424813751078 52.3282193351171756, 5.61275871573670759 52.32401666393701589, 5.60353233902028247 52.32504546491762198, 5.60442051078102299 52.32742700219896648, 5.60442051078102299 52.32742700219896648)))</t>
  </si>
  <si>
    <t>MultiPolygon (((5.59407557803372413 52.32936553797654256, 5.59927379635891054 52.32775253875141885, 5.59738960615167702 52.3257175536510033, 5.59257818244740168 52.32623834394259177, 5.59150796352334645 52.32635415622026898, 5.59072400903784494 52.3283111150091429, 5.59407557803372413 52.32936553797654256, 5.59407557803372413 52.32936553797654256)))</t>
  </si>
  <si>
    <t>MultiPolygon (((5.59468520369062983 52.33158279837979876, 5.60247178377344301 52.3316803458322255, 5.6010605779405358 52.33010356624234305, 5.60109326025792775 52.32755703720305007, 5.59927379635891054 52.32775253875141885, 5.59407557803372413 52.32936553797654256, 5.59468520369062983 52.33158279837979876, 5.59468520369062983 52.33158279837979876)))</t>
  </si>
  <si>
    <t>MultiPolygon (((5.60247178377344301 52.3316803458322255, 5.6107763041804013 52.33086555794632488, 5.61115290354328433 52.32956490094780122, 5.6115424813751078 52.3282193351171756, 5.60442051078102299 52.32742700219896648, 5.60109326025792775 52.32755703720305007, 5.6010605779405358 52.33010356624234305, 5.60247178377344301 52.3316803458322255, 5.60247178377344301 52.3316803458322255)))</t>
  </si>
  <si>
    <t>MultiPolygon (((5.65070775683119209 52.34641295737382904, 5.65142741317291009 52.34795489146770819, 5.6560967131785409 52.34737262717260364, 5.65681936779617978 52.34232754654555464, 5.65070318695506568 52.34209853965899129, 5.65276081783339635 52.34614953616937072, 5.65070775683119209 52.34641295737382904, 5.65070775683119209 52.34641295737382904)))</t>
  </si>
  <si>
    <t>MultiPolygon (((5.64385403657355944 52.34639219748093097, 5.65070775683119209 52.34641295737382904, 5.65276081783339635 52.34614953616937072, 5.65070318695506568 52.34209853965899129, 5.64482280448448481 52.34159934481535004, 5.64417187620716909 52.34562791009952321, 5.64385403657355944 52.34639219748093097, 5.64385403657355944 52.34639219748093097)))</t>
  </si>
  <si>
    <t>MultiPolygon (((5.64805330171837028 52.35215110410675976, 5.64918504638132468 52.35230930577314012, 5.65142741317291009 52.34795489146770819, 5.65070775683119209 52.34641295737382904, 5.64385403657355944 52.34639219748093097, 5.6415187885850866 52.3489846473298357, 5.63917485796867179 52.35024638390905949, 5.64600724082941596 52.35131792010105301, 5.64805330171837028 52.35215110410675976, 5.64805330171837028 52.35215110410675976)))</t>
  </si>
  <si>
    <t>MultiPolygon (((5.64379416089412 52.35591494437329629, 5.64805330171837028 52.35215110410675976, 5.64600724082941596 52.35131792010105301, 5.63917485796867179 52.35024638390905949, 5.63612105758180526 52.35179461019116331, 5.64379416089412 52.35591494437329629, 5.64379416089412 52.35591494437329629)))</t>
  </si>
  <si>
    <t>MultiPolygon (((5.63472020535537244 52.33600523442209607, 5.64070678475397536 52.33882883838272448, 5.64494337148441172 52.33914976655229623, 5.64503271851756594 52.33733429089534894, 5.63821252695409036 52.33392939873397864, 5.63472020535537244 52.33600523442209607, 5.63472020535537244 52.33600523442209607)))</t>
  </si>
  <si>
    <t>MultiPolygon (((5.63993927392819394 52.34096511375786065, 5.64482280448448481 52.34159934481535004, 5.64494337148441172 52.33914976655229623, 5.64070678475397536 52.33882883838272448, 5.63472020535537244 52.33600523442209607, 5.63340166001667519 52.33699489792678605, 5.63148672789844351 52.33954829386259888, 5.63993927392819394 52.34096511375786065, 5.63993927392819394 52.34096511375786065)))</t>
  </si>
  <si>
    <t>MultiPolygon (((5.63340166001667519 52.33699489792678605, 5.63472020535537244 52.33600523442209607, 5.63821252695409036 52.33392939873397864, 5.6354355638821918 52.33254277116332531, 5.62763185897641005 52.33423115845376117, 5.62823665616171898 52.3357124719076694, 5.63340166001667519 52.33699489792678605, 5.63340166001667519 52.33699489792678605)))</t>
  </si>
  <si>
    <t>MultiPolygon (((5.62678891625546562 52.33875078608549813, 5.63148672789844351 52.33954829386259888, 5.63340166001667519 52.33699489792678605, 5.62823665616171898 52.3357124719076694, 5.62678891625546562 52.33875078608549813, 5.62678891625546562 52.33875078608549813)))</t>
  </si>
  <si>
    <t>MultiPolygon (((5.62174236116423032 52.33787827086183597, 5.62678891625546562 52.33875078608549813, 5.62823665616171898 52.3357124719076694, 5.62763185897641005 52.33423115845376117, 5.62706314157211729 52.33217672351575089, 5.62302536279274801 52.33355722938132715, 5.62389880058903469 52.33472535063207687, 5.62087007703810393 52.33516454465119239, 5.62174236116423032 52.33787827086183597, 5.62174236116423032 52.33787827086183597)))</t>
  </si>
  <si>
    <t>MultiPolygon (((5.62067600429689573 52.33465785043305374, 5.62087007703810393 52.33516454465119239, 5.62389880058903469 52.33472535063207687, 5.62302536279274801 52.33355722938132715, 5.62706314157211729 52.33217672351575089, 5.62763185897641005 52.33423115845376117, 5.6354355638821918 52.33254277116332531, 5.63378006238029805 52.3316297701585853, 5.62859066267042074 52.3300060797270703, 5.6227899242611965 52.32966965088863986, 5.61891095223815196 52.33004903934843099, 5.62067600429689573 52.33465785043305374, 5.62067600429689573 52.33465785043305374)))</t>
  </si>
  <si>
    <t>MultiPolygon (((5.6118084176955092 52.3346139434224682, 5.61695816830597838 52.33386990991985499, 5.61844419338783485 52.33505116755303277, 5.62067600429689573 52.33465785043305374, 5.61891095223815196 52.33004903934843099, 5.6107763041804013 52.33086555794632488, 5.6118084176955092 52.3346139434224682, 5.6118084176955092 52.3346139434224682)))</t>
  </si>
  <si>
    <t>MultiPolygon (((5.61905568687672652 52.33743562564061591, 5.62174236116423032 52.33787827086183597, 5.62087007703810393 52.33516454465119239, 5.62067600429689573 52.33465785043305374, 5.61844419338783485 52.33505116755303277, 5.61695816830597838 52.33386990991985499, 5.6118084176955092 52.3346139434224682, 5.61307526797122591 52.33564335885359498, 5.61905568687672652 52.33743562564061591, 5.61905568687672652 52.33743562564061591)))</t>
  </si>
  <si>
    <t>MultiPolygon (((5.61067658758921084 52.34109555888205989, 5.61399916762391893 52.34288411449848866, 5.6153134644362348 52.34068971842633289, 5.6132882774529671 52.33979666260424324, 5.61301321153894772 52.33831201268341005, 5.60928061102878761 52.33897373881871573, 5.61067658758921084 52.34109555888205989, 5.61067658758921084 52.34109555888205989)))</t>
  </si>
  <si>
    <t>MultiPolygon (((5.60928061102878761 52.33897373881871573, 5.61301321153894772 52.33831201268341005, 5.61210350154950621 52.33603658286315863, 5.60803274879843183 52.33738696750713615, 5.60928061102878761 52.33897373881871573, 5.60928061102878761 52.33897373881871573)))</t>
  </si>
  <si>
    <t>MultiPolygon (((5.60803274879843183 52.33738696750713615, 5.61210350154950621 52.33603658286315863, 5.61307526797122591 52.33564335885359498, 5.6118084176955092 52.3346139434224682, 5.6107763041804013 52.33086555794632488, 5.60247178377344301 52.3316803458322255, 5.60453552886804474 52.33472416863796894, 5.60803274879843183 52.33738696750713615, 5.60803274879843183 52.33738696750713615)))</t>
  </si>
  <si>
    <t>MultiPolygon (((5.59818547382126042 52.33718622307202395, 5.60261747204101468 52.33481055656449143, 5.60453552886804474 52.33472416863796894, 5.60247178377344301 52.3316803458322255, 5.59468520369062983 52.33158279837979876, 5.5886853843079578 52.33059685099303238, 5.58276966493267945 52.32868599817856392, 5.57729640352268774 52.32570357877546741, 5.57575357010019612 52.32659785890445647, 5.58304234429397273 52.33075674095498186, 5.5933324678128713 52.33392657285251204, 5.59818547382126042 52.33718622307202395, 5.59818547382126042 52.33718622307202395)))</t>
  </si>
  <si>
    <t>MultiPolygon (((5.60319056845962304 52.3398280255098669, 5.60803274879843183 52.33738696750713615, 5.60453552886804474 52.33472416863796894, 5.60261747204101468 52.33481055656449143, 5.59818547382126042 52.33718622307202395, 5.60319056845962304 52.3398280255098669, 5.60319056845962304 52.3398280255098669)))</t>
  </si>
  <si>
    <t>MultiPolygon (((5.60749122402581346 52.34271304937146851, 5.61067658758921084 52.34109555888205989, 5.60928061102878761 52.33897373881871573, 5.60803274879843183 52.33738696750713615, 5.60319056845962304 52.3398280255098669, 5.60749122402581346 52.34271304937146851, 5.60749122402581346 52.34271304937146851)))</t>
  </si>
  <si>
    <t>MultiPolygon (((5.61136055634179787 52.34558070981241684, 5.61399916762391893 52.34288411449848866, 5.61067658758921084 52.34109555888205989, 5.60749122402581346 52.34271304937146851, 5.61136055634179787 52.34558070981241684, 5.61136055634179787 52.34558070981241684)))</t>
  </si>
  <si>
    <t>MultiPolygon (((5.61227195417181068 52.34743375768424301, 5.617051009441969 52.34606250300427632, 5.62017936946383223 52.34085034611599241, 5.6153134644362348 52.34068971842633289, 5.61399916762391893 52.34288411449848866, 5.61136055634179787 52.34558070981241684, 5.61227195417181068 52.34743375768424301, 5.61227195417181068 52.34743375768424301)))</t>
  </si>
  <si>
    <t>MultiPolygon (((5.6153134644362348 52.34068971842633289, 5.62017936946383223 52.34085034611599241, 5.62174236116423032 52.33787827086183597, 5.61905568687672652 52.33743562564061591, 5.61869939917049344 52.33800120264803724, 5.61301321153894772 52.33831201268341005, 5.6132882774529671 52.33979666260424324, 5.6153134644362348 52.34068971842633289, 5.6153134644362348 52.34068971842633289)))</t>
  </si>
  <si>
    <t>MultiPolygon (((5.61301321153894772 52.33831201268341005, 5.61869939917049344 52.33800120264803724, 5.61905568687672652 52.33743562564061591, 5.61307526797122591 52.33564335885359498, 5.61210350154950621 52.33603658286315863, 5.61301321153894772 52.33831201268341005, 5.61301321153894772 52.33831201268341005)))</t>
  </si>
  <si>
    <t>MultiPolygon (((5.62017936946383223 52.34085034611599241, 5.62323444633557301 52.34350703699074359, 5.62682269760906451 52.34017614562970522, 5.62678891625546562 52.33875078608549813, 5.62174236116423032 52.33787827086183597, 5.62017936946383223 52.34085034611599241, 5.62017936946383223 52.34085034611599241)))</t>
  </si>
  <si>
    <t>MultiPolygon (((5.6261216965055505 52.34539551847691286, 5.6281996933836016 52.34428215718143917, 5.63024054350683567 52.34184004508909283, 5.63148672789844351 52.33954829386259888, 5.62678891625546562 52.33875078608549813, 5.62682269760906451 52.34017614562970522, 5.62323444633557301 52.34350703699074359, 5.6261216965055505 52.34539551847691286, 5.6261216965055505 52.34539551847691286)))</t>
  </si>
  <si>
    <t>MultiPolygon (((5.63024054350683567 52.34184004508909283, 5.63548034101703621 52.34250923402851186, 5.63884435175722487 52.34315028031444683, 5.63993927392819394 52.34096511375786065, 5.63148672789844351 52.33954829386259888, 5.63024054350683567 52.34184004508909283, 5.63024054350683567 52.34184004508909283)))</t>
  </si>
  <si>
    <t>MultiPolygon (((5.63548034101703621 52.34250923402851186, 5.63525239126587341 52.3429648238882308, 5.6374230066505433 52.34435950270153626, 5.64417187620716909 52.34562791009952321, 5.64482280448448481 52.34159934481535004, 5.63993927392819394 52.34096511375786065, 5.63884435175722487 52.34315028031444683, 5.63548034101703621 52.34250923402851186, 5.63548034101703621 52.34250923402851186)))</t>
  </si>
  <si>
    <t>MultiPolygon (((5.6415187885850866 52.3489846473298357, 5.64385403657355944 52.34639219748093097, 5.64417187620716909 52.34562791009952321, 5.6374230066505433 52.34435950270153626, 5.63525239126587341 52.3429648238882308, 5.63548034101703621 52.34250923402851186, 5.63024054350683567 52.34184004508909283, 5.6281996933836016 52.34428215718143917, 5.64012128107935684 52.34679132022262849, 5.6415187885850866 52.3489846473298357, 5.6415187885850866 52.3489846473298357)))</t>
  </si>
  <si>
    <t>MultiPolygon (((5.63612105758180526 52.35179461019116331, 5.63917485796867179 52.35024638390905949, 5.6415187885850866 52.3489846473298357, 5.64012128107935684 52.34679132022262849, 5.6281996933836016 52.34428215718143917, 5.6261216965055505 52.34539551847691286, 5.63150102418913701 52.34881714135567421, 5.63406280634978707 52.34944787265909127, 5.63612105758180526 52.35179461019116331, 5.63612105758180526 52.35179461019116331)))</t>
  </si>
  <si>
    <t>MultiPolygon (((5.617051009441969 52.34606250300427632, 5.61769786043744634 52.34683440744075966, 5.62509588573599029 52.3459655575388183, 5.6261216965055505 52.34539551847691286, 5.62323444633557301 52.34350703699074359, 5.62017936946383223 52.34085034611599241, 5.617051009441969 52.34606250300427632, 5.617051009441969 52.34606250300427632)))</t>
  </si>
  <si>
    <t>MultiPolygon (((5.62918257292760771 52.34865475833383641, 5.63150102418913701 52.34881714135567421, 5.6261216965055505 52.34539551847691286, 5.62509588573599029 52.3459655575388183, 5.61769786043744634 52.34683440744075966, 5.62160261423212226 52.34793160676994006, 5.62179209906297928 52.34858116586033105, 5.62180132012930844 52.34861278225778847, 5.62624659925754322 52.34820443583988236, 5.62918257292760771 52.34865475833383641, 5.62918257292760771 52.34865475833383641)))</t>
  </si>
  <si>
    <t>MultiPolygon (((5.62427815460084535 52.35077346647917551, 5.62556362003205823 52.35190901523237272, 5.62848055805422653 52.35017602882684429, 5.62918257292760771 52.34865475833383641, 5.62624659925754322 52.34820443583988236, 5.62180132012930844 52.34861278225778847, 5.62427815460084535 52.35077346647917551, 5.62427815460084535 52.35077346647917551)))</t>
  </si>
  <si>
    <t>MultiPolygon (((5.62731757218305173 52.35293599955243593, 5.63037176988321519 52.35470889615696422, 5.63612105758180526 52.35179461019116331, 5.63406280634978707 52.34944787265909127, 5.63150102418913701 52.34881714135567421, 5.62918257292760771 52.34865475833383641, 5.62848055805422653 52.35017602882684429, 5.62556362003205823 52.35190901523237272, 5.62731757218305173 52.35293599955243593, 5.62731757218305173 52.35293599955243593)))</t>
  </si>
  <si>
    <t>MultiPolygon (((5.61885817366354257 52.36037451818123856, 5.61912256688177703 52.36021181752670373, 5.61910976998828282 52.36017108737102177, 5.618997431792077 52.35862617143096287, 5.6190316806154339 52.3596683679667052, 5.61827204273981984 52.35895099704293898, 5.61781128422540021 52.35930333301740092, 5.61570996213544316 52.35861354714854343, 5.61599098740422686 52.35767702940529489, 5.61489514478091678 52.35726062148592774, 5.61437121786349191 52.35815575718062576, 5.61501279651945318 52.35829720233916618, 5.61439216196675961 52.35845296449173958, 5.61885817366354257 52.36037451818123856, 5.61885817366354257 52.36037451818123856)))</t>
  </si>
  <si>
    <t>MultiPolygon (((5.62589941411569416 52.35390372443456641, 5.62731757218305173 52.35293599955243593, 5.62556362003205823 52.35190901523237272, 5.62427815460084535 52.35077346647917551, 5.62417096589984933 52.35087048986062541, 5.62481526524934505 52.3514375740750495, 5.61978219573205884 52.35510907036373851, 5.62266457183822421 52.3554266322482178, 5.62589941411569416 52.35390372443456641, 5.62589941411569416 52.35390372443456641)))</t>
  </si>
  <si>
    <t>MultiPolygon (((5.62602846862055284 52.35768023479591449, 5.62700469468742437 52.3569738793212025, 5.63037176988321519 52.35470889615696422, 5.62731757218305173 52.35293599955243593, 5.62589941411569416 52.35390372443456641, 5.62681774857009032 52.35330262851343974, 5.62744236277807719 52.35365504158977501, 5.6237733341359073 52.35606466641432633, 5.62602846862055284 52.35768023479591449, 5.62602846862055284 52.35768023479591449)))</t>
  </si>
  <si>
    <t>MultiPolygon (((5.61403394052298133 52.36225042645234851, 5.61531868795675493 52.36261406929982343, 5.62602846862055284 52.35768023479591449, 5.6237733341359073 52.35606466641432633, 5.62072562289876121 52.35550501510591204, 5.61613774528567866 52.35683598928807925, 5.6160322563077667 52.35729104355149843, 5.61897939916927136 52.35835997188156909, 5.62297336237356671 52.35745852624542351, 5.62325091335281879 52.35784792756621897, 5.61928737853362126 52.35954717170696426, 5.61910976998828282 52.36017108737102177, 5.61912256688177703 52.36021181752670373, 5.61885817366354257 52.36037451818123856, 5.61757222200041539 52.36104396791498772, 5.61675424329323736 52.36064457509647241, 5.61403394052298133 52.36225042645234851, 5.61403394052298133 52.36225042645234851)))</t>
  </si>
  <si>
    <t>MultiPolygon (((5.61476404584190814 52.35083332801259104, 5.61987597715130249 52.34996430443420223, 5.62053672961783857 52.34870500904825974, 5.62179209906297928 52.34858116586033105, 5.62160261423212226 52.34793160676994006, 5.61769786043744634 52.34683440744075966, 5.617051009441969 52.34606250300427632, 5.61227195417181068 52.34743375768424301, 5.61219640346643356 52.34925497289262353, 5.61476404584190814 52.35083332801259104, 5.61476404584190814 52.35083332801259104)))</t>
  </si>
  <si>
    <t>MultiPolygon (((5.61933118210490701 52.35486078718695779, 5.62226852119353726 52.35224984632129264, 5.62373463088506043 52.35193831885909788, 5.62417096589984933 52.35087048986062541, 5.62427815460084535 52.35077346647917551, 5.62180132012930844 52.34861278225778847, 5.62179209906297928 52.34858116586033105, 5.62053672961783857 52.34870500904825974, 5.61987597715130249 52.34996430443420223, 5.61476404584190814 52.35083332801259104, 5.6118195315583792 52.35170602199636392, 5.61555260372521747 52.35356168115954745, 5.61428344573323557 52.35680129621707835, 5.61933118210490701 52.35486078718695779, 5.61933118210490701 52.35486078718695779)))</t>
  </si>
  <si>
    <t>MultiPolygon (((5.73452947662118984 52.3054304742720646, 5.72571511772205444 52.30375736449813218, 5.72315357899703159 52.3039228026565155, 5.72150736936293303 52.30532422303203788, 5.71927154695190509 52.30534288453482361, 5.71326806900892592 52.30265176105355351, 5.7058517602559311 52.30111177356281615, 5.70438602735436895 52.29827109225559667, 5.70905379155397341 52.29444934584509497, 5.70936940125111914 52.29106908563457523, 5.71142489143759402 52.2897549011718894, 5.71962679483727587 52.28874345335989915, 5.72615769339803027 52.28988684969147016, 5.73176176042943375 52.28431450305732398, 5.73079196729714813 52.27850503415631778, 5.7359900672834474 52.27781824443944458, 5.74060487180228218 52.27309941062063103, 5.74064256060315703 52.27121719389798926, 5.73938543875835006 52.27120128788443765, 5.73874061270960389 52.26747157905863617, 5.73667883454496152 52.26626771201512867, 5.7431027941021533 52.26009916882603079, 5.74639181283478528 52.25455101610112507, 5.74791531556356539 52.24974573670545652, 5.74500081375570826 52.24713661053048241, 5.74691827989304826 52.24541681956032591, 5.72638886619137732 52.242503060872167, 5.71849990719999557 52.2414537944096864, 5.71538765339991972 52.24017770064121891, 5.71471875964356535 52.24326618408186107, 5.71106877896875442 52.24853133391576421, 5.7068727801379282 52.24964574630348579, 5.70241372810351344 52.24883169544960282, 5.70227759511299315 52.24573125394875461, 5.70973630564653956 52.24128291228263521, 5.71101176682907052 52.23962460946250275, 5.70671611296730763 52.23939998594600098, 5.69372557105446564 52.23971725944586808, 5.68984786976192503 52.24044277670606107, 5.68364209537786724 52.24061686251764769, 5.68142410576550283 52.24174874962838544, 5.67715897037522588 52.2496918563996644, 5.67551011681530326 52.25121166391991068, 5.66817629977653947 52.25544513386049772, 5.66179805061485908 52.2577861753984223, 5.65709811201007184 52.26205217016958215, 5.65427991118973239 52.26319994712789452, 5.64897544290663056 52.26688070640258843, 5.66346824990562148 52.27524721416476439, 5.68954205409698943 52.28479494140015049, 5.68429185166435857 52.28774641821424751, 5.67809267082126556 52.30150105632751689, 5.68644710913127405 52.31314286041565254, 5.70617127797245072 52.32838184481975219, 5.74804249007242429 52.31782615159458061, 5.75074782313328647 52.31707376034140822, 5.74818131283746592 52.30683034385251062, 5.74028516119686394 52.30553278825847485, 5.73452947662118984 52.3054304742720646, 5.73452947662118984 52.3054304742720646),(5.69711144517031975 52.26965168875351964, 5.70229778040317914 52.26305074528851691, 5.70466523818197846 52.26413473927753017, 5.70623066266300416 52.2640530002121011, 5.71040199540883542 52.25532543723845436, 5.71417115634223816 52.26021061914724442, 5.71867001011741038 52.26934402405935742, 5.71951693164872399 52.27485032682766786, 5.71807169217195543 52.2771319466864739, 5.71193076687399159 52.27834717333744408, 5.70988457430068319 52.27988969153427234, 5.70748035936541775 52.28012991759647576, 5.70021024287929734 52.27820691832594235, 5.70037781060045567 52.27329661250335846, 5.69953924673564405 52.27157036802950785, 5.69711144517031975 52.26965168875351964, 5.69711144517031975 52.26965168875351964)))</t>
  </si>
  <si>
    <t>MultiPolygon (((5.74691827989304826 52.24541681956032591, 5.74500081375570826 52.24713661053048241, 5.74791531556356539 52.24974573670545652, 5.74639181283478528 52.25455101610112507, 5.7431027941021533 52.26009916882603079, 5.73667883454496152 52.26626771201512867, 5.73874061270960389 52.26747157905863617, 5.73938543875835006 52.27120128788443765, 5.74064256060315703 52.27121719389798926, 5.74650349337479138 52.27167270858240755, 5.74922731724342473 52.26827292484426835, 5.76144867515871884 52.24830382840411858, 5.74691827989304826 52.24541681956032591)))</t>
  </si>
  <si>
    <t>MultiPolygon (((5.74818131283746592 52.30683034385251062, 5.74383722958613774 52.29804727865463576, 5.74429464605565787 52.29195940197455883, 5.73657771288626428 52.29199221937545872, 5.73024841986471589 52.29312777668722845, 5.72615769339803027 52.28988684969147016, 5.71962679483727587 52.28874345335989915, 5.71142489143759402 52.2897549011718894, 5.70936940125111914 52.29106908563457523, 5.70905379155397341 52.29444934584509497, 5.70438602735436895 52.29827109225559667, 5.7058517602559311 52.30111177356281615, 5.71326806900892592 52.30265176105355351, 5.71927154695190509 52.30534288453482361, 5.72150736936293303 52.30532422303203788, 5.72315357899703159 52.3039228026565155, 5.72571511772205444 52.30375736449813218, 5.73452947662118984 52.3054304742720646, 5.74028516119686394 52.30553278825847485, 5.74818131283746592 52.30683034385251062, 5.74818131283746592 52.30683034385251062)))</t>
  </si>
  <si>
    <t>MultiPolygon (((5.71161531014204193 52.2397063769012675, 5.71101176682907052 52.23962460946250275, 5.70973630564653956 52.24128291228263521, 5.70227759511299315 52.24573125394875461, 5.70241372810351344 52.24883169544960282, 5.7068727801379282 52.24964574630348579, 5.71106877896875442 52.24853133391576421, 5.71471875964356535 52.24326618408186107, 5.71538765339991972 52.24017770064121891, 5.71161531014204193 52.2397063769012675, 5.71161531014204193 52.2397063769012675)))</t>
  </si>
  <si>
    <t>MultiPolygon (((5.74650349337479138 52.27167270858240755, 5.74064256060315703 52.27121719389798926, 5.74060487180228218 52.27309941062063103, 5.7359900672834474 52.27781824443944458, 5.73079196729714813 52.27850503415631778, 5.73176176042943375 52.28431450305732398, 5.72615769339803027 52.28988684969147016, 5.73024841986471589 52.29312777668722845, 5.73657771288626428 52.29199221937545872, 5.74429464605565787 52.29195940197455883, 5.74468186817814352 52.28819499153140526, 5.74602232589605144 52.28693687996061357, 5.75464807580594329 52.28260224790878397, 5.75549186388165968 52.27787628554093402, 5.74787755638656339 52.27198961712489478, 5.74650349337479138 52.27167270858240755, 5.74650349337479138 52.27167270858240755)))</t>
  </si>
  <si>
    <t>MultiPolygon (((5.70988457430068319 52.27988969153427234, 5.71193076687399159 52.27834717333744408, 5.71807169217195543 52.2771319466864739, 5.71951693164872399 52.27485032682766786, 5.71867001011741038 52.26934402405935742, 5.71417115634223816 52.26021061914724442, 5.71040199540883542 52.25532543723845436, 5.70623066266300416 52.2640530002121011, 5.70466523818197846 52.26413473927753017, 5.70229778040317914 52.26305074528851691, 5.69711144517031975 52.26965168875351964, 5.69953924673564405 52.27157036802950785, 5.70037781060045567 52.27329661250335846, 5.70021024287929734 52.27820691832594235, 5.70748035936541775 52.28012991759647576, 5.70988457430068319 52.27988969153427234, 5.70988457430068319 52.27988969153427234)))</t>
  </si>
  <si>
    <t>MultiPolygon (((5.65058750319899517 52.31494298828231848, 5.67079609726805334 52.30391690409292949, 5.67809267082126556 52.30150105632751689, 5.68429185166435857 52.28774641821424751, 5.68954205409698943 52.28479494140015049, 5.66346824990562148 52.27524721416476439, 5.64897544290663056 52.26688070640258843, 5.64428822942072284 52.26922685505451938, 5.64334189998756042 52.26920290066931329, 5.64202113879225475 52.2707137458562201, 5.63921080566696098 52.27186125999141808, 5.62089919074503541 52.27562726826526074, 5.61901474681797364 52.27551662626630247, 5.62573564709921214 52.28769126315570759, 5.63530123701794139 52.28866021364946448, 5.643448267494521 52.29089866573427514, 5.64788645200772166 52.292343367439166, 5.64814546103506476 52.29378251994953075, 5.64378838147397754 52.29472772275570946, 5.64176896352058943 52.29702094532597556, 5.64306506855718748 52.29991343611866483, 5.64157451065194149 52.30126846651169359, 5.64028016502155349 52.30129371524120785, 5.63904298467674447 52.30517905544573409, 5.63478904359760691 52.3100835413564127, 5.63111002204516087 52.30986200556986176, 5.62965599883650203 52.3121192272499016, 5.64126563909719891 52.31310511156310383, 5.64479657904283005 52.31029948209668845, 5.64624059313405535 52.31047439475700855, 5.65058750319899517 52.31494298828231848, 5.65058750319899517 52.31494298828231848)))</t>
  </si>
  <si>
    <t>MultiPolygon (((5.59343644605588963 52.31928765623465694, 5.59039153662073129 52.31540636508918141, 5.59091882681629215 52.31206737152852071, 5.5876416848504018 52.31081638485254359, 5.58643122180849083 52.31035388049854618, 5.58418134802428057 52.31388251399172873, 5.58630926730115807 52.31452802771819677, 5.58622478082034135 52.3173025569183423, 5.56449730570512902 52.31290987704473849, 5.56402817139901629 52.31075634409086916, 5.57884090380223086 52.31299449282298752, 5.58112399520674707 52.30890670244968987, 5.57480548385920649 52.30677698989484981, 5.56331995528657863 52.30596330841824226, 5.56380137884377479 52.30235852074335412, 5.5661592866078804 52.2852230231698627, 5.55527371729489783 52.28670048657885872, 5.55291414266343963 52.2879175602427253, 5.55379939556964608 52.28836358902220383, 5.55200663409264727 52.29035557366248099, 5.55133977979686843 52.29009685600669144, 5.54807870041046325 52.29181108160455693, 5.55435346798017715 52.30345271295758636, 5.56013565953572542 52.31183887082151074, 5.55952996304385572 52.31712710630592511, 5.56111724486960668 52.31810260050681194, 5.56022725097706605 52.31624310693231905, 5.56192300043290988 52.31530045490487879, 5.56321610773004327 52.31553288043750172, 5.56430171188713985 52.31662197458401664, 5.56171744766478771 52.31783247523283364, 5.56390402067382173 52.31916577047665129, 5.5668362402449505 52.31916440220486209, 5.57128321305768992 52.32362439914188457, 5.57575357010019612 52.32659785890445647, 5.57729640352268774 52.32570357877546741, 5.57828857155154978 52.32511314612998632, 5.58151775408433881 52.32257781032287625, 5.58742570744777378 52.32162998528132647, 5.5876695502022411 52.32101266661563699, 5.59343644605588963 52.31928765623465694)))</t>
  </si>
  <si>
    <t>MultiPolygon (((5.59864629686976034 52.30516640666490247, 5.60389382827591653 52.30186739586904565, 5.60375740107406095 52.30066694446573194, 5.60178681163594394 52.301824618704714, 5.59812403525586166 52.30233621183585058, 5.59620152349938849 52.29881307215526931, 5.59739286481863552 52.29716789065968641, 5.5974417600714883 52.29448131682504197, 5.59501533742504886 52.28371296537741841, 5.59688078225408958 52.28185454245716102, 5.5934519442157038 52.2782599440573037, 5.58753589282618268 52.27881238611811199, 5.57738955591999641 52.28233804177092026, 5.5661592866078804 52.2852230231698627, 5.56380137884377479 52.30235852074335412, 5.57081247353711007 52.30278626334337133, 5.57876131006814457 52.30198553159903696, 5.59090319859635176 52.30611585625893412, 5.5931053922567715 52.30638616395619778, 5.59864629686976034 52.30516640666490247, 5.59864629686976034 52.30516640666490247)))</t>
  </si>
  <si>
    <t>MultiPolygon (((5.6292370764261257 52.29310908698687399, 5.6374235529763741 52.29135156422313457, 5.64110357669339457 52.29229525755419417, 5.643448267494521 52.29089866573427514, 5.63530123701794139 52.28866021364946448, 5.62573564709921214 52.28769126315570759, 5.61901474681797364 52.27551662626630247, 5.61816845657886432 52.2750198075750987, 5.61222322629122861 52.27532218294040689, 5.6110490711173151 52.27568966801575812, 5.61152290802855624 52.27639767873682075, 5.6106543398342259 52.27726299522660725, 5.60289135260154136 52.2784070902803677, 5.59787992455810457 52.27865892266830627, 5.5934519442157038 52.2782599440573037, 5.59688078225408958 52.28185454245716102, 5.60530624498468732 52.29066159661298485, 5.61330872743234544 52.28740394118948842, 5.61815126817657617 52.28715555512214763, 5.61944192242953999 52.29281139103555631, 5.62241332466608057 52.29307072417921631, 5.62827989089116087 52.29201913267907287, 5.6292370764261257 52.29310908698687399, 5.6292370764261257 52.29310908698687399)))</t>
  </si>
  <si>
    <t>MultiPolygon (((5.5876416848504018 52.31081638485254359, 5.59090319859635176 52.30611585625893412, 5.57876131006814457 52.30198553159903696, 5.57081247353711007 52.30278626334337133, 5.56380137884377479 52.30235852074335412, 5.56331995528657863 52.30596330841824226, 5.57480548385920649 52.30677698989484981, 5.58112399520674707 52.30890670244968987, 5.57884090380223086 52.31299449282298752, 5.56402817139901629 52.31075634409086916, 5.56449730570512902 52.31290987704473849, 5.58622478082034135 52.3173025569183423, 5.58630926730115807 52.31452802771819677, 5.58418134802428057 52.31388251399172873, 5.58643122180849083 52.31035388049854618, 5.5876416848504018 52.31081638485254359, 5.5876416848504018 52.31081638485254359)))</t>
  </si>
  <si>
    <t>MultiPolygon (((5.62311124102796356 52.32753204559575266, 5.62345348864806294 52.32666732802873355, 5.62878402745419759 52.32681558152959411, 5.63017685127730871 52.32623042381285217, 5.63026383123824736 52.32685050281155981, 5.64070363009453324 52.32074880036419984, 5.65058750319899517 52.31494298828231848, 5.64624059313405535 52.31047439475700855, 5.64479657904283005 52.31029948209668845, 5.64126563909719891 52.31310511156310383, 5.62965599883650203 52.3121192272499016, 5.62769311925741 52.31196230157227944, 5.62561996376642171 52.31609915984707015, 5.6150091508264337 52.3155069612108079, 5.61240242095643094 52.31564958154520895, 5.60731000202201901 52.3181729211822244, 5.60869131343843552 52.31905381582402725, 5.62311124102796356 52.32753204559575266, 5.62311124102796356 52.32753204559575266)))</t>
  </si>
  <si>
    <t>MultiPolygon (((5.60731000202201901 52.3181729211822244, 5.61240242095643094 52.31564958154520895, 5.6150091508264337 52.3155069612108079, 5.61681255056244755 52.30718282224258786, 5.61535909502688746 52.30227385160140585, 5.6135466737616575 52.30017056115949003, 5.60375740107406095 52.30066694446573194, 5.60389382827591653 52.30186739586904565, 5.59864629686976034 52.30516640666490247, 5.5931053922567715 52.30638616395619778, 5.59090319859635176 52.30611585625893412, 5.5876416848504018 52.31081638485254359, 5.59091882681629215 52.31206737152852071, 5.59039153662073129 52.31540636508918141, 5.59343644605588963 52.31928765623465694, 5.59756133707463643 52.31930608503662938, 5.60200981041392598 52.31800145624090703, 5.60194461723643222 52.3197468845762117, 5.60869131343843552 52.31905381582402725, 5.60731000202201901 52.3181729211822244, 5.60731000202201901 52.3181729211822244)))</t>
  </si>
  <si>
    <t>MultiPolygon (((5.60375740107406095 52.30066694446573194, 5.6135466737616575 52.30017056115949003, 5.60530624498468732 52.29066159661298485, 5.59688078225408958 52.28185454245716102, 5.59501533742504886 52.28371296537741841, 5.5974417600714883 52.29448131682504197, 5.59739286481863552 52.29716789065968641, 5.59620152349938849 52.29881307215526931, 5.59812403525586166 52.30233621183585058, 5.60178681163594394 52.301824618704714, 5.60375740107406095 52.30066694446573194, 5.60375740107406095 52.30066694446573194)))</t>
  </si>
  <si>
    <t>MultiPolygon (((5.62769311925741 52.31196230157227944, 5.62965599883650203 52.3121192272499016, 5.63111002204516087 52.30986200556986176, 5.63478904359760691 52.3100835413564127, 5.63904298467674447 52.30517905544573409, 5.64028016502155349 52.30129371524120785, 5.64157451065194149 52.30126846651169359, 5.64306506855718748 52.29991343611866483, 5.64176896352058943 52.29702094532597556, 5.64378838147397754 52.29472772275570946, 5.64814546103506476 52.29378251994953075, 5.64788645200772166 52.292343367439166, 5.643448267494521 52.29089866573427514, 5.64110357669339457 52.29229525755419417, 5.6374235529763741 52.29135156422313457, 5.6292370764261257 52.29310908698687399, 5.63169461642172919 52.29866943224680398, 5.63206763929483945 52.30182983032881339, 5.62769311925741 52.31196230157227944, 5.62769311925741 52.31196230157227944)))</t>
  </si>
  <si>
    <t>MultiPolygon (((5.6150091508264337 52.3155069612108079, 5.62561996376642171 52.31609915984707015, 5.62769311925741 52.31196230157227944, 5.63206763929483945 52.30182983032881339, 5.63169461642172919 52.29866943224680398, 5.6292370764261257 52.29310908698687399, 5.62827989089116087 52.29201913267907287, 5.62241332466608057 52.29307072417921631, 5.61944192242953999 52.29281139103555631, 5.61815126817657617 52.28715555512214763, 5.61330872743234544 52.28740394118948842, 5.60530624498468732 52.29066159661298485, 5.6135466737616575 52.30017056115949003, 5.61535909502688746 52.30227385160140585, 5.61681255056244755 52.30718282224258786, 5.6150091508264337 52.3155069612108079, 5.6150091508264337 52.3155069612108079)))</t>
  </si>
  <si>
    <t>MultiPolygon (((6.09477851148728611 52.35693105967784078, 6.08724050366093206 52.3538899990471549, 6.0780098838915011 52.35242643141632612, 6.07809892543015629 52.35175579261976964, 6.0760701191081381 52.35057029394330641, 6.07613120926313233 52.34566932632804992, 6.07532997135942576 52.34455553645618409, 6.07676414453340463 52.33865076005204031, 6.075579567098635 52.33474176243088749, 6.07405347534285767 52.33452364564816151, 6.07563241418718825 52.33330016158960518, 6.07435560743257597 52.33255580194326484, 6.07368063105662781 52.33056923949849448, 6.05294802223277273 52.33090728595720975, 6.05276408920339737 52.3259524251441519, 6.05111507714304597 52.32369809214976897, 6.04646743989924129 52.32435372372578541, 6.03424045940022236 52.3287247209894204, 6.03264776076205056 52.33121974467645288, 6.03343024458138188 52.33299092924843876, 6.02856042818329918 52.33638488293545521, 6.02464417434357102 52.33754178116725342, 6.02559146583318661 52.34691919941146665, 6.03381117129997691 52.35312767208382922, 6.04172606872546414 52.35790005122431268, 6.04178393094874178 52.35651243885211414, 6.04542080182907071 52.35713508924395398, 6.04770925841255913 52.35796393932398018, 6.05232660243251885 52.3609768006412537, 6.0687577114425757 52.36165159583373452, 6.07485828003463091 52.36192278526020516, 6.07430669011058288 52.36303474173656269, 6.07784492765278905 52.36429706027241338, 6.08088202347078965 52.36203611046769879, 6.08848734394678637 52.36114566129880643, 6.09071286004698997 52.36044415723848999, 6.09352205990547624 52.35867170848393215, 6.09477851148728611 52.35693105967784078, 6.09477851148728611 52.35693105967784078),(6.04532699662335915 52.34058989493271241, 6.04829361681192346 52.34036181249837938, 6.05173989955897884 52.34204439034235889, 6.05244596347008379 52.34404009002351188, 6.05157257630385992 52.34642186987343848, 6.04820282203470683 52.34592469187425223, 6.04501353235152994 52.34706233278068765, 6.04175932232812052 52.34690553517091161, 6.04230136609213275 52.34209190251967669, 6.04532699662335915 52.34058989493271241, 6.04532699662335915 52.34058989493271241)))</t>
  </si>
  <si>
    <t>MultiPolygon (((6.04501353235152994 52.34706233278068765, 6.04820282203470683 52.34592469187425223, 6.05157257630385992 52.34642186987343848, 6.05244596347008379 52.34404009002351188, 6.05173989955897884 52.34204439034235889, 6.04829361681192346 52.34036181249837938, 6.04532699662335915 52.34058989493271241, 6.04230136609213275 52.34209190251967669, 6.04175932232812052 52.34690553517091161, 6.04501353235152994 52.34706233278068765, 6.04501353235152994 52.34706233278068765)))</t>
  </si>
  <si>
    <t>MultiPolygon (((5.90855730470353002 52.30045824510808217, 5.91398602562841536 52.29956098578921342, 5.924211058622741 52.30191197052398877, 5.97122246761976605 52.3038862322429523, 5.97807169477231692 52.30389370809325555, 5.97885342538826414 52.30275054613195351, 5.99573175650087631 52.30353887761967258, 5.99524715496956961 52.30227585602212059, 5.99221290430074038 52.30172514265781558, 5.99141140767338687 52.30299466770355821, 5.98440004516478208 52.30203582421174957, 5.98335206712938028 52.30051762005126648, 5.98383262400742488 52.29955545785191617, 5.99145002714105956 52.29503154889485472, 5.99704283406548555 52.29762223522271114, 5.99727673230905101 52.30212959080092361, 6.00001394335932758 52.30164071683007876, 6.00151316560844261 52.30348922622336261, 6.01367395523188897 52.30212745554287324, 6.01579371327680601 52.30139730256267683, 6.01568268554461838 52.29912668770186457, 6.03708040571358939 52.29889321340871788, 6.03476265835713654 52.29479595245863521, 6.03484316250829433 52.29246560009247702, 6.04334844477098887 52.27872655900947763, 6.04345246172335759 52.27560497702506126, 6.04126389396899466 52.27165795316613384, 6.04293328335787994 52.27004631912218002, 6.0430962225917515 52.268891795732209, 6.04067348647761282 52.26822726563167976, 6.03639465610883885 52.26853038275707775, 6.03435201418751976 52.26910675486595892, 6.03031250495645121 52.26923251694326211, 6.03104481470520692 52.27092474183552895, 6.02853087958781408 52.27098570999411464, 6.03125578976094978 52.27523553308430593, 6.02886342815477949 52.27681295248154214, 6.00916300603216058 52.27633819631728329, 5.9933702638404478 52.27393125854188582, 5.98936440026981387 52.27403484213726159, 5.9924224115769773 52.28490036027162091, 5.9914046709626696 52.28554178842944111, 5.98574379777115961 52.28566941033258786, 5.98535734266092057 52.28459382204594164, 5.98216975658800543 52.28382551075194584, 5.98113786073139408 52.28070473470630475, 5.97388979460105141 52.27320906304479564, 5.95960409789658208 52.27246131396941564, 5.93621128636916673 52.2744192947148747, 5.92290399496308773 52.27198792777931402, 5.87959253294786421 52.26499126677916252, 5.86738795830804083 52.25987161980493312, 5.86089227248608502 52.25580732126658035, 5.85452074456800098 52.26010225981249135, 5.85081115248713957 52.26869537043046421, 5.84816992876308994 52.27511411849661016, 5.84878034966258653 52.27682968373993333, 5.85150057197404561 52.27854374996910281, 5.85215497292517828 52.28009014365879636, 5.84569590945813644 52.28732112953164801, 5.84428192234992228 52.29489844254757713, 5.84118446677540248 52.29953057982184816, 5.85507484120001465 52.30354286589967927, 5.86248852398184717 52.3063327921746648, 5.86828329109537883 52.30664983496192377, 5.877143314616041 52.30940366704522404, 5.89383328913538751 52.30927967413606439, 5.90855730470353002 52.30045824510808217, 5.90855730470353002 52.30045824510808217),(5.96213209638924457 52.28958303336802516, 5.95873745741286687 52.28892174870079401, 5.95446655284394399 52.28936470475192522, 5.95325585862044537 52.2880393298377939, 5.95553062323450799 52.2881810352857741, 5.95583278647301739 52.28662001810360493, 5.95160594491669048 52.28618045176535389, 5.94573698685343732 52.28532639972684137, 5.94572002352645512 52.28198701433708351, 5.95033029571842231 52.28180043820767509, 5.9499595075604903 52.2810503927740271, 5.94759760358656564 52.28083248939739036, 5.9476722460473388 52.27949552476872697, 5.95316173472887922 52.27891865923570691, 5.95423354995388543 52.28163857618401522, 5.95921235614164768 52.28072820461122916, 5.9586803913337949 52.27822928535015023, 5.96056102033209712 52.27601083929469894, 5.96222940300233262 52.27585182383261042, 5.96220008605119478 52.2772057913733974, 5.96500528125696405 52.27672987507352786, 5.96498199036557963 52.27868418054541166, 5.97102414873781395 52.27946857077964893, 5.97321576797549891 52.28138746616867394, 5.9726161760665093 52.28278879801163725, 5.97521761642985361 52.28239562884251512, 5.98075198279414089 52.28458151505991225, 5.98547414987865345 52.28862339101274159, 5.98476907035375838 52.28966754432484265, 5.98036750923609883 52.29169241598774676, 5.97537344545438209 52.29147230300889504, 5.9780155862347808 52.2972379096439326, 5.97940328623703543 52.29808193954765727, 5.97770573976374653 52.29931908815263597, 5.97345359143400145 52.297765737247218, 5.96658417247898676 52.29323700251155316, 5.96673139642801686 52.29269838153206251, 5.96236307242304342 52.29267641810616141, 5.96213209638924457 52.28958303336802516, 5.96213209638924457 52.28958303336802516)))</t>
  </si>
  <si>
    <t>MultiPolygon (((5.99573175650087631 52.30353887761967258, 5.99833696390193971 52.30362606553198646, 6.00151316560844261 52.30348922622336261, 6.00001394335932758 52.30164071683007876, 5.99727673230905101 52.30212959080092361, 5.99704283406548555 52.29762223522271114, 5.99145002714105956 52.29503154889485472, 5.98383262400742488 52.29955545785191617, 5.98335206712938028 52.30051762005126648, 5.98440004516478208 52.30203582421174957, 5.99141140767338687 52.30299466770355821, 5.99221290430074038 52.30172514265781558, 5.99524715496956961 52.30227585602212059, 5.99573175650087631 52.30353887761967258, 5.99573175650087631 52.30353887761967258)))</t>
  </si>
  <si>
    <t>MultiPolygon (((5.96872814187416889 52.28580041685220436, 5.97024695802361016 52.28600957758487056, 5.97192266641633385 52.28738393634714043, 5.9739244424061404 52.28726044316516663, 5.9726161760665093 52.28278879801163725, 5.97321576797549891 52.28138746616867394, 5.97102414873781395 52.27946857077964893, 5.96498199036557963 52.27868418054541166, 5.96500528125696405 52.27672987507352786, 5.96220008605119478 52.2772057913733974, 5.9646373425335879 52.28176274666184042, 5.96654924287109356 52.28347070134372387, 5.96872814187416889 52.28580041685220436, 5.96872814187416889 52.28580041685220436)))</t>
  </si>
  <si>
    <t>MultiPolygon (((5.95921235614164768 52.28072820461122916, 5.9646373425335879 52.28176274666184042, 5.96220008605119478 52.2772057913733974, 5.96222940300233262 52.27585182383261042, 5.96056102033209712 52.27601083929469894, 5.9586803913337949 52.27822928535015023, 5.95921235614164768 52.28072820461122916, 5.95921235614164768 52.28072820461122916)))</t>
  </si>
  <si>
    <t>MultiPolygon (((5.95194825973988539 52.28322067982535515, 5.96654924287109356 52.28347070134372387, 5.9646373425335879 52.28176274666184042, 5.95921235614164768 52.28072820461122916, 5.95423354995388543 52.28163857618401522, 5.95211471728293251 52.28172803446194195, 5.95194825973988539 52.28322067982535515, 5.95194825973988539 52.28322067982535515)))</t>
  </si>
  <si>
    <t>MultiPolygon (((5.95033029571842231 52.28180043820767509, 5.95211471728293251 52.28172803446194195, 5.95423354995388543 52.28163857618401522, 5.95316173472887922 52.27891865923570691, 5.9476722460473388 52.27949552476872697, 5.94759760358656564 52.28083248939739036, 5.9499595075604903 52.2810503927740271, 5.95033029571842231 52.28180043820767509, 5.95033029571842231 52.28180043820767509)))</t>
  </si>
  <si>
    <t>MultiPolygon (((5.95160594491669048 52.28618045176535389, 5.95194825973988539 52.28322067982535515, 5.95211471728293251 52.28172803446194195, 5.95033029571842231 52.28180043820767509, 5.94572002352645512 52.28198701433708351, 5.94573698685343732 52.28532639972684137, 5.95160594491669048 52.28618045176535389, 5.95160594491669048 52.28618045176535389)))</t>
  </si>
  <si>
    <t>MultiPolygon (((5.97472549843464851 52.29011071126937082, 5.97537344545438209 52.29147230300889504, 5.98036750923609883 52.29169241598774676, 5.98476907035375838 52.28966754432484265, 5.98547414987865345 52.28862339101274159, 5.98075198279414089 52.28458151505991225, 5.97521761642985361 52.28239562884251512, 5.9726161760665093 52.28278879801163725, 5.9739244424061404 52.28726044316516663, 5.97472549843464851 52.29011071126937082, 5.97472549843464851 52.29011071126937082)))</t>
  </si>
  <si>
    <t>MultiPolygon (((5.95583278647301739 52.28662001810360493, 5.9619072954599055 52.28658380976108333, 5.96436388513177107 52.28717825143484532, 5.96872814187416889 52.28580041685220436, 5.96654924287109356 52.28347070134372387, 5.95194825973988539 52.28322067982535515, 5.95160594491669048 52.28618045176535389, 5.95583278647301739 52.28662001810360493, 5.95583278647301739 52.28662001810360493)))</t>
  </si>
  <si>
    <t>MultiPolygon (((5.96213209638924457 52.28958303336802516, 5.96436388513177107 52.28717825143484532, 5.9619072954599055 52.28658380976108333, 5.95583278647301739 52.28662001810360493, 5.95553062323450799 52.2881810352857741, 5.95325585862044537 52.2880393298377939, 5.95446655284394399 52.28936470475192522, 5.95873745741286687 52.28892174870079401, 5.96213209638924457 52.28958303336802516, 5.96213209638924457 52.28958303336802516)))</t>
  </si>
  <si>
    <t>MultiPolygon (((5.96673139642801686 52.29269838153206251, 5.96658417247898676 52.29323700251155316, 5.97345359143400145 52.297765737247218, 5.97770573976374653 52.29931908815263597, 5.97940328623703543 52.29808193954765727, 5.9780155862347808 52.2972379096439326, 5.97537344545438209 52.29147230300889504, 5.97472549843464851 52.29011071126937082, 5.9687190785772648 52.29022308165333754, 5.96916171403566409 52.29240549676622862, 5.96673139642801686 52.29269838153206251, 5.96673139642801686 52.29269838153206251)))</t>
  </si>
  <si>
    <t>MultiPolygon (((5.96673139642801686 52.29269838153206251, 5.96916171403566409 52.29240549676622862, 5.9687190785772648 52.29022308165333754, 5.97472549843464851 52.29011071126937082, 5.9739244424061404 52.28726044316516663, 5.97192266641633385 52.28738393634714043, 5.97024695802361016 52.28600957758487056, 5.96872814187416889 52.28580041685220436, 5.96436388513177107 52.28717825143484532, 5.96213209638924457 52.28958303336802516, 5.96236307242304342 52.29267641810616141, 5.96673139642801686 52.29269838153206251, 5.96673139642801686 52.29269838153206251)))</t>
  </si>
  <si>
    <t>MultiPolygon (((5.92129688104749352 52.33284452186357782, 5.9213355331261317 52.33156642503881528, 5.92812414646460351 52.33274836403767694, 5.93815353541670454 52.33297966914638266, 5.94496859360930241 52.33252098895264481, 5.95101774932205974 52.33121399114445893, 5.95463141167975873 52.33285110511523897, 5.96354486553566421 52.3336550492988053, 5.9657616780662801 52.33364749629750889, 5.96488049612792004 52.33265187159611287, 5.96697276583024294 52.33208898838532264, 5.97237414217872864 52.3336904051161369, 5.97280048223373949 52.33265942982368557, 5.98192783153657803 52.33252316559846662, 5.98307839272478326 52.33123893316652442, 5.9870772092182083 52.33128022877210128, 6.00437947935641514 52.32820792361138729, 6.00666634583383985 52.32756534067204512, 6.00642418769074204 52.32657955977343534, 6.01292409164465891 52.32660837530068676, 6.02367114530054959 52.32352206342483925, 6.02730672729061556 52.32051204734693073, 6.02861485946278997 52.32161437890371047, 6.04652618657490315 52.31564997537457629, 6.03708040571358939 52.29889321340871788, 6.01568268554461838 52.29912668770186457, 6.01579371327680601 52.30139730256267683, 6.01367395523188897 52.30212745554287324, 6.00151316560844261 52.30348922622336261, 5.99833696390193971 52.30362606553198646, 5.99573175650087631 52.30353887761967258, 5.97885342538826414 52.30275054613195351, 5.97807169477231692 52.30389370809325555, 5.97122246761976605 52.3038862322429523, 5.924211058622741 52.30191197052398877, 5.91398602562841536 52.29956098578921342, 5.90855730470353002 52.30045824510808217, 5.89383328913538751 52.30927967413606439, 5.877143314616041 52.30940366704522404, 5.86828329109537883 52.30664983496192377, 5.86248852398184717 52.3063327921746648, 5.85507484120001465 52.30354286589967927, 5.84118446677540248 52.29953057982184816, 5.84083096141393376 52.30439701525993001, 5.85099263546506165 52.30878698390718284, 5.87042543281665807 52.32330927890021144, 5.87551735338322345 52.329268770162777, 5.87489075714451836 52.32966190226703418, 5.87621014751420478 52.33200628166329693, 5.88095132926300579 52.33518595085325842, 5.87426102913068959 52.34213037434898297, 5.90423450838709485 52.34101404389030421, 5.92129688104749352 52.33284452186357782, 5.92129688104749352 52.33284452186357782),(5.97286370236139597 52.31287384967227183, 5.97502987648457751 52.31240394394602333, 5.97634281806612577 52.31380035288868413, 5.98708884913984019 52.3121298603173841, 5.98713669021704487 52.31446081402210524, 5.97976293225533428 52.31574874656728014, 5.97826345947174875 52.31650083493433812, 5.9773531720272155 52.31802910491667546, 5.97833382057087714 52.32080547440936868, 5.9808392042519456 52.32033398343167363, 5.98095994948306942 52.32079714207491605, 5.9787575368400514 52.32376587152030112, 5.97255156198657922 52.32146754476147521, 5.97236865637067549 52.31999556446697852, 5.97371303277671384 52.3198707918674657, 5.97433737111338914 52.31874952637027576, 5.97366453164083655 52.3177308618350807, 5.97099144760376532 52.31719827606190165, 5.96899811139022596 52.31552075601127427, 5.97286370236139597 52.31287384967227183, 5.97286370236139597 52.31287384967227183)))</t>
  </si>
  <si>
    <t>MultiPolygon (((5.9787575368400514 52.32376587152030112, 5.98095994948306942 52.32079714207491605, 5.9808392042519456 52.32033398343167363, 5.97833382057087714 52.32080547440936868, 5.9773531720272155 52.31802910491667546, 5.97826345947174875 52.31650083493433812, 5.97976293225533428 52.31574874656728014, 5.98713669021704487 52.31446081402210524, 5.98708884913984019 52.3121298603173841, 5.97634281806612577 52.31380035288868413, 5.97502987648457751 52.31240394394602333, 5.97286370236139597 52.31287384967227183, 5.96899811139022596 52.31552075601127427, 5.97099144760376532 52.31719827606190165, 5.97366453164083655 52.3177308618350807, 5.97433737111338914 52.31874952637027576, 5.97371303277671384 52.3198707918674657, 5.97236865637067549 52.31999556446697852, 5.97255156198657922 52.32146754476147521, 5.9787575368400514 52.32376587152030112, 5.9787575368400514 52.32376587152030112)))</t>
  </si>
  <si>
    <t>MultiPolygon (((6.03386345189116824 52.36474645912916515, 6.03777902997206706 52.36207229830632315, 6.04268392456948167 52.36349518389302204, 6.04172606872546414 52.35790005122431268, 6.03381117129997691 52.35312767208382922, 6.02559146583318661 52.34691919941146665, 6.02464417434357102 52.33754178116725342, 6.02856042818329918 52.33638488293545521, 6.03343024458138188 52.33299092924843876, 6.03264776076205056 52.33121974467645288, 6.03424045940022236 52.3287247209894204, 6.04646743989924129 52.32435372372578541, 6.05111507714304597 52.32369809214976897, 6.04652618657490315 52.31564997537457629, 6.02861485946278997 52.32161437890371047, 6.02730672729061556 52.32051204734693073, 6.02367114530054959 52.32352206342483925, 6.01292409164465891 52.32660837530068676, 6.00642418769074204 52.32657955977343534, 6.00666634583383985 52.32756534067204512, 6.00437947935641514 52.32820792361138729, 5.9870772092182083 52.33128022877210128, 5.98307839272478326 52.33123893316652442, 5.98192783153657803 52.33252316559846662, 5.98054873405961462 52.33552900381319972, 5.98107323700296156 52.33769980132706934, 5.98108057736721044 52.3377231148679769, 5.99119507026828391 52.33649135705163502, 5.99380389141657766 52.34088079918496561, 6.0011409734760548 52.34269115660470106, 6.00377022499904545 52.34472143209606543, 6.00312649863336301 52.34642593215684059, 5.99573379805067042 52.35000125713133912, 5.99095733826356547 52.34955572334871476, 5.98864818779034547 52.35386047281280497, 5.98877085041998747 52.35399869285597418, 5.99152387254806662 52.35519053827363933, 5.99201549098436903 52.35446588198019668, 5.99482555535721584 52.35577776001213834, 5.99386391686124487 52.35655116229557393, 6.00049631770461467 52.36043968771346613, 6.00590806467745519 52.36224370342360146, 6.01747889186304441 52.36988077000344788, 6.03178339554383047 52.36722988306997451, 6.03466573553187136 52.3661119603200973, 6.03386345189116824 52.36474645912916515, 6.03386345189116824 52.36474645912916515)))</t>
  </si>
  <si>
    <t>MultiPolygon (((5.98054873405961462 52.33552900381319972, 5.98192783153657803 52.33252316559846662, 5.97280048223373949 52.33265942982368557, 5.97237414217872864 52.3336904051161369, 5.96697276583024294 52.33208898838532264, 5.96488049612792004 52.33265187159611287, 5.9657616780662801 52.33364749629750889, 5.96354486553566421 52.3336550492988053, 5.95463141167975873 52.33285110511523897, 5.95101774932205974 52.33121399114445893, 5.94496859360930241 52.33252098895264481, 5.93815353541670454 52.33297966914638266, 5.92812414646460351 52.33274836403767694, 5.9213355331261317 52.33156642503881528, 5.92129688104749352 52.33284452186357782, 5.90423450838709485 52.34101404389030421, 5.87426102913068959 52.34213037434898297, 5.86481427683233836 52.35132889728885175, 5.87500021598835787 52.35704438151843476, 5.92111006281455321 52.36054148933996544, 5.96499085146521502 52.34937447432366042, 5.96372142496976387 52.34817747964535783, 5.96933664442002065 52.34288438599855198, 5.97427138849623329 52.33911150539698554, 5.98107323700296156 52.33769980132706934, 5.98054873405961462 52.33552900381319972, 5.98054873405961462 52.33552900381319972)))</t>
  </si>
  <si>
    <t>MultiPolygon (((6.00368292124791481 52.37447824523668061, 6.01747889186304441 52.36988077000344788, 6.00590806467745519 52.36224370342360146, 6.00049631770461467 52.36043968771346613, 5.99386391686124487 52.35655116229557393, 5.98926313046075087 52.35850330542732678, 5.98776097295788912 52.36061632412516786, 5.98702000751683805 52.36326720519998901, 5.98887374822421936 52.36817200317867105, 5.98540061131303514 52.37306094512143062, 5.97989751228687094 52.37159458958993241, 5.98182265080185172 52.36890784942316657, 5.97811617158829822 52.36710089134896151, 5.97635421199812988 52.36756778479303875, 5.97444236475420354 52.36721798431546659, 5.96687619851708639 52.35965363530302596, 5.97000889092036324 52.3585717263425181, 5.96741094985307097 52.3526381705445587, 5.96858674827341495 52.35224592219928041, 5.96595660683452955 52.34941431461966488, 5.96499085146521502 52.34937447432366042, 5.92111006281455321 52.36054148933996544, 5.87500021598835787 52.35704438151843476, 5.87600935664896085 52.35787276777320187, 5.91169385124867208 52.38679336323126279, 5.92433861211734669 52.39139294080504072, 5.94242714480324796 52.39663600387073927, 5.95102434761435717 52.39843712018269173, 5.95711705390064772 52.39289700168127695, 5.99133347027227092 52.37859794104792144, 6.00368292124791481 52.37447824523668061, 6.00368292124791481 52.37447824523668061)))</t>
  </si>
  <si>
    <t>MultiPolygon (((5.96933664442002065 52.34288438599855198, 5.96947920043466862 52.34304923092425099, 5.97640337765730223 52.34060537619365761, 5.97699279076027334 52.34192057526530562, 5.98282180798231611 52.3417122102111847, 5.98108057736721044 52.3377231148679769, 5.98107323700296156 52.33769980132706934, 5.97427138849623329 52.33911150539698554, 5.96933664442002065 52.34288438599855198, 5.96933664442002065 52.34288438599855198)))</t>
  </si>
  <si>
    <t>MultiPolygon (((5.98301794248042196 52.34326706061405332, 5.98788425655881262 52.34266308215010355, 5.98964581982241917 52.3443571013392841, 5.99322782698485756 52.34320103262919588, 5.99380389141657766 52.34088079918496561, 5.99119507026828391 52.33649135705163502, 5.98108057736721044 52.3377231148679769, 5.98282180798231611 52.3417122102111847, 5.98301794248042196 52.34326706061405332, 5.98301794248042196 52.34326706061405332)))</t>
  </si>
  <si>
    <t>MultiPolygon (((5.98992320520501575 52.34764279772407036, 5.99095733826356547 52.34955572334871476, 5.99573379805067042 52.35000125713133912, 6.00312649863336301 52.34642593215684059, 6.00377022499904545 52.34472143209606543, 6.0011409734760548 52.34269115660470106, 5.99380389141657766 52.34088079918496561, 5.99322782698485756 52.34320103262919588, 5.98964581982241917 52.3443571013392841, 5.98992320520501575 52.34764279772407036, 5.98992320520501575 52.34764279772407036)))</t>
  </si>
  <si>
    <t>MultiPolygon (((5.98330954347943145 52.3447676100698871, 5.98992320520501575 52.34764279772407036, 5.98964581982241917 52.3443571013392841, 5.98788425655881262 52.34266308215010355, 5.98301794248042196 52.34326706061405332, 5.98330954347943145 52.3447676100698871, 5.98330954347943145 52.3447676100698871)))</t>
  </si>
  <si>
    <t>MultiPolygon (((5.97593935301186452 52.34697271899297988, 5.97719840130764002 52.34682859947115929, 5.97885866169353353 52.34508404830955897, 5.98330954347943145 52.3447676100698871, 5.98301794248042196 52.34326706061405332, 5.98282180798231611 52.3417122102111847, 5.97699279076027334 52.34192057526530562, 5.97640337765730223 52.34060537619365761, 5.96947920043466862 52.34304923092425099, 5.97593935301186452 52.34697271899297988, 5.97593935301186452 52.34697271899297988)))</t>
  </si>
  <si>
    <t>MultiPolygon (((5.96499085146521502 52.34937447432366042, 5.96595660683452955 52.34941431461966488, 5.97593935301186452 52.34697271899297988, 5.96947920043466862 52.34304923092425099, 5.96933664442002065 52.34288438599855198, 5.96372142496976387 52.34817747964535783, 5.96499085146521502 52.34937447432366042, 5.96499085146521502 52.34937447432366042)))</t>
  </si>
  <si>
    <t>MultiPolygon (((5.97000889092036324 52.3585717263425181, 5.96687619851708639 52.35965363530302596, 5.97444236475420354 52.36721798431546659, 5.97635421199812988 52.36756778479303875, 5.97811617158829822 52.36710089134896151, 5.98182265080185172 52.36890784942316657, 5.97989751228687094 52.37159458958993241, 5.98540061131303514 52.37306094512143062, 5.98887374822421936 52.36817200317867105, 5.98702000751683805 52.36326720519998901, 5.98776097295788912 52.36061632412516786, 5.98926313046075087 52.35850330542732678, 5.99386391686124487 52.35655116229557393, 5.99482555535721584 52.35577776001213834, 5.99201549098436903 52.35446588198019668, 5.99152387254806662 52.35519053827363933, 5.98877085041998747 52.35399869285597418, 5.9874123472349785 52.35702999125403068, 5.98429786481085113 52.35765228443521124, 5.98291484565670117 52.36181397445369612, 5.98030883577081873 52.36166952914368267, 5.97514788093275939 52.35765886171205352, 5.97865837679309831 52.35611409325175458, 5.97808190892150648 52.3557973946441777, 5.97000889092036324 52.3585717263425181, 5.97000889092036324 52.3585717263425181)))</t>
  </si>
  <si>
    <t>MultiPolygon (((5.97000889092036324 52.3585717263425181, 5.97808190892150648 52.3557973946441777, 5.98210226167996684 52.35408845492021612, 5.97956504538121791 52.35057055952837146, 5.97949705850284374 52.34794658374472931, 5.97719840130764002 52.34682859947115929, 5.97593935301186452 52.34697271899297988, 5.96595660683452955 52.34941431461966488, 5.96858674827341495 52.35224592219928041, 5.96741094985307097 52.3526381705445587, 5.97000889092036324 52.3585717263425181, 5.97000889092036324 52.3585717263425181)))</t>
  </si>
  <si>
    <t>MultiPolygon (((5.97808190892150648 52.3557973946441777, 5.97865837679309831 52.35611409325175458, 5.97514788093275939 52.35765886171205352, 5.98030883577081873 52.36166952914368267, 5.98291484565670117 52.36181397445369612, 5.98429786481085113 52.35765228443521124, 5.9874123472349785 52.35702999125403068, 5.98877085041998747 52.35399869285597418, 5.98864818779034547 52.35386047281280497, 5.98691443761992126 52.35232073739136638, 5.98210226167996684 52.35408845492021612, 5.97808190892150648 52.3557973946441777, 5.97808190892150648 52.3557973946441777)))</t>
  </si>
  <si>
    <t>MultiPolygon (((5.98210226167996684 52.35408845492021612, 5.98691443761992126 52.35232073739136638, 5.98864818779034547 52.35386047281280497, 5.99095733826356547 52.34955572334871476, 5.98992320520501575 52.34764279772407036, 5.98330954347943145 52.3447676100698871, 5.97885866169353353 52.34508404830955897, 5.97719840130764002 52.34682859947115929, 5.97949705850284374 52.34794658374472931, 5.97956504538121791 52.35057055952837146, 5.98210226167996684 52.35408845492021612, 5.98210226167996684 52.35408845492021612)))</t>
  </si>
  <si>
    <t>MultiPolygon (((5.85952366895910082 52.40295882708704767, 5.85837925690484607 52.40243311579739327, 5.86463379511013105 52.39677280115823521, 5.83117975728755411 52.38398927495934743, 5.82139992172783494 52.39100341361074697, 5.82057921326935546 52.39255651807982872, 5.8205782979710321 52.39693343666204584, 5.81786689297485804 52.39729241223886902, 5.81716985167233691 52.40156682701081792, 5.81204531545922176 52.40066875408872704, 5.81167150109989539 52.4027989470627702, 5.80218475202097839 52.40010212068077067, 5.80646654812265783 52.40653600153655134, 5.81613825196015632 52.41067693862796517, 5.81797758277989985 52.41378362301195182, 5.82541266077430375 52.41698035840214231, 5.82314587875739864 52.42025459188434411, 5.82962623058960983 52.42251705633732684, 5.82906283996453123 52.42305307827440686, 5.83898816462382797 52.42658735197561271, 5.84781577037439249 52.41800417356162711, 5.84587943071922478 52.41723622861174903, 5.85623542161722277 52.40591619461488904, 5.85952366895910082 52.40295882708704767, 5.85952366895910082 52.40295882708704767)))</t>
  </si>
  <si>
    <t>MultiPolygon (((5.81364715793810749 52.4335683162136803, 5.81834874609870045 52.4271341725580271, 5.82441070365130997 52.42833875197635507, 5.82601338362433108 52.42494001377421142, 5.82080385306381309 52.42366695715732305, 5.82170383367605648 52.42235512209559545, 5.81502715246335367 52.42071925883238492, 5.80934426548897154 52.41705109272879071, 5.81131505322738739 52.41532124227580169, 5.80412879739196708 52.41233957296932999, 5.80631388355642919 52.41027538457031199, 5.80233691960349596 52.40886935496096299, 5.80646654812265783 52.40653600153655134, 5.80218475202097839 52.40010212068077067, 5.79077634812503383 52.39686154463967682, 5.78768701417229892 52.40006124659677766, 5.78601558082276846 52.39948727890622848, 5.78262236744299063 52.39946914745281248, 5.77981842774755972 52.39864532086811977, 5.77654127252299698 52.39670048711964512, 5.7707475158023227 52.39551549504101757, 5.76870208018763275 52.39881976567968991, 5.76407472714461644 52.39872350267517476, 5.76296259640905273 52.40066595984232833, 5.7594001359753797 52.4030234530669432, 5.75922981851615479 52.40458601334388788, 5.75691238312079179 52.40686780475259354, 5.76966411178797944 52.41281085980205035, 5.78328674368824647 52.42025329497127473, 5.78762530892084559 52.42189579391030918, 5.81046798946029774 52.43526518451843543, 5.81364715793810749 52.4335683162136803, 5.81364715793810749 52.4335683162136803)))</t>
  </si>
  <si>
    <t>MultiPolygon (((5.82441070365130997 52.42833875197635507, 5.83299509341540201 52.42988856218055815, 5.83351635100466304 52.43084293354448278, 5.83873889705705373 52.43356519064032994, 5.84820847962431145 52.43383428730211904, 5.84892816347951161 52.43163963903450053, 5.84914530602626037 52.43087203924417139, 5.83898816462382797 52.42658735197561271, 5.82906283996453123 52.42305307827440686, 5.82962623058960983 52.42251705633732684, 5.82314587875739864 52.42025459188434411, 5.82170383367605648 52.42235512209559545, 5.82080385306381309 52.42366695715732305, 5.82601338362433108 52.42494001377421142, 5.82441070365130997 52.42833875197635507, 5.82441070365130997 52.42833875197635507)))</t>
  </si>
  <si>
    <t>MultiPolygon (((5.82170383367605648 52.42235512209559545, 5.82314587875739864 52.42025459188434411, 5.82541266077430375 52.41698035840214231, 5.81797758277989985 52.41378362301195182, 5.81613825196015632 52.41067693862796517, 5.80646654812265783 52.40653600153655134, 5.80233691960349596 52.40886935496096299, 5.80631388355642919 52.41027538457031199, 5.80412879739196708 52.41233957296932999, 5.81131505322738739 52.41532124227580169, 5.80934426548897154 52.41705109272879071, 5.81502715246335367 52.42071925883238492, 5.82170383367605648 52.42235512209559545, 5.82170383367605648 52.42235512209559545)))</t>
  </si>
  <si>
    <t>MultiPolygon (((5.92433861211734669 52.39139294080504072, 5.91169385124867208 52.38679336323126279, 5.87600935664896085 52.35787276777320187, 5.87117054044856168 52.3613092840396277, 5.86845229319404105 52.36130618111698709, 5.86479202136324496 52.35965820464117826, 5.85005010673866188 52.37091671847704077, 5.83868730279885106 52.3794096991012168, 5.83117975728755411 52.38398927495934743, 5.86463379511013105 52.39677280115823521, 5.85837925690484607 52.40243311579739327, 5.85952366895910082 52.40295882708704767, 5.85623542161722277 52.40591619461488904, 5.86646920225534974 52.40888775155309531, 5.87082601757762923 52.41124361240201779, 5.87590207143814247 52.40801867590610641, 5.8770384212529132 52.40857233709306939, 5.8829404172862052 52.40437104463867257, 5.88740465787210887 52.40658316935761718, 5.89255311355622169 52.40070022931418947, 5.89666494232327754 52.4015077852980582, 5.8940873758607788 52.40572788232990575, 5.89379616835619213 52.40853327741663747, 5.89694497647247751 52.41025887287590024, 5.89324237466694889 52.41267895060503434, 5.89110036061318532 52.41545880581257677, 5.89204423707131486 52.4174079106703843, 5.89427220072971014 52.41918159392537291, 5.89884371513217154 52.42070573207777784, 5.89995438708840236 52.41981642648504192, 5.91629160216402017 52.41294949180125684, 5.90599333517128855 52.40860035907879677, 5.92433861211734669 52.39139294080504072)))</t>
  </si>
  <si>
    <t>MultiPolygon (((5.89884371513217154 52.42070573207777784, 5.89427220072971014 52.41918159392537291, 5.89316057975220176 52.42017133719502908, 5.88747419798225202 52.41859204736520184, 5.87836025665823403 52.42454040170403573, 5.87719604008642804 52.42495247462795049, 5.87638679781297579 52.42462412162095831, 5.86978348527174099 52.41914911089627793, 5.87233221978389075 52.41805203766918453, 5.86534068083890769 52.41489520559059656, 5.87172187947074331 52.41172809047248649, 5.87082601757762923 52.41124361240201779, 5.86646920225534974 52.40888775155309531, 5.85623542161722277 52.40591619461488904, 5.84587943071922478 52.41723622861174903, 5.84781577037439249 52.41800417356162711, 5.83898816462382797 52.42658735197561271, 5.84914530602626037 52.43087203924417139, 5.84892816347951161 52.43163963903450053, 5.87586245033864341 52.4392622029769484, 5.87638857499323475 52.43898265390936331, 5.88438944618377668 52.43177618385515615, 5.88662406521982717 52.42976053332090913, 5.89884371513217154 52.42070573207777784)))</t>
  </si>
  <si>
    <t>MultiPolygon (((5.87638679781297579 52.42462412162095831, 5.87719604008642804 52.42495247462795049, 5.87836025665823403 52.42454040170403573, 5.88747419798225202 52.41859204736520184, 5.89316057975220176 52.42017133719502908, 5.89427220072971014 52.41918159392537291, 5.89204423707131486 52.4174079106703843, 5.89110036061318532 52.41545880581257677, 5.89324237466694889 52.41267895060503434, 5.89694497647247751 52.41025887287590024, 5.89379616835619213 52.40853327741663747, 5.8940873758607788 52.40572788232990575, 5.88805190985161353 52.41234488483930676, 5.88274001618677289 52.41666613221742921, 5.87638679781297579 52.42462412162095831, 5.87638679781297579 52.42462412162095831)))</t>
  </si>
  <si>
    <t>MultiPolygon (((5.87082601757762923 52.41124361240201779, 5.87172187947074331 52.41172809047248649, 5.86534068083890769 52.41489520559059656, 5.87233221978389075 52.41805203766918453, 5.87825113131737886 52.41443511613171324, 5.88740465787210887 52.40658316935761718, 5.8829404172862052 52.40437104463867257, 5.8770384212529132 52.40857233709306939, 5.87590207143814247 52.40801867590610641, 5.87082601757762923 52.41124361240201779, 5.87082601757762923 52.41124361240201779)))</t>
  </si>
  <si>
    <t>MultiPolygon (((5.87233221978389075 52.41805203766918453, 5.86978348527174099 52.41914911089627793, 5.87638679781297579 52.42462412162095831, 5.88274001618677289 52.41666613221742921, 5.88805190985161353 52.41234488483930676, 5.8940873758607788 52.40572788232990575, 5.89666494232327754 52.4015077852980582, 5.89255311355622169 52.40070022931418947, 5.88740465787210887 52.40658316935761718, 5.87825113131737886 52.41443511613171324, 5.87233221978389075 52.41805203766918453, 5.87233221978389075 52.41805203766918453)))</t>
  </si>
  <si>
    <t>MultiPolygon (((5.84236347421518332 52.47055045152012553, 5.84498015325116249 52.46985868137774389, 5.84840503352960095 52.4672157558497787, 5.85056174507485771 52.46665630016959625, 5.85901184373036266 52.46250602565290677, 5.86227139371882622 52.4613400857190797, 5.86342250329807602 52.46240833901331513, 5.8648400369061493 52.46205522965470891, 5.86302621315769645 52.46096127578674384, 5.86785842850252592 52.45897175880477192, 5.8713628697968181 52.45779334386796222, 5.87254671629662894 52.45524311954703478, 5.87406664806928269 52.45565938840948661, 5.87464871579464898 52.4542129743981036, 5.877613383352843 52.45312358009888953, 5.87433846330548359 52.44975901984606281, 5.87138352442239064 52.44785716908403828, 5.87375039146688049 52.44699980276945439, 5.86960247273945424 52.44509337013236205, 5.86529675172386966 52.44761853934729601, 5.86513018872574587 52.44965743756196019, 5.86422968733348693 52.45092277918396917, 5.8607260030001056 52.4529969488340484, 5.85751325840402259 52.45440365793901805, 5.8559563799755443 52.45616155491646992, 5.85322879175918587 52.45560694279609493, 5.85102220572100862 52.45339118567788717, 5.84726047898502355 52.45168726580898522, 5.84679526406270522 52.4512236848101594, 5.83588685728385759 52.45422324094337796, 5.83588189351114739 52.45792527867420318, 5.83344446549365792 52.45957021231992456, 5.83138393459898374 52.4591712029070365, 5.83644192710651399 52.46662714801801997, 5.84002436038088391 52.46615274225294456, 5.84236347421518332 52.47055045152012553, 5.84236347421518332 52.47055045152012553)))</t>
  </si>
  <si>
    <t>MultiPolygon (((5.869623599801292 52.44378414503771069, 5.87067067719062052 52.44251745689184929, 5.8722447815794343 52.44302927245189494, 5.87586245033864341 52.4392622029769484, 5.84892816347951161 52.43163963903450053, 5.84820847962431145 52.43383428730211904, 5.83873889705705373 52.43356519064032994, 5.83351635100466304 52.43084293354448278, 5.83299509341540201 52.42988856218055815, 5.82441070365130997 52.42833875197635507, 5.81834874609870045 52.4271341725580271, 5.81364715793810749 52.4335683162136803, 5.81046798946029774 52.43526518451843543, 5.81570999329948535 52.44032457514274626, 5.81903811911787638 52.43948955708953008, 5.82223855362860743 52.44069678330479434, 5.8274669634190257 52.44086704636273311, 5.82907590561731848 52.43924694724198332, 5.83346199978531033 52.43871175275433671, 5.83227050207138475 52.44060193835198902, 5.83580443211218824 52.44188365752685144, 5.8421751445834218 52.44312492001821369, 5.84520977798167873 52.44046189574535788, 5.84955911330342015 52.44107749874221724, 5.85495717562982687 52.4393261981823926, 5.8606021268157269 52.44005086520740377, 5.86270327715074835 52.44166807535582109, 5.869623599801292 52.44378414503771069, 5.869623599801292 52.44378414503771069)))</t>
  </si>
  <si>
    <t>MultiPolygon (((5.8607260030001056 52.4529969488340484, 5.86422968733348693 52.45092277918396917, 5.86513018872574587 52.44965743756196019, 5.86042026105103808 52.44917115833418109, 5.85875045698020536 52.44970892590509948, 5.8607260030001056 52.4529969488340484, 5.8607260030001056 52.4529969488340484)))</t>
  </si>
  <si>
    <t>MultiPolygon (((5.86529675172386966 52.44761853934729601, 5.86960247273945424 52.44509337013236205, 5.86876644773545753 52.4447946014975912, 5.869623599801292 52.44378414503771069, 5.86270327715074835 52.44166807535582109, 5.8606021268157269 52.44005086520740377, 5.85495717562982687 52.4393261981823926, 5.84955911330342015 52.44107749874221724, 5.84520977798167873 52.44046189574535788, 5.8421751445834218 52.44312492001821369, 5.84790122483449348 52.44528030582583256, 5.84930671672349067 52.44676760759201528, 5.8536481172089827 52.44628324051164014, 5.85574116417709334 52.44695803510125387, 5.85519060907325528 52.44844596624301403, 5.86042026105103808 52.44917115833418109, 5.86513018872574587 52.44965743756196019, 5.86529675172386966 52.44761853934729601, 5.86529675172386966 52.44761853934729601)))</t>
  </si>
  <si>
    <t>MultiPolygon (((5.84726047898502355 52.45168726580898522, 5.85102220572100862 52.45339118567788717, 5.85322879175918587 52.45560694279609493, 5.8559563799755443 52.45616155491646992, 5.85751325840402259 52.45440365793901805, 5.8607260030001056 52.4529969488340484, 5.85875045698020536 52.44970892590509948, 5.86042026105103808 52.44917115833418109, 5.85519060907325528 52.44844596624301403, 5.85525336633365434 52.45007611662971669, 5.84726047898502355 52.45168726580898522, 5.84726047898502355 52.45168726580898522)))</t>
  </si>
  <si>
    <t>MultiPolygon (((5.83588685728385759 52.45422324094337796, 5.84679526406270522 52.4512236848101594, 5.84726047898502355 52.45168726580898522, 5.85525336633365434 52.45007611662971669, 5.85519060907325528 52.44844596624301403, 5.85574116417709334 52.44695803510125387, 5.8536481172089827 52.44628324051164014, 5.84930671672349067 52.44676760759201528, 5.84790122483449348 52.44528030582583256, 5.8421751445834218 52.44312492001821369, 5.83580443211218824 52.44188365752685144, 5.83571896124679235 52.44548883201159839, 5.83904591164025266 52.44880158088009381, 5.83539500156637825 52.45010150959410566, 5.83588685728385759 52.45422324094337796, 5.83588685728385759 52.45422324094337796)))</t>
  </si>
  <si>
    <t>MultiPolygon (((5.82835099806994261 52.46795802770920858, 5.82491871373105763 52.46511894931297348, 5.82301700450920379 52.46232275493323272, 5.82377891153566729 52.46134918236933231, 5.82307818931422894 52.45934685581963208, 5.82681913500142201 52.45923222930029794, 5.82716195905080081 52.45764406770701527, 5.83138393459898374 52.4591712029070365, 5.83344446549365792 52.45957021231992456, 5.83588189351114739 52.45792527867420318, 5.83588685728385759 52.45422324094337796, 5.83539500156637825 52.45010150959410566, 5.83248315983526044 52.45193443201137029, 5.83079173877614654 52.44960485939031969, 5.82859782155891892 52.44821633580403386, 5.83571896124679235 52.44548883201159839, 5.83580443211218824 52.44188365752685144, 5.83227050207138475 52.44060193835198902, 5.83346199978531033 52.43871175275433671, 5.82907590561731848 52.43924694724198332, 5.8274669634190257 52.44086704636273311, 5.82223855362860743 52.44069678330479434, 5.81903811911787638 52.43948955708953008, 5.81570999329948535 52.44032457514274626, 5.82173094810338743 52.44593982438997415, 5.81986379183511904 52.44731389747215644, 5.82241107928777968 52.44970622554622963, 5.82313256568736737 52.45292167727833288, 5.81659878389367702 52.45585972633332972, 5.81737723482118696 52.45725530699499473, 5.81741767103326257 52.45730192940591508, 5.82806403550271224 52.46939168755548621, 5.82835099806994261 52.46795802770920858, 5.82835099806994261 52.46795802770920858)))</t>
  </si>
  <si>
    <t>MultiPolygon (((5.83539500156637825 52.45010150959410566, 5.83904591164025266 52.44880158088009381, 5.83571896124679235 52.44548883201159839, 5.82859782155891892 52.44821633580403386, 5.83079173877614654 52.44960485939031969, 5.83248315983526044 52.45193443201137029, 5.83539500156637825 52.45010150959410566, 5.83539500156637825 52.45010150959410566)))</t>
  </si>
  <si>
    <t>MultiPolygon (((5.92726268302600179 52.10026555491563016, 5.94618451696157635 52.09929973091722388, 5.95146298210331004 52.09989296757188271, 5.94821516472141809 52.09083383283963542, 5.94610276263876614 52.07789053003724433, 5.90974336056060778 52.0620960933293162, 5.89812438999020738 52.06336199316388758, 5.89940135100462903 52.04995817997620833, 5.88206316186485889 52.04941078474268323, 5.85966788917467429 52.05201742821004274, 5.85002742128492415 52.05159442881736709, 5.8377824078022007 52.06564930777201283, 5.8589496720174683 52.07316681286509663, 5.85536370229441694 52.08084181506591648, 5.85568466322658487 52.08214611414994266, 5.84991277196161263 52.085721464301308, 5.84748273755308468 52.09089542144745621, 5.85203809861861135 52.09176810225067555, 5.85736190137420198 52.09633219178766694, 5.8603359502855028 52.0985337313344985, 5.8705392352793444 52.09969356609155966, 5.87422814617164502 52.09896222292714185, 5.87749016427398985 52.09717040267202748, 5.88167481086668431 52.09594617014962381, 5.88885179731371533 52.09627016584730086, 5.89012636206846896 52.09680435419627287, 5.89378554940068788 52.10477533312273835, 5.90010401605396684 52.10378469203688212, 5.91124801661962174 52.10040844050651287, 5.92726268302600179 52.10026555491563016, 5.92726268302600179 52.10026555491563016)))</t>
  </si>
  <si>
    <t>MultiPolygon (((5.89378554940068788 52.10477533312273835, 5.89012636206846896 52.09680435419627287, 5.88885179731371533 52.09627016584730086, 5.88167481086668431 52.09594617014962381, 5.87749016427398985 52.09717040267202748, 5.87422814617164502 52.09896222292714185, 5.8705392352793444 52.09969356609155966, 5.8603359502855028 52.0985337313344985, 5.85736190137420198 52.09633219178766694, 5.85629090421902809 52.09745822303570151, 5.85282380145272985 52.09873837841247735, 5.8390511766826787 52.10074203358895772, 5.8340192393665955 52.10502496643480441, 5.83163548895265738 52.10779070094230292, 5.83408428087244246 52.11223490560466587, 5.82791692843197318 52.11449756496185159, 5.8269582156296762 52.11620546161734779, 5.82721963267567578 52.11803016933581034, 5.8300585438343866 52.12047829862198256, 5.83220086526580594 52.12387042518752622, 5.83125240531660261 52.12440717611938368, 5.83100133001212395 52.1249872757418018, 5.83759953384360841 52.12663337911831007, 5.84441665678609024 52.1293782115882891, 5.84473016916026289 52.13378152662415488, 5.8573128009951585 52.13298885443632713, 5.86435266110555187 52.12699316188523113, 5.8647618986738248 52.12554426735608359, 5.87417787261577828 52.11667641076030577, 5.87586864737089964 52.11486690018015366, 5.88344922634158696 52.10634215489417898, 5.89378554940068788 52.10477533312273835, 5.89378554940068788 52.10477533312273835)))</t>
  </si>
  <si>
    <t>MultiPolygon (((5.76692141235128908 52.11353544581098873, 5.77174665245930285 52.11469354675190147, 5.78773008772528286 52.12055347052243803, 5.79340780684060341 52.12165066155338167, 5.81518230970606975 52.12145641013442798, 5.83125240531660261 52.12440717611938368, 5.83220086526580594 52.12387042518752622, 5.8300585438343866 52.12047829862198256, 5.82721963267567578 52.11803016933581034, 5.8269582156296762 52.11620546161734779, 5.82791692843197318 52.11449756496185159, 5.83408428087244246 52.11223490560466587, 5.83163548895265738 52.10779070094230292, 5.8340192393665955 52.10502496643480441, 5.8390511766826787 52.10074203358895772, 5.85282380145272985 52.09873837841247735, 5.85629090421902809 52.09745822303570151, 5.85736190137420198 52.09633219178766694, 5.85203809861861135 52.09176810225067555, 5.84748273755308468 52.09089542144745621, 5.84991277196161263 52.085721464301308, 5.85568466322658487 52.08214611414994266, 5.85536370229441694 52.08084181506591648, 5.8589496720174683 52.07316681286509663, 5.8377824078022007 52.06564930777201283, 5.85002742128492415 52.05159442881736709, 5.83791804721874819 52.04663184022152222, 5.82420187558463986 52.03484373808775842, 5.81865055865659286 52.02959420497383292, 5.81555395266291519 52.03415935667950976, 5.7954246944679646 52.03259562050845943, 5.78862965740161517 52.03645262500282342, 5.7779917424075764 52.03662973946313741, 5.77207869937287299 52.03606059963684771, 5.76897131658960838 52.0461060316351265, 5.76751009709601625 52.04736127630111753, 5.7517584896471039 52.0561115815329174, 5.73682233230094507 52.07075274515901953, 5.72779817582512152 52.07017891911495155, 5.73075940312234433 52.07439688686412893, 5.72700546386403175 52.08059265599507626, 5.7260304685135619 52.08586436458218571, 5.72905674143646237 52.08304601146634383, 5.73388627679529606 52.08172141856059056, 5.74153870442394254 52.09014338168299929, 5.7350771734024466 52.09333349791668155, 5.7313673548464239 52.0937387673178236, 5.73188859374435822 52.09432177456451996, 5.74071853729556825 52.09460391537758284, 5.74171559124564812 52.09408261145136265, 5.74170815237406451 52.09314473522860567, 5.74888180051747355 52.09147112083228848, 5.75163267928182265 52.09438023186032751, 5.75971272716132798 52.09241218023675657, 5.76423092272721327 52.09513646927538844, 5.76588973896894164 52.09510606336382921, 5.76548502192092016 52.08994385961641882, 5.77143514548040315 52.09065169335698897, 5.77513445752588961 52.09121438293190209, 5.77715857219588358 52.08665556442068123, 5.78158695522673494 52.08802963705527844, 5.78342287968628721 52.08958351639451223, 5.78172444005676134 52.09310882034452561, 5.78328343279827983 52.09548848061977111, 5.78045443426861372 52.09703221154816788, 5.77955379076384013 52.09903439378260259, 5.78157570391027331 52.1000471351214145, 5.77615305609677154 52.10709183186327209, 5.77873768884737604 52.11082708745620806, 5.7761452066251211 52.1113270441071279, 5.76805055021227098 52.11028932079438647, 5.76692141235128908 52.11353544581098873, 5.76692141235128908 52.11353544581098873)))</t>
  </si>
  <si>
    <t>MultiPolygon (((5.7281231466856628 52.11196608940755937, 5.72972566533625738 52.11180346023044052, 5.73308973425963408 52.11362248928474372, 5.73675276065359085 52.11342507992247874, 5.73836326627676474 52.11426770276329989, 5.73891531813794131 52.11600141715528167, 5.74691934651050573 52.11661869557553217, 5.75396206142000999 52.11371194706108412, 5.74888789754958118 52.11307890095745421, 5.74910899535580899 52.11222851066494144, 5.75133581742661271 52.11186687452533306, 5.75625898683931769 52.10908186166557243, 5.76839848075197903 52.10951762762454109, 5.76805055021227098 52.11028932079438647, 5.7761452066251211 52.1113270441071279, 5.77873768884737604 52.11082708745620806, 5.77615305609677154 52.10709183186327209, 5.77055316797727347 52.1038809347242946, 5.76870375903238752 52.09754622313560191, 5.76898592176723479 52.09396837667416946, 5.77143514548040315 52.09065169335698897, 5.76548502192092016 52.08994385961641882, 5.76588973896894164 52.09510606336382921, 5.76423092272721327 52.09513646927538844, 5.75971272716132798 52.09241218023675657, 5.75163267928182265 52.09438023186032751, 5.74888180051747355 52.09147112083228848, 5.74170815237406451 52.09314473522860567, 5.74171559124564812 52.09408261145136265, 5.74071853729556825 52.09460391537758284, 5.73188859374435822 52.09432177456451996, 5.73164220934704716 52.0970271633922124, 5.73337298149786623 52.0977511214690665, 5.73137381153641812 52.10063586290156934, 5.73355982925498253 52.10096312851776901, 5.73531198367764272 52.09935413149506189, 5.73816408868866024 52.10104852398158926, 5.73803015692413609 52.10321502862612419, 5.74094667306243522 52.10545606271855235, 5.74174753685991046 52.10709129076604285, 5.73328878193819058 52.10868546364632437, 5.73244910731728297 52.10684326884193496, 5.73016306687474319 52.10739827106648647, 5.72679058026846999 52.10961684128306359, 5.7281231466856628 52.11196608940755937, 5.7281231466856628 52.11196608940755937)))</t>
  </si>
  <si>
    <t>MultiPolygon (((5.77143514548040315 52.09065169335698897, 5.76898592176723479 52.09396837667416946, 5.76870375903238752 52.09754622313560191, 5.77055316797727347 52.1038809347242946, 5.77615305609677154 52.10709183186327209, 5.78157570391027331 52.1000471351214145, 5.77955379076384013 52.09903439378260259, 5.78045443426861372 52.09703221154816788, 5.78328343279827983 52.09548848061977111, 5.78172444005676134 52.09310882034452561, 5.78342287968628721 52.08958351639451223, 5.78158695522673494 52.08802963705527844, 5.77715857219588358 52.08665556442068123, 5.77513445752588961 52.09121438293190209, 5.77143514548040315 52.09065169335698897, 5.77143514548040315 52.09065169335698897)))</t>
  </si>
  <si>
    <t>MultiPolygon (((5.66542726147228404 52.10827030655793379, 5.67542294496193556 52.11183836604747199, 5.68009061972100238 52.112229787516128, 5.68679364794336184 52.11135654391986805, 5.69448787984662541 52.11041737435556342, 5.69781487825998401 52.108514130817845, 5.69852981645344503 52.10501074897686635, 5.69517290171141433 52.09483664978419171, 5.70055785051696251 52.09445239060998034, 5.7020638258626084 52.09780873780660215, 5.7194695490274281 52.10330558871218187, 5.72456861439064113 52.10295781791384684, 5.72966594796498097 52.10131705021932191, 5.73179597849881262 52.09838940694274356, 5.73164220934704716 52.0970271633922124, 5.73188859374435822 52.09432177456451996, 5.7313673548464239 52.0937387673178236, 5.7350771734024466 52.09333349791668155, 5.74153870442394254 52.09014338168299929, 5.73388627679529606 52.08172141856059056, 5.72905674143646237 52.08304601146634383, 5.7260304685135619 52.08586436458218571, 5.72700546386403175 52.08059265599507626, 5.72348638251231012 52.07959744875010699, 5.72024098719106533 52.08265715299808107, 5.71610063197214657 52.08473177941690579, 5.71433958772316064 52.08870547198269918, 5.69835061638319296 52.09196471752544255, 5.69387826067576164 52.09230115538194639, 5.68634998985373841 52.08897453117174337, 5.67943517226716388 52.08753886349201423, 5.67888540792415508 52.08977957790866498, 5.66508065571678632 52.10524985322586389, 5.66542726147228404 52.10827030655793379, 5.66542726147228404 52.10827030655793379)))</t>
  </si>
  <si>
    <t>MultiPolygon (((5.69572233598644662 52.12460324373487452, 5.69978974966417695 52.12486184825580438, 5.71457490422388936 52.12191561895792802, 5.71754854663196088 52.12053169657602325, 5.70602872441594311 52.11035799219002485, 5.71247421186487081 52.10790191388314696, 5.71818737073302508 52.11035174348052834, 5.72078554188434918 52.11326450580035186, 5.72233875329793307 52.11255707379078217, 5.7281231466856628 52.11196608940755937, 5.72679058026846999 52.10961684128306359, 5.73016306687474319 52.10739827106648647, 5.73244910731728297 52.10684326884193496, 5.73328878193819058 52.10868546364632437, 5.74174753685991046 52.10709129076604285, 5.74094667306243522 52.10545606271855235, 5.73803015692413609 52.10321502862612419, 5.73816408868866024 52.10104852398158926, 5.73531198367764272 52.09935413149506189, 5.73355982925498253 52.10096312851776901, 5.73137381153641812 52.10063586290156934, 5.73337298149786623 52.0977511214690665, 5.73164220934704716 52.0970271633922124, 5.73179597849881262 52.09838940694274356, 5.72966594796498097 52.10131705021932191, 5.72456861439064113 52.10295781791384684, 5.7194695490274281 52.10330558871218187, 5.7020638258626084 52.09780873780660215, 5.70055785051696251 52.09445239060998034, 5.69517290171141433 52.09483664978419171, 5.69852981645344503 52.10501074897686635, 5.69781487825998401 52.108514130817845, 5.69448787984662541 52.11041737435556342, 5.68679364794336184 52.11135654391986805, 5.68734060839051292 52.11436070896829165, 5.68865496244172775 52.11371460223579533, 5.69209841442593056 52.11414989288286392, 5.69375615851162298 52.11542938779431466, 5.69154206985820377 52.12205493592236394, 5.69341974034998 52.12434460079041543, 5.69572233598644662 52.12460324373487452, 5.69572233598644662 52.12460324373487452)))</t>
  </si>
  <si>
    <t>MultiPolygon (((5.71754854663196088 52.12053169657602325, 5.72119325598162742 52.11724028510174378, 5.72147094289982849 52.11558490509924013, 5.72439629115521331 52.11503651444524365, 5.72233875329793307 52.11255707379078217, 5.72078554188434918 52.11326450580035186, 5.71818737073302508 52.11035174348052834, 5.71247421186487081 52.10790191388314696, 5.70602872441594311 52.11035799219002485, 5.71754854663196088 52.12053169657602325, 5.71754854663196088 52.12053169657602325)))</t>
  </si>
  <si>
    <t>MultiPolygon (((5.80984313978774392 52.15141471716528798, 5.84576128170566811 52.15160949653408551, 5.85954535803662946 52.14874944049099526, 5.86113833181102795 52.14526117348577117, 5.8623185490915386 52.13478802139583479, 5.86420943391963956 52.12755649587019491, 5.86435266110555187 52.12699316188523113, 5.8573128009951585 52.13298885443632713, 5.84473016916026289 52.13378152662415488, 5.84441665678609024 52.1293782115882891, 5.83759953384360841 52.12663337911831007, 5.83100133001212395 52.1249872757418018, 5.83125240531660261 52.12440717611938368, 5.81518230970606975 52.12145641013442798, 5.79340780684060341 52.12165066155338167, 5.78773008772528286 52.12055347052243803, 5.77174665245930285 52.11469354675190147, 5.76692141235128908 52.11353544581098873, 5.76150674459180401 52.12106881589375007, 5.76555207444158047 52.12242789831739742, 5.76315263775191067 52.12834444259248556, 5.76447681694684189 52.12854946206402929, 5.76817373264754707 52.13145850712749052, 5.7668095882301964 52.1359532553613505, 5.76852790445223729 52.13829214977180015, 5.76883212231927711 52.14060778624632064, 5.75382231725992455 52.14260579985906219, 5.74991401893545984 52.14056562695038366, 5.74816326952492584 52.14424387632517721, 5.74626136528176534 52.14390979354026001, 5.74251772097550006 52.14755565713625884, 5.73806193323363445 52.14641526418585471, 5.73579298792553072 52.14787677509048081, 5.7360750537197962 52.14790805667298201, 5.74329520992594134 52.14870041462233985, 5.76210508891430528 52.14759798839930482, 5.77469056249059864 52.15222847045022547, 5.78533062063207382 52.15127434697583908, 5.80984313978774392 52.15141471716528798, 5.80984313978774392 52.15141471716528798)))</t>
  </si>
  <si>
    <t>MultiPolygon (((5.73579298792553072 52.14787677509048081, 5.73806193323363445 52.14641526418585471, 5.74251772097550006 52.14755565713625884, 5.74626136528176534 52.14390979354026001, 5.74816326952492584 52.14424387632517721, 5.74991401893545984 52.14056562695038366, 5.74680444800061885 52.13676999982824611, 5.74495586299969219 52.1357211481384013, 5.74875238622041618 52.13224646407623197, 5.74903001620305698 52.1299311292934533, 5.74168591390461902 52.12919437009277601, 5.74284676965665852 52.1264589477962943, 5.74724927444618139 52.12713451387256924, 5.74772642246212762 52.12504670436690901, 5.74962837382051006 52.1234622630105946, 5.75206524636951499 52.12346834330666923, 5.75193257808855396 52.12395631637338056, 5.75277769149553553 52.12305619916805455, 5.75743477793124292 52.12382923251693256, 5.75988539599127414 52.12048376247400228, 5.76150674459180401 52.12106881589375007, 5.76692141235128908 52.11353544581098873, 5.76805055021227098 52.11028932079438647, 5.76839848075197903 52.10951762762454109, 5.75625898683931769 52.10908186166557243, 5.75133581742661271 52.11186687452533306, 5.74910899535580899 52.11222851066494144, 5.74888789754958118 52.11307890095745421, 5.75396206142000999 52.11371194706108412, 5.74691934651050573 52.11661869557553217, 5.73891531813794131 52.11600141715528167, 5.73836326627676474 52.11426770276329989, 5.73675276065359085 52.11342507992247874, 5.73308973425963408 52.11362248928474372, 5.72972566533625738 52.11180346023044052, 5.7281231466856628 52.11196608940755937, 5.72233875329793307 52.11255707379078217, 5.72439629115521331 52.11503651444524365, 5.72147094289982849 52.11558490509924013, 5.72119325598162742 52.11724028510174378, 5.71754854663196088 52.12053169657602325, 5.71457490422388936 52.12191561895792802, 5.69978974966417695 52.12486184825580438, 5.69572233598644662 52.12460324373487452, 5.69692058296663983 52.12708043155760151, 5.69072196500015348 52.12535529594640593, 5.68687697207188236 52.12663973035425613, 5.68890819365161349 52.12884518677890355, 5.68393206514558003 52.13214455241013923, 5.68584926539762847 52.13526574063403274, 5.68882090231800674 52.13702718444361039, 5.69251835639970505 52.13738923770979738, 5.69511736613917741 52.13651463906455064, 5.70025284848735314 52.13611528228894088, 5.70182538696567232 52.13537692693013526, 5.71727937651465012 52.13644921150311262, 5.71730128887666122 52.13748039960488256, 5.72151952074684722 52.13799433682974183, 5.72193886648659245 52.13859495752942053, 5.72092921867469073 52.14106281113428309, 5.72184690765020854 52.14481971542555527, 5.72061230230494999 52.14499179825505593, 5.72034927994498776 52.14625989956157071, 5.73579298792553072 52.14787677509048081, 5.73579298792553072 52.14787677509048081)))</t>
  </si>
  <si>
    <t>MultiPolygon (((5.75193257808855396 52.12395631637338056, 5.75139084435345538 52.12594877697982554, 5.76315263775191067 52.12834444259248556, 5.76555207444158047 52.12242789831739742, 5.76150674459180401 52.12106881589375007, 5.75988539599127414 52.12048376247400228, 5.75743477793124292 52.12382923251693256, 5.75277769149553553 52.12305619916805455, 5.75193257808855396 52.12395631637338056, 5.75193257808855396 52.12395631637338056)))</t>
  </si>
  <si>
    <t>MultiPolygon (((5.74991401893545984 52.14056562695038366, 5.75382231725992455 52.14260579985906219, 5.76883212231927711 52.14060778624632064, 5.76852790445223729 52.13829214977180015, 5.7668095882301964 52.1359532553613505, 5.76817373264754707 52.13145850712749052, 5.76447681694684189 52.12854946206402929, 5.76315263775191067 52.12834444259248556, 5.75139084435345538 52.12594877697982554, 5.75193257808855396 52.12395631637338056, 5.75206524636951499 52.12346834330666923, 5.74962837382051006 52.1234622630105946, 5.74772642246212762 52.12504670436690901, 5.74724927444618139 52.12713451387256924, 5.74284676965665852 52.1264589477962943, 5.74168591390461902 52.12919437009277601, 5.74903001620305698 52.1299311292934533, 5.74875238622041618 52.13224646407623197, 5.74495586299969219 52.1357211481384013, 5.74680444800061885 52.13676999982824611, 5.74991401893545984 52.14056562695038366, 5.74991401893545984 52.14056562695038366)))</t>
  </si>
  <si>
    <t>MultiPolygon (((5.60156114124451143 52.04533857032942734, 5.59961642186469 52.04140736822082403, 5.5981287625677485 52.03845079371422599, 5.59589969717178981 52.03737511548558814, 5.59615118205881235 52.03443698180998211, 5.59764290670596143 52.03362356665957122, 5.5939070764794705 52.03352361693085726, 5.59002280285050368 52.03430323996057894, 5.58996090392918887 52.03441144237074667, 5.57728864473962371 52.03832679760746771, 5.56831456231331057 52.0402691511795723, 5.56740090053598724 52.0406249061333952, 5.56865715019563279 52.04239650855505772, 5.56975435918631945 52.04341487177825343, 5.57004498471483878 52.04340083313240939, 5.57583504516246453 52.04315423967172904, 5.5760675481813422 52.04782937099618323, 5.60065332671897753 52.04626396955200818, 5.60156114124451143 52.04533857032942734)))</t>
  </si>
  <si>
    <t>MultiPolygon (((5.5760675481813422 52.04782937099618323, 5.57583504516246453 52.04315423967172904, 5.57004498471483878 52.04340083313240939, 5.57015222283821299 52.04443978802193982, 5.57001090704839275 52.04449508771728716, 5.56997535893621176 52.04563656251173853, 5.57085293675283211 52.04799698868696822, 5.5760675481813422 52.04782937099618323)))</t>
  </si>
  <si>
    <t>MultiPolygon (((5.58198364222902832 52.06820250103859138, 5.58415764873709275 52.06863557797537112, 5.5862365161386105 52.07037105549007094, 5.5908140127626309 52.07188108128263337, 5.59314671353263115 52.07170089193306239, 5.59416229778874197 52.07061857401659211, 5.60401915220935987 52.07125740131592551, 5.60796294559524178 52.06638569531747862, 5.60625450055355845 52.06123842651622624, 5.60706299159835364 52.05514172106475712, 5.60393072650923241 52.04607720253684278, 5.60065332671897753 52.04626396955200818, 5.5760675481813422 52.04782937099618323, 5.57085293529507819 52.04799698868927038, 5.5579032858263302 52.04886511938732241, 5.56072934808300712 52.06750149646015302, 5.55921055927358232 52.07103370132988829, 5.56031386307348985 52.07215269357759269, 5.57453656291167743 52.06823823207245283, 5.57586845596537017 52.06703672654965231, 5.57192737682319716 52.06640149014742036, 5.56983598285133397 52.06372771036995317, 5.56901379732203416 52.06108159384253753, 5.57123203606957063 52.05851157769289728, 5.57935779916248453 52.0576687066647068, 5.57979664418303756 52.05826494057921394, 5.58298418685163877 52.05798503968253499, 5.58315082194768397 52.05932046557355619, 5.58505091903692907 52.05920660624541796, 5.58591145312945692 52.06222956850523076, 5.58572744128231857 52.06319583770719817, 5.5833605930074981 52.0631934158407006, 5.58155280614363569 52.06679966449942754, 5.58198364222902832 52.06820250103859138, 5.58198364222902832 52.06820250103859138)))</t>
  </si>
  <si>
    <t>MultiPolygon (((5.57586845596537017 52.06703672654965231, 5.57654683451071698 52.06694661022412163, 5.57536468755533754 52.06824781178833206, 5.57563390682142312 52.06926615789677726, 5.57810375110296963 52.07096939338132557, 5.58198364222902832 52.06820250103859138, 5.58155280614363569 52.06679966449942754, 5.5833605930074981 52.0631934158407006, 5.58572744128231857 52.06319583770719817, 5.58591145312945692 52.06222956850523076, 5.58505091903692907 52.05920660624541796, 5.58315082194768397 52.05932046557355619, 5.58298418685163877 52.05798503968253499, 5.57979664418303756 52.05826494057921394, 5.57935779916248453 52.0576687066647068, 5.57123203606957063 52.05851157769289728, 5.56901379732203416 52.06108159384253753, 5.56983598285133397 52.06372771036995317, 5.57192737682319716 52.06640149014742036, 5.57586845596537017 52.06703672654965231, 5.57586845596537017 52.06703672654965231)))</t>
  </si>
  <si>
    <t>MultiPolygon (((5.63171460714685335 52.09606995100288174, 5.6368716195256221 52.09957111307961952, 5.64237175696916093 52.10178546716376502, 5.64635600476031563 52.10623732785091278, 5.65263685193935483 52.10804236909573461, 5.66003959518506239 52.10929010062358202, 5.66542726147228404 52.10827030655793379, 5.66508065571678632 52.10524985322586389, 5.67888540792415508 52.08977957790866498, 5.67943517226716388 52.08753886349201423, 5.67978470873930785 52.0824609172507067, 5.67692821546413118 52.08526411049033555, 5.64750298266709283 52.07559456208231552, 5.64487330071237814 52.07930352795884943, 5.64100417552599698 52.07993476854752402, 5.63965901940115266 52.07964956647489885, 5.63720969924672488 52.08210033004479556, 5.63050057069530574 52.09419614648584229, 5.63171460714685335 52.09606995100288174, 5.63171460714685335 52.09606995100288174)))</t>
  </si>
  <si>
    <t>MultiPolygon (((5.67938656317650459 52.13206105905879184, 5.67925724844801039 52.13160332345511705, 5.68393206514558003 52.13214455241013923, 5.68890819365161349 52.12884518677890355, 5.68687697207188236 52.12663973035425613, 5.69072196500015348 52.12535529594640593, 5.69692058296663983 52.12708043155760151, 5.69572233598644662 52.12460324373487452, 5.69341974034998 52.12434460079041543, 5.69154206985820377 52.12205493592236394, 5.69375615851162298 52.11542938779431466, 5.69209841442593056 52.11414989288286392, 5.68865496244172775 52.11371460223579533, 5.68734060839051292 52.11436070896829165, 5.68679364794336184 52.11135654391986805, 5.68009061972100238 52.112229787516128, 5.67542294496193556 52.11183836604747199, 5.66542726147228404 52.10827030655793379, 5.66003959518506239 52.10929010062358202, 5.65263685193935483 52.10804236909573461, 5.64635600476031563 52.10623732785091278, 5.64237175696916093 52.10178546716376502, 5.6368716195256221 52.09957111307961952, 5.63171460714685335 52.09606995100288174, 5.62734888165743641 52.09582485181832112, 5.62651260703278933 52.09710867146085178, 5.62930087952505076 52.10089651245225895, 5.63001932996579946 52.10654871705789049, 5.62810946386826139 52.11009599061284803, 5.62278343745511755 52.11390099194510128, 5.6073829136653357 52.12499479189713014, 5.61043026628212083 52.12551046137965471, 5.6165045172683854 52.1277911285192701, 5.62272825060568948 52.12754975150080838, 5.63496634545630926 52.1297072823723795, 5.63824285854019092 52.13076534495017, 5.64292034215219473 52.1304300473875557, 5.64528518609723928 52.13080427544725381, 5.64677345223290317 52.13026546529110306, 5.6483642348476284 52.13091232251642992, 5.65633146457577496 52.13173504442960393, 5.65695440648741954 52.13258006646646692, 5.66164939345318796 52.13204011919095393, 5.66570442042638778 52.13275838289831654, 5.66901770219617251 52.1346860916986472, 5.67569353211686867 52.13335345650898489, 5.67938656317650459 52.13206105905879184)))</t>
  </si>
  <si>
    <t>MultiPolygon (((5.62278343745511755 52.11390099194510128, 5.62810946386826139 52.11009599061284803, 5.63001932996579946 52.10654871705789049, 5.62930087952505076 52.10089651245225895, 5.62651260703278933 52.09710867146085178, 5.62734888165743641 52.09582485181832112, 5.63171460714685335 52.09606995100288174, 5.63050057069530574 52.09419614648584229, 5.63720969924672488 52.08210033004479556, 5.63965901940115266 52.07964956647489885, 5.64100417552599698 52.07993476854752402, 5.64487330071237814 52.07930352795884943, 5.64750298266709283 52.07559456208231552, 5.63491139028854704 52.07234210765651028, 5.61080966019527949 52.06838203345611049, 5.60796294559524178 52.06638569531747862, 5.60401915220935987 52.07125740131592551, 5.60507956223768744 52.07136477619234682, 5.59797290263411629 52.08201950197634744, 5.59571168305589151 52.0917998534576796, 5.59408482072841728 52.09523557191830179, 5.59987109426257845 52.10271913983485348, 5.60607850792571938 52.10933422797440784, 5.61337338109726858 52.11320209096493983, 5.61532371439680844 52.1121940220387998, 5.61798615731282514 52.11355490661166812, 5.61946581558254721 52.11252592668263617, 5.62278343745511755 52.11390099194510128, 5.62278343745511755 52.11390099194510128),(5.6089970522724153 52.08538514335730696, 5.60709244625946202 52.0854037967633019, 5.61098112474784205 52.07998359620943774, 5.61382801223874672 52.07768093009123334, 5.62820251009187267 52.07693829467616098, 5.63233544104466155 52.07759033288412809, 5.62971737192399591 52.07950354660171399, 5.63498482423977087 52.08072403894891522, 5.63063608214278055 52.08366824031070053, 5.62922490238498074 52.08776773967578322, 5.62647922366939746 52.09196334024981923, 5.6230780070742199 52.09273943472385326, 5.6211619845743348 52.09368003756087973, 5.61801988201744784 52.09233678187995054, 5.61307100255097513 52.09255873702635853, 5.6089970522724153 52.08538514335730696, 5.6089970522724153 52.08538514335730696)))</t>
  </si>
  <si>
    <t>MultiPolygon (((5.59797290263411629 52.08201950197634744, 5.60507956223768744 52.07136477619234682, 5.60401915220935987 52.07125740131592551, 5.59416229778874197 52.07061857401659211, 5.59314671353263115 52.07170089193306239, 5.5908140127626309 52.07188108128263337, 5.5862365161386105 52.07037105549007094, 5.58415764873709275 52.06863557797537112, 5.58198364222902832 52.06820250103859138, 5.57810375110296963 52.07096939338132557, 5.57563390682142312 52.06926615789677726, 5.57536468755533754 52.06824781178833206, 5.57654683451071698 52.06694661022412163, 5.57586845596537017 52.06703672654965231, 5.57453656291167743 52.06823823207245283, 5.56031386307348985 52.07215269357759269, 5.5614435131986486 52.07328629588703706, 5.56274619363211897 52.07827798419506138, 5.56071077955129045 52.08141286358387134, 5.56075388164219753 52.08421068914028496, 5.56945704549679199 52.08466518850008242, 5.57755373356580009 52.08745675527637076, 5.59797290263411629 52.08201950197634744, 5.59797290263411629 52.08201950197634744)))</t>
  </si>
  <si>
    <t>MultiPolygon (((5.6073829136653357 52.12499479189713014, 5.62278343745511755 52.11390099194510128, 5.61946581558254721 52.11252592668263617, 5.61798615731282514 52.11355490661166812, 5.61532371439680844 52.1121940220387998, 5.61337338109726858 52.11320209096493983, 5.60607850792571938 52.10933422797440784, 5.59987109426257845 52.10271913983485348, 5.59408482072841728 52.09523557191830179, 5.59571168305589151 52.0917998534576796, 5.59797290263411629 52.08201950197634744, 5.57755373356580009 52.08745675527637076, 5.56945704549679199 52.08466518850008242, 5.56075388164219753 52.08421068914028496, 5.55668725944152531 52.0854827626656558, 5.55741832073170361 52.08617813771875404, 5.55705303798683392 52.08686729350797151, 5.55590959486708336 52.08711769990498652, 5.55492735254815617 52.08651028024323892, 5.55471811501248869 52.09149839348846456, 5.55586954037188008 52.09181954590388131, 5.55443492524404814 52.09346863235943204, 5.55442927028399946 52.09539191800999447, 5.55054242132019127 52.09667636262154389, 5.55423579180006133 52.10015121957417961, 5.55306346906519099 52.10095400651247388, 5.55034258754904197 52.10541954247421614, 5.54674477783597908 52.11137001574659422, 5.55096954402012521 52.11182226308330456, 5.55358616651400983 52.1132636601546082, 5.56123508625193796 52.1202512849250823, 5.56189451360819653 52.12168221354210829, 5.56521793622633165 52.12200436031485395, 5.56765813360927631 52.11832279819822134, 5.56861957202407876 52.11820939367795802, 5.56774933361026925 52.1197461780864657, 5.56946817133355676 52.12217916891635383, 5.57125031654140557 52.12210210217326534, 5.57673019609377452 52.12045939703060782, 5.58444922026722512 52.12181953401284318, 5.58907644014468996 52.12398520053545781, 5.59036755876116764 52.12361900836267381, 5.59138566486392463 52.12443494399474275, 5.59249191052575245 52.12402649606904959, 5.59767058878758483 52.1242107870601572, 5.60158266788411918 52.12544467055045772, 5.6073829136653357 52.12499479189713014)))</t>
  </si>
  <si>
    <t>MultiPolygon (((5.62363746659823782 52.08653361449439245, 5.6221010263554847 52.08999935750792076, 5.6230780070742199 52.09273943472385326, 5.62647922366939746 52.09196334024981923, 5.62922490238498074 52.08776773967578322, 5.63063608214278055 52.08366824031070053, 5.63498482423977087 52.08072403894891522, 5.62971737192399591 52.07950354660171399, 5.62569545598301879 52.08259654719198295, 5.62363746659823782 52.08653361449439245, 5.62363746659823782 52.08653361449439245)))</t>
  </si>
  <si>
    <t>MultiPolygon (((5.62363746659823782 52.08653361449439245, 5.6089970522724153 52.08538514335730696, 5.61307100255097513 52.09255873702635853, 5.61801988201744784 52.09233678187995054, 5.6211619845743348 52.09368003756087973, 5.6230780070742199 52.09273943472385326, 5.6221010263554847 52.08999935750792076, 5.62363746659823782 52.08653361449439245, 5.62363746659823782 52.08653361449439245)))</t>
  </si>
  <si>
    <t>MultiPolygon (((5.6089970522724153 52.08538514335730696, 5.62363746659823782 52.08653361449439245, 5.62569545598301879 52.08259654719198295, 5.62971737192399591 52.07950354660171399, 5.63233544104466155 52.07759033288412809, 5.62820251009187267 52.07693829467616098, 5.61382801223874672 52.07768093009123334, 5.61098112474784205 52.07998359620943774, 5.60709244625946202 52.0854037967633019, 5.6089970522724153 52.08538514335730696, 5.6089970522724153 52.08538514335730696)))</t>
  </si>
  <si>
    <t>MultiPolygon (((5.696153596631647 52.02246522853853605, 5.69872000741342433 52.02196101053596067, 5.70656413497454285 52.02824313525818667, 5.71852831296278019 52.02783278358953822, 5.7238836740518213 52.02114692173383759, 5.74102532210180438 52.01931914176583405, 5.74513738293603371 52.01976864661942557, 5.74115997440812187 52.01643659875355041, 5.73818180839006065 52.01228747983194722, 5.73928458775085826 52.01016873799840567, 5.73881372923444033 52.00814196575313275, 5.73756649865102997 52.00715760415246081, 5.73413701602321257 52.00641856564913468, 5.73588349197778591 52.00232012352094557, 5.73277630774821301 52.00074003293327252, 5.72436261189858797 52.00070833017495886, 5.68888369955504913 51.99492276217791442, 5.69044957666890117 51.99962272897098359, 5.68944829346425784 52.00255602641165353, 5.68987516456550413 52.00368331433139701, 5.68787254087441418 52.00498691092582249, 5.68687260298559316 52.00478270470928521, 5.68684184006029625 52.01259553123602331, 5.67297731474242983 52.01265293788092947, 5.67228648095701704 52.01931666439033108, 5.69420756313667997 52.01983086563365077, 5.696153596631647 52.02246522853853605, 5.696153596631647 52.02246522853853605)))</t>
  </si>
  <si>
    <t>MultiPolygon (((5.63931908778359858 52.01641274999846587, 5.651039916095562 52.01468358574818751, 5.65310438255369085 52.00783916090876602, 5.65872773192612399 52.00084546731639534, 5.66284249381387816 51.9949476241431654, 5.65541711735087382 51.99330669255893156, 5.65394495423888443 51.9951607293554332, 5.63722086087441721 51.99191729005766405, 5.63329807804394811 51.99520240945919625, 5.62725111326779803 51.99314227806921451, 5.62494554764571397 51.9951415586895962, 5.61930729038708154 51.99273841654116524, 5.61449194102971649 51.99964959900363226, 5.60683208798566746 51.9974224140264667, 5.60601701365000071 51.99416435128994607, 5.60251501382359862 51.99499782843916762, 5.59655630553853545 51.99920153906161602, 5.59199767200507836 52.00139229151771758, 5.59080813066480342 52.003024802492547, 5.59111270038971409 52.00730147351121957, 5.58948874276896479 52.00945552297959296, 5.58742209208902096 52.01092168232337798, 5.59002881666256535 52.01203437764758064, 5.58917597976931901 52.0128951896078604, 5.58992712119869317 52.01387844530993476, 5.60361278580759237 52.01304369119694115, 5.63931908778359858 52.01641274999846587, 5.63931908778359858 52.01641274999846587)))</t>
  </si>
  <si>
    <t>MultiPolygon (((5.651039916095562 52.01468358574818751, 5.66133830429590379 52.01372584083866712, 5.67297731474242983 52.01265293788092947, 5.67569217848298191 52.00160436247529105, 5.66925355878140991 52.00066607111277506, 5.66486927124646567 52.00122345377474886, 5.65872773192612399 52.00084546731639534, 5.65310438255369085 52.00783916090876602, 5.651039916095562 52.01468358574818751, 5.651039916095562 52.01468358574818751)))</t>
  </si>
  <si>
    <t>MultiPolygon (((5.65872773192612399 52.00084546731639534, 5.66486927124646567 52.00122345377474886, 5.66925355878140991 52.00066607111277506, 5.67569217848298191 52.00160436247529105, 5.67560746365169511 51.99849509327324881, 5.67829576206391984 51.99140063066754891, 5.67536801704015925 51.99095145653127048, 5.67253939433822385 51.99352093724129276, 5.66960139568952837 51.99466844388529552, 5.66452638508411788 51.99413014739333505, 5.66284249381387816 51.9949476241431654, 5.65872773192612399 52.00084546731639534, 5.65872773192612399 52.00084546731639534)))</t>
  </si>
  <si>
    <t>MultiPolygon (((5.67569217848298191 52.00160436247529105, 5.68564893271154759 52.00258599629961509, 5.68787254087441418 52.00498691092582249, 5.68987516456550413 52.00368331433139701, 5.68944829346425784 52.00255602641165353, 5.69044957666890117 51.99962272897098359, 5.68888369955504913 51.99492276217791442, 5.68761852996817563 51.99456080104685896, 5.68471585149811975 51.99392619583623798, 5.68309322041381204 51.9939114676351366, 5.68269294733744523 51.99255316024012785, 5.67829576206391984 51.99140063066754891, 5.67560746365169511 51.99849509327324881, 5.67569217848298191 52.00160436247529105, 5.67569217848298191 52.00160436247529105)))</t>
  </si>
  <si>
    <t>MultiPolygon (((5.67297731474242983 52.01265293788092947, 5.68684184006029625 52.01259553123602331, 5.68687260298559316 52.00478270470928521, 5.68787254087441418 52.00498691092582249, 5.68564893271154759 52.00258599629961509, 5.67569217848298191 52.00160436247529105, 5.67297731474242983 52.01265293788092947, 5.67297731474242983 52.01265293788092947)))</t>
  </si>
  <si>
    <t>MultiPolygon (((5.67943517226716388 52.08753886349201423, 5.68634998985373841 52.08897453117174337, 5.69387826067576164 52.09230115538194639, 5.69835061638319296 52.09196471752544255, 5.71433958772316064 52.08870547198269918, 5.71610063197214657 52.08473177941690579, 5.72024098719106533 52.08265715299808107, 5.72348638251231012 52.07959744875010699, 5.72700546386403175 52.08059265599507626, 5.73075940312234433 52.07439688686412893, 5.72779817582512152 52.07017891911495155, 5.73682233230094507 52.07075274515901953, 5.7517584896471039 52.0561115815329174, 5.76751009709601625 52.04736127630111753, 5.76897131658960838 52.0461060316351265, 5.77207869937287299 52.03606059963684771, 5.7779917424075764 52.03662973946313741, 5.78862965740161517 52.03645262500282342, 5.7954246944679646 52.03259562050845943, 5.81555395266291519 52.03415935667950976, 5.81865055865659286 52.02959420497383292, 5.81337361372973227 52.02407058281959706, 5.80243277675619495 52.02235785018208958, 5.80422076229645789 52.02113731696123011, 5.80363085368822595 52.02068193258210016, 5.79813807052591557 52.02201542094488218, 5.77765796835613532 52.02187830072977448, 5.7708868452316251 52.0215823121085279, 5.77047059682773344 52.02115626598705234, 5.76988071090465127 52.02154083645996963, 5.7565677599420102 52.02106181508601424, 5.74735535603633529 52.0200197189422795, 5.74513738293603371 52.01976864661942557, 5.74102532210180438 52.01931914176583405, 5.7238836740518213 52.02114692173383759, 5.71852831296278019 52.02783278358953822, 5.70656413497454285 52.02824313525818667, 5.69872000741342433 52.02196101053596067, 5.696153596631647 52.02246522853853605, 5.69676445105833018 52.02331622405402811, 5.68283423141760835 52.02593823576505372, 5.6801218166880032 52.03407756147162644, 5.6900556180140951 52.03590610494123325, 5.69144451647303296 52.03526666501357312, 5.69331234525372576 52.03539930382316925, 5.69624591004067238 52.03652586781589662, 5.69752889747538038 52.04071570610872755, 5.69213390197892988 52.0417336788208118, 5.688121302332382 52.04323791797379783, 5.68267236388587449 52.04697198732091579, 5.68382262303952501 52.05126220989097163, 5.67916331828457466 52.05309707725918855, 5.67212200438061576 52.05526327685670651, 5.66406660391808714 52.05392344613271405, 5.65219764556019122 52.06267836376646585, 5.65228031118308305 52.06575341929033129, 5.64861645788325006 52.07159113918696391, 5.6497262749602486 52.07275158392225478, 5.64750298266709283 52.07559456208231552, 5.67692821546413118 52.08526411049033555, 5.67978470873930785 52.0824609172507067, 5.67943517226716388 52.08753886349201423, 5.67943517226716388 52.08753886349201423)))</t>
  </si>
  <si>
    <t>MultiPolygon (((5.60796294559524178 52.06638569531747862, 5.61080966019527949 52.06838203345611049, 5.63491139028854704 52.07234210765651028, 5.64750298266709283 52.07559456208231552, 5.6497262749602486 52.07275158392225478, 5.64861645788325006 52.07159113918696391, 5.65228031118308305 52.06575341929033129, 5.65219764556019122 52.06267836376646585, 5.66406660391808714 52.05392344613271405, 5.65775900904288065 52.05286561134299461, 5.65970812939068502 52.05126586773232589, 5.65382148295147857 52.0504549236613272, 5.64978861056678294 52.05061261815850315, 5.64924072053248683 52.05439581476946387, 5.63983727484736796 52.05357759222348335, 5.63344335582472233 52.0526983550319855, 5.61795242580201837 52.05346531520631004, 5.6190509471784722 52.04844403471359726, 5.61876616409289742 52.04529424330066689, 5.60393072650923241 52.04607720253684278, 5.60706299159835364 52.05514172106475712, 5.60625450055355845 52.06123842651622624, 5.60796294559524178 52.06638569531747862, 5.60796294559524178 52.06638569531747862)))</t>
  </si>
  <si>
    <t>MultiPolygon (((5.5939070764794705 52.03352361693085726, 5.61048393388462419 52.02635955912027299, 5.62192045407123686 52.02193006672642639, 5.63143796737614011 52.0184487421505608, 5.63647372005890279 52.01702705229524781, 5.63931908778359858 52.01641274999846587, 5.60361278580759237 52.01304369119694115, 5.58992712119869317 52.01387844530993476, 5.58917597976931901 52.0128951896078604, 5.59002881666256535 52.01203437764758064, 5.58742209208902096 52.01092168232337798, 5.58601462181700015 52.0117762805845345, 5.58675069515447209 52.0122859161736244, 5.58692224586858632 52.01571317648582493, 5.5896216098571756 52.01559481633115212, 5.5902421005952494 52.02026673945758972, 5.58719984884605303 52.02044865625325087, 5.58744595891384943 52.02664115384450128, 5.58734761702993676 52.0272638386464692, 5.58671162344157768 52.03129042256950498, 5.58958867814455651 52.03117658968929504, 5.58975638059960378 52.03269762297076539, 5.58990711241896676 52.03269272546233282, 5.59002280285050368 52.03430323996057894, 5.5939070764794705 52.03352361693085726)))</t>
  </si>
  <si>
    <t>MultiPolygon (((5.60065332671897753 52.04626396955200818, 5.60393072650923241 52.04607720253684278, 5.61876616409289742 52.04529424330066689, 5.61915277895788279 52.04157074463208232, 5.6178046210092516 52.03798316099000232, 5.61775374424415741 52.03788998907934626, 5.59961642186469 52.04140736822082403, 5.60156114124451143 52.04533857032942734, 5.60065332671897753 52.04626396955200818, 5.60065332671897753 52.04626396955200818)))</t>
  </si>
  <si>
    <t>MultiPolygon (((5.59961642186469 52.04140736822082403, 5.61775374424415741 52.03788998907934626, 5.61563197313220286 52.03400387287238971, 5.59764290670596143 52.03362356665957122, 5.59615118205881235 52.03443698180998211, 5.59589969717178981 52.03737511548558814, 5.5981287625677485 52.03845079371422599, 5.59961642186469 52.04140736822082403, 5.59961642186469 52.04140736822082403)))</t>
  </si>
  <si>
    <t>MultiPolygon (((5.59764290670596143 52.03362356665957122, 5.61563197313220286 52.03400387287238971, 5.61048393388462419 52.02635955912027299, 5.5939070764794705 52.03352361693085726, 5.59764290670596143 52.03362356665957122, 5.59764290670596143 52.03362356665957122)))</t>
  </si>
  <si>
    <t>MultiPolygon (((5.62902751635312715 52.02800007858414233, 5.63114664306039092 52.02788915172946815, 5.63171855022275736 52.02532646794276161, 5.62791962458170936 52.02511420903676509, 5.62799722923446932 52.02275254832876072, 5.63295614491544683 52.02079002166010468, 5.63143796737614011 52.0184487421505608, 5.62192045407123686 52.02193006672642639, 5.62259172013472508 52.02812198097281993, 5.62902751635312715 52.02800007858414233, 5.62902751635312715 52.02800007858414233)))</t>
  </si>
  <si>
    <t>MultiPolygon (((5.61775374424415741 52.03788998907934626, 5.6178046210092516 52.03798316099000232, 5.62748328425352806 52.03617450002126077, 5.62791119815939123 52.0301422850827322, 5.62902751635312715 52.02800007858414233, 5.62259172013472508 52.02812198097281993, 5.62192045407123686 52.02193006672642639, 5.61048393388462419 52.02635955912027299, 5.61563197313220286 52.03400387287238971, 5.61775374424415741 52.03788998907934626, 5.61775374424415741 52.03788998907934626)))</t>
  </si>
  <si>
    <t>MultiPolygon (((5.62748328425352806 52.03617450002126077, 5.63245710487761286 52.03524467385246055, 5.64601171171218219 52.03270945233276024, 5.64724855643429446 52.02673727838293161, 5.64770643715254206 52.02452599097588148, 5.64279057679830043 52.02440399177155683, 5.6366462227683316 52.02679005258240608, 5.63114664306039092 52.02788915172946815, 5.62902751635312715 52.02800007858414233, 5.62791119815939123 52.0301422850827322, 5.62748328425352806 52.03617450002126077, 5.62748328425352806 52.03617450002126077)))</t>
  </si>
  <si>
    <t>MultiPolygon (((5.63171855022275736 52.02532646794276161, 5.63198321937560209 52.02341883757103602, 5.63548713523359179 52.02326082687274322, 5.63437319389487445 52.02182735988255757, 5.63910572599847715 52.02051444959567306, 5.63647372005890279 52.01702705229524781, 5.63143796737614011 52.0184487421505608, 5.63295614491544683 52.02079002166010468, 5.62799722923446932 52.02275254832876072, 5.62791962458170936 52.02511420903676509, 5.63171855022275736 52.02532646794276161, 5.63171855022275736 52.02532646794276161)))</t>
  </si>
  <si>
    <t>MultiPolygon (((5.63910572599847715 52.02051444959567306, 5.64664715842294829 52.01880132991934147, 5.6485735832889592 52.02217256683138658, 5.65055750938979084 52.01673005228182234, 5.651039916095562 52.01468358574818751, 5.63931908778359858 52.01641274999846587, 5.63647372005890279 52.01702705229524781, 5.63910572599847715 52.02051444959567306, 5.63910572599847715 52.02051444959567306)))</t>
  </si>
  <si>
    <t>MultiPolygon (((5.63548713523359179 52.02326082687274322, 5.64777904374084549 52.02403631809428219, 5.6485735832889592 52.02217256683138658, 5.64664715842294829 52.01880132991934147, 5.63910572599847715 52.02051444959567306, 5.63437319389487445 52.02182735988255757, 5.63548713523359179 52.02326082687274322, 5.63548713523359179 52.02326082687274322)))</t>
  </si>
  <si>
    <t>MultiPolygon (((5.63171855022275736 52.02532646794276161, 5.63114664306039092 52.02788915172946815, 5.6366462227683316 52.02679005258240608, 5.64279057679830043 52.02440399177155683, 5.64770643715254206 52.02452599097588148, 5.64780572963851402 52.02403827862120522, 5.64777904374084549 52.02403631809428219, 5.63548713523359179 52.02326082687274322, 5.63198321937560209 52.02341883757103602, 5.63171855022275736 52.02532646794276161, 5.63171855022275736 52.02532646794276161)))</t>
  </si>
  <si>
    <t>MultiPolygon (((5.65842297736233668 52.01823555590917891, 5.661561101478223 52.0187575920173586, 5.66229977664653816 52.01459114556646313, 5.66133830429590379 52.01372584083866712, 5.651039916095562 52.01468358574818751, 5.65055750938979084 52.01673005228182234, 5.65635775948805009 52.01707321541881157, 5.65842297736233668 52.01823555590917891, 5.65842297736233668 52.01823555590917891)))</t>
  </si>
  <si>
    <t>MultiPolygon (((5.65405635867334766 52.02448947080455355, 5.66018178857985443 52.02477891853975933, 5.661561101478223 52.0187575920173586, 5.65842297736233668 52.01823555590917891, 5.65747017819515019 52.02029202392549934, 5.65395108844396876 52.02334786101778263, 5.65405635867334766 52.02448947080455355, 5.65405635867334766 52.02448947080455355)))</t>
  </si>
  <si>
    <t>MultiPolygon (((5.64780572963851402 52.02403827862120522, 5.65405635867334766 52.02448947080455355, 5.65395108844396876 52.02334786101778263, 5.65747017819515019 52.02029202392549934, 5.65842297736233668 52.01823555590917891, 5.65635775948805009 52.01707321541881157, 5.65055750938979084 52.01673005228182234, 5.6485735832889592 52.02217256683138658, 5.64777904374084549 52.02403631809428219, 5.64780572963851402 52.02403827862120522, 5.64780572963851402 52.02403827862120522)))</t>
  </si>
  <si>
    <t>MultiPolygon (((5.6734128324310662 52.02767868426560938, 5.68283423141760835 52.02593823576505372, 5.69676445105833018 52.02331622405402811, 5.696153596631647 52.02246522853853605, 5.69420756313667997 52.01983086563365077, 5.67228648095701704 52.01931666439033108, 5.67189586742538054 52.02348311938289527, 5.6734128324310662 52.02767868426560938, 5.6734128324310662 52.02767868426560938)))</t>
  </si>
  <si>
    <t>MultiPolygon (((5.65872390661996949 52.03039034853944145, 5.66899530550232544 52.02849444379098287, 5.6734128324310662 52.02767868426560938, 5.67189586742538054 52.02348311938289527, 5.67228648095701704 52.01931666439033108, 5.67297731474242983 52.01265293788092947, 5.66133830429590379 52.01372584083866712, 5.66229977664653816 52.01459114556646313, 5.661561101478223 52.0187575920173586, 5.66018178857985443 52.02477891853975933, 5.65947709026228463 52.02719924598044088, 5.65872390661996949 52.03039034853944145, 5.65872390661996949 52.03039034853944145)))</t>
  </si>
  <si>
    <t>MultiPolygon (((5.64724855643429446 52.02673727838293161, 5.64935737977670627 52.02693583111727094, 5.64957797532398587 52.02594776591924841, 5.65947709026228463 52.02719924598044088, 5.66018178857985443 52.02477891853975933, 5.65405635867334766 52.02448947080455355, 5.64780572963851402 52.02403827862120522, 5.64770643715254206 52.02452599097588148, 5.64724855643429446 52.02673727838293161, 5.64724855643429446 52.02673727838293161)))</t>
  </si>
  <si>
    <t>MultiPolygon (((5.64601171171218219 52.03270945233276024, 5.65323489101357968 52.03140308362106481, 5.65872390661996949 52.03039034853944145, 5.65947709026228463 52.02719924598044088, 5.64957797532398587 52.02594776591924841, 5.64935737977670627 52.02693583111727094, 5.64724855643429446 52.02673727838293161, 5.64601171171218219 52.03270945233276024, 5.64601171171218219 52.03270945233276024)))</t>
  </si>
  <si>
    <t>MultiPolygon (((5.69198846826772886 52.04136329625870871, 5.69213390197892988 52.0417336788208118, 5.69752889747538038 52.04071570610872755, 5.69624591004067238 52.03652586781589662, 5.69331234525372576 52.03539930382316925, 5.69144451647303296 52.03526666501357312, 5.6900556180140951 52.03590610494123325, 5.6801218166880032 52.03407756147162644, 5.68283423141760835 52.02593823576505372, 5.6734128324310662 52.02767868426560938, 5.67480114261083823 52.03254307909887189, 5.67323102739025664 52.03611187671722149, 5.67400576732793649 52.03692744150172445, 5.68025642018652555 52.03710320358321439, 5.68384999818378489 52.03841950302452801, 5.69082664122151893 52.039234973830645, 5.69198846826772886 52.04136329625870871, 5.69198846826772886 52.04136329625870871)))</t>
  </si>
  <si>
    <t>MultiPolygon (((5.63344335582472233 52.0526983550319855, 5.63205758659306177 52.04722391854877372, 5.63017742162506085 52.04695856382995345, 5.61876616409289742 52.04529424330066689, 5.6190509471784722 52.04844403471359726, 5.61795242580201837 52.05346531520631004, 5.63344335582472233 52.0526983550319855, 5.63344335582472233 52.0526983550319855)))</t>
  </si>
  <si>
    <t>MultiPolygon (((5.63344335582472233 52.0526983550319855, 5.63983727484736796 52.05357759222348335, 5.64239152168783953 52.04960009155056611, 5.63656563157644097 52.0481151970467053, 5.63205758659306177 52.04722391854877372, 5.63344335582472233 52.0526983550319855, 5.63344335582472233 52.0526983550319855)))</t>
  </si>
  <si>
    <t>MultiPolygon (((5.63983727484736796 52.05357759222348335, 5.64924072053248683 52.05439581476946387, 5.64978861056678294 52.05061261815850315, 5.64253608499180803 52.04963693308958739, 5.64239152168783953 52.04960009155056611, 5.63983727484736796 52.05357759222348335, 5.63983727484736796 52.05357759222348335)))</t>
  </si>
  <si>
    <t>MultiPolygon (((5.63205758659306177 52.04722391854877372, 5.63656563157644097 52.0481151970467053, 5.64010612174130443 52.0428349351777868, 5.6379516552145752 52.04226887241997446, 5.63629233435680543 52.04004570418955922, 5.63378328096127312 52.03998249835127154, 5.63040631471566755 52.04064415003123401, 5.62925398891244466 52.04238890157501629, 5.6323243656398061 52.04349204003645468, 5.63017742162506085 52.04695856382995345, 5.63205758659306177 52.04722391854877372, 5.63205758659306177 52.04722391854877372)))</t>
  </si>
  <si>
    <t>MultiPolygon (((5.61876616409289742 52.04529424330066689, 5.63017742162506085 52.04695856382995345, 5.6323243656398061 52.04349204003645468, 5.62925398891244466 52.04238890157501629, 5.63040631471566755 52.04064415003123401, 5.63378328096127312 52.03998249835127154, 5.63210127772141167 52.03717217828280184, 5.63245710487761286 52.03524467385246055, 5.62748328425352806 52.03617450002126077, 5.6178046210092516 52.03798316099000232, 5.61915277895788279 52.04157074463208232, 5.61876616409289742 52.04529424330066689, 5.61876616409289742 52.04529424330066689)))</t>
  </si>
  <si>
    <t>MultiPolygon (((5.64010612174130443 52.0428349351777868, 5.64214557346523993 52.04333994649280726, 5.64477470227943101 52.03808409889484921, 5.64601171171218219 52.03270945233276024, 5.63245710487761286 52.03524467385246055, 5.63210127772141167 52.03717217828280184, 5.63378328096127312 52.03998249835127154, 5.63629233435680543 52.04004570418955922, 5.6379516552145752 52.04226887241997446, 5.64010612174130443 52.0428349351777868, 5.64010612174130443 52.0428349351777868)))</t>
  </si>
  <si>
    <t>MultiPolygon (((5.64596187541166028 52.04428481593572542, 5.65173975541567142 52.04588912360566866, 5.65473167012084144 52.04047311304007906, 5.64981173380899016 52.03882603721006461, 5.64477470227943101 52.03808409889484921, 5.64214557346523993 52.04333994649280726, 5.64596187541166028 52.04428481593572542, 5.64596187541166028 52.04428481593572542)))</t>
  </si>
  <si>
    <t>MultiPolygon (((5.64253608499180803 52.04963693308958739, 5.64978861056678294 52.05061261815850315, 5.65173975541567142 52.04588912360566866, 5.64596187541166028 52.04428481593572542, 5.64253608499180803 52.04963693308958739, 5.64253608499180803 52.04963693308958739)))</t>
  </si>
  <si>
    <t>MultiPolygon (((5.64239152168783953 52.04960009155056611, 5.64253608499180803 52.04963693308958739, 5.64596187541166028 52.04428481593572542, 5.64214557346523993 52.04333994649280726, 5.64010612174130443 52.0428349351777868, 5.63656563157644097 52.0481151970467053, 5.64239152168783953 52.04960009155056611, 5.64239152168783953 52.04960009155056611)))</t>
  </si>
  <si>
    <t>MultiPolygon (((5.64477470227943101 52.03808409889484921, 5.64981173380899016 52.03882603721006461, 5.6549285687619113 52.03355930950471731, 5.65402402546290883 52.0319617463904649, 5.65323489101357968 52.03140308362106481, 5.64601171171218219 52.03270945233276024, 5.64477470227943101 52.03808409889484921, 5.64477470227943101 52.03808409889484921)))</t>
  </si>
  <si>
    <t>MultiPolygon (((5.65402402546290883 52.0319617463904649, 5.65700572802528701 52.03290757104292652, 5.66597956595526497 52.03926446225128899, 5.66690851631173231 52.03039241873267429, 5.66899530550232544 52.02849444379098287, 5.65872390661996949 52.03039034853944145, 5.65323489101357968 52.03140308362106481, 5.65402402546290883 52.0319617463904649, 5.65402402546290883 52.0319617463904649)))</t>
  </si>
  <si>
    <t>MultiPolygon (((5.64981173380899016 52.03882603721006461, 5.65473167012084144 52.04047311304007906, 5.65642975775556067 52.03836354407572884, 5.65742131829222927 52.03812686054305203, 5.66597956595526497 52.03926446225128899, 5.65700572802528701 52.03290757104292652, 5.65402402546290883 52.0319617463904649, 5.6549285687619113 52.03355930950471731, 5.64981173380899016 52.03882603721006461, 5.64981173380899016 52.03882603721006461)))</t>
  </si>
  <si>
    <t>MultiPolygon (((5.65473167012084144 52.04047311304007906, 5.66908860739941201 52.04598879301619974, 5.66921588458681747 52.04472639130470668, 5.6668265604072694 52.04209500034477287, 5.66597956595526497 52.03926446225128899, 5.65742131829222927 52.03812686054305203, 5.65642975775556067 52.03836354407572884, 5.65473167012084144 52.04047311304007906, 5.65473167012084144 52.04047311304007906)))</t>
  </si>
  <si>
    <t>MultiPolygon (((5.66863217011207254 52.04678478598282965, 5.66908860739941201 52.04598879301619974, 5.65473167012084144 52.04047311304007906, 5.65173975541567142 52.04588912360566866, 5.65448613439452341 52.04660284023623973, 5.6627480040503162 52.04611171176114937, 5.66863217011207254 52.04678478598282965, 5.66863217011207254 52.04678478598282965)))</t>
  </si>
  <si>
    <t>MultiPolygon (((5.65970812939068502 52.05126586773232589, 5.66695655816220611 52.05168997774477901, 5.66863217011207254 52.04678478598282965, 5.6627480040503162 52.04611171176114937, 5.65448613439452341 52.04660284023623973, 5.65173975541567142 52.04588912360566866, 5.64978861056678294 52.05061261815850315, 5.65382148295147857 52.0504549236613272, 5.65970812939068502 52.05126586773232589, 5.65970812939068502 52.05126586773232589)))</t>
  </si>
  <si>
    <t>MultiPolygon (((5.66597956595526497 52.03926446225128899, 5.67107851010459285 52.03812264406806065, 5.67400576732793649 52.03692744150172445, 5.67323102739025664 52.03611187671722149, 5.67480114261083823 52.03254307909887189, 5.6734128324310662 52.02767868426560938, 5.66899530550232544 52.02849444379098287, 5.66690851631173231 52.03039241873267429, 5.66597956595526497 52.03926446225128899, 5.66597956595526497 52.03926446225128899)))</t>
  </si>
  <si>
    <t>MultiPolygon (((5.67311838851730954 52.04329382921314107, 5.69198846826772886 52.04136329625870871, 5.69082664122151893 52.039234973830645, 5.68384999818378489 52.03841950302452801, 5.68025642018652555 52.03710320358321439, 5.67400576732793649 52.03692744150172445, 5.67107851010459285 52.03812264406806065, 5.67311838851730954 52.04329382921314107, 5.67311838851730954 52.04329382921314107)))</t>
  </si>
  <si>
    <t>MultiPolygon (((5.67616546733625071 52.05095889312790547, 5.68267236388587449 52.04697198732091579, 5.688121302332382 52.04323791797379783, 5.69213390197892988 52.0417336788208118, 5.69198846826772886 52.04136329625870871, 5.67311838851730954 52.04329382921314107, 5.67616546733625071 52.05095889312790547, 5.67616546733625071 52.05095889312790547)))</t>
  </si>
  <si>
    <t>MultiPolygon (((5.65970812939068502 52.05126586773232589, 5.65775900904288065 52.05286561134299461, 5.66406660391808714 52.05392344613271405, 5.67212200438061576 52.05526327685670651, 5.67916331828457466 52.05309707725918855, 5.68382262303952501 52.05126220989097163, 5.68267236388587449 52.04697198732091579, 5.67616546733625071 52.05095889312790547, 5.67231298667813366 52.05181798093177292, 5.66695655816220611 52.05168997774477901, 5.65970812939068502 52.05126586773232589, 5.65970812939068502 52.05126586773232589)))</t>
  </si>
  <si>
    <t>MultiPolygon (((5.66695655816220611 52.05168997774477901, 5.67231298667813366 52.05181798093177292, 5.67616546733625071 52.05095889312790547, 5.67311838851730954 52.04329382921314107, 5.67107851010459285 52.03812264406806065, 5.66597956595526497 52.03926446225128899, 5.6668265604072694 52.04209500034477287, 5.66921588458681747 52.04472639130470668, 5.66908860739941201 52.04598879301619974, 5.66863217011207254 52.04678478598282965, 5.66695655816220611 52.05168997774477901, 5.66695655816220611 52.05168997774477901)))</t>
  </si>
  <si>
    <t>MultiPolygon (((5.96925992416908624 51.939557791459805, 5.97035218604793183 51.93932596105182142, 5.97491016616852111 51.94162015889279616, 5.97998257248656717 51.94293726876885842, 5.98436384426837087 51.94302088649833138, 5.99042679321492244 51.941212414100427, 5.99461208378132593 51.93853065650349521, 5.99647933442311043 51.93835329629833097, 5.99969542125334776 51.93991108405533197, 6.00214135688480965 51.93888469311703204, 6.00444074483579282 51.93764370208759829, 6.00139856654949533 51.93429322621517485, 6.00606752451624182 51.93036977500581486, 6.0033205116533761 51.92838892394019012, 5.99842263622668348 51.9284052617083205, 5.99743443122022502 51.92325593924058325, 5.99458312922437297 51.92184321186879714, 5.99243808196423 51.92201976313764078, 5.99294609910279785 51.91996977934262247, 5.99561577656618372 51.91827710959226749, 5.99727895887681761 51.91307239023807796, 5.99275542926286331 51.91233395897864966, 5.98892102128667414 51.9139652406880856, 5.98706257029882671 51.91331383154283685, 5.97559798960005217 51.9239120994330321, 5.968612960245407 51.92821244351981136, 5.97288744492721868 51.92918657787942038, 5.97233096477649195 51.93074206735531817, 5.96669247737031672 51.93606863544268748, 5.9657754667008005 51.93876761439823042, 5.96925992416908624 51.939557791459805, 5.96925992416908624 51.939557791459805)))</t>
  </si>
  <si>
    <t>MultiPolygon (((6.0374847182754765 51.94494662172532884, 6.03815677373182247 51.94536855423777411, 6.04395144792981931 51.94305953307782886, 6.04961348395310505 51.94928445495534675, 6.05802244338450535 51.94653193421688542, 6.05460644614101895 51.94262281849134411, 6.05645680081727722 51.94222976847174778, 6.05480536199219177 51.939935840564317, 6.05302697168156278 51.94032845107309981, 6.05158227520984848 51.9310446020779537, 6.0490160314660697 51.93153990432781342, 6.04738703722990856 51.93032594788793688, 6.04640107561041606 51.9299953770286109, 6.04572370030960649 51.93040092466957702, 6.04235766047238076 51.92777178322901221, 6.04627585629528053 51.92690595104730988, 6.04699523523357918 51.92532768598655935, 6.04539928201771293 51.92409085741898878, 6.04599599177325508 51.92330527094036796, 6.04351447465806046 51.92080356394668428, 6.04471298985367955 51.9201157500557926, 6.04346419393441892 51.91746125315652449, 6.04293976219298479 51.9168089101313015, 6.04184212953951327 51.91695222288779377, 6.04127657282078534 51.91580530227122381, 6.03884291485717739 51.91634019528594735, 6.03789642685039762 51.91471870141329958, 6.03745655763797284 51.91396216530932151, 6.03472423089652121 51.91384604264393943, 6.02699402675675611 51.91651827672483677, 6.01404700623452459 51.91643233448851902, 6.00032978403238726 51.91324166199333945, 5.99727895887681761 51.91307239023807796, 5.99561577656618372 51.91827710959226749, 5.99294609910279785 51.91996977934262247, 5.99243808196423 51.92201976313764078, 5.99458312922437297 51.92184321186879714, 5.99743443122022502 51.92325593924058325, 5.99842263622668348 51.9284052617083205, 6.0033205116533761 51.92838892394019012, 6.00606752451624182 51.93036977500581486, 6.00139856654949533 51.93429322621517485, 6.00444074483579282 51.93764370208759829, 6.01996981196595371 51.93276149864756519, 6.02192754071305902 51.9373301897508739, 6.02470325042091925 51.93751441324520357, 6.02590428592606742 51.93888993044873104, 6.03386657861460396 51.93587645487922799, 6.03245254771274908 51.93874480937498106, 6.0374847182754765 51.94494662172532884, 6.0374847182754765 51.94494662172532884)))</t>
  </si>
  <si>
    <t>MultiPolygon (((6.00895016389290326 51.94563637306932691, 6.02071155493294352 51.9409590461209234, 6.02590428592606742 51.93888993044873104, 6.02470325042091925 51.93751441324520357, 6.02192754071305902 51.9373301897508739, 6.01996981196595371 51.93276149864756519, 6.00444074483579282 51.93764370208759829, 6.00214135688480965 51.93888469311703204, 6.00560662763774822 51.94353917437491219, 6.00895016389290326 51.94563637306932691, 6.00895016389290326 51.94563637306932691)))</t>
  </si>
  <si>
    <t>MultiPolygon (((5.98456895351036255 51.94691040370576474, 5.98757648058358161 51.95044109513786879, 5.98483620489072532 51.95168233860885465, 5.98552494881409025 51.95512890272024009, 6.00895016389290326 51.94563637306932691, 6.00560662763774822 51.94353917437491219, 6.00214135688480965 51.93888469311703204, 5.99969542125334776 51.93991108405533197, 5.99647933442311043 51.93835329629833097, 5.99461208378132593 51.93853065650349521, 5.99042679321492244 51.941212414100427, 5.98436384426837087 51.94302088649833138, 5.98616810517731324 51.94636384871240153, 5.98456895351036255 51.94691040370576474, 5.98456895351036255 51.94691040370576474)))</t>
  </si>
  <si>
    <t>MultiPolygon (((6.02638771648401139 51.95385134534713245, 6.02759320757893136 51.95602430286472639, 6.03393325060152286 51.95392305936151445, 6.03676120720389964 51.95123505435559252, 6.03696574413710429 51.95048632659298704, 6.03272860291601454 51.94962244857024558, 6.03123125858055253 51.94850494183791767, 6.02949485154533527 51.94892034005803083, 6.02838667846958298 51.95256767640815809, 6.02638771648401139 51.95385134534713245, 6.02638771648401139 51.95385134534713245)))</t>
  </si>
  <si>
    <t>MultiPolygon (((6.01666268531942272 51.95214308352296229, 6.0160212868361489 51.95302872402149319, 6.01705936863922641 51.95448397725286327, 6.02357306717525809 51.95492612917566788, 6.02638771648401139 51.95385134534713245, 6.02838667846958298 51.95256767640815809, 6.02949485154533527 51.94892034005803083, 6.02684398386443476 51.9496514258227009, 6.0181881842820264 51.95180043760443311, 6.01666268531942272 51.95214308352296229, 6.01666268531942272 51.95214308352296229)))</t>
  </si>
  <si>
    <t>MultiPolygon (((6.02241128039639317 51.95757727216804511, 6.02759320757893136 51.95602430286472639, 6.02638771648401139 51.95385134534713245, 6.02357306717525809 51.95492612917566788, 6.01705936863922641 51.95448397725286327, 6.0160212868361489 51.95302872402149319, 6.01666268531942272 51.95214308352296229, 6.00710060060108741 51.95431632915153841, 6.01064024938930075 51.95548387992733552, 6.0158417096639214 51.9587254789820534, 6.0182173899432847 51.95885339367342226, 6.02241128039639317 51.95757727216804511, 6.02241128039639317 51.95757727216804511)))</t>
  </si>
  <si>
    <t>MultiPolygon (((6.03569291862056989 51.94636709402108465, 6.0374847182754765 51.94494662172532884, 6.03245254771274908 51.93874480937498106, 6.03386657861460396 51.93587645487922799, 6.02590428592606742 51.93888993044873104, 6.03133948307357493 51.94565807670378632, 6.0337723732605264 51.94520905686768231, 6.03569291862056989 51.94636709402108465, 6.03569291862056989 51.94636709402108465)))</t>
  </si>
  <si>
    <t>MultiPolygon (((6.02684398386443476 51.9496514258227009, 6.02949485154533527 51.94892034005803083, 6.03123125858055253 51.94850494183791767, 6.03569291862056989 51.94636709402108465, 6.0337723732605264 51.94520905686768231, 6.03133948307357493 51.94565807670378632, 6.02590428592606742 51.93888993044873104, 6.02071155493294352 51.9409590461209234, 6.02346786437085679 51.94441197910650487, 6.02205315232599325 51.94522242405387402, 6.02337978797120055 51.94769226765016867, 6.02576734607552034 51.94680088280760089, 6.02684398386443476 51.9496514258227009, 6.02684398386443476 51.9496514258227009)))</t>
  </si>
  <si>
    <t>MultiPolygon (((6.0181881842820264 51.95180043760443311, 6.02684398386443476 51.9496514258227009, 6.02576734607552034 51.94680088280760089, 6.02337978797120055 51.94769226765016867, 6.01357071793388176 51.94873730149138424, 6.01794688892212193 51.95091397873145667, 6.0181881842820264 51.95180043760443311, 6.0181881842820264 51.95180043760443311)))</t>
  </si>
  <si>
    <t>MultiPolygon (((6.01357071793388176 51.94873730149138424, 6.02337978797120055 51.94769226765016867, 6.02205315232599325 51.94522242405387402, 6.02346786437085679 51.94441197910650487, 6.02071155493294352 51.9409590461209234, 6.00895016389290326 51.94563637306932691, 6.01357071793388176 51.94873730149138424, 6.01357071793388176 51.94873730149138424)))</t>
  </si>
  <si>
    <t>MultiPolygon (((5.98769790562840054 51.96291149172783008, 5.99987015383764177 51.96086027341635116, 6.00443497293877293 51.96176246381681807, 6.01035432715673057 51.9585047332235348, 6.01064024938930075 51.95548387992733552, 6.00710060060108741 51.95431632915153841, 6.01666268531942272 51.95214308352296229, 6.0181881842820264 51.95180043760443311, 6.01794688892212193 51.95091397873145667, 6.01357071793388176 51.94873730149138424, 6.00895016389290326 51.94563637306932691, 5.98552494881409025 51.95512890272024009, 5.9869997802155499 51.95991165849006421, 5.98684063219319906 51.96226809944565872, 5.98769790562840054 51.96291149172783008, 5.98769790562840054 51.96291149172783008)))</t>
  </si>
  <si>
    <t>MultiPolygon (((6.00173284636999593 51.97755170432405691, 6.00566416227526201 51.97908815576423791, 6.00987931767753825 51.97886888671294514, 6.0218181743949728 51.97820264424618131, 6.0268892505849081 51.97089308923141715, 6.0343056104363848 51.97135311987764794, 6.0429691218030479 51.97867967715897208, 6.04224760816665363 51.97900957382432807, 6.04723150022817268 51.9806367658287698, 6.06077226149184778 51.98185931592475839, 6.06214748994120889 51.98073947122826866, 6.06863027718179726 51.98047579404772023, 6.06727440556185638 51.97533185835981584, 6.06083884371440718 51.97448324035500633, 6.05998844130760972 51.96324103189863308, 6.0584614880287706 51.95830938395339871, 6.05266523196193784 51.95269778489144841, 6.06326291890019409 51.9490830613651724, 6.06046294301343202 51.94596826292961822, 6.06108585084975715 51.9456558938568449, 6.05645680081727722 51.94222976847174778, 6.05460644614101895 51.94262281849134411, 6.05802244338450535 51.94653193421688542, 6.04961348395310505 51.94928445495534675, 6.04395144792981931 51.94305953307782886, 6.03815677373182247 51.94536855423777411, 6.0374847182754765 51.94494662172532884, 6.03569291862056989 51.94636709402108465, 6.03123125858055253 51.94850494183791767, 6.03272860291601454 51.94962244857024558, 6.03696574413710429 51.95048632659298704, 6.03676120720389964 51.95123505435559252, 6.03393325060152286 51.95392305936151445, 6.02759320757893136 51.95602430286472639, 6.02241128039639317 51.95757727216804511, 6.02368405739637414 51.95941401566330597, 6.02620629556438026 51.95936629422516972, 6.02943088389066428 51.96071991945553492, 6.03188760292014603 51.96379599585161202, 6.03016178108891676 51.96431929662377058, 6.02895585600081318 51.96283702645954605, 6.02423754039184001 51.96635391776208479, 6.02156808238457852 51.97009390411965768, 6.01959087218034927 51.9695542768955363, 6.01607864624556044 51.9744929640920148, 6.00795939444695737 51.97232962459650452, 6.00494647767148759 51.97666153633090858, 6.00111001934073585 51.9756218225536486, 6.0004284506265817 51.97617015240288652, 6.00173284636999593 51.97755170432405691)))</t>
  </si>
  <si>
    <t>MultiPolygon (((5.98769790562840054 51.96291149172783008, 5.98526428566819924 51.96395954084179181, 5.98663635667679106 51.96850008430043033, 5.98400017281452001 51.97239953839568471, 5.99155184150747377 51.97266323022756751, 5.99619183205999562 51.97395592140805576, 6.0004284506265817 51.97617015240288652, 6.00111001934073585 51.9756218225536486, 6.00494647767148759 51.97666153633090858, 6.00795939444695737 51.97232962459650452, 6.01607864624556044 51.9744929640920148, 6.01959087218034927 51.9695542768955363, 6.02156808238457852 51.97009390411965768, 6.02423754039184001 51.96635391776208479, 6.02895585600081318 51.96283702645954605, 6.03016178108891676 51.96431929662377058, 6.03188760292014603 51.96379599585161202, 6.02943088389066428 51.96071991945553492, 6.02620629556438026 51.95936629422516972, 6.02368405739637414 51.95941401566330597, 6.02241128039639317 51.95757727216804511, 6.0182173899432847 51.95885339367342226, 6.0158417096639214 51.9587254789820534, 6.01064024938930075 51.95548387992733552, 6.01035432715673057 51.9585047332235348, 6.00443497293877293 51.96176246381681807, 5.99987015383764177 51.96086027341635116, 5.98769790562840054 51.96291149172783008, 5.98769790562840054 51.96291149172783008)))</t>
  </si>
  <si>
    <t>MultiPolygon (((5.61200944961936266 51.86885639571029571, 5.6204467979677144 51.86768062922701716, 5.63617735356905047 51.86736164697479978, 5.63861459055876857 51.86266619391010124, 5.64012003255188699 51.8560325790584713, 5.637073204993297 51.85356154580262, 5.63534902757383271 51.85111717889620309, 5.63786700915377192 51.84888590784657225, 5.63593258777129957 51.84745731748438402, 5.64320020727199356 51.84498828000278081, 5.62314242556521293 51.84046867415274562, 5.60983528238149631 51.83627384514093706, 5.59849364117949211 51.83785119858957557, 5.59826939856155548 51.83954421137530488, 5.58501328778822614 51.83910658355122081, 5.58454606526748076 51.84153499420506961, 5.58103689261797165 51.85114699104038749, 5.58469640405180456 51.85722809394968635, 5.5787107514236336 51.85920496437460514, 5.57773284479693743 51.86035137484046942, 5.57727326562571513 51.8645849007831572, 5.58050629401540288 51.86464676052277412, 5.58709521169245527 51.86691582814203372, 5.60909183011896406 51.8692761109249858, 5.60809165260128584 51.86614646641059068, 5.61411387917428151 51.86187669232563735, 5.61532170719466972 51.86158791858181161, 5.61699796895590087 51.86378441650266069, 5.62502549066212687 51.8627284806008646, 5.62724441694837374 51.86573090591040369, 5.62080203417422641 51.86550554755487497, 5.61302507449672117 51.86753819114911579, 5.61200944961936266 51.86885639571029571, 5.61200944961936266 51.86885639571029571),(5.60441150691529089 51.8604784913584993, 5.60243185660110665 51.85881438757027695, 5.60643468679687107 51.85739152664599771, 5.60388317915648759 51.85385301304233252, 5.61203725699412193 51.85093754124282128, 5.61520195491877239 51.85362282507523446, 5.61547758676889952 51.85702123604724534, 5.60441150691529089 51.8604784913584993, 5.60441150691529089 51.8604784913584993)))</t>
  </si>
  <si>
    <t>MultiPolygon (((5.60909183011896406 51.8692761109249858, 5.61044821309234987 51.86909044313144079, 5.61200944961936266 51.86885639571029571, 5.61302507449672117 51.86753819114911579, 5.62080203417422641 51.86550554755487497, 5.62724441694837374 51.86573090591040369, 5.62502549066212687 51.8627284806008646, 5.61699796895590087 51.86378441650266069, 5.61532170719466972 51.86158791858181161, 5.61411387917428151 51.86187669232563735, 5.60809165260128584 51.86614646641059068, 5.60909183011896406 51.8692761109249858, 5.60909183011896406 51.8692761109249858)))</t>
  </si>
  <si>
    <t>MultiPolygon (((5.60441150691529089 51.8604784913584993, 5.61547758676889952 51.85702123604724534, 5.61520195491877239 51.85362282507523446, 5.61203725699412193 51.85093754124282128, 5.60388317915648759 51.85385301304233252, 5.60643468679687107 51.85739152664599771, 5.60243185660110665 51.85881438757027695, 5.60441150691529089 51.8604784913584993, 5.60441150691529089 51.8604784913584993)))</t>
  </si>
  <si>
    <t>MultiPolygon (((5.6469518314197984 51.89790671287182278, 5.65468093886810763 51.89679653791956326, 5.66847472333540026 51.89559336864709849, 5.68501378132017177 51.89564847987747953, 5.68246162864077053 51.88977440486552695, 5.67343870599889311 51.89257626789533617, 5.66241650301672017 51.89217106606468377, 5.6595213772249382 51.88979014038043402, 5.65365009922860118 51.88742808711502619, 5.6496395237005963 51.88737186080447827, 5.64756468105711118 51.89151814447778577, 5.64692525473200746 51.89144245898698671, 5.64555342004931049 51.89326364467819275, 5.6469518314197984 51.89790671287182278, 5.6469518314197984 51.89790671287182278)))</t>
  </si>
  <si>
    <t>MultiPolygon (((5.6496395237005963 51.88737186080447827, 5.65365009922860118 51.88742808711502619, 5.6595213772249382 51.88979014038043402, 5.66004083410653536 51.88650062495853632, 5.66524640249889977 51.88222818335955111, 5.66755801858439323 51.88164229637035163, 5.66791142323142783 51.88314435817601122, 5.67273611806270406 51.88575842109835179, 5.6714794728451805 51.88818486135904351, 5.6822288485971022 51.88900493397181179, 5.68029996684863914 51.88443287810159887, 5.67582936926396275 51.87560880280619102, 5.67135883537150409 51.87073331746971405, 5.66785264328992522 51.86592662887238703, 5.66574817320151247 51.86638980630650053, 5.65822865952338461 51.86654695805689386, 5.65953919847237863 51.87280431210022158, 5.65744647931658751 51.8731689700082228, 5.65717559570202511 51.87568074429889009, 5.65816950294235443 51.87727934650478545, 5.65895403903622718 51.87723350604039751, 5.65922678096307763 51.87880295090833016, 5.65427442267990976 51.88036949243277718, 5.65144956757200045 51.88234529604738299, 5.6496395237005963 51.88737186080447827, 5.6496395237005963 51.88737186080447827)))</t>
  </si>
  <si>
    <t>MultiPolygon (((5.6595213772249382 51.88979014038043402, 5.66241650301672017 51.89217106606468377, 5.67343870599889311 51.89257626789533617, 5.68246162864077053 51.88977440486552695, 5.6822288485971022 51.88900493397181179, 5.6714794728451805 51.88818486135904351, 5.67273611806270406 51.88575842109835179, 5.66791142323142783 51.88314435817601122, 5.66755801858439323 51.88164229637035163, 5.66524640249889977 51.88222818335955111, 5.66004083410653536 51.88650062495853632, 5.6595213772249382 51.88979014038043402, 5.6595213772249382 51.88979014038043402)))</t>
  </si>
  <si>
    <t>MultiPolygon (((5.62430072113593926 51.89939573001262119, 5.62583770988094933 51.89939704819043698, 5.6469518314197984 51.89790671287182278, 5.64555342004931049 51.89326364467819275, 5.64692525473200746 51.89144245898698671, 5.64756468105711118 51.89151814447778577, 5.6496395237005963 51.88737186080447827, 5.6457465091155683 51.88962472644349333, 5.63688879901032713 51.88822040317723605, 5.63093872331718792 51.88805086320448368, 5.62696194699812047 51.88995362388531873, 5.62371084375364116 51.89032498117245495, 5.62430072113593926 51.89939573001262119, 5.62430072113593926 51.89939573001262119)))</t>
  </si>
  <si>
    <t>MultiPolygon (((5.62362367103671712 51.89004623216599299, 5.62371084375364116 51.89032498117245495, 5.62696194699812047 51.88995362388531873, 5.63093872331718792 51.88805086320448368, 5.63688879901032713 51.88822040317723605, 5.6457465091155683 51.88962472644349333, 5.6496395237005963 51.88737186080447827, 5.65144956757200045 51.88234529604738299, 5.65427442267990976 51.88036949243277718, 5.65922678096307763 51.87880295090833016, 5.65895403903622718 51.87723350604039751, 5.65816950294235443 51.87727934650478545, 5.65717559570202511 51.87568074429889009, 5.65744647931658751 51.8731689700082228, 5.65953919847237863 51.87280431210022158, 5.65822865952338461 51.86654695805689386, 5.63617735356905047 51.86736164697479978, 5.6204467979677144 51.86768062922701716, 5.61945680546338799 51.87132951884528609, 5.61156746611100665 51.87147947521596336, 5.61114567735093583 51.87187050233037411, 5.61007939867868721 51.87591482779424723, 5.61196442485457325 51.87573106615502638, 5.61459629049384557 51.8813304300674929, 5.61432905522412184 51.88309488928074842, 5.61302202527811467 51.88587173511909612, 5.62445941424385154 51.88608328224474064, 5.6234606059898633 51.88456328950608309, 5.62256000378802412 51.87887607218195996, 5.63580834254045815 51.87599438680468467, 5.63574749906032935 51.87822141937139264, 5.6400507779799165 51.87941206388644133, 5.64178264292808862 51.88107380406550106, 5.64091182787503254 51.88349439866733093, 5.62708076306272797 51.885667787704989, 5.62874538286740123 51.88709568212574652, 5.62670303585864851 51.88888665004364498, 5.62362367103671712 51.89004623216599299, 5.62362367103671712 51.89004623216599299)))</t>
  </si>
  <si>
    <t>MultiPolygon (((5.62445941424385154 51.88608328224474064, 5.62530772621927611 51.88594655901447084, 5.62708076306272797 51.885667787704989, 5.64091182787503254 51.88349439866733093, 5.64178264292808862 51.88107380406550106, 5.6400507779799165 51.87941206388644133, 5.63574749906032935 51.87822141937139264, 5.63580834254045815 51.87599438680468467, 5.62256000378802412 51.87887607218195996, 5.6234606059898633 51.88456328950608309, 5.62445941424385154 51.88608328224474064, 5.62445941424385154 51.88608328224474064)))</t>
  </si>
  <si>
    <t>MultiPolygon (((5.56825292554787854 51.88045475274881824, 5.57091300830499936 51.8821206385650342, 5.57525376924798266 51.88251762509077736, 5.57759501724895035 51.88146219188235619, 5.58418815735107987 51.88376774341742959, 5.58507795695834908 51.88510560442426822, 5.58748849859157737 51.88555954117608593, 5.58433340941041223 51.87746004596849048, 5.58667446937463907 51.87489186367724159, 5.58754911753852124 51.87458304655461205, 5.59299328186402889 51.87646150413500123, 5.59378797624705459 51.87744252381437349, 5.59772069513036286 51.87739014032397478, 5.60869926960476572 51.87574316506081828, 5.60736728637841342 51.87371480274804014, 5.60779566383908978 51.87159166013112355, 5.60990882992795825 51.87213359605618024, 5.61044821309234987 51.86909044313144079, 5.60909183011896406 51.8692761109249858, 5.58709521169245527 51.86691582814203372, 5.58050629401540288 51.86464676052277412, 5.57727326562571513 51.8645849007831572, 5.55307352011408906 51.86263263015016634, 5.55378234198168297 51.87037375732885636, 5.5596189890616845 51.87085048775373508, 5.56025585537333722 51.87504787005084239, 5.56843546242867671 51.87654546921054788, 5.56939379790077993 51.87966561941254895, 5.56825292554787854 51.88045475274881824, 5.56825292554787854 51.88045475274881824)))</t>
  </si>
  <si>
    <t>MultiPolygon (((5.58748849859157737 51.88555954117608593, 5.58765481668947928 51.88556446236830766, 5.58698568089926439 51.88303886182673352, 5.58856161843273647 51.88129019659287167, 5.5963169583623058 51.88130523511038916, 5.59943368902386762 51.88080400541473125, 5.59772069513036286 51.87739014032397478, 5.59378797624705459 51.87744252381437349, 5.59299328186402889 51.87646150413500123, 5.58754911753852124 51.87458304655461205, 5.58667446937463907 51.87489186367724159, 5.58433340941041223 51.87746004596849048, 5.58748849859157737 51.88555954117608593, 5.58748849859157737 51.88555954117608593)))</t>
  </si>
  <si>
    <t>MultiPolygon (((5.55601275360001789 51.90103565459234858, 5.5716407278489779 51.90174523326120237, 5.59908663785529637 51.89912097042498829, 5.62430072113593926 51.89939573001262119, 5.62371084375364116 51.89032498117245495, 5.62362367103671712 51.89004623216599299, 5.61366559850951763 51.89425716929392962, 5.60478982793184954 51.89608120653348777, 5.59825570328077671 51.89550488447961385, 5.5955032494292567 51.8945186855738001, 5.59177586521044123 51.89465248899213634, 5.57699286450412846 51.89243661729039303, 5.5638942573947654 51.89053039762121244, 5.5563757463337522 51.88875032861584202, 5.55066217728386757 51.88804791331492794, 5.5473302259675128 51.8882584175931143, 5.5431215847106543 51.88840384427857799, 5.53988292338129273 51.89117865917691574, 5.5365053488815219 51.89168450725576065, 5.53098297143573081 51.89139351371638043, 5.53136256054789577 51.89475336679319639, 5.54444795114406119 51.89900524633813461, 5.55601275360001789 51.90103565459234858, 5.55601275360001789 51.90103565459234858)))</t>
  </si>
  <si>
    <t>MultiPolygon (((5.60882473263678705 51.88271809581991789, 5.61432905522412184 51.88309488928074842, 5.61459629049384557 51.8813304300674929, 5.61196442485457325 51.87573106615502638, 5.61007939867868721 51.87591482779424723, 5.61114567735093583 51.87187050233037411, 5.61156746611100665 51.87147947521596336, 5.61945680546338799 51.87132951884528609, 5.6204467979677144 51.86768062922701716, 5.61200944961936266 51.86885639571029571, 5.61044821309234987 51.86909044313144079, 5.60990882992795825 51.87213359605618024, 5.60779566383908978 51.87159166013112355, 5.60736728637841342 51.87371480274804014, 5.60869926960476572 51.87574316506081828, 5.60980473187210293 51.87562696836602782, 5.61083425425944693 51.87916598883384722, 5.60882473263678705 51.88271809581991789, 5.60882473263678705 51.88271809581991789)))</t>
  </si>
  <si>
    <t>MultiPolygon (((5.57699286450412846 51.89243661729039303, 5.59177586521044123 51.89465248899213634, 5.592764206036966 51.89157083627266331, 5.59261636629326375 51.8859506423691883, 5.58765481668947928 51.88556446236830766, 5.58748849859157737 51.88555954117608593, 5.58507795695834908 51.88510560442426822, 5.58418815735107987 51.88376774341742959, 5.57759501724895035 51.88146219188235619, 5.57525376924798266 51.88251762509077736, 5.57091300830499936 51.8821206385650342, 5.56825292554787854 51.88045475274881824, 5.56694795175339507 51.88125464268416209, 5.5664374727091106 51.88394834016257562, 5.569895293571963 51.88470732915411077, 5.57145982500385273 51.88391188029333989, 5.57699286450412846 51.89243661729039303, 5.57699286450412846 51.89243661729039303)))</t>
  </si>
  <si>
    <t>MultiPolygon (((5.59943368902386762 51.88080400541473125, 5.60187006555599165 51.88044459039129919, 5.60268731315663793 51.88332181878779892, 5.6050476431789269 51.88419325573308782, 5.60882473263678705 51.88271809581991789, 5.61083425425944693 51.87916598883384722, 5.60980473187210293 51.87562696836602782, 5.60869926960476572 51.87574316506081828, 5.59772069513036286 51.87739014032397478, 5.59943368902386762 51.88080400541473125, 5.59943368902386762 51.88080400541473125)))</t>
  </si>
  <si>
    <t>MultiPolygon (((5.58765481668947928 51.88556446236830766, 5.59261636629326375 51.8859506423691883, 5.60553242556552433 51.88547258025035092, 5.61302202527811467 51.88587173511909612, 5.61432905522412184 51.88309488928074842, 5.60882473263678705 51.88271809581991789, 5.6050476431789269 51.88419325573308782, 5.60268731315663793 51.88332181878779892, 5.60187006555599165 51.88044459039129919, 5.59943368902386762 51.88080400541473125, 5.5963169583623058 51.88130523511038916, 5.58856161843273647 51.88129019659287167, 5.58698568089926439 51.88303886182673352, 5.58765481668947928 51.88556446236830766, 5.58765481668947928 51.88556446236830766)))</t>
  </si>
  <si>
    <t>MultiPolygon (((5.59177586521044123 51.89465248899213634, 5.5955032494292567 51.8945186855738001, 5.59825570328077671 51.89550488447961385, 5.60478982793184954 51.89608120653348777, 5.61366559850951763 51.89425716929392962, 5.62362367103671712 51.89004623216599299, 5.62670303585864851 51.88888665004364498, 5.62874538286740123 51.88709568212574652, 5.62708076306272797 51.885667787704989, 5.62530772621927611 51.88594655901447084, 5.62445941424385154 51.88608328224474064, 5.61302202527811467 51.88587173511909612, 5.60553242556552433 51.88547258025035092, 5.59261636629326375 51.8859506423691883, 5.592764206036966 51.89157083627266331, 5.59177586521044123 51.89465248899213634, 5.59177586521044123 51.89465248899213634)))</t>
  </si>
  <si>
    <t>MultiPolygon (((6.21894796905266478 51.94946127271140313, 6.22946942736780063 51.95222856763221131, 6.23284612082534739 51.94812167812278147, 6.22935425272903398 51.945337002195906, 6.2293046194011561 51.94456464132764495, 6.22075298620699435 51.94457557568685502, 6.21915917889590997 51.94631158568613927, 6.21894796905266478 51.94946127271140313, 6.21894796905266478 51.94946127271140313)))</t>
  </si>
  <si>
    <t>MultiPolygon (((6.14820940903813273 51.97318700058042396, 6.14949995387120829 51.97351610878688888, 6.15207021987097313 51.9714546701990372, 6.16997368670255231 51.96809350216659595, 6.17080199965738263 51.96391019114611254, 6.17305838191173795 51.96561805166564341, 6.1749728024378312 51.96614937685132674, 6.17757623921264987 51.96545633762057292, 6.17888270168642695 51.96653347737836981, 6.1896381499894586 51.96449452998668761, 6.19359096590996039 51.962799035260133, 6.18031729706400412 51.96040117845192441, 6.17097505604216146 51.95707147140218041, 6.16521878931276479 51.95663901745631108, 6.16252088800895681 51.95587770068484446, 6.15094472103197631 51.96626623682807633, 6.14820940903813273 51.97318700058042396, 6.14820940903813273 51.97318700058042396)))</t>
  </si>
  <si>
    <t>MultiPolygon (((6.14468833412835913 51.98050015335358154, 6.16048348693781822 51.98103674845966538, 6.16058266560456502 51.97951273839037611, 6.16843117303692434 51.97980481043541801, 6.17169799880405279 51.98082700218822794, 6.17940735293314436 51.97934504013391432, 6.18343495799955356 51.97953428044134938, 6.18422188389054117 51.97582288547983609, 6.18575872844464492 51.97391659349411697, 6.19410218761641129 51.96979399266574262, 6.1979413521567821 51.96709901987835423, 6.20464693893073527 51.9652946267659388, 6.19359096590996039 51.962799035260133, 6.1896381499894586 51.96449452998668761, 6.17888270168642695 51.96653347737836981, 6.17859653169041145 51.97111837770009402, 6.17540271422432863 51.97189036886810243, 6.17504558821311011 51.96973876558111982, 6.17096453319949934 51.96960793758759678, 6.16997368670255231 51.96809350216659595, 6.15207021987097313 51.9714546701990372, 6.14949995387120829 51.97351610878688888, 6.14820940903813273 51.97318700058042396, 6.14596644748253329 51.97525172465082477, 6.1464664337255499 51.97559194000515248, 6.14468833412835913 51.98050015335358154, 6.14468833412835913 51.98050015335358154)))</t>
  </si>
  <si>
    <t>MultiPolygon (((6.16997368670255231 51.96809350216659595, 6.17096453319949934 51.96960793758759678, 6.17504558821311011 51.96973876558111982, 6.17540271422432863 51.97189036886810243, 6.17859653169041145 51.97111837770009402, 6.17888270168642695 51.96653347737836981, 6.17757623921264987 51.96545633762057292, 6.1749728024378312 51.96614937685132674, 6.17305838191173795 51.96561805166564341, 6.17080199965738263 51.96391019114611254, 6.16997368670255231 51.96809350216659595, 6.16997368670255231 51.96809350216659595)))</t>
  </si>
  <si>
    <t>MultiPolygon (((6.18343495799955356 51.97953428044134938, 6.1909865310530483 51.97905616572955978, 6.20513426294193682 51.98024757250882999, 6.2116789848570928 51.97839026120715289, 6.21342471327731882 51.97849855545810271, 6.21520377171121652 51.97945454508369068, 6.21726014382034808 51.97933194445248972, 6.21241173183734485 51.96817076214515652, 6.21260457325177828 51.96556012545813985, 6.20464693893073527 51.9652946267659388, 6.1979413521567821 51.96709901987835423, 6.19410218761641129 51.96979399266574262, 6.18575872844464492 51.97391659349411697, 6.18422188389054117 51.97582288547983609, 6.18343495799955356 51.97953428044134938, 6.18343495799955356 51.97953428044134938)))</t>
  </si>
  <si>
    <t>MultiPolygon (((6.21726014382034808 51.97933194445248972, 6.22508317253415377 51.97830234784959913, 6.22979976529189461 51.97620685799812179, 6.23459084768433236 51.9737708053431291, 6.23670634616145492 51.96895130882644054, 6.22731014067100386 51.96495546392251441, 6.2184845776123554 51.9650945498275405, 6.21260457325177828 51.96556012545813985, 6.21241173183734485 51.96817076214515652, 6.21726014382034808 51.97933194445248972, 6.21726014382034808 51.97933194445248972)))</t>
  </si>
  <si>
    <t>MultiPolygon (((6.2184845776123554 51.9650945498275405, 6.22731014067100386 51.96495546392251441, 6.23670634616145492 51.96895130882644054, 6.24221170256464308 51.96305316936638263, 6.2477436756142497 51.95880631075718981, 6.22019859246170981 51.95803822580536746, 6.2184845776123554 51.9650945498275405, 6.2184845776123554 51.9650945498275405)))</t>
  </si>
  <si>
    <t>MultiPolygon (((6.22019859246170981 51.95803822580536746, 6.2477436756142497 51.95880631075718981, 6.25058287671921864 51.95689381306938515, 6.25407242327468804 51.95371288681560173, 6.25832064931379684 51.94902753027146503, 6.26230080105257869 51.94545227885356553, 6.25427651298459608 51.94325297945351849, 6.2293046194011561 51.94456464132764495, 6.22935425272903398 51.945337002195906, 6.23284612082534739 51.94812167812278147, 6.22946942736780063 51.95222856763221131, 6.21894796905266478 51.94946127271140313, 6.21841415305680201 51.95212995275443291, 6.22019859246170981 51.95803822580536746, 6.22019859246170981 51.95803822580536746)))</t>
  </si>
  <si>
    <t>MultiPolygon (((6.20306837280475953 51.95408551040652867, 6.21524844892697814 51.95766311482601196, 6.22019859246170981 51.95803822580536746, 6.21841415305680201 51.95212995275443291, 6.21894796905266478 51.94946127271140313, 6.21915917889590997 51.94631158568613927, 6.22075298620699435 51.94457557568685502, 6.22136003078035404 51.94392790789419223, 6.21904131391453774 51.9431415747848817, 6.21638319639319192 51.94412241841428113, 6.21460280238218576 51.94322037183033558, 6.21204840155683513 51.94289339594352128, 6.21032617852665236 51.94338217193073604, 6.2044223802831473 51.94238216225922855, 6.2028825043769853 51.94151714268296871, 6.20272722035774215 51.93901578872013403, 6.20561812524696332 51.93772925957445352, 6.20500980599924201 51.93664020310541218, 6.19326280423114817 51.94088274819599604, 6.19173342007682237 51.94245176048096369, 6.18842561262295465 51.94333869949502258, 6.18859055834005378 51.9455360967359141, 6.18602273013774973 51.94608769606063703, 6.18462055967157553 51.94769165839639413, 6.18277382878030046 51.94812543647125835, 6.20306837280475953 51.95408551040652867, 6.20306837280475953 51.95408551040652867)))</t>
  </si>
  <si>
    <t>MultiPolygon (((6.16252088800895681 51.95587770068484446, 6.16521878931276479 51.95663901745631108, 6.17097505604216146 51.95707147140218041, 6.18031729706400412 51.96040117845192441, 6.19359096590996039 51.962799035260133, 6.19979203056507622 51.96304621461523254, 6.20022927876733654 51.95833460290526773, 6.20254638414257453 51.95689476783132932, 6.20306837280475953 51.95408551040652867, 6.18277382878030046 51.94812543647125835, 6.18274948416379466 51.94814951807559567, 6.17850895158285862 51.94870281907746801, 6.17237692754145328 51.95254465936091748, 6.16252088800895681 51.95587770068484446, 6.16252088800895681 51.95587770068484446)))</t>
  </si>
  <si>
    <t>MultiPolygon (((6.20464693893073527 51.9652946267659388, 6.21260457325177828 51.96556012545813985, 6.2184845776123554 51.9650945498275405, 6.22019859246170981 51.95803822580536746, 6.21524844892697814 51.95766311482601196, 6.20306837280475953 51.95408551040652867, 6.20254638414257453 51.95689476783132932, 6.20022927876733654 51.95833460290526773, 6.19979203056507622 51.96304621461523254, 6.19359096590996039 51.962799035260133, 6.20464693893073527 51.9652946267659388, 6.20464693893073527 51.9652946267659388)))</t>
  </si>
  <si>
    <t>MultiPolygon (((6.37609546073631694 51.9545962357950728, 6.39629131134134798 51.95252567054349413, 6.38823064875521229 51.94497718615876636, 6.3754780928703676 51.9443743069076902, 6.36408534099062706 51.94617101806338866, 6.36866135547030332 51.94805222196640671, 6.37303557896579775 51.95407395524461691, 6.37609546073631694 51.9545962357950728, 6.37609546073631694 51.9545962357950728)))</t>
  </si>
  <si>
    <t>MultiPolygon (((6.36408534099062706 51.94617101806338866, 6.3754780928703676 51.9443743069076902, 6.38823064875521229 51.94497718615876636, 6.38439725607343878 51.9411346071977249, 6.37996324400455883 51.93628148953729351, 6.38176700586236123 51.93457104730605067, 6.38131182431684163 51.93331587966464724, 6.37684709609757849 51.93005098986325407, 6.37160593625690552 51.92760671754061974, 6.36255395871091878 51.92377118093930477, 6.35988740351264514 51.92544937281110151, 6.35983656081006998 51.92707718573728215, 6.3575311627976383 51.92771088448946415, 6.35595517049558101 51.93011415791483643, 6.35816716565559137 51.9369557894154994, 6.35684038143796037 51.93905241622110225, 6.34982348650451911 51.9425677090556448, 6.36408534099062706 51.94617101806338866, 6.36408534099062706 51.94617101806338866)))</t>
  </si>
  <si>
    <t>MultiPolygon (((6.35454948580630141 51.94836195027487946, 6.36408534099062706 51.94617101806338866, 6.34982348650451911 51.9425677090556448, 6.34351672093297303 51.93972037248980911, 6.34073312451659188 51.93806024647803099, 6.33828607331512472 51.93771332974002775, 6.34035881018423098 51.94375144515223752, 6.34632357049939788 51.94623385875786425, 6.34930850033430616 51.94515241679653883, 6.35267790784144637 51.94635449475805444, 6.35454948580630141 51.94836195027487946, 6.35454948580630141 51.94836195027487946)))</t>
  </si>
  <si>
    <t>MultiPolygon (((6.34351672093297303 51.93972037248980911, 6.34982348650451911 51.9425677090556448, 6.35684038143796037 51.93905241622110225, 6.35816716565559137 51.9369557894154994, 6.35595517049558101 51.93011415791483643, 6.3575311627976383 51.92771088448946415, 6.35983656081006998 51.92707718573728215, 6.35988740351264514 51.92544937281110151, 6.34366049417410771 51.93296200953851383, 6.3468357620613709 51.93632973843339329, 6.3469205710411476 51.93779723996804165, 6.34351672093297303 51.93972037248980911, 6.34351672093297303 51.93972037248980911)))</t>
  </si>
  <si>
    <t>MultiPolygon (((6.33828607331512472 51.93771332974002775, 6.34073312451659188 51.93806024647803099, 6.34351672093297303 51.93972037248980911, 6.3469205710411476 51.93779723996804165, 6.3468357620613709 51.93632973843339329, 6.34366049417410771 51.93296200953851383, 6.3401207389777916 51.93045903100291838, 6.33705190567298704 51.92752964416195738, 6.34005149898977383 51.92568960057796801, 6.33893900826675605 51.92483320083441356, 6.33803911850711987 51.92489148831805323, 6.33684319421766595 51.92610510717430827, 6.33342089570291122 51.92546839647886259, 6.33132955149388188 51.92603631342463189, 6.32686510878019703 51.92928529350411537, 6.32173525287776439 51.93518796344436339, 6.32843663387602184 51.93546618774472279, 6.3323167615372471 51.93468930887333812, 6.33373337175408579 51.9353764482424296, 6.33446788701671171 51.93724095937859175, 6.33828607331512472 51.93771332974002775, 6.33828607331512472 51.93771332974002775)))</t>
  </si>
  <si>
    <t>MultiPolygon (((6.3401207389777916 51.93045903100291838, 6.34366049417410771 51.93296200953851383, 6.35988740351264514 51.92544937281110151, 6.36255395871091878 51.92377118093930477, 6.36084529933482568 51.92296657975476393, 6.35871504959645417 51.92555059075036183, 6.3438631583337699 51.9290067438149805, 6.3401207389777916 51.93045903100291838, 6.3401207389777916 51.93045903100291838)))</t>
  </si>
  <si>
    <t>MultiPolygon (((6.34005149898977383 51.92568960057796801, 6.33705190567298704 51.92752964416195738, 6.3401207389777916 51.93045903100291838, 6.3438631583337699 51.9290067438149805, 6.35871504959645417 51.92555059075036183, 6.36084529933482568 51.92296657975476393, 6.35839626698964544 51.9228719126920879, 6.35558339329661148 51.92364074920403283, 6.34917180651079427 51.9237139170497386, 6.34858891935512215 51.92455915752127282, 6.34005149898977383 51.92568960057796801, 6.34005149898977383 51.92568960057796801)))</t>
  </si>
  <si>
    <t>MultiPolygon (((6.31427010088352336 51.99409725896268952, 6.31913327958865345 51.99426071114083214, 6.32253946404438505 51.99341770306030241, 6.32645497884360442 51.99188890005621744, 6.32900559892157411 51.98914245579219084, 6.32688475858674071 51.98906109337444548, 6.31788882791435924 51.9828508373569349, 6.30962313324616986 51.98066804356218285, 6.30672482818413283 51.98176451494918382, 6.30156402606888033 51.98429884219122954, 6.29565761174464456 51.98846694271538382, 6.30477535194746253 51.99194784959383497, 6.31427010088352336 51.99409725896268952, 6.31427010088352336 51.99409725896268952)))</t>
  </si>
  <si>
    <t>MultiPolygon (((6.29392606250834774 51.99203497346111646, 6.2943405832025352 51.99031599645469726, 6.2954703213203338 51.98867707235096702, 6.29450307412629151 51.98905048684832053, 6.29189213786760781 51.98819388958590082, 6.28858291595558327 51.98961990821850065, 6.29392606250834774 51.99203497346111646, 6.29392606250834774 51.99203497346111646)))</t>
  </si>
  <si>
    <t>MultiPolygon (((6.25226047747972125 51.98683341568048633, 6.25436736033269014 51.98807002562075752, 6.25936233674589459 51.98746245199892968, 6.26005189387898131 51.98683466213928739, 6.2588376438680875 51.98347257524717691, 6.25226047747972125 51.98683341568048633, 6.25226047747972125 51.98683341568048633)))</t>
  </si>
  <si>
    <t>MultiPolygon (((6.26005189387898131 51.98683466213928739, 6.26392734651547922 51.98479268119456265, 6.26734308377690752 51.98377003475754066, 6.26894369030728615 51.98397734170590923, 6.27052289814317021 51.9834419760642632, 6.27229923532342326 51.98369081121815327, 6.27386993851240771 51.98460333404697309, 6.28224010370020913 51.97614508624176466, 6.28079482405427214 51.97439262994261355, 6.27605096718284194 51.97222682134053429, 6.2673828279570607 51.9769163204013509, 6.26305075363399499 51.97935790104952503, 6.2588376438680875 51.98347257524717691, 6.26005189387898131 51.98683466213928739, 6.26005189387898131 51.98683466213928739)))</t>
  </si>
  <si>
    <t>MultiPolygon (((6.29189673528607063 51.99334536864995471, 6.29392606250834774 51.99203497346111646, 6.28858291595558327 51.98961990821850065, 6.29189213786760781 51.98819388958590082, 6.29450307412629151 51.98905048684832053, 6.2954703213203338 51.98867707235096702, 6.29565761174464456 51.98846694271538382, 6.30156402606888033 51.98429884219122954, 6.30672482818413283 51.98176451494918382, 6.30691480551440886 51.97906338142594507, 6.30226160092957244 51.97644572152382381, 6.30005585813520419 51.97783642193758169, 6.2995373274338462 51.97972563220302789, 6.29667132829737586 51.98253100540433991, 6.29226614269744466 51.9846382997348968, 6.28681530226605645 51.98801098943596344, 6.282359257687677 51.98427820780737107, 6.28691520286408601 51.98134410148011142, 6.2838616173457833 51.97758773482519246, 6.28224010370020913 51.97614508624176466, 6.27386993851240771 51.98460333404697309, 6.27465093141396757 51.98528849188610934, 6.27894477835349463 51.98491255953174317, 6.29189673528607063 51.99334536864995471, 6.29189673528607063 51.99334536864995471)))</t>
  </si>
  <si>
    <t>MultiPolygon (((6.28996502497181265 51.98180740908870945, 6.29226614269744466 51.9846382997348968, 6.29667132829737586 51.98253100540433991, 6.2995373274338462 51.97972563220302789, 6.30005585813520419 51.97783642193758169, 6.30226160092957244 51.97644572152382381, 6.30164234229529363 51.97488562965458669, 6.29454773655083333 51.97708733310630436, 6.29457214562502543 51.97827894118918834, 6.29130769399288159 51.97930328545962197, 6.29107778702300724 51.98111921388953505, 6.28996502497181265 51.98180740908870945, 6.28996502497181265 51.98180740908870945)))</t>
  </si>
  <si>
    <t>MultiPolygon (((6.29454773655083333 51.97708733310630436, 6.30164234229529363 51.97488562965458669, 6.30157847148721295 51.97299468909449871, 6.29785555936252983 51.97034897222948757, 6.29707324544372327 51.96895373535217288, 6.29253308202157058 51.97082754400849325, 6.28959102690793515 51.97140023224546468, 6.29454773655083333 51.97708733310630436, 6.29454773655083333 51.97708733310630436)))</t>
  </si>
  <si>
    <t>MultiPolygon (((6.28996502497181265 51.98180740908870945, 6.29107778702300724 51.98111921388953505, 6.29130769399288159 51.97930328545962197, 6.29457214562502543 51.97827894118918834, 6.29454773655083333 51.97708733310630436, 6.28959102690793515 51.97140023224546468, 6.28680923375354173 51.97315177816579279, 6.28812471614263391 51.97653836376767345, 6.28947630483172127 51.97926931381935134, 6.28900883933823707 51.98108578638141353, 6.28996502497181265 51.98180740908870945, 6.28996502497181265 51.98180740908870945)))</t>
  </si>
  <si>
    <t>MultiPolygon (((6.28996502497181265 51.98180740908870945, 6.28900883933823707 51.98108578638141353, 6.28947630483172127 51.97926931381935134, 6.28812471614263391 51.97653836376767345, 6.2838616173457833 51.97758773482519246, 6.28691520286408601 51.98134410148011142, 6.282359257687677 51.98427820780737107, 6.28681530226605645 51.98801098943596344, 6.29226614269744466 51.9846382997348968, 6.28996502497181265 51.98180740908870945, 6.28996502497181265 51.98180740908870945)))</t>
  </si>
  <si>
    <t>MultiPolygon (((6.2838616173457833 51.97758773482519246, 6.28812471614263391 51.97653836376767345, 6.28680923375354173 51.97315177816579279, 6.28414627289772998 51.97082602600239909, 6.28216374180948822 51.97243295751001568, 6.28298376290804583 51.972926805051749, 6.28079482405427214 51.97439262994261355, 6.28224010370020913 51.97614508624176466, 6.2838616173457833 51.97758773482519246, 6.2838616173457833 51.97758773482519246)))</t>
  </si>
  <si>
    <t>MultiPolygon (((6.27605096718284194 51.97222682134053429, 6.28079482405427214 51.97439262994261355, 6.28298376290804583 51.972926805051749, 6.28216374180948822 51.97243295751001568, 6.28414627289772998 51.97082602600239909, 6.28191639266371915 51.96974213272528687, 6.27605096718284194 51.97222682134053429, 6.27605096718284194 51.97222682134053429)))</t>
  </si>
  <si>
    <t>MultiPolygon (((6.25226047747972125 51.98683341568048633, 6.2588376438680875 51.98347257524717691, 6.25729882840113927 51.98252847367545826, 6.24794874968993774 51.98408599734711544, 6.25072078680443965 51.98732938809700244, 6.25226047747972125 51.98683341568048633, 6.25226047747972125 51.98683341568048633)))</t>
  </si>
  <si>
    <t>MultiPolygon (((6.25729882840113927 51.98252847367545826, 6.2588376438680875 51.98347257524717691, 6.26305075363399499 51.97935790104952503, 6.2673828279570607 51.9769163204013509, 6.26717219773536005 51.97587104746896358, 6.26139125006571629 51.97193933419123368, 6.2580660672834636 51.97352920292484413, 6.25449283716332349 51.97416687771416832, 6.25071337891115508 51.97462788694431879, 6.24439055736667026 51.97784226071198077, 6.24734751016128342 51.97731643373112576, 6.24837433537189746 51.97628654457132313, 6.24978808601526659 51.97596466473193999, 6.25271577886134011 51.97896758252257854, 6.25283860449080642 51.97990436234479006, 6.25680818301495645 51.98097524007803827, 6.25729882840113927 51.98252847367545826, 6.25729882840113927 51.98252847367545826)))</t>
  </si>
  <si>
    <t>MultiPolygon (((6.2673828279570607 51.9769163204013509, 6.27605096718284194 51.97222682134053429, 6.27159888924618958 51.96760974610825201, 6.26854629867264546 51.96858835111084574, 6.26556100115453507 51.9706144961246963, 6.26139125006571629 51.97193933419123368, 6.26717219773536005 51.97587104746896358, 6.2673828279570607 51.9769163204013509, 6.2673828279570607 51.9769163204013509)))</t>
  </si>
  <si>
    <t>MultiPolygon (((6.27605096718284194 51.97222682134053429, 6.28191639266371915 51.96974213272528687, 6.27894502021379797 51.96657260109137866, 6.27159888924618958 51.96760974610825201, 6.27605096718284194 51.97222682134053429, 6.27605096718284194 51.97222682134053429)))</t>
  </si>
  <si>
    <t>MultiPolygon (((6.27580735718477456 51.95897722945712616, 6.28729518376723107 51.95865505687584118, 6.28707480457168622 51.95656054791641765, 6.27986803993533549 51.95557093885597766, 6.27681650242694911 51.95573242359207455, 6.27532322964988332 51.95443809105897515, 6.27580735718477456 51.95897722945712616, 6.27580735718477456 51.95897722945712616)))</t>
  </si>
  <si>
    <t>MultiPolygon (((6.27986803993533549 51.95557093885597766, 6.28707480457168622 51.95656054791641765, 6.28741576679066938 51.95426852461362444, 6.28700981435104023 51.9515423042851836, 6.28471457442550818 51.94933244596553834, 6.28292464686942864 51.94948764255736506, 6.2825245667590659 51.95307151062453954, 6.28094288709968929 51.95421702059958591, 6.27986803993533549 51.95557093885597766, 6.27986803993533549 51.95557093885597766)))</t>
  </si>
  <si>
    <t>MultiPolygon (((6.28094288709968929 51.95421702059958591, 6.2825245667590659 51.95307151062453954, 6.28292464686942864 51.94948764255736506, 6.28471457442550818 51.94933244596553834, 6.28443229116195301 51.94859713361196896, 6.28266951137796958 51.94793237501703231, 6.27843877424372998 51.94898230064745093, 6.28094288709968929 51.95421702059958591, 6.28094288709968929 51.95421702059958591)))</t>
  </si>
  <si>
    <t>MultiPolygon (((6.27532322964988332 51.95443809105897515, 6.27681650242694911 51.95573242359207455, 6.27986803993533549 51.95557093885597766, 6.28094288709968929 51.95421702059958591, 6.27843877424372998 51.94898230064745093, 6.27707678590976847 51.94903080291680908, 6.27718337306286145 51.94987771506488627, 6.27425265243586683 51.95000420296024402, 6.27532322964988332 51.95443809105897515, 6.27532322964988332 51.95443809105897515)))</t>
  </si>
  <si>
    <t>MultiPolygon (((6.28471457442550818 51.94933244596553834, 6.28700981435104023 51.9515423042851836, 6.29382018176463554 51.94376685781195135, 6.27902396919893491 51.94334406058342779, 6.27539179233883182 51.94179949533286589, 6.27284766226136714 51.94188485866146721, 6.27287351115035552 51.94317880647041363, 6.2736117814143384 51.94319782618556047, 6.27425265243586683 51.95000420296024402, 6.27718337306286145 51.94987771506488627, 6.27707678590976847 51.94903080291680908, 6.27843877424372998 51.94898230064745093, 6.28266951137796958 51.94793237501703231, 6.28443229116195301 51.94859713361196896, 6.28471457442550818 51.94933244596553834, 6.28471457442550818 51.94933244596553834)))</t>
  </si>
  <si>
    <t>MultiPolygon (((6.26432605838754242 51.95925208599044964, 6.27580735718477456 51.95897722945712616, 6.27532322964988332 51.95443809105897515, 6.27425265243586683 51.95000420296024402, 6.2736117814143384 51.94319782618556047, 6.27287351115035552 51.94317880647041363, 6.26287700586493035 51.94295722602380749, 6.25427651298459608 51.94325297945351849, 6.26230080105257869 51.94545227885356553, 6.26491109473973218 51.94722740080132439, 6.2653525819900473 51.94869748255291597, 6.26814069797137918 51.94891569366582473, 6.2713441115837103 51.95249250192708246, 6.27184977166478053 51.95441008669187966, 6.26914781386477138 51.95752489275226083, 6.26432605838754242 51.95925208599044964, 6.26432605838754242 51.95925208599044964)))</t>
  </si>
  <si>
    <t>MultiPolygon (((6.25891547594378661 51.95911609287824717, 6.26432605838754242 51.95925208599044964, 6.26914781386477138 51.95752489275226083, 6.26079304007801696 51.95582849999561148, 6.25891547594378661 51.95911609287824717, 6.25891547594378661 51.95911609287824717)))</t>
  </si>
  <si>
    <t>MultiPolygon (((6.26079304007801696 51.95582849999561148, 6.26914781386477138 51.95752489275226083, 6.27184977166478053 51.95441008669187966, 6.26998283040880455 51.95453274785421627, 6.26177573637695417 51.95289191049572253, 6.26079304007801696 51.95582849999561148, 6.26079304007801696 51.95582849999561148)))</t>
  </si>
  <si>
    <t>MultiPolygon (((6.26177573637695417 51.95289191049572253, 6.26998283040880455 51.95453274785421627, 6.27184977166478053 51.95441008669187966, 6.2713441115837103 51.95249250192708246, 6.26814069797137918 51.94891569366582473, 6.26205221195903672 51.952209869944177, 6.26177573637695417 51.95289191049572253, 6.26177573637695417 51.95289191049572253)))</t>
  </si>
  <si>
    <t>MultiPolygon (((6.25832064931379684 51.94902753027146503, 6.26205221195903672 51.952209869944177, 6.26814069797137918 51.94891569366582473, 6.2653525819900473 51.94869748255291597, 6.26491109473973218 51.94722740080132439, 6.26230080105257869 51.94545227885356553, 6.25832064931379684 51.94902753027146503, 6.25832064931379684 51.94902753027146503)))</t>
  </si>
  <si>
    <t>MultiPolygon (((6.25407242327468804 51.95371288681560173, 6.25761808175295986 51.95547744574312787, 6.26079304007801696 51.95582849999561148, 6.26177573637695417 51.95289191049572253, 6.26205221195903672 51.952209869944177, 6.25832064931379684 51.94902753027146503, 6.25407242327468804 51.95371288681560173, 6.25407242327468804 51.95371288681560173)))</t>
  </si>
  <si>
    <t>MultiPolygon (((6.25707099048668081 51.95906544862410925, 6.25891547594378661 51.95911609287824717, 6.26079304007801696 51.95582849999561148, 6.25761808175295986 51.95547744574312787, 6.25407242327468804 51.95371288681560173, 6.25058287671921864 51.95689381306938515, 6.25730441497557344 51.9578562974358249, 6.25707099048668081 51.95906544862410925, 6.25707099048668081 51.95906544862410925)))</t>
  </si>
  <si>
    <t>MultiPolygon (((6.2477436756142497 51.95880631075718981, 6.25707099048668081 51.95906544862410925, 6.25730441497557344 51.9578562974358249, 6.25058287671921864 51.95689381306938515, 6.2477436756142497 51.95880631075718981, 6.2477436756142497 51.95880631075718981)))</t>
  </si>
  <si>
    <t>MultiPolygon (((6.23211266546178777 51.98836545385088215, 6.23578138847089924 51.98501108054356479, 6.23423620117899624 51.98342465771774812, 6.2348030997629289 51.9826141706591045, 6.23715193584212368 51.98106827670115138, 6.23859511468431638 51.98130143825560623, 6.24072511863615276 51.98059829932328313, 6.24272662813839574 51.98100463023239115, 6.24470798169925523 51.98004208197667708, 6.24341072878601011 51.97892948525102241, 6.24318573102024033 51.9776043771012155, 6.24439055736667026 51.97784226071198077, 6.25071337891115508 51.97462788694431879, 6.25449283716332349 51.97416687771416832, 6.25510414369873224 51.97288775930962146, 6.25200428623318061 51.97012675649339997, 6.24535198113257461 51.96969089400962361, 6.23670634616145492 51.96895130882644054, 6.23459084768433236 51.9737708053431291, 6.22979976529189461 51.97620685799812179, 6.22928017814985857 51.97677660526409227, 6.23111918240850393 51.97864901529741388, 6.2301307279398852 51.97909099050330184, 6.23160809510355573 51.98083605414553432, 6.22241731634612893 51.98414782958072777, 6.22399353577813841 51.98581830889628463, 6.22808662373051902 51.98779501904175504, 6.2287211671527114 51.98717229998609923, 6.2325214502804922 51.98648155655198622, 6.23211266546178777 51.98836545385088215, 6.23211266546178777 51.98836545385088215)))</t>
  </si>
  <si>
    <t>MultiPolygon (((6.25449283716332349 51.97416687771416832, 6.2580660672834636 51.97352920292484413, 6.26139125006571629 51.97193933419123368, 6.26556100115453507 51.9706144961246963, 6.26854629867264546 51.96858835111084574, 6.27159888924618958 51.96760974610825201, 6.26785591048888246 51.96393606091385209, 6.25968241281156867 51.9685977117945086, 6.25587510696973403 51.96984828348058016, 6.25200428623318061 51.97012675649339997, 6.25510414369873224 51.97288775930962146, 6.25449283716332349 51.97416687771416832, 6.25449283716332349 51.97416687771416832)))</t>
  </si>
  <si>
    <t>MultiPolygon (((6.27159888924618958 51.96760974610825201, 6.27894502021379797 51.96657260109137866, 6.28239681437843966 51.96616293900163441, 6.28407357339084882 51.96523709220361553, 6.27702089732431379 51.96026765901848421, 6.26785591048888246 51.96393606091385209, 6.27159888924618958 51.96760974610825201, 6.27159888924618958 51.96760974610825201)))</t>
  </si>
  <si>
    <t>MultiPolygon (((6.24535198113257461 51.96969089400962361, 6.25200428623318061 51.97012675649339997, 6.25587510696973403 51.96984828348058016, 6.25968241281156867 51.9685977117945086, 6.25428716778247029 51.96489386000824595, 6.25221812787720665 51.96516711868553529, 6.24613557026611765 51.96739741811597924, 6.24466133022454084 51.96895173353814812, 6.24535198113257461 51.96969089400962361, 6.24535198113257461 51.96969089400962361)))</t>
  </si>
  <si>
    <t>MultiPolygon (((6.23670634616145492 51.96895130882644054, 6.24535198113257461 51.96969089400962361, 6.24466133022454084 51.96895173353814812, 6.24613557026611765 51.96739741811597924, 6.25221812787720665 51.96516711868553529, 6.24971362945581799 51.96285804650059958, 6.25274190988944945 51.95942540988993841, 6.25827796505668843 51.96012247810951123, 6.25891547594378661 51.95911609287824717, 6.25707099048668081 51.95906544862410925, 6.2477436756142497 51.95880631075718981, 6.24221170256464308 51.96305316936638263, 6.23670634616145492 51.96895130882644054, 6.23670634616145492 51.96895130882644054)))</t>
  </si>
  <si>
    <t>MultiPolygon (((6.25221812787720665 51.96516711868553529, 6.25567839045869167 51.96326050686565168, 6.25836379092147155 51.9635088185922811, 6.26270676011880134 51.96210542496444162, 6.2627497526173217 51.96159451072075086, 6.25827796505668843 51.96012247810951123, 6.25274190988944945 51.95942540988993841, 6.24971362945581799 51.96285804650059958, 6.25221812787720665 51.96516711868553529, 6.25221812787720665 51.96516711868553529)))</t>
  </si>
  <si>
    <t>MultiPolygon (((6.25221812787720665 51.96516711868553529, 6.25428716778247029 51.96489386000824595, 6.25968241281156867 51.9685977117945086, 6.26785591048888246 51.96393606091385209, 6.2649633552995283 51.96146482046179926, 6.2627497526173217 51.96159451072075086, 6.26270676011880134 51.96210542496444162, 6.25836379092147155 51.9635088185922811, 6.25567839045869167 51.96326050686565168, 6.25221812787720665 51.96516711868553529, 6.25221812787720665 51.96516711868553529)))</t>
  </si>
  <si>
    <t>MultiPolygon (((6.2627497526173217 51.96159451072075086, 6.2649633552995283 51.96146482046179926, 6.26785591048888246 51.96393606091385209, 6.27702089732431379 51.96026765901848421, 6.27580735718477456 51.95897722945712616, 6.26432605838754242 51.95925208599044964, 6.25891547594378661 51.95911609287824717, 6.25827796505668843 51.96012247810951123, 6.2627497526173217 51.96159451072075086, 6.2627497526173217 51.96159451072075086)))</t>
  </si>
  <si>
    <t>MultiPolygon (((6.28407357339084882 51.96523709220361553, 6.2875696818781579 51.96271874162818705, 6.28729518376723107 51.95865505687584118, 6.27580735718477456 51.95897722945712616, 6.27702089732431379 51.96026765901848421, 6.28407357339084882 51.96523709220361553, 6.28407357339084882 51.96523709220361553)))</t>
  </si>
  <si>
    <t>MultiPolygon (((6.30206636708189816 51.94413404847922777, 6.30197893214724925 51.94450622989913313, 6.30900630926742423 51.94539271351850118, 6.31187849302130033 51.94263092420856509, 6.31299969847547171 51.94273417255039504, 6.31762843293150933 51.94076610656011184, 6.32325618035909276 51.93723701833427242, 6.32843663387602184 51.93546618774472279, 6.32173525287776439 51.93518796344436339, 6.31998236595818508 51.93596829633523981, 6.31460763781694912 51.93650246133633885, 6.30860415510074102 51.93976399716944314, 6.30576280388550447 51.93882101911977145, 6.30184333897315518 51.94196520675691886, 6.30206636708189816 51.94413404847922777, 6.30206636708189816 51.94413404847922777)))</t>
  </si>
  <si>
    <t>MultiPolygon (((6.28741576679066938 51.95426852461362444, 6.29263117925676596 51.95447012141792698, 6.30158457479289424 51.95607184530133793, 6.30900630926742423 51.94539271351850118, 6.30197893214724925 51.94450622989913313, 6.30206636708189816 51.94413404847922777, 6.29382018176463554 51.94376685781195135, 6.28700981435104023 51.9515423042851836, 6.28741576679066938 51.95426852461362444, 6.28741576679066938 51.95426852461362444)))</t>
  </si>
  <si>
    <t>MultiPolygon (((6.28729518376723107 51.95865505687584118, 6.29764137101330146 51.95832896347927488, 6.30158457479289424 51.95607184530133793, 6.29263117925676596 51.95447012141792698, 6.28741576679066938 51.95426852461362444, 6.28707480457168622 51.95656054791641765, 6.28729518376723107 51.95865505687584118, 6.28729518376723107 51.95865505687584118)))</t>
  </si>
  <si>
    <t>MultiPolygon (((6.2875696818781579 51.96271874162818705, 6.2910984487120869 51.96360215033662655, 6.29415396009462125 51.96037898332541971, 6.29701083527307315 51.95875039592024081, 6.29764137101330146 51.95832896347927488, 6.28729518376723107 51.95865505687584118, 6.2875696818781579 51.96271874162818705, 6.2875696818781579 51.96271874162818705)))</t>
  </si>
  <si>
    <t>MultiPolygon (((6.40251967196962024 51.98215059805060179, 6.41608186559837357 51.97262191748109927, 6.40997375716605777 51.96588678005610973, 6.40438701110962594 51.95873695041287732, 6.39629131134134798 51.95252567054349413, 6.37609546073631694 51.9545962357950728, 6.37002350673869611 51.95678992460562284, 6.36561290336977237 51.95609354347963205, 6.35266439792351889 51.96372839593936277, 6.35968318077402017 51.96975219223104148, 6.36533848836922189 51.96962621096450619, 6.36835075716099652 51.96853242125919792, 6.3734561762192854 51.96985834004275517, 6.38139209808197005 51.96797881721811052, 6.39037803429163098 51.96832788302859285, 6.39082092525392298 51.97073776331706085, 6.38832518336357502 51.97611687909593314, 6.38583906785236799 51.97616968425838024, 6.38087808244334909 51.97773814290826522, 6.39030592603909664 51.98025853082454972, 6.39639968027359274 51.98001184514863127, 6.40251967196962024 51.98215059805060179, 6.40251967196962024 51.98215059805060179)))</t>
  </si>
  <si>
    <t>MultiPolygon (((6.32638248454873775 51.97589620818383338, 6.32646639701760982 51.97598767401430564, 6.3275188836270635 51.97574945168810245, 6.33737472137017388 51.97468474562169405, 6.35350586995923994 51.9746750816798837, 6.3698574740677989 51.97621594123472022, 6.36876533275861068 51.97313755121890466, 6.36629070979251743 51.97177574653798615, 6.36533848836922189 51.96962621096450619, 6.35968318077402017 51.96975219223104148, 6.35266439792351889 51.96372839593936277, 6.34695246997725793 51.96665005834476858, 6.33816154572894597 51.96551379329745401, 6.33812145563140383 51.96048470336821623, 6.33265194796725961 51.95663880398159762, 6.32880338290670785 51.95524080811195233, 6.32741007837408187 51.95556854961073867, 6.32524271763760559 51.96047324630613673, 6.31542396832652475 51.9655373613483178, 6.31766617700419353 51.96763236878850734, 6.32638248454873775 51.97589620818383338, 6.32638248454873775 51.97589620818383338)))</t>
  </si>
  <si>
    <t>MultiPolygon (((6.32880338290670785 51.95524080811195233, 6.33265194796725961 51.95663880398159762, 6.33812145563140383 51.96048470336821623, 6.33816154572894597 51.96551379329745401, 6.34695246997725793 51.96665005834476858, 6.35266439792351889 51.96372839593936277, 6.36561290336977237 51.95609354347963205, 6.37002350673869611 51.95678992460562284, 6.37609546073631694 51.9545962357950728, 6.37303557896579775 51.95407395524461691, 6.36866135547030332 51.94805222196640671, 6.36408534099062706 51.94617101806338866, 6.35454948580630141 51.94836195027487946, 6.34300345748688432 51.94964591000400844, 6.34218192482483101 51.95101377889655936, 6.3394672092519011 51.95095100664237719, 6.33690918395583669 51.95353263232973262, 6.33105204316929182 51.95430307137722536, 6.32880338290670785 51.95524080811195233, 6.32880338290670785 51.95524080811195233)))</t>
  </si>
  <si>
    <t>MultiPolygon (((6.3118529508112502 51.96222981836774579, 6.31542396832652475 51.9655373613483178, 6.32524271763760559 51.96047324630613673, 6.32741007837408187 51.95556854961073867, 6.31731443107610691 51.95854923246248092, 6.3071747826835427 51.95790781456616969, 6.30520738636470046 51.95690155065957327, 6.29984857548261612 51.95823311559641411, 6.30502098602736183 51.95880337314738284, 6.30820626215043401 51.95980650618765395, 6.3118529508112502 51.96222981836774579, 6.3118529508112502 51.96222981836774579)))</t>
  </si>
  <si>
    <t>MultiPolygon (((6.30520738636470046 51.95690155065957327, 6.3071747826835427 51.95790781456616969, 6.31731443107610691 51.95854923246248092, 6.32741007837408187 51.95556854961073867, 6.32880338290670785 51.95524080811195233, 6.33105204316929182 51.95430307137722536, 6.33690918395583669 51.95353263232973262, 6.3394672092519011 51.95095100664237719, 6.34218192482483101 51.95101377889655936, 6.34300345748688432 51.94964591000400844, 6.33096088848120164 51.94944059202238407, 6.31920615229686877 51.94769379233018469, 6.30520738636470046 51.95690155065957327, 6.30520738636470046 51.95690155065957327)))</t>
  </si>
  <si>
    <t>MultiPolygon (((6.34300345748688432 51.94964591000400844, 6.35454948580630141 51.94836195027487946, 6.35267790784144637 51.94635449475805444, 6.34930850033430616 51.94515241679653883, 6.34632357049939788 51.94623385875786425, 6.34035881018423098 51.94375144515223752, 6.33828607331512472 51.93771332974002775, 6.33446788701671171 51.93724095937859175, 6.31920615229686877 51.94769379233018469, 6.33096088848120164 51.94944059202238407, 6.34300345748688432 51.94964591000400844, 6.34300345748688432 51.94964591000400844)))</t>
  </si>
  <si>
    <t>MultiPolygon (((6.30900630926742423 51.94539271351850118, 6.31920615229686877 51.94769379233018469, 6.33446788701671171 51.93724095937859175, 6.33373337175408579 51.9353764482424296, 6.3323167615372471 51.93468930887333812, 6.32843663387602184 51.93546618774472279, 6.32325618035909276 51.93723701833427242, 6.31762843293150933 51.94076610656011184, 6.31299969847547171 51.94273417255039504, 6.31187849302130033 51.94263092420856509, 6.30900630926742423 51.94539271351850118, 6.30900630926742423 51.94539271351850118)))</t>
  </si>
  <si>
    <t>MultiPolygon (((6.29764137101330146 51.95832896347927488, 6.29984857548261612 51.95823311559641411, 6.30520738636470046 51.95690155065957327, 6.31920615229686877 51.94769379233018469, 6.30900630926742423 51.94539271351850118, 6.30158457479289424 51.95607184530133793, 6.29764137101330146 51.95832896347927488, 6.29764137101330146 51.95832896347927488)))</t>
  </si>
  <si>
    <t>MultiPolygon (((6.3169181119666451 51.96770695692531206, 6.31766617700419353 51.96763236878850734, 6.31542396832652475 51.9655373613483178, 6.3118529508112502 51.96222981836774579, 6.31009210418579869 51.96282545129930952, 6.30166941530989799 51.96271386721501528, 6.30136689659771143 51.96613350569491274, 6.31139243622972224 51.96672898768729709, 6.31433153868902686 51.96656345457162729, 6.3169181119666451 51.96770695692531206, 6.3169181119666451 51.96770695692531206)))</t>
  </si>
  <si>
    <t>MultiPolygon (((6.30166941530989799 51.96271386721501528, 6.31009210418579869 51.96282545129930952, 6.3118529508112502 51.96222981836774579, 6.30820626215043401 51.95980650618765395, 6.30502098602736183 51.95880337314738284, 6.30079753501569062 51.96093048323860586, 6.30166941530989799 51.96271386721501528, 6.30166941530989799 51.96271386721501528)))</t>
  </si>
  <si>
    <t>MultiPolygon (((6.30079753501569062 51.96093048323860586, 6.30502098602736183 51.95880337314738284, 6.29984857548261612 51.95823311559641411, 6.29764137101330146 51.95832896347927488, 6.29701083527307315 51.95875039592024081, 6.30079753501569062 51.96093048323860586, 6.30079753501569062 51.96093048323860586)))</t>
  </si>
  <si>
    <t>MultiPolygon (((6.30962313324616986 51.98066804356218285, 6.31788882791435924 51.9828508373569349, 6.32688475858674071 51.98906109337444548, 6.32900559892157411 51.98914245579219084, 6.33565787843481498 51.98564646445303339, 6.33221613013786211 51.9828637702690628, 6.32772824129019451 51.97728683231787272, 6.3275188836270635 51.97574945168810245, 6.32646639701760982 51.97598767401430564, 6.31442107506994876 51.97883766282617302, 6.30962313324616986 51.98066804356218285, 6.30962313324616986 51.98066804356218285)))</t>
  </si>
  <si>
    <t>MultiPolygon (((6.30672482818413283 51.98176451494918382, 6.30962313324616986 51.98066804356218285, 6.31442107506994876 51.97883766282617302, 6.32646639701760982 51.97598767401430564, 6.32638248454873775 51.97589620818383338, 6.32055207189884616 51.97588443818868598, 6.32054194275864312 51.97708353687129801, 6.31975359849188489 51.97730604353446182, 6.31270854498640865 51.97739697081733823, 6.30691480551440886 51.97906338142594507, 6.30672482818413283 51.98176451494918382, 6.30672482818413283 51.98176451494918382)))</t>
  </si>
  <si>
    <t>MultiPolygon (((6.30226160092957244 51.97644572152382381, 6.30691480551440886 51.97906338142594507, 6.31270854498640865 51.97739697081733823, 6.31975359849188489 51.97730604353446182, 6.32054194275864312 51.97708353687129801, 6.32055207189884616 51.97588443818868598, 6.31823677975021436 51.97587969816113684, 6.3062464669788687 51.97587166119922841, 6.30370317025777283 51.97445272407577477, 6.30157847148721295 51.97299468909449871, 6.30164234229529363 51.97488562965458669, 6.30226160092957244 51.97644572152382381, 6.30226160092957244 51.97644572152382381)))</t>
  </si>
  <si>
    <t>MultiPolygon (((6.32055207189884616 51.97588443818868598, 6.32638248454873775 51.97589620818383338, 6.31766617700419353 51.96763236878850734, 6.3169181119666451 51.96770695692531206, 6.3173925737200296 51.96864837559900252, 6.31385328234758969 51.97037453793058859, 6.31818365892801825 51.97384780710055452, 6.31823677975021436 51.97587969816113684, 6.32055207189884616 51.97588443818868598, 6.32055207189884616 51.97588443818868598)))</t>
  </si>
  <si>
    <t>MultiPolygon (((6.30370317025777283 51.97445272407577477, 6.3062464669788687 51.97587166119922841, 6.31823677975021436 51.97587969816113684, 6.31818365892801825 51.97384780710055452, 6.31385328234758969 51.97037453793058859, 6.31317247677012805 51.96960398504227641, 6.31087015938037865 51.97081604706198021, 6.30370317025777283 51.97445272407577477, 6.30370317025777283 51.97445272407577477)))</t>
  </si>
  <si>
    <t>MultiPolygon (((6.31317247677012805 51.96960398504227641, 6.31385328234758969 51.97037453793058859, 6.3173925737200296 51.96864837559900252, 6.3169181119666451 51.96770695692531206, 6.31433153868902686 51.96656345457162729, 6.31139243622972224 51.96672898768729709, 6.31317247677012805 51.96960398504227641, 6.31317247677012805 51.96960398504227641)))</t>
  </si>
  <si>
    <t>MultiPolygon (((6.30157847148721295 51.97299468909449871, 6.30370317025777283 51.97445272407577477, 6.31087015938037865 51.97081604706198021, 6.30761455565324347 51.96892498990354881, 6.3036796210372712 51.96868763797917268, 6.30097743122422838 51.96712774876361607, 6.29707324544372327 51.96895373535217288, 6.29785555936252983 51.97034897222948757, 6.30157847148721295 51.97299468909449871, 6.30157847148721295 51.97299468909449871)))</t>
  </si>
  <si>
    <t>MultiPolygon (((6.31087015938037865 51.97081604706198021, 6.31317247677012805 51.96960398504227641, 6.31139243622972224 51.96672898768729709, 6.30136689659771143 51.96613350569491274, 6.30097743122422838 51.96712774876361607, 6.3036796210372712 51.96868763797917268, 6.30761455565324347 51.96892498990354881, 6.31087015938037865 51.97081604706198021, 6.31087015938037865 51.97081604706198021)))</t>
  </si>
  <si>
    <t>MultiPolygon (((6.29293155572878593 51.96483973914703824, 6.29340933498005128 51.96539260722398978, 6.29492372227350216 51.965357465472934, 6.29824648813000909 51.96361620948289328, 6.30079753501569062 51.96093048323860586, 6.29701083527307315 51.95875039592024081, 6.29415396009462125 51.96037898332541971, 6.2910984487120869 51.96360215033662655, 6.29293155572878593 51.96483973914703824, 6.29293155572878593 51.96483973914703824)))</t>
  </si>
  <si>
    <t>MultiPolygon (((6.29707324544372327 51.96895373535217288, 6.30097743122422838 51.96712774876361607, 6.30136689659771143 51.96613350569491274, 6.30166941530989799 51.96271386721501528, 6.30079753501569062 51.96093048323860586, 6.29824648813000909 51.96361620948289328, 6.29492372227350216 51.965357465472934, 6.29340933498005128 51.96539260722398978, 6.29707324544372327 51.96895373535217288, 6.29707324544372327 51.96895373535217288)))</t>
  </si>
  <si>
    <t>MultiPolygon (((6.29253308202157058 51.97082754400849325, 6.29707324544372327 51.96895373535217288, 6.29340933498005128 51.96539260722398978, 6.29293155572878593 51.96483973914703824, 6.28773407791520089 51.96788646642443155, 6.29253308202157058 51.97082754400849325, 6.29253308202157058 51.97082754400849325)))</t>
  </si>
  <si>
    <t>MultiPolygon (((6.28680923375354173 51.97315177816579279, 6.28959102690793515 51.97140023224546468, 6.29253308202157058 51.97082754400849325, 6.28773407791520089 51.96788646642443155, 6.28622533051157895 51.96722362401889228, 6.28191639266371915 51.96974213272528687, 6.28414627289772998 51.97082602600239909, 6.28680923375354173 51.97315177816579279, 6.28680923375354173 51.97315177816579279)))</t>
  </si>
  <si>
    <t>MultiPolygon (((6.28191639266371915 51.96974213272528687, 6.28622533051157895 51.96722362401889228, 6.28407357339084882 51.96523709220361553, 6.28239681437843966 51.96616293900163441, 6.27894502021379797 51.96657260109137866, 6.28191639266371915 51.96974213272528687, 6.28191639266371915 51.96974213272528687)))</t>
  </si>
  <si>
    <t>MultiPolygon (((6.28622533051157895 51.96722362401889228, 6.28773407791520089 51.96788646642443155, 6.29293155572878593 51.96483973914703824, 6.2910984487120869 51.96360215033662655, 6.2875696818781579 51.96271874162818705, 6.28407357339084882 51.96523709220361553, 6.28622533051157895 51.96722362401889228, 6.28622533051157895 51.96722362401889228)))</t>
  </si>
  <si>
    <t>MultiPolygon (((6.12973928875854401 52.01929761529864749, 6.13032280289061138 52.0191004438352067, 6.12799668048094581 52.01432039559768583, 6.1296966620924076 52.00944313990279255, 6.13186129904127508 52.00854482506571941, 6.15317728964683663 52.00160680710823868, 6.1591602867788291 52.00068425937902106, 6.15925053213323093 51.99973978188688761, 6.14983096598969592 52.0018688929672166, 6.14856958784618346 52.00225761854734685, 6.1449969414258625 52.00067734309794787, 6.1348545279620641 52.00396550556659037, 6.12904207627438069 52.00702026757052465, 6.12286928050553403 52.00545301308505231, 6.118848073812579 52.00496156678719473, 6.11645218495620924 52.00343878629355743, 6.11447272528244934 51.99909671358820873, 6.11434020610221651 51.99681479614184809, 6.1104950058781311 51.99560540917509144, 6.10959053275270403 51.99643671019418889, 6.11228186975043553 51.99897497904809285, 6.11476772346860464 52.00456679443389874, 6.12233915735441769 52.00735289102973269, 6.12595976452418167 52.01012655013722252, 6.12739961577382086 52.01271393403086307, 6.12763883848576096 52.01670366221380704, 6.12973928875854401 52.01929761529864749, 6.12973928875854401 52.01929761529864749)))</t>
  </si>
  <si>
    <t>MultiPolygon (((6.15543264462618467 52.04117126795856763, 6.15911490548374818 52.03741536986942862, 6.15907872664944556 52.03284147394933257, 6.15607155882008694 52.02761448546802825, 6.14881834015619155 52.02242731533871023, 6.14503032660213933 52.02082611631835363, 6.14225379230617907 52.02043485474957407, 6.13103034519609835 52.02086167383075122, 6.13226752336480718 52.02516816288554224, 6.13073145179872725 52.02910086433258385, 6.12694692784827222 52.03244875085871968, 6.12150232613219991 52.03461732469683909, 6.12800821099318949 52.03401051208735595, 6.13508522807154844 52.03472459790350513, 6.14200453284683512 52.03669972837735713, 6.14613076001910486 52.04069043592252797, 6.14815383642799151 52.04168621989989418, 6.15205080446446306 52.04208329578851533, 6.15543264462618467 52.04117126795856763, 6.15543264462618467 52.04117126795856763)))</t>
  </si>
  <si>
    <t>MultiPolygon (((6.17551313579072048 52.03936912614201304, 6.17553558878086584 52.03936455255463045, 6.17591348314394661 52.03577771790985196, 6.17505724910231191 52.0317011487507628, 6.1770149948332902 52.03147454265750582, 6.17323262867200917 52.02777469689573309, 6.17530725186556317 52.02724347309810327, 6.1746550872436341 52.02559899133394339, 6.17681807824090878 52.02528908357520265, 6.17453425453981541 52.02272228031845458, 6.17723128449989733 52.02156168790984481, 6.1772955576580344 52.02033798568209733, 6.17655842610517158 52.02035513875866002, 6.17654691829634572 52.01922837364416097, 6.17296552593079006 52.01853418845325194, 6.17357543205850945 52.01757355009642936, 6.16980381199631722 52.01653647002354575, 6.16718815561474809 52.01637174791568441, 6.16452421274218754 52.01691983991679535, 6.16474515937021472 52.0144014511521604, 6.16118357134178662 52.0138279884454704, 6.15950096616171017 52.0066724894361343, 6.15665948674986652 52.00636493788859127, 6.15395665916244816 52.00327133216006104, 6.15086136373956904 52.00442484200687687, 6.15193222503615367 52.00543276759079703, 6.14959882320782825 52.00940722692187279, 6.14663503504354214 52.00953364986695959, 6.14917787812633776 52.01183038217687482, 6.15056684899796657 52.01170759766549168, 6.15156599350141242 52.01548373220479959, 6.15043788989068663 52.01757485223263444, 6.1480873931521165 52.01975863163136893, 6.14215369709464376 52.01960307652998949, 6.14225379230617907 52.02043485474957407, 6.14503032660213933 52.02082611631835363, 6.14881834015619155 52.02242731533871023, 6.15607155882008694 52.02761448546802825, 6.15907872664944556 52.03284147394933257, 6.15911490548374818 52.03741536986942862, 6.167190535106994 52.0369657464241655, 6.17551313579072048 52.03936912614201304, 6.17551313579072048 52.03936912614201304)))</t>
  </si>
  <si>
    <t>MultiPolygon (((6.13103034519609835 52.02086167383075122, 6.14225379230617907 52.02043485474957407, 6.14215369709464376 52.01960307652998949, 6.14080634856967844 52.01802841499588226, 6.13364087016418225 52.01825956822055019, 6.13032280289061138 52.0191004438352067, 6.12973928875854401 52.01929761529864749, 6.13103034519609835 52.02086167383075122, 6.13103034519609835 52.02086167383075122)))</t>
  </si>
  <si>
    <t>MultiPolygon (((6.1348545279620641 52.00396550556659037, 6.1449969414258625 52.00067734309794787, 6.14856958784618346 52.00225761854734685, 6.14983096598969592 52.0018688929672166, 6.14113794907208277 51.99857901996326603, 6.14182085938188038 51.99757358430684206, 6.13996547333029064 51.99706617959593302, 6.13609425882845105 51.99742998753675494, 6.13025235559931136 51.99709226695225084, 6.13017328460451427 51.99721602989379221, 6.13616848165987783 51.99839750373416791, 6.13433061640096966 52.00081214284336539, 6.1348545279620641 52.00396550556659037, 6.1348545279620641 52.00396550556659037)))</t>
  </si>
  <si>
    <t>MultiPolygon (((6.12286928050553403 52.00545301308505231, 6.12847624107126876 51.99826365648910809, 6.13017328460451427 51.99721602989379221, 6.13025235559931136 51.99709226695225084, 6.11445009324831101 51.99682318171795714, 6.11434020610221651 51.99681479614184809, 6.11447272528244934 51.99909671358820873, 6.11645218495620924 52.00343878629355743, 6.118848073812579 52.00496156678719473, 6.12286928050553403 52.00545301308505231, 6.12286928050553403 52.00545301308505231)))</t>
  </si>
  <si>
    <t>MultiPolygon (((6.12286928050553403 52.00545301308505231, 6.12904207627438069 52.00702026757052465, 6.1348545279620641 52.00396550556659037, 6.13433061640096966 52.00081214284336539, 6.13616848165987783 51.99839750373416791, 6.13017328460451427 51.99721602989379221, 6.12847624107126876 51.99826365648910809, 6.12286928050553403 52.00545301308505231, 6.12286928050553403 52.00545301308505231)))</t>
  </si>
  <si>
    <t>MultiPolygon (((6.14011538443226801 52.00980637407739948, 6.14663503504354214 52.00953364986695959, 6.14959882320782825 52.00940722692187279, 6.15193222503615367 52.00543276759079703, 6.15086136373956904 52.00442484200687687, 6.15395665916244816 52.00327133216006104, 6.15726567253136547 52.00413544786081843, 6.1588563831764791 52.00396369081121861, 6.15846389745772971 52.00181226983014682, 6.1591602867788291 52.00068425937902106, 6.15317728964683663 52.00160680710823868, 6.13186129904127508 52.00854482506571941, 6.14027896141921747 52.00913056259227574, 6.14011538443226801 52.00980637407739948, 6.14011538443226801 52.00980637407739948)))</t>
  </si>
  <si>
    <t>MultiPolygon (((6.14036818447045007 52.01400802779512844, 6.14917787812633776 52.01183038217687482, 6.14663503504354214 52.00953364986695959, 6.14011538443226801 52.00980637407739948, 6.14036818447045007 52.01400802779512844, 6.14036818447045007 52.01400802779512844)))</t>
  </si>
  <si>
    <t>MultiPolygon (((6.14080634856967844 52.01802841499588226, 6.14215369709464376 52.01960307652998949, 6.1480873931521165 52.01975863163136893, 6.15043788989068663 52.01757485223263444, 6.15156599350141242 52.01548373220479959, 6.15056684899796657 52.01170759766549168, 6.14917787812633776 52.01183038217687482, 6.14036818447045007 52.01400802779512844, 6.14080634856967844 52.01802841499588226, 6.14080634856967844 52.01802841499588226)))</t>
  </si>
  <si>
    <t>MultiPolygon (((6.13032280289061138 52.0191004438352067, 6.13364087016418225 52.01825956822055019, 6.14080634856967844 52.01802841499588226, 6.14036818447045007 52.01400802779512844, 6.14011538443226801 52.00980637407739948, 6.14027896141921747 52.00913056259227574, 6.13186129904127508 52.00854482506571941, 6.1296966620924076 52.00944313990279255, 6.12799668048094581 52.01432039559768583, 6.13032280289061138 52.0191004438352067, 6.13032280289061138 52.0191004438352067)))</t>
  </si>
  <si>
    <t>MultiPolygon (((5.36065494328278724 51.95307420783579744, 5.37850667380248471 51.94517453270158569, 5.38927504425994552 51.94040657011262851, 5.38143732814266329 51.93422705068798706, 5.37254156606322297 51.93373025213296756, 5.36396563972148233 51.93062232283590873, 5.3620139416147774 51.92899055827565746, 5.35926194099720199 51.92870512442646458, 5.35287889670187766 51.92934076644905872, 5.34828753527435552 51.92930872583239932, 5.34124315945110073 51.93218074329722356, 5.33210872580744777 51.93619709890398894, 5.32540853485532484 51.93690749853978161, 5.32155971591402199 51.93868227772772883, 5.3170035968603262 51.9396380226281309, 5.31463555885541528 51.94182971561428275, 5.31614393024469933 51.94342773012144931, 5.31867953503149948 51.9449114463588586, 5.32420973364543038 51.94570352852309725, 5.32621832325229327 51.94462150316168447, 5.32772349579371962 51.94472114349724023, 5.33315246736028836 51.94741404265881357, 5.34061014554831548 51.9425787534972585, 5.35290626458709529 51.94684001213643398, 5.36062972189441123 51.95151671517034941, 5.36065494328278724 51.95307420783579744, 5.36065494328278724 51.95307420783579744)))</t>
  </si>
  <si>
    <t>MultiPolygon (((5.31087099335262991 51.95701367397698078, 5.31660070638150906 51.95522093962134846, 5.32343914369875115 51.95509710562206607, 5.3331183831299187 51.957200904359361, 5.33969352386851526 51.96102800718588099, 5.36065494328278724 51.95307420783579744, 5.36062972189441123 51.95151671517034941, 5.35290626458709529 51.94684001213643398, 5.34061014554831548 51.9425787534972585, 5.33315246736028836 51.94741404265881357, 5.32772349579371962 51.94472114349724023, 5.32621832325229327 51.94462150316168447, 5.32420973364543038 51.94570352852309725, 5.31867953503149948 51.9449114463588586, 5.31614393024469933 51.94342773012144931, 5.31237057676021518 51.94477194247594554, 5.30903728815746412 51.94724153923096566, 5.30509797128848426 51.95542150632765299, 5.30828811041829862 51.95560007964434135, 5.31087099335262991 51.95701367397698078, 5.31087099335262991 51.95701367397698078),(5.33753326851645582 51.95148678894133099, 5.33450232325839657 51.95351484206008763, 5.32650163927133491 51.95343291112270379, 5.32547541525249191 51.95176787381910799, 5.32943720837795976 51.95002335903686941, 5.33260560412200224 51.95215338887517476, 5.33506173400600137 51.95034141047874243, 5.33753326851645582 51.95148678894133099, 5.33753326851645582 51.95148678894133099)))</t>
  </si>
  <si>
    <t>MultiPolygon (((5.33753326851645582 51.95148678894133099, 5.33506173400600137 51.95034141047874243, 5.33260560412200224 51.95215338887517476, 5.32943720837795976 51.95002335903686941, 5.32547541525249191 51.95176787381910799, 5.32650163927133491 51.95343291112270379, 5.33450232325839657 51.95351484206008763, 5.33753326851645582 51.95148678894133099, 5.33753326851645582 51.95148678894133099)))</t>
  </si>
  <si>
    <t>MultiPolygon (((5.43039987898470944 51.98326509845804111, 5.43624393821511109 51.98534843772959135, 5.44240823386095318 51.9859475278430665, 5.45701199166075313 51.98368404978992885, 5.47268660352288894 51.98297761379601667, 5.47271350551730862 51.98006812665016696, 5.47577421828855471 51.97912940079270072, 5.47181003310524972 51.97182043682484931, 5.46987029765449861 51.97422166499253393, 5.46960299961197904 51.97688404083766756, 5.47190815598151215 51.97981788361202149, 5.4687986137353759 51.98198736025612021, 5.46577160372611992 51.97899804627267173, 5.46502079467303137 51.9748945989689588, 5.46604753214891836 51.97115566999732295, 5.46956340085551407 51.9672262594862957, 5.46185096130679426 51.95481421658649168, 5.45605010798008028 51.95430094203510407, 5.44874807742136547 51.95261605936294558, 5.44589889358196988 51.95306440320570118, 5.44163881800980231 51.9536874872364649, 5.43853054575994221 51.95527249950846027, 5.44103262194825632 51.96124769091679241, 5.44282347856102078 51.97160659089110624, 5.43424407209134142 51.97237630950407095, 5.4304185777516043 51.97603400661646589, 5.43111536210411039 51.98298357468822672, 5.43039987898470944 51.98326509845804111, 5.43039987898470944 51.98326509845804111),(5.45874226014441888 51.9722417426715424, 5.45495917695386012 51.9726967670912785, 5.4527101769604176 51.96626530841558633, 5.45285376570327696 51.96402548285372802, 5.45446315765453704 51.9641709107332872, 5.45467922644740533 51.96558642767336522, 5.45690560234859401 51.96697242622203561, 5.46008596399642876 51.96626910551543688, 5.45993509168653723 51.97094671027288371, 5.4613705663363934 51.97135926766657832, 5.45874226014441888 51.9722417426715424, 5.45874226014441888 51.9722417426715424)))</t>
  </si>
  <si>
    <t>MultiPolygon (((5.3909760679219767 51.97073019670433069, 5.39933760962480758 51.97310277910690957, 5.41815557952712545 51.97660570376287836, 5.42336365529645903 51.97875542342840305, 5.43039987898470944 51.98326509845804111, 5.43111536210411039 51.98298357468822672, 5.4304185777516043 51.97603400661646589, 5.43424407209134142 51.97237630950407095, 5.44282347856102078 51.97160659089110624, 5.44103262194825632 51.96124769091679241, 5.43853054575994221 51.95527249950846027, 5.44163881800980231 51.9536874872364649, 5.44589889358196988 51.95306440320570118, 5.44329792005762325 51.94848168733464888, 5.44926718895721329 51.94833851822432536, 5.44813811734644826 51.94265939791098674, 5.45057211347572856 51.93721742195603497, 5.44707128105723015 51.93556458406256127, 5.44459903967474634 51.93660396142392699, 5.43600460289398324 51.93076550295116789, 5.43031341027274816 51.93183733621403775, 5.42442882402541926 51.93671828074185015, 5.42238196254211413 51.93941173061302408, 5.41649359878468228 51.93893501167144677, 5.40800633413463583 51.94117489911108976, 5.40333530764212089 51.94172139447395153, 5.39074984446780103 51.94142501096973064, 5.38927504425994552 51.94040657011262851, 5.37850667380248471 51.94517453270158569, 5.38296734485444794 51.94601348580840749, 5.38153562371139405 51.95158415478413616, 5.37951372498737168 51.95139894135733272, 5.38114978950843703 51.96470522680483839, 5.38279834310197902 51.96926394404294314, 5.3909760679219767 51.97073019670433069, 5.3909760679219767 51.97073019670433069),(5.42791481901199457 51.96756915532997567, 5.42782954201820012 51.96805454727473972, 5.42224295724293537 51.96614804661800235, 5.42061957262766914 51.96487950069878536, 5.41343613656432687 51.96256574842972498, 5.41155694203762483 51.96382562628786417, 5.40289186138016753 51.96264600793851685, 5.40967387806058042 51.95762302243077357, 5.41383150530143276 51.9595565788165743, 5.416346661375389 51.95889703042673347, 5.4161465509368707 51.95773760283924503, 5.41832173889499469 51.95610119101362301, 5.4224418442634752 51.95628175258710257, 5.42969822902581001 51.9591429301986949, 5.43152388821695364 51.96490003739761221, 5.43128657314160801 51.96770893650392509, 5.42791481901199457 51.96756915532997567, 5.42791481901199457 51.96756915532997567)))</t>
  </si>
  <si>
    <t>MultiPolygon (((5.33982506754325836 51.96113701683217556, 5.34825522327628633 51.96768632785822462, 5.35563826610886995 51.97035385244854666, 5.36301612084186541 51.97095010533983839, 5.37601128791946525 51.96921064311417382, 5.38279834310197902 51.96926394404294314, 5.38114978950843703 51.96470522680483839, 5.37951372498737168 51.95139894135733272, 5.38153562371139405 51.95158415478413616, 5.38296734485444794 51.94601348580840749, 5.37850667380248471 51.94517453270158569, 5.36065494328278724 51.95307420783579744, 5.33969352386851526 51.96102800718588099, 5.33982506754325836 51.96113701683217556, 5.33982506754325836 51.96113701683217556),(5.36062820772731996 51.95640995121524242, 5.35939701352592213 51.96208375106267141, 5.35114467571991348 51.95974206152635588, 5.3506598792307285 51.95850772003294793, 5.35679693207300911 51.95568547776032631, 5.3605659802472756 51.95592991041658593, 5.36062820772731996 51.95640995121524242, 5.36062820772731996 51.95640995121524242)))</t>
  </si>
  <si>
    <t>MultiPolygon (((5.46956340085551407 51.9672262594862957, 5.46604753214891836 51.97115566999732295, 5.46502079467303137 51.9748945989689588, 5.46577160372611992 51.97899804627267173, 5.4687986137353759 51.98198736025612021, 5.47190815598151215 51.97981788361202149, 5.46960299961197904 51.97688404083766756, 5.46987029765449861 51.97422166499253393, 5.47181003310524972 51.97182043682484931, 5.47753293268139707 51.96561796913271536, 5.4740870025451791 51.96321622771680637, 5.46956340085551407 51.9672262594862957, 5.46956340085551407 51.9672262594862957)))</t>
  </si>
  <si>
    <t>MultiPolygon (((5.45874226014441888 51.9722417426715424, 5.4613705663363934 51.97135926766657832, 5.45993509168653723 51.97094671027288371, 5.46008596399642876 51.96626910551543688, 5.45690560234859401 51.96697242622203561, 5.45467922644740533 51.96558642767336522, 5.45446315765453704 51.9641709107332872, 5.45285376570327696 51.96402548285372802, 5.4527101769604176 51.96626530841558633, 5.45495917695386012 51.9726967670912785, 5.45874226014441888 51.9722417426715424, 5.45874226014441888 51.9722417426715424)))</t>
  </si>
  <si>
    <t>MultiPolygon (((5.36062820772731996 51.95640995121524242, 5.3605659802472756 51.95592991041658593, 5.35679693207300911 51.95568547776032631, 5.3506598792307285 51.95850772003294793, 5.35114467571991348 51.95974206152635588, 5.35939701352592213 51.96208375106267141, 5.36062820772731996 51.95640995121524242, 5.36062820772731996 51.95640995121524242)))</t>
  </si>
  <si>
    <t>MultiPolygon (((5.42791481901199457 51.96756915532997567, 5.43128657314160801 51.96770893650392509, 5.43152388821695364 51.96490003739761221, 5.42969822902581001 51.9591429301986949, 5.4224418442634752 51.95628175258710257, 5.41832173889499469 51.95610119101362301, 5.4161465509368707 51.95773760283924503, 5.416346661375389 51.95889703042673347, 5.41383150530143276 51.9595565788165743, 5.40967387806058042 51.95762302243077357, 5.40289186138016753 51.96264600793851685, 5.41155694203762483 51.96382562628786417, 5.41343613656432687 51.96256574842972498, 5.42061957262766914 51.96487950069878536, 5.42224295724293537 51.96614804661800235, 5.42782954201820012 51.96805454727473972, 5.42791481901199457 51.96756915532997567, 5.42791481901199457 51.96756915532997567)))</t>
  </si>
  <si>
    <t>MultiPolygon (((5.46185096130679426 51.95481421658649168, 5.47450118979307465 51.95549842226857606, 5.4792789928451171 51.95575458744487918, 5.48388299405302782 51.95360354522284752, 5.48695965138416319 51.95032673277376034, 5.48338683704012819 51.94811046668274912, 5.48317670028658632 51.94708878936489782, 5.48509067146107299 51.9437416244735104, 5.47323810159968982 51.93646510875758082, 5.46332923844385832 51.9318879565856335, 5.45869920897012051 51.92705688178672574, 5.45540454731264823 51.92681531860794308, 5.45386144800468298 51.92742487911895211, 5.45324802780279949 51.93138005234189336, 5.44707128105723015 51.93556458406256127, 5.45057211347572856 51.93721742195603497, 5.44813811734644826 51.94265939791098674, 5.44926718895721329 51.94833851822432536, 5.44329792005762325 51.94848168733464888, 5.44589889358196988 51.95306440320570118, 5.44874807742136547 51.95261605936294558, 5.45605010798008028 51.95430094203510407, 5.46185096130679426 51.95481421658649168, 5.46185096130679426 51.95481421658649168)))</t>
  </si>
  <si>
    <t>MultiPolygon (((5.47268660352288894 51.98297761379601667, 5.47766449953155998 51.9834726714573776, 5.48621400456304809 51.9838264431858903, 5.50075100511334192 51.97859204672691646, 5.51097936329219174 51.97364322608861187, 5.51822213276473317 51.97169339015953682, 5.51004444483992462 51.96477502798641268, 5.50273914105413908 51.9610658191162571, 5.49686348253270296 51.95902467013374348, 5.49297818474813937 51.95502595227798537, 5.4914079343266673 51.95285838796543487, 5.48868408797185658 51.95126171466532128, 5.48695965138416319 51.95032673277376034, 5.48388299405302782 51.95360354522284752, 5.48754324912989411 51.95497314286819091, 5.49082896534272269 51.95912536937281345, 5.49124238315541024 51.96114566407558755, 5.4886343220422722 51.96201165773203456, 5.48080261140014269 51.96292877996573623, 5.47736230273241453 51.96262587369511721, 5.4768319494976474 51.96218838450949562, 5.47920832339670039 51.96096976802616041, 5.47450118979307465 51.95549842226857606, 5.46185096130679426 51.95481421658649168, 5.46956340085551407 51.9672262594862957, 5.4740870025451791 51.96321622771680637, 5.47753293268139707 51.96561796913271536, 5.47181003310524972 51.97182043682484931, 5.47577421828855471 51.97912940079270072, 5.47271350551730862 51.98006812665016696, 5.47268660352288894 51.98297761379601667, 5.47268660352288894 51.98297761379601667),(5.50232488038389445 51.96573363218593755, 5.49391256038871489 51.96979525356310603, 5.48989608598242818 51.96728410550095845, 5.4886741674516335 51.96484936590488957, 5.49597795189237015 51.96160342393165621, 5.50232488038389445 51.96573363218593755, 5.50232488038389445 51.96573363218593755)))</t>
  </si>
  <si>
    <t>MultiPolygon (((5.50232488038389445 51.96573363218593755, 5.49597795189237015 51.96160342393165621, 5.4886741674516335 51.96484936590488957, 5.48989608598242818 51.96728410550095845, 5.49391256038871489 51.96979525356310603, 5.50232488038389445 51.96573363218593755, 5.50232488038389445 51.96573363218593755)))</t>
  </si>
  <si>
    <t>MultiPolygon (((5.47450118979307465 51.95549842226857606, 5.47920832339670039 51.96096976802616041, 5.4768319494976474 51.96218838450949562, 5.47736230273241453 51.96262587369511721, 5.48080261140014269 51.96292877996573623, 5.4886343220422722 51.96201165773203456, 5.49124238315541024 51.96114566407558755, 5.49082896534272269 51.95912536937281345, 5.48754324912989411 51.95497314286819091, 5.48388299405302782 51.95360354522284752, 5.4792789928451171 51.95575458744487918, 5.47450118979307465 51.95549842226857606, 5.47450118979307465 51.95549842226857606)))</t>
  </si>
  <si>
    <t>MultiPolygon (((5.53388092170888246 51.94348161846404821, 5.53363601818245865 51.94302102092802187, 5.52367911156092806 51.93494041895795021, 5.51415921600643344 51.93857897715727745, 5.50922296538544298 51.93936787393081289, 5.50405338544825362 51.9394503762506119, 5.50426818116533756 51.94374204194930655, 5.51239696606091112 51.94438277476996291, 5.51534956308960123 51.94396613002557928, 5.51620205928487728 51.94234114627278132, 5.51542925659826366 51.93961519357102929, 5.52194902847077884 51.93700896668753586, 5.5241571222696324 51.93982657509942413, 5.51861683312596618 51.94127107712397162, 5.51934529826761189 51.94238528948695688, 5.5234852295922261 51.94246829444760749, 5.52489060908788243 51.94393189240825137, 5.52452055769111983 51.94442347054793174, 5.52997008397476009 51.94521829150330916, 5.53388092170888246 51.94348161846404821, 5.53388092170888246 51.94348161846404821)),((5.5234471797831155 51.95627340967551078, 5.52434550755449028 51.95218637471062806, 5.52376810524290285 51.94887404592477509, 5.51842575027130433 51.95162165561532674, 5.51625152782407113 51.95668797198117517, 5.51365696558239904 51.95691999376494863, 5.51136542226291226 51.95576913862671375, 5.51085398429869944 51.95445121846709924, 5.51116699651999831 51.94753448396492956, 5.50408933113661902 51.94487305250779485, 5.49614929334309821 51.94829537144362774, 5.49478849196868779 51.9504133523495355, 5.4945517623934812 51.95415519569107232, 5.49297818474813937 51.95502595227798537, 5.49686348253270296 51.95902467013374348, 5.50273914105413908 51.9610658191162571, 5.51004444483992462 51.96477502798641268, 5.51822213276473317 51.97169339015953682, 5.51882956276479586 51.97157361302661371, 5.52711303506296581 51.97021906657453627, 5.52438389521863904 51.96525350654704312, 5.5234471797831155 51.95627340967551078, 5.5234471797831155 51.95627340967551078)))</t>
  </si>
  <si>
    <t>MultiPolygon (((5.52711303506296581 51.97021906657453627, 5.53752048447650136 51.96828532762084052, 5.54020813362950815 51.96728150698737636, 5.54956107407951471 51.95919689303178757, 5.55693377646277842 51.95571102430803023, 5.56125250915597125 51.9545017932284523, 5.57557437843468406 51.95282655129930305, 5.58661658699287411 51.95082894784525251, 5.58410196518931201 51.94732929568998969, 5.57911518081069957 51.945442638478454, 5.57629743233798703 51.942922204297588, 5.57325326500945017 51.9419980900083047, 5.5675343014790899 51.94149139426918538, 5.56069558955041909 51.94405669182400231, 5.54944482234255521 51.94230243039768169, 5.54020252801602719 51.94365185246805794, 5.53388092170888246 51.94348161846404821, 5.52997008397476009 51.94521829150330916, 5.52376810524290285 51.94887404592477509, 5.52434550755449028 51.95218637471062806, 5.5234471797831155 51.95627340967551078, 5.52438389521863904 51.96525350654704312, 5.52711303506296581 51.97021906657453627, 5.52711303506296581 51.97021906657453627)))</t>
  </si>
  <si>
    <t>MultiPolygon (((5.50382333005159818 51.93879895800301227, 5.50405338544825362 51.9394503762506119, 5.50922296538544298 51.93936787393081289, 5.51415921600643344 51.93857897715727745, 5.52367911156092806 51.93494041895795021, 5.53363601818245865 51.94302102092802187, 5.53981822601619101 51.93713325481191134, 5.54844114161527102 51.93425273774371931, 5.55411644648296399 51.93401941899555396, 5.55418131430251538 51.93280943460967336, 5.5538821238035716 51.92580658069348942, 5.55387669849553944 51.92295929692627254, 5.55457707226547281 51.9230318605829666, 5.55682450503611136 51.91923490150156795, 5.55178652688915797 51.91780785440441548, 5.551746901540354 51.91780097459866283, 5.54770574891874002 51.92164706959457732, 5.51565474729754701 51.92154007884703049, 5.51229874435581646 51.92137509193273104, 5.51059317586448127 51.92227354785853777, 5.50713769819787125 51.92278666489644223, 5.50539705799539103 51.92391818233537037, 5.50101040557611753 51.92267429220746067, 5.49881277912901645 51.92322638501289589, 5.49355712859984191 51.91850658915046068, 5.48982679499616744 51.91824707635389302, 5.48642137215504277 51.9189345781547118, 5.4868667806525675 51.92103731770590258, 5.48901482494609905 51.92101910590312031, 5.48862935228268256 51.92315506675645764, 5.49174594478270439 51.92406125054738908, 5.49089612874342237 51.92474450942108177, 5.48721184520351368 51.92381492457065661, 5.48774253283874902 51.92303189993305779, 5.48319701407735582 51.92327192791154289, 5.50266225559957078 51.93686679184289545, 5.50382333005159818 51.93879895800301227, 5.50382333005159818 51.93879895800301227)))</t>
  </si>
  <si>
    <t>MultiPolygon (((5.48695965138416319 51.95032673277376034, 5.48868408797185658 51.95126171466532128, 5.48955506367746082 51.94987761416448535, 5.48785981110631393 51.94826120037998152, 5.4903800803305769 51.9455338953439778, 5.49057417826083149 51.94327683757508396, 5.48877236758951792 51.94077069551254056, 5.49521677958960275 51.93800105960342961, 5.50382333005159818 51.93879895800301227, 5.50266225559957078 51.93686679184289545, 5.48319701407735582 51.92327192791154289, 5.48125559113450755 51.9225492260370487, 5.48038310644787607 51.92278208876596324, 5.47652722398127967 51.9208697722102599, 5.47426210780784395 51.92189964135000224, 5.47239882749143547 51.92197474273439184, 5.46738744795404941 51.92353617940553789, 5.46034583656163708 51.92411678977534706, 5.45869920897012051 51.92705688178672574, 5.46332923844385832 51.9318879565856335, 5.47323810159968982 51.93646510875758082, 5.48509067146107299 51.9437416244735104, 5.48317670028658632 51.94708878936489782, 5.48338683704012819 51.94811046668274912, 5.48695965138416319 51.95032673277376034, 5.48695965138416319 51.95032673277376034)))</t>
  </si>
  <si>
    <t>MultiPolygon (((5.48868408797185658 51.95126171466532128, 5.4914079343266673 51.95285838796543487, 5.49297818474813937 51.95502595227798537, 5.4945517623934812 51.95415519569107232, 5.49478849196868779 51.9504133523495355, 5.49614929334309821 51.94829537144362774, 5.50408933113661902 51.94487305250779485, 5.50426818116533756 51.94374204194930655, 5.50405338544825362 51.9394503762506119, 5.50382333005159818 51.93879895800301227, 5.49521677958960275 51.93800105960342961, 5.48877236758951792 51.94077069551254056, 5.49057417826083149 51.94327683757508396, 5.4903800803305769 51.9455338953439778, 5.48785981110631393 51.94826120037998152, 5.48955506367746082 51.94987761416448535, 5.48868408797185658 51.95126171466532128, 5.48868408797185658 51.95126171466532128)))</t>
  </si>
  <si>
    <t>MultiPolygon (((5.52376810524290285 51.94887404592477509, 5.52997008397476009 51.94521829150330916, 5.52452055769111983 51.94442347054793174, 5.52489060908788243 51.94393189240825137, 5.5234852295922261 51.94246829444760749, 5.51934529826761189 51.94238528948695688, 5.51861683312596618 51.94127107712397162, 5.5241571222696324 51.93982657509942413, 5.52194902847077884 51.93700896668753586, 5.51542925659826366 51.93961519357102929, 5.51620205928487728 51.94234114627278132, 5.51534956308960123 51.94396613002557928, 5.51239696606091112 51.94438277476996291, 5.50426818116533756 51.94374204194930655, 5.50408933113661902 51.94487305250779485, 5.51116699651999831 51.94753448396492956, 5.51085398429869944 51.95445121846709924, 5.51136542226291226 51.95576913862671375, 5.51365696558239904 51.95691999376494863, 5.51625152782407113 51.95668797198117517, 5.51842575027130433 51.95162165561532674, 5.52376810524290285 51.94887404592477509, 5.52376810524290285 51.94887404592477509)))</t>
  </si>
  <si>
    <t>MultiPolygon (((5.37263597549131511 51.89791543793029405, 5.37392892428697966 51.89833916183329876, 5.38276101064598134 51.89203588273801415, 5.36906188938348894 51.88535713794006199, 5.35378264837444906 51.87806637499163287, 5.3514749967099382 51.87815811122324305, 5.34984730197602598 51.87722020460465444, 5.34486681370447858 51.87745861739244901, 5.34407309261743269 51.87494238240535083, 5.34166487755153074 51.87348598694805446, 5.33902393630896821 51.8740341583690352, 5.33945606325342936 51.87787404756062415, 5.33716358830229431 51.88098151914889655, 5.34051839062856804 51.88373089828026252, 5.338376395818905 51.88886768206981515, 5.33626800571757709 51.89074815065999502, 5.33588418331555658 51.89234789895773758, 5.34370728898935177 51.89490736829752393, 5.35297263116516575 51.89200439629909312, 5.35744938828799722 51.8927777593527324, 5.36966812255246229 51.89640500600761186, 5.37007487469652123 51.89652022775829465, 5.37237151580887407 51.89787608060444768, 5.37263597549131511 51.89791543793029405, 5.37263597549131511 51.89791543793029405)))</t>
  </si>
  <si>
    <t>MultiPolygon (((5.36802069717883601 51.90992310862905157, 5.36810048437644838 51.91025934004268549, 5.37882802918873804 51.91398986293342688, 5.38350225049368536 51.91502458914678186, 5.38666624140630379 51.91182313664486259, 5.38541213497016269 51.90959122928114056, 5.38720259484253194 51.90661359564152377, 5.39381800744788187 51.901099939996449, 5.39201179079956816 51.89937147385918337, 5.39225992386978703 51.89739853654127444, 5.39171959806861079 51.89702919594795816, 5.38924091407394634 51.8977626571451367, 5.38584540037135628 51.9006164490179529, 5.38900570676182333 51.90241774316321255, 5.38805126872567275 51.90358342158295812, 5.38237831151044688 51.90423048983295473, 5.38013474129971669 51.90360485161685489, 5.37911918821172641 51.89966758824997584, 5.37392892428697966 51.89833916183329876, 5.37263597549131511 51.89791543793029405, 5.36986593166098647 51.89974417976427645, 5.3717960137480798 51.90263249037216298, 5.37685836897111091 51.90223671191078836, 5.37828654127921713 51.90397156313656524, 5.37692594702351556 51.90560647564654317, 5.37069608681249733 51.90618551756213606, 5.36802069717883601 51.90992310862905157, 5.36802069717883601 51.90992310862905157)))</t>
  </si>
  <si>
    <t>MultiPolygon (((5.35287889670187766 51.92934076644905872, 5.35926194099720199 51.92870512442646458, 5.3620139416147774 51.92899055827565746, 5.36396563972148233 51.93062232283590873, 5.37254156606322297 51.93373025213296756, 5.38143732814266329 51.93422705068798706, 5.38927504425994552 51.94040657011262851, 5.43328018610318964 51.91942882593863118, 5.43170218064372268 51.91846379951638824, 5.4273460705235097 51.91850113855863214, 5.42380102605512882 51.91735104953277613, 5.42075245838312014 51.91484816557108672, 5.41880667538870497 51.91542931399934702, 5.41541689163506046 51.91499340884356428, 5.40848101911458556 51.91213492774087257, 5.40629710884854031 51.91313749684097445, 5.39927587481361648 51.91884597963328929, 5.40061945216229589 51.92014098324347771, 5.4008585504057427 51.92213999760547694, 5.39809861834137283 51.9249246801900739, 5.39505706089314963 51.92358567857633034, 5.39020589258868021 51.92275196827900885, 5.3889441779815499 51.9238384497419716, 5.38705864824200287 51.92303513982814422, 5.39253117516780822 51.9176139734433022, 5.39473609128877296 51.9168579942217292, 5.39722999603176312 51.9149073530679388, 5.4043216607610356 51.90507022021678551, 5.40422074384060025 51.90399288405084377, 5.3998244152363748 51.89857588929977794, 5.3926056690519264 51.8968393931874985, 5.39225992386978703 51.89739853654127444, 5.39201179079956816 51.89937147385918337, 5.39381800744788187 51.901099939996449, 5.38720259484253194 51.90661359564152377, 5.38541213497016269 51.90959122928114056, 5.38666624140630379 51.91182313664486259, 5.38350225049368536 51.91502458914678186, 5.37882802918873804 51.91398986293342688, 5.36810048437644838 51.91025934004268549, 5.35541383632522283 51.91978051061818178, 5.35266046681673391 51.92593331619825392, 5.35287889670187766 51.92934076644905872, 5.35287889670187766 51.92934076644905872)))</t>
  </si>
  <si>
    <t>MultiPolygon (((5.38927504425994552 51.94040657011262851, 5.39074984446780103 51.94142501096973064, 5.40333530764212089 51.94172139447395153, 5.40800633413463583 51.94117489911108976, 5.41649359878468228 51.93893501167144677, 5.42238196254211413 51.93941173061302408, 5.42442882402541926 51.93671828074185015, 5.43031341027274816 51.93183733621403775, 5.43600460289398324 51.93076550295116789, 5.44459903967474634 51.93660396142392699, 5.44707128105723015 51.93556458406256127, 5.45324802780279949 51.93138005234189336, 5.45386144800468298 51.92742487911895211, 5.45540454731264823 51.92681531860794308, 5.45869920897012051 51.92705688178672574, 5.46034583656163708 51.92411678977534706, 5.4584265727951502 51.92289276951887445, 5.45338451700927074 51.92276135857611052, 5.44959628408194252 51.92182621323701142, 5.44697955669004941 51.92057160372937119, 5.44380121006889706 51.92142329052897054, 5.4351117317626203 51.92067042733234672, 5.43377104599202276 51.91982427664049027, 5.43328018610318964 51.91942882593863118, 5.38927504425994552 51.94040657011262851, 5.38927504425994552 51.94040657011262851)))</t>
  </si>
  <si>
    <t>MultiPolygon (((5.3717960137480798 51.90263249037216298, 5.37101977136611808 51.9032669032836651, 5.36898116229095468 51.90328654994395663, 5.36624568000191537 51.90495061282204858, 5.37069608681249733 51.90618551756213606, 5.37692594702351556 51.90560647564654317, 5.37828654127921713 51.90397156313656524, 5.37685836897111091 51.90223671191078836, 5.3717960137480798 51.90263249037216298, 5.3717960137480798 51.90263249037216298)))</t>
  </si>
  <si>
    <t>MultiPolygon (((5.37392892428697966 51.89833916183329876, 5.37911918821172641 51.89966758824997584, 5.38013474129971669 51.90360485161685489, 5.38237831151044688 51.90423048983295473, 5.38805126872567275 51.90358342158295812, 5.38900570676182333 51.90241774316321255, 5.38584540037135628 51.9006164490179529, 5.38924091407394634 51.8977626571451367, 5.39171959806861079 51.89702919594795816, 5.39225992386978703 51.89739853654127444, 5.3926056690519264 51.8968393931874985, 5.38276101064598134 51.89203588273801415, 5.37392892428697966 51.89833916183329876, 5.37392892428697966 51.89833916183329876)))</t>
  </si>
  <si>
    <t>MultiPolygon (((5.4043216607610356 51.90507022021678551, 5.39722999603176312 51.9149073530679388, 5.39473609128877296 51.9168579942217292, 5.39253117516780822 51.9176139734433022, 5.38705864824200287 51.92303513982814422, 5.3889441779815499 51.9238384497419716, 5.39020589258868021 51.92275196827900885, 5.39505706089314963 51.92358567857633034, 5.39809861834137283 51.9249246801900739, 5.4008585504057427 51.92213999760547694, 5.40061945216229589 51.92014098324347771, 5.39927587481361648 51.91884597963328929, 5.40629710884854031 51.91313749684097445, 5.40848101911458556 51.91213492774087257, 5.41541689163506046 51.91499340884356428, 5.41880667538870497 51.91542931399934702, 5.42075245838312014 51.91484816557108672, 5.41801643845515901 51.91329553470691849, 5.41329780783675751 51.91281485927055428, 5.41125678119374953 51.91200880808036544, 5.40953959406627671 51.90776855912280041, 5.40807460494888481 51.90644427474872202, 5.4043216607610356 51.90507022021678551, 5.4043216607610356 51.90507022021678551)))</t>
  </si>
  <si>
    <t>MultiPolygon (((5.27037360372899499 51.96542662131199819, 5.28260803477647745 51.96316251529988506, 5.30089413708027912 51.96156856001280744, 5.31087099335262991 51.95701367397698078, 5.30828811041829862 51.95560007964434135, 5.30509797128848426 51.95542150632765299, 5.30903728815746412 51.94724153923096566, 5.31237057676021518 51.94477194247594554, 5.31201964405386473 51.94412709539449935, 5.30953515600486181 51.94438249042156741, 5.30735885178492417 51.94550119294322599, 5.30625506115160306 51.94462577236834733, 5.30585386164358397 51.94367723836853656, 5.30779442546186964 51.9401355166171399, 5.30904461858794807 51.93961840596405466, 5.30986008998843761 51.94069865512139472, 5.31181906084410649 51.94068981217012038, 5.31447625463461382 51.93958705459624525, 5.3170035968603262 51.9396380226281309, 5.32155971591402199 51.93868227772772883, 5.32540853485532484 51.93690749853978161, 5.3244506843392756 51.93555145467860257, 5.31773518852574334 51.9377722740540122, 5.31229590513004979 51.93638672138948209, 5.30499964399596191 51.9360897383664053, 5.29707439011537851 51.93622409933396966, 5.29253197179066426 51.93744911552892773, 5.28128207683091411 51.93267111025787841, 5.2809766615272471 51.93316779941469008, 5.27957265534900877 51.93319543940808813, 5.27622746896753192 51.93262793495146212, 5.26776126232699227 51.93275605472657475, 5.255061879929392 51.93548253955921012, 5.25480371862016682 51.93672689605614323, 5.24707544271914816 51.94123184204349286, 5.24556371434806579 51.94348616928294859, 5.24192318185677131 51.94551639468300408, 5.25223862934773589 51.94902056530523282, 5.25490665489523767 51.94985553754570162, 5.25431144175623732 51.95018590343126874, 5.25734263556689108 51.95131289464937652, 5.25772940753403439 51.95099867894921886, 5.2597654001412657 51.9515952132147234, 5.25531834912916196 51.95422111086152483, 5.27037360372899499 51.96542662131199819),(5.28755247189162603 51.95595906091426741, 5.28452037245475825 51.95617582556952385, 5.28140365901242248 51.95514841086382063, 5.2854467228156885 51.95162690786052906, 5.28162545021264052 51.94955878047648667, 5.28610418049059128 51.94600168934113071, 5.29137648222701085 51.94560696442666625, 5.29703509524192562 51.94630886269280978, 5.29852546748452369 51.94835077868423667, 5.29910025195627377 51.95161796866325687, 5.29339439193388195 51.95378843318253104, 5.29187680251831072 51.95244515935765151, 5.28714960378806875 51.95527926719942968, 5.28755247189162603 51.95595906091426741)))</t>
  </si>
  <si>
    <t>MultiPolygon (((5.31237057676021518 51.94477194247594554, 5.31614393024469933 51.94342773012144931, 5.31463555885541528 51.94182971561428275, 5.3170035968603262 51.9396380226281309, 5.31447625463461382 51.93958705459624525, 5.31181906084410649 51.94068981217012038, 5.30986008998843761 51.94069865512139472, 5.30904461858794807 51.93961840596405466, 5.30779442546186964 51.9401355166171399, 5.30585386164358397 51.94367723836853656, 5.30625506115160306 51.94462577236834733, 5.30735885178492417 51.94550119294322599, 5.30953515600486181 51.94438249042156741, 5.31201964405386473 51.94412709539449935, 5.31237057676021518 51.94477194247594554, 5.31237057676021518 51.94477194247594554)))</t>
  </si>
  <si>
    <t>MultiPolygon (((5.28755247189162603 51.95595906091426741, 5.28714960378806875 51.95527926719942968, 5.29187680251831072 51.95244515935765151, 5.29339439193388195 51.95378843318253104, 5.29910025195627377 51.95161796866325687, 5.29852546748452369 51.94835077868423667, 5.29703509524192562 51.94630886269280978, 5.29137648222701085 51.94560696442666625, 5.28610418049059128 51.94600168934113071, 5.28162545021264052 51.94955878047648667, 5.2854467228156885 51.95162690786052906, 5.28140365901242248 51.95514841086382063, 5.28452037245475825 51.95617582556952385, 5.28755247189162603 51.95595906091426741, 5.28755247189162603 51.95595906091426741)))</t>
  </si>
  <si>
    <t>MultiPolygon (((5.34124315945110073 51.93218074329722356, 5.34828753527435552 51.92930872583239932, 5.35287889670187766 51.92934076644905872, 5.35266046681673391 51.92593331619825392, 5.35541383632522283 51.91978051061818178, 5.36810048437644838 51.91025934004268549, 5.36802069717883601 51.90992310862905157, 5.34870608238382506 51.90389990958770028, 5.34292050793385354 51.90323724174476183, 5.33622441426515248 51.89979933081361452, 5.32788069410225607 51.89715006337522141, 5.31877583697882539 51.89255869106602148, 5.3120450142125355 51.89590723773916636, 5.30920633806867492 51.89662046315982735, 5.30675129836912873 51.89641756432368425, 5.30658493966613953 51.89657807740641005, 5.30909489768072795 51.89728825092295494, 5.31273126340062962 51.89736251338955952, 5.31603404505869026 51.89981133433039417, 5.31287584027412763 51.90123571036087213, 5.31444317782505582 51.90522382970208781, 5.31164020079966637 51.90943868687065788, 5.31270593575407979 51.91007472388912447, 5.30380076393247712 51.91679028792504624, 5.30617017031712734 51.91907748775376774, 5.30861614062848375 51.92018919474093508, 5.31455979660666777 51.92020396447898634, 5.32688156288746484 51.92179734367854138, 5.32650478052280896 51.92295101671560786, 5.33206684812537191 51.9240045325638917, 5.33112384002745099 51.92592953804832945, 5.34124315945110073 51.93218074329722356, 5.34124315945110073 51.93218074329722356),(5.33031808825266484 51.91011881278393503, 5.33041564351860142 51.90532249605350046, 5.34243837972953362 51.90725116397337047, 5.34216365325990328 51.91178030211834482, 5.33997697046668041 51.91251844984295616, 5.33934353095835945 51.91367318581843193, 5.33716802751778907 51.91485142896766547, 5.3353595908202216 51.9150860285042981, 5.33214566250348199 51.91433966932063271, 5.3284043574669937 51.91772896336701137, 5.32511567381442141 51.91629729988684971, 5.32415481328703244 51.91221977190833314, 5.32648119896718342 51.90808892075505554, 5.32689064721379602 51.90957949783545899, 5.33030353476959995 51.9101178889552699, 5.33031808825266484 51.91011881278393503, 5.33031808825266484 51.91011881278393503)))</t>
  </si>
  <si>
    <t>MultiPolygon (((5.28128207683091411 51.93267111025787841, 5.29253197179066426 51.93744911552892773, 5.29707439011537851 51.93622409933396966, 5.30499964399596191 51.9360897383664053, 5.31229590513004979 51.93638672138948209, 5.31773518852574334 51.9377722740540122, 5.3244506843392756 51.93555145467860257, 5.32540853485532484 51.93690749853978161, 5.33210872580744777 51.93619709890398894, 5.34124315945110073 51.93218074329722356, 5.33112384002745099 51.92592953804832945, 5.33206684812537191 51.9240045325638917, 5.32650478052280896 51.92295101671560786, 5.32688156288746484 51.92179734367854138, 5.31455979660666777 51.92020396447898634, 5.30861614062848375 51.92018919474093508, 5.30617017031712734 51.91907748775376774, 5.30380076393247712 51.91679028792504624, 5.30016417752911639 51.91825611247412553, 5.29118476514847469 51.91937547267271214, 5.28518349762630102 51.92263941263410487, 5.28672410334747767 51.92851033757605705, 5.28494686583180862 51.93069164747358002, 5.28128207683091411 51.93267111025787841, 5.28128207683091411 51.93267111025787841),(5.3092167606775087 51.93337899991077933, 5.30702605887769252 51.93394659784873113, 5.30357612046158611 51.93136007949355104, 5.30460281407517531 51.929597985195592, 5.30665936177138953 51.92836268391604193, 5.31875360395355212 51.92489637564365523, 5.32302012353588694 51.92508837321493331, 5.32397275335590159 51.92592760389361928, 5.32427826328028075 51.92886523767589324, 5.32146033793966833 51.93111525260283656, 5.3092167606775087 51.93337899991077933, 5.3092167606775087 51.93337899991077933)))</t>
  </si>
  <si>
    <t>MultiPolygon (((5.36802069717883601 51.90992310862905157, 5.37069608681249733 51.90618551756213606, 5.36624568000191537 51.90495061282204858, 5.36898116229095468 51.90328654994395663, 5.37101977136611808 51.9032669032836651, 5.3717960137480798 51.90263249037216298, 5.36986593166098647 51.89974417976427645, 5.37263597549131511 51.89791543793029405, 5.37237151580887407 51.89787608060444768, 5.36640480383527674 51.90008714395786171, 5.3638451949595316 51.90209470246418277, 5.36153278138312839 51.90060020423386078, 5.35333796606605095 51.90063493386573867, 5.34784397570763481 51.90262076229252131, 5.34529995488100607 51.90073234877918651, 5.34982393101845055 51.89801042044290824, 5.35633750208835924 51.89757637255694078, 5.36031791459504792 51.89837898720852394, 5.36266534015978813 51.89949685174460114, 5.36966812255246229 51.89640500600761186, 5.35744938828799722 51.8927777593527324, 5.35297263116516575 51.89200439629909312, 5.34370728898935177 51.89490736829752393, 5.33588418331555658 51.89234789895773758, 5.33626800571757709 51.89074815065999502, 5.338376395818905 51.88886768206981515, 5.34051839062856804 51.88373089828026252, 5.33716358830229431 51.88098151914889655, 5.33493467672350619 51.88176266913267654, 5.32682997877227482 51.88258782982936879, 5.32267637778662639 51.88196625269566908, 5.31719343255922361 51.88023258508294333, 5.31517821329169315 51.88057592780963034, 5.31495162189326997 51.88181595760857334, 5.31629404548991769 51.88332304168309861, 5.32193935742257906 51.88562803762207665, 5.32341509106268607 51.88698352569604566, 5.32336642338060173 51.88901034983389593, 5.31877583697882539 51.89255869106602148, 5.32788069410225607 51.89715006337522141, 5.33622441426515248 51.89979933081361452, 5.34292050793385354 51.90323724174476183, 5.34870608238382506 51.90389990958770028, 5.36802069717883601 51.90992310862905157, 5.36802069717883601 51.90992310862905157)))</t>
  </si>
  <si>
    <t>MultiPolygon (((5.28518349762630102 51.92263941263410487, 5.29118476514847469 51.91937547267271214, 5.30016417752911639 51.91825611247412553, 5.30380076393247712 51.91679028792504624, 5.31270593575407979 51.91007472388912447, 5.31164020079966637 51.90943868687065788, 5.31444317782505582 51.90522382970208781, 5.31287584027412763 51.90123571036087213, 5.31603404505869026 51.89981133433039417, 5.31273126340062962 51.89736251338955952, 5.30909489768072795 51.89728825092295494, 5.30658493966613953 51.89657807740641005, 5.29732351516788924 51.90157904810942568, 5.29489340554951493 51.90005231502068739, 5.27368737009065214 51.92008705734000529, 5.28518349762630102 51.92263941263410487, 5.28518349762630102 51.92263941263410487)))</t>
  </si>
  <si>
    <t>MultiPolygon (((5.36966812255246229 51.89640500600761186, 5.36266534015978813 51.89949685174460114, 5.36031791459504792 51.89837898720852394, 5.35633750208835924 51.89757637255694078, 5.34982393101845055 51.89801042044290824, 5.34529995488100607 51.90073234877918651, 5.34784397570763481 51.90262076229252131, 5.35333796606605095 51.90063493386573867, 5.36153278138312839 51.90060020423386078, 5.3638451949595316 51.90209470246418277, 5.36640480383527674 51.90008714395786171, 5.37237151580887407 51.89787608060444768, 5.37007487469652123 51.89652022775829465, 5.36966812255246229 51.89640500600761186, 5.36966812255246229 51.89640500600761186)))</t>
  </si>
  <si>
    <t>MultiPolygon (((5.3092167606775087 51.93337899991077933, 5.32146033793966833 51.93111525260283656, 5.32427826328028075 51.92886523767589324, 5.32397275335590159 51.92592760389361928, 5.32302012353588694 51.92508837321493331, 5.31875360395355212 51.92489637564365523, 5.30665936177138953 51.92836268391604193, 5.30460281407517531 51.929597985195592, 5.30357612046158611 51.93136007949355104, 5.30702605887769252 51.93394659784873113, 5.3092167606775087 51.93337899991077933, 5.3092167606775087 51.93337899991077933)))</t>
  </si>
  <si>
    <t>MultiPolygon (((5.33707846443588352 51.91166055967714499, 5.33997697046668041 51.91251844984295616, 5.34216365325990328 51.91178030211834482, 5.34243837972953362 51.90725116397337047, 5.33041564351860142 51.90532249605350046, 5.33031808825266484 51.91011881278393503, 5.33431346114611937 51.90994624535930058, 5.33707846443588352 51.91166055967714499, 5.33707846443588352 51.91166055967714499)))</t>
  </si>
  <si>
    <t>MultiPolygon (((5.33707846443588352 51.91166055967714499, 5.33837227457254571 51.91281159999260808, 5.3353742456286577 51.91379537768972341, 5.33187758259419819 51.912309309821417, 5.33030353476959995 51.9101178889552699, 5.32689064721379602 51.90957949783545899, 5.32648119896718342 51.90808892075505554, 5.32415481328703244 51.91221977190833314, 5.32511567381442141 51.91629729988684971, 5.3284043574669937 51.91772896336701137, 5.33214566250348199 51.91433966932063271, 5.3353595908202216 51.9150860285042981, 5.33716802751778907 51.91485142896766547, 5.33934353095835945 51.91367318581843193, 5.33997697046668041 51.91251844984295616, 5.33707846443588352 51.91166055967714499, 5.33707846443588352 51.91166055967714499)))</t>
  </si>
  <si>
    <t>MultiPolygon (((5.33031808825266484 51.91011881278393503, 5.33030353476959995 51.9101178889552699, 5.33187758259419819 51.912309309821417, 5.3353742456286577 51.91379537768972341, 5.33837227457254571 51.91281159999260808, 5.33707846443588352 51.91166055967714499, 5.33431346114611937 51.90994624535930058, 5.33031808825266484 51.91011881278393503, 5.33031808825266484 51.91011881278393503)))</t>
  </si>
  <si>
    <t>MultiPolygon (((6.02373781971928146 52.06728245042344838, 6.00964348480000421 52.06600177190217238, 6.00608487705206961 52.06634893272378406, 6.00898736166288927 52.07166314740416624, 6.00884860071438265 52.07401418894941969, 6.01738956515762791 52.0830188064677273, 6.03159379835248277 52.0956056604090918, 6.03405326040361167 52.09572386986402392, 6.03425864985079397 52.09834560712001661, 6.03238447466965955 52.10144964317267835, 6.03482528060469292 52.10289978363495322, 6.03390825964558886 52.10419130897740558, 6.03421116948753777 52.10612916694876873, 6.03543701565789004 52.10763991595589317, 6.04001941290062661 52.10409525064768843, 6.05162079143125364 52.09764558413702673, 6.05986374457822219 52.09337443717539173, 6.0679026382739929 52.08842506289054342, 6.0680628248131816 52.08824408710567155, 6.06766575375616135 52.08821049735784925, 6.06176922537005147 52.0864946907925912, 6.058607116767182 52.08532386903435452, 6.04269987233157657 52.07795815788761473, 6.02802595544481701 52.06902003793931755, 6.02373781971928146 52.06728245042344838)))</t>
  </si>
  <si>
    <t>MultiPolygon (((6.05154606536480344 52.12439739509970593, 6.07702155527501198 52.11327471269777334, 6.08433488515432597 52.10731893344017607, 6.08620232454776122 52.10389056804262253, 6.0892804022871676 52.09594861076848105, 6.08806352743791734 52.08805012167699999, 6.08526089624575217 52.08156672453415581, 6.08457475013401439 52.08169621636943702, 6.08135477169401462 52.08229618166689789, 6.0807492078823584 52.08383336196730795, 6.0801103376624086 52.08375330564057748, 6.07769134626740115 52.08352629054578387, 6.07743016398035962 52.08361992453129119, 6.07727937441504196 52.08384453618023002, 6.07709521593597035 52.08388379724983253, 6.07610196512179535 52.08749815712549491, 6.0680628248131816 52.08824408710567155, 6.0679026382739929 52.08842506289054342, 6.07534327137156804 52.08875818717299921, 6.07153148175061119 52.09702181745768712, 6.081351278933953 52.10230553215068738, 6.07412567309930118 52.10742540725680527, 6.07250426169808932 52.10662181663937531, 6.06936189669408854 52.10715650877420302, 6.06772352102548851 52.10816022246451951, 6.06575000848319323 52.10808637334589832, 6.06642872089308671 52.1102380195977517, 6.06466490550455983 52.11106667298921025, 6.05962512929276542 52.11276677616256592, 6.05536546460416769 52.11208252708735245, 6.05057796979414597 52.11592066496335462, 6.04921621114330765 52.11583350240319135, 6.04671888296799143 52.1118649639259246, 6.04976513374300939 52.10733795925826684, 6.04983785812357233 52.10635189402321998, 6.04176931431306841 52.10730323076214177, 6.04145282088724311 52.10679895327421463, 6.04374204885347677 52.10652088306487428, 6.04001941290062661 52.10409525064768843, 6.03543701565789004 52.10763991595589317, 6.03581776481531929 52.10946613826529017, 6.04112996570987004 52.11237142472140249, 6.04057965412824949 52.11456710531560077, 6.04317203524520252 52.11690818138163195, 6.04764612909863519 52.11919467380288751, 6.05154606536480344 52.12439739509970593)))</t>
  </si>
  <si>
    <t>MultiPolygon (((6.06678237716531665 52.09552625712264984, 6.07153148175061119 52.09702181745768712, 6.07534327137156804 52.08875818717299921, 6.0679026382739929 52.08842506289054342, 6.05986374457822219 52.09337443717539173, 6.06678237716531665 52.09552625712264984, 6.06678237716531665 52.09552625712264984)))</t>
  </si>
  <si>
    <t>MultiPolygon (((6.06808053530518432 52.10106880168070376, 6.06956866254967409 52.10153473308604077, 6.07184162263151173 52.10377631500671214, 6.07250426169808932 52.10662181663937531, 6.07412567309930118 52.10742540725680527, 6.081351278933953 52.10230553215068738, 6.07153148175061119 52.09702181745768712, 6.06678237716531665 52.09552625712264984, 6.06441935262362986 52.09750358602225617, 6.06439683587375278 52.09867025377665328, 6.06487578129013905 52.0993493773614631, 6.0694365769841454 52.0998778567203189, 6.06808053530518432 52.10106880168070376, 6.06808053530518432 52.10106880168070376)))</t>
  </si>
  <si>
    <t>MultiPolygon (((6.06249638068177177 52.10565795180006887, 6.06284633886125679 52.10562894047124871, 6.06808053530518432 52.10106880168070376, 6.0694365769841454 52.0998778567203189, 6.06487578129013905 52.0993493773614631, 6.06439683587375278 52.09867025377665328, 6.06441935262362986 52.09750358602225617, 6.06678237716531665 52.09552625712264984, 6.05986374457822219 52.09337443717539173, 6.05162079143125364 52.09764558413702673, 6.05293059871672234 52.09832744573247254, 6.05505984519583329 52.09918480200094137, 6.05692024624484748 52.09768986101905597, 6.06183579258146832 52.09959878342200312, 6.06264896463034741 52.10110074111825185, 6.06054758348180922 52.10139589932389725, 6.06249638068177177 52.10565795180006887, 6.06249638068177177 52.10565795180006887)))</t>
  </si>
  <si>
    <t>MultiPolygon (((6.04991213398696814 52.10570151349749324, 6.06249638068177177 52.10565795180006887, 6.06054758348180922 52.10139589932389725, 6.06264896463034741 52.10110074111825185, 6.06183579258146832 52.09959878342200312, 6.05692024624484748 52.09768986101905597, 6.05505984519583329 52.09918480200094137, 6.05293059871672234 52.09832744573247254, 6.05035108456405979 52.10157380194097954, 6.04991213398696814 52.10570151349749324, 6.04991213398696814 52.10570151349749324)))</t>
  </si>
  <si>
    <t>MultiPolygon (((6.04983785812357233 52.10635189402321998, 6.04991213398696814 52.10570151349749324, 6.05035108456405979 52.10157380194097954, 6.05293059871672234 52.09832744573247254, 6.05162079143125364 52.09764558413702673, 6.04001941290062661 52.10409525064768843, 6.04374204885347677 52.10652088306487428, 6.04145282088724311 52.10679895327421463, 6.04176931431306841 52.10730323076214177, 6.04983785812357233 52.10635189402321998, 6.04983785812357233 52.10635189402321998)))</t>
  </si>
  <si>
    <t>MultiPolygon (((6.05536546460416769 52.11208252708735245, 6.05962512929276542 52.11276677616256592, 6.06466490550455983 52.11106667298921025, 6.06642872089308671 52.1102380195977517, 6.06575000848319323 52.10808637334589832, 6.06093085451838842 52.10731227445911884, 6.05536546460416769 52.11208252708735245, 6.05536546460416769 52.11208252708735245)))</t>
  </si>
  <si>
    <t>MultiPolygon (((6.05536546460416769 52.11208252708735245, 6.06093085451838842 52.10731227445911884, 6.06284633886125679 52.10562894047124871, 6.06249638068177177 52.10565795180006887, 6.04991213398696814 52.10570151349749324, 6.04983785812357233 52.10635189402321998, 6.04976513374300939 52.10733795925826684, 6.05465748690739058 52.1117547985946743, 6.05536546460416769 52.11208252708735245, 6.05536546460416769 52.11208252708735245)))</t>
  </si>
  <si>
    <t>MultiPolygon (((6.04976513374300939 52.10733795925826684, 6.04671888296799143 52.1118649639259246, 6.04921621114330765 52.11583350240319135, 6.05057796979414597 52.11592066496335462, 6.05536546460416769 52.11208252708735245, 6.05465748690739058 52.1117547985946743, 6.04976513374300939 52.10733795925826684, 6.04976513374300939 52.10733795925826684)))</t>
  </si>
  <si>
    <t>MultiPolygon (((6.06093085451838842 52.10731227445911884, 6.06575000848319323 52.10808637334589832, 6.06772352102548851 52.10816022246451951, 6.06936189669408854 52.10715650877420302, 6.07250426169808932 52.10662181663937531, 6.07184162263151173 52.10377631500671214, 6.06956866254967409 52.10153473308604077, 6.06808053530518432 52.10106880168070376, 6.06284633886125679 52.10562894047124871, 6.06093085451838842 52.10731227445911884, 6.06093085451838842 52.10731227445911884)))</t>
  </si>
  <si>
    <t>MultiPolygon (((6.08620232454776122 52.10389056804262253, 6.09033941970524673 52.10341091209406983, 6.0922292679354646 52.10489097635461064, 6.09752924336169233 52.10453246220296109, 6.10178592988542157 52.1051941285364606, 6.10857855774330361 52.10882409930091796, 6.11877371611388376 52.11073356963982661, 6.12393749706613555 52.10835968206050239, 6.12829447021956319 52.10897652043730943, 6.12839555757835885 52.1075577787214641, 6.13096711615067669 52.10731831417025006, 6.13320318523829222 52.10411580245009588, 6.13313036798325761 52.10236908458048788, 6.11854102619531659 52.10260577206713606, 6.11565950317530493 52.10180378035781246, 6.11654725092503782 52.09795604520799372, 6.11234787527398105 52.09740023360436822, 6.11216611194194481 52.09786591376899878, 6.09866331465272005 52.09736164191219387, 6.09938781167412447 52.09371958736476671, 6.10535884259473249 52.09215800705079147, 6.10562256227561129 52.08869250056840627, 6.10434787111038801 52.08893144709271894, 6.10103581467441369 52.08624119449667234, 6.09853902598115472 52.08172288864367516, 6.09808408865126328 52.07916603401756106, 6.08526089624575217 52.08156672453415581, 6.08806352743791734 52.08805012167699999, 6.0892804022871676 52.09594861076848105, 6.08620232454776122 52.10389056804262253, 6.08620232454776122 52.10389056804262253)))</t>
  </si>
  <si>
    <t>MultiPolygon (((6.08766456092269159 52.1285776146407116, 6.09242355190347329 52.12727130795756381, 6.09717456568435079 52.12872306002715561, 6.09640190107887392 52.12964331706382382, 6.10003165663113833 52.13073832572894162, 6.1018827698473137 52.12450470333219243, 6.11130667683673057 52.12535465752532815, 6.11056310573896333 52.12436218850222502, 6.11475689298056668 52.12274256467577516, 6.11637732312422244 52.11830654350231384, 6.1251397888224508 52.11956470829115773, 6.13014252407019899 52.10933822212253119, 6.12829447021956319 52.10897652043730943, 6.12393749706613555 52.10835968206050239, 6.11877371611388376 52.11073356963982661, 6.10857855774330361 52.10882409930091796, 6.10178592988542157 52.1051941285364606, 6.09752924336169233 52.10453246220296109, 6.0922292679354646 52.10489097635461064, 6.09033941970524673 52.10341091209406983, 6.08620232454776122 52.10389056804262253, 6.08433488515432597 52.10731893344017607, 6.07702155527501198 52.11327471269777334, 6.05154606536480344 52.12439739509970593, 6.05172613771491363 52.12447721484186758, 6.069622179059321 52.13130493313739322, 6.07139216317771879 52.13457239702056967, 6.07266748038656523 52.13534278581384029, 6.07737206593454449 52.13285188585874863, 6.08766456092269159 52.1285776146407116, 6.08766456092269159 52.1285776146407116),(6.09714281416125914 52.10937872499153656, 6.09784795173561367 52.10865593238050053, 6.10377945221331242 52.11061791498401163, 6.1027747934126122 52.11232696141513543, 6.10452467550988676 52.1129774961429959, 6.10670587922502062 52.11278842083051899, 6.106898629185463 52.11368702382311824, 6.10315755691516415 52.11394731976304229, 6.10282767669567683 52.11440920039683533, 6.09932361558014247 52.11386415337260303, 6.09983311297323638 52.11132199663084918, 6.09714281416125914 52.10937872499153656, 6.09714281416125914 52.10937872499153656)))</t>
  </si>
  <si>
    <t>MultiPolygon (((6.10315755691516415 52.11394731976304229, 6.106898629185463 52.11368702382311824, 6.10670587922502062 52.11278842083051899, 6.10452467550988676 52.1129774961429959, 6.1027747934126122 52.11232696141513543, 6.10377945221331242 52.11061791498401163, 6.09784795173561367 52.10865593238050053, 6.09714281416125914 52.10937872499153656, 6.09983311297323638 52.11132199663084918, 6.09932361558014247 52.11386415337260303, 6.10282767669567683 52.11440920039683533, 6.10315755691516415 52.11394731976304229, 6.10315755691516415 52.11394731976304229)))</t>
  </si>
  <si>
    <t>MultiPolygon (((6.10562256227561129 52.08869250056840627, 6.10814624042007104 52.08826748568910858, 6.11519572485039209 52.08847527558038593, 6.1163912976519752 52.08762630272887861, 6.11513801306172411 52.08435672329272847, 6.11806667883060218 52.08345685074974796, 6.13528089329273296 52.08109924178587136, 6.13798963532194808 52.08172180736119117, 6.13901807353267603 52.0844482742074959, 6.14413094676428528 52.08393653504847265, 6.14151930065781393 52.07890207623180601, 6.13929490323865146 52.07758961578473844, 6.13612432989130241 52.07740617741614386, 6.1337363464577086 52.07556851460741143, 6.13214848261762224 52.07391457173887517, 6.13110940363143175 52.0703376344422324, 6.12935340584678912 52.06919829926290078, 6.12667230055566936 52.06852522435185904, 6.11905957148830382 52.07032544023158493, 6.11525543955571216 52.06916832344469981, 6.11397074227436121 52.07158334295486668, 6.10922560401329573 52.07489335166086875, 6.10295375330703305 52.07757086364043886, 6.10342330034293568 52.07814359613350774, 6.09808408865126328 52.07916603401756106, 6.09853902598115472 52.08172288864367516, 6.10103581467441369 52.08624119449667234, 6.10434787111038801 52.08893144709271894, 6.10562256227561129 52.08869250056840627, 6.10562256227561129 52.08869250056840627)))</t>
  </si>
  <si>
    <t>MultiPolygon (((6.14413094676428528 52.08393653504847265, 6.14472639755491823 52.08385746029728125, 6.15206536521718217 52.08208820424869145, 6.15267455830520404 52.0821719467184252, 6.15725861128480556 52.0797599017429178, 6.16252405790012059 52.07543696867794125, 6.16280166165717791 52.0740927147881294, 6.15122819946053756 52.06794512404979969, 6.14788525337271974 52.06468701309051994, 6.13930103503816849 52.06121187447073595, 6.13746923095687169 52.05918110840306667, 6.13535349465342517 52.05973429651421469, 6.13642505828631268 52.06039228343915681, 6.13575105401100807 52.06205856971737234, 6.13259225201422709 52.06185907446410965, 6.13208289608149126 52.06275511467246986, 6.12881959635162055 52.06279874875762204, 6.12872042843857923 52.06427745985954658, 6.122769324646403 52.06322962398198939, 6.11995301908670619 52.066761844989081, 6.12098393001022423 52.06859485226140549, 6.11569877140187135 52.06823113298644046, 6.11525543955571216 52.06916832344469981, 6.11905957148830382 52.07032544023158493, 6.12667230055566936 52.06852522435185904, 6.12935340584678912 52.06919829926290078, 6.13110940363143175 52.0703376344422324, 6.13214848261762224 52.07391457173887517, 6.1337363464577086 52.07556851460741143, 6.13740312196362225 52.0744203143937554, 6.13876896829259699 52.07350734838746575, 6.13894912415027783 52.0720796889282127, 6.14144780127774581 52.07143618842129484, 6.15076913442508388 52.07835626368256499, 6.14721198921907774 52.07828608240009061, 6.14199957787458839 52.07646516627576005, 6.13929490323865146 52.07758961578473844, 6.14151930065781393 52.07890207623180601, 6.14413094676428528 52.08393653504847265, 6.14413094676428528 52.08393653504847265)))</t>
  </si>
  <si>
    <t>MultiPolygon (((6.1337363464577086 52.07556851460741143, 6.13612432989130241 52.07740617741614386, 6.13929490323865146 52.07758961578473844, 6.14199957787458839 52.07646516627576005, 6.14721198921907774 52.07828608240009061, 6.15076913442508388 52.07835626368256499, 6.14144780127774581 52.07143618842129484, 6.13894912415027783 52.0720796889282127, 6.13876896829259699 52.07350734838746575, 6.13740312196362225 52.0744203143937554, 6.1337363464577086 52.07556851460741143, 6.1337363464577086 52.07556851460741143)))</t>
  </si>
  <si>
    <t>MultiPolygon (((6.18484371299774249 52.12467905851111283, 6.18588492402163315 52.1237946243576431, 6.18588597551526043 52.11835776317926161, 6.18909464564932588 52.11504083149880273, 6.19219051388411135 52.11421417950020896, 6.20620666803888898 52.11355511749089686, 6.21008787615782687 52.11268656139477429, 6.21325092777908683 52.11108552231567614, 6.2153525302195014 52.10896626387160069, 6.21767767065017019 52.10452636286030526, 6.21789886501745492 52.09788130178148435, 6.21532118308871695 52.09488597927479248, 6.21053426408516351 52.09245182859989143, 6.20682953220961142 52.09242062887758351, 6.20304295775874248 52.09358875438624636, 6.19963044625881032 52.09379077343156439, 6.18957459156040724 52.0913082650797179, 6.1782967221779419 52.09129709537448605, 6.17573630334108703 52.0902972867538594, 6.17400715342234818 52.0885391067943857, 6.17071917493873467 52.07890323643713515, 6.16778157796196957 52.07594285054124583, 6.16280166165717791 52.0740927147881294, 6.16252405790012059 52.07543696867794125, 6.15725861128480556 52.0797599017429178, 6.15267455830520404 52.0821719467184252, 6.16010858809837281 52.08565817665230213, 6.16280468036585649 52.0894677469662426, 6.16580974059610298 52.09743564607715882, 6.16726664877620401 52.10284861222110209, 6.16796240899618109 52.10659356472177706, 6.16671766776770713 52.11145363117187657, 6.16787123338906262 52.11350752821767429, 6.17086673789152762 52.1156677989633863, 6.17149897213759324 52.11774249208870913, 6.17539356606736689 52.11723690186842362, 6.17882976217539692 52.11812655169732977, 6.18138460068085394 52.12046480630777978, 6.18240564775418644 52.12305384865659619, 6.18484371299774249 52.12467905851111283, 6.18484371299774249 52.12467905851111283)))</t>
  </si>
  <si>
    <t>MultiPolygon (((6.11130667683673057 52.12535465752532815, 6.13631495746455613 52.12939471108050071, 6.14516972336886802 52.13213640199637666, 6.1511821961364479 52.13316682214433229, 6.16785665802858762 52.13295598919775387, 6.16052227800498464 52.11951373156342271, 6.15546201021434936 52.11996912099791501, 6.15174062026526958 52.12168417596568304, 6.14468640588736204 52.12230835429804898, 6.1251397888224508 52.11956470829115773, 6.11637732312422244 52.11830654350231384, 6.11475689298056668 52.12274256467577516, 6.11056310573896333 52.12436218850222502, 6.11130667683673057 52.12535465752532815, 6.11130667683673057 52.12535465752532815)))</t>
  </si>
  <si>
    <t>MultiPolygon (((6.16343371201521517 52.14610267598299487, 6.16850467230390098 52.14622618682781052, 6.17339581853768937 52.1449697831536767, 6.17214332722310122 52.1433895785037933, 6.17284083879657519 52.14237230054431649, 6.17504802635379235 52.14147118100259348, 6.17413125699008258 52.1394319574838363, 6.17889247154794319 52.13855915299824062, 6.17910139265112068 52.13790130545803692, 6.17758643184964384 52.13689404676894412, 6.17986954215485174 52.13585201758318277, 6.17941119526463112 52.13557967796718629, 6.18354623190334163 52.13425254647227547, 6.18242330189271883 52.13254645498228257, 6.18363976248977565 52.13124970151805826, 6.18401408072947589 52.12912093448446882, 6.18251535206290459 52.12623898334610573, 6.18484371299774249 52.12467905851111283, 6.18240564775418644 52.12305384865659619, 6.18138460068085394 52.12046480630777978, 6.17882976217539692 52.11812655169732977, 6.17539356606736689 52.11723690186842362, 6.17149897213759324 52.11774249208870913, 6.16052227800498464 52.11951373156342271, 6.16785665802858762 52.13295598919775387, 6.17118037507410921 52.1381351609696253, 6.16935974632636874 52.14270722289645477, 6.16343371201521517 52.14610267598299487, 6.16343371201521517 52.14610267598299487)))</t>
  </si>
  <si>
    <t>MultiPolygon (((6.1251397888224508 52.11956470829115773, 6.14468640588736204 52.12230835429804898, 6.15174062026526958 52.12168417596568304, 6.15546201021434936 52.11996912099791501, 6.16052227800498464 52.11951373156342271, 6.17149897213759324 52.11774249208870913, 6.17086673789152762 52.1156677989633863, 6.16787123338906262 52.11350752821767429, 6.16671766776770713 52.11145363117187657, 6.16796240899618109 52.10659356472177706, 6.16726664877620401 52.10284861222110209, 6.16540398195541073 52.10324848974831013, 6.16323441870144872 52.10624713173461942, 6.16062199883133221 52.10719608481025489, 6.15632326341451375 52.10592576269854703, 6.14782231454140593 52.10498872639752932, 6.14450196592871656 52.10217495405697719, 6.14276494089459923 52.10158060509520084, 6.13719449420672358 52.100997642013823, 6.13383843455565447 52.10138712990983834, 6.13313036798325761 52.10236908458048788, 6.13320318523829222 52.10411580245009588, 6.13096711615067669 52.10731831417025006, 6.12839555757835885 52.1075577787214641, 6.12829447021956319 52.10897652043730943, 6.13014252407019899 52.10933822212253119, 6.1251397888224508 52.11956470829115773, 6.1251397888224508 52.11956470829115773),(6.14274902088076669 52.11550374818407505, 6.14045194946431039 52.11454748789962821, 6.1406957766181085 52.11403481704518015, 6.14447273014501771 52.11178463018794105, 6.14679381657612289 52.11165412956395926, 6.1479757783610065 52.11247310963615575, 6.14726113008940001 52.11406180326014947, 6.1447122160989105 52.1133216968220907, 6.14350138987706451 52.11389388206478657, 6.14274902088076669 52.11550374818407505, 6.14274902088076669 52.11550374818407505)))</t>
  </si>
  <si>
    <t>MultiPolygon (((6.14274902088076669 52.11550374818407505, 6.14350138987706451 52.11389388206478657, 6.1447122160989105 52.1133216968220907, 6.14726113008940001 52.11406180326014947, 6.1479757783610065 52.11247310963615575, 6.14679381657612289 52.11165412956395926, 6.14447273014501771 52.11178463018794105, 6.1406957766181085 52.11403481704518015, 6.14045194946431039 52.11454748789962821, 6.14274902088076669 52.11550374818407505, 6.14274902088076669 52.11550374818407505)))</t>
  </si>
  <si>
    <t>MultiPolygon (((6.13313036798325761 52.10236908458048788, 6.13383843455565447 52.10138712990983834, 6.13671406929201435 52.09784030614267891, 6.13958940439894096 52.09868256960498911, 6.14044645043583692 52.09837281110424101, 6.13965703829305021 52.09671503820492688, 6.14132037742701531 52.09388429834394429, 6.1209718595024416 52.092528772033873, 6.12067690210837956 52.09343317828930964, 6.11417725886324082 52.09359442680741381, 6.1069295397447787 52.09308577159586662, 6.10535884259473249 52.09215800705079147, 6.09938781167412447 52.09371958736476671, 6.09866331465272005 52.09736164191219387, 6.11216611194194481 52.09786591376899878, 6.11234787527398105 52.09740023360436822, 6.11654725092503782 52.09795604520799372, 6.11565950317530493 52.10180378035781246, 6.11854102619531659 52.10260577206713606, 6.13313036798325761 52.10236908458048788, 6.13313036798325761 52.10236908458048788)))</t>
  </si>
  <si>
    <t>MultiPolygon (((6.13383843455565447 52.10138712990983834, 6.13719449420672358 52.100997642013823, 6.14276494089459923 52.10158060509520084, 6.14450196592871656 52.10217495405697719, 6.14782231454140593 52.10498872639752932, 6.15632326341451375 52.10592576269854703, 6.16062199883133221 52.10719608481025489, 6.16323441870144872 52.10624713173461942, 6.16540398195541073 52.10324848974831013, 6.16726664877620401 52.10284861222110209, 6.16580974059610298 52.09743564607715882, 6.15938495359126215 52.09676628259312992, 6.15861864528647729 52.09914298180219561, 6.15944166383480241 52.10236778369864652, 6.15659220224510051 52.10276486069080448, 6.15864569444342091 52.10596150416511563, 6.15313454445885633 52.10537302490423173, 6.15076811262861245 52.1005301027459069, 6.14839948119682767 52.10395267868914004, 6.14782992481745882 52.10184634055404729, 6.14944476470064849 52.09788178112262358, 6.14562932506513881 52.0971467285420573, 6.14491149052322161 52.09629890937726771, 6.13965703829305021 52.09671503820492688, 6.14044645043583692 52.09837281110424101, 6.13958940439894096 52.09868256960498911, 6.13671406929201435 52.09784030614267891, 6.13383843455565447 52.10138712990983834, 6.13383843455565447 52.10138712990983834)))</t>
  </si>
  <si>
    <t>MultiPolygon (((6.13965703829305021 52.09671503820492688, 6.14491149052322161 52.09629890937726771, 6.14562932506513881 52.0971467285420573, 6.14944476470064849 52.09788178112262358, 6.14866756127022107 52.09580615598126485, 6.14714293707156134 52.09202931869497633, 6.14651096220394511 52.09080261935373812, 6.1455277974530782 52.09095268486863262, 6.14271172375740981 52.09365956400795739, 6.14132037742701531 52.09388429834394429, 6.13965703829305021 52.09671503820492688, 6.13965703829305021 52.09671503820492688)))</t>
  </si>
  <si>
    <t>MultiPolygon (((6.15494440710635526 52.100791991126016, 6.15659220224510051 52.10276486069080448, 6.15944166383480241 52.10236778369864652, 6.15861864528647729 52.09914298180219561, 6.15938495359126215 52.09676628259312992, 6.15795150575857697 52.0966705539708812, 6.15594438501218733 52.09671442049256029, 6.15429474506082297 52.09744974224537373, 6.15488357735214642 52.09914464481442309, 6.15630728236932079 52.09936468932188092, 6.15594063184382634 52.10075297949330775, 6.15494440710635526 52.100791991126016, 6.15494440710635526 52.100791991126016)))</t>
  </si>
  <si>
    <t>MultiPolygon (((6.14866756127022107 52.09580615598126485, 6.15235470931976458 52.09595611410439631, 6.15188065342283785 52.09226056808918059, 6.14714293707156134 52.09202931869497633, 6.14866756127022107 52.09580615598126485, 6.14866756127022107 52.09580615598126485)))</t>
  </si>
  <si>
    <t>MultiPolygon (((6.15494440710635526 52.100791991126016, 6.15076811262861245 52.1005301027459069, 6.15313454445885633 52.10537302490423173, 6.15864569444342091 52.10596150416511563, 6.15659220224510051 52.10276486069080448, 6.15494440710635526 52.100791991126016, 6.15494440710635526 52.100791991126016)))</t>
  </si>
  <si>
    <t>MultiPolygon (((6.15076811262861245 52.1005301027459069, 6.15494440710635526 52.100791991126016, 6.15594063184382634 52.10075297949330775, 6.15630728236932079 52.09936468932188092, 6.15488357735214642 52.09914464481442309, 6.15429474506082297 52.09744974224537373, 6.15594438501218733 52.09671442049256029, 6.15795150575857697 52.0966705539708812, 6.1578720226464787 52.09666448002963079, 6.15235470931976458 52.09595611410439631, 6.14866756127022107 52.09580615598126485, 6.14944476470064849 52.09788178112262358, 6.14782992481745882 52.10184634055404729, 6.14839948119682767 52.10395267868914004, 6.15076811262861245 52.1005301027459069, 6.15076811262861245 52.1005301027459069)))</t>
  </si>
  <si>
    <t>MultiPolygon (((6.10535884259473249 52.09215800705079147, 6.1069295397447787 52.09308577159586662, 6.11417725886324082 52.09359442680741381, 6.12067690210837956 52.09343317828930964, 6.1209718595024416 52.092528772033873, 6.14132037742701531 52.09388429834394429, 6.14271172375740981 52.09365956400795739, 6.1455277974530782 52.09095268486863262, 6.14651096220394511 52.09080261935373812, 6.14589620780959311 52.08726971915002224, 6.14472639755491823 52.08385746029728125, 6.14413094676428528 52.08393653504847265, 6.13901807353267603 52.0844482742074959, 6.13798963532194808 52.08172180736119117, 6.13528089329273296 52.08109924178587136, 6.11806667883060218 52.08345685074974796, 6.11513801306172411 52.08435672329272847, 6.1163912976519752 52.08762630272887861, 6.11519572485039209 52.08847527558038593, 6.10814624042007104 52.08826748568910858, 6.10562256227561129 52.08869250056840627, 6.10535884259473249 52.09215800705079147, 6.10535884259473249 52.09215800705079147)))</t>
  </si>
  <si>
    <t>MultiPolygon (((6.15207848090812259 52.08598362578632646, 6.15928466733820024 52.0862369657422235, 6.16010858809837281 52.08565817665230213, 6.15267455830520404 52.0821719467184252, 6.15206536521718217 52.08208820424869145, 6.15010266357206969 52.08367677501896509, 6.15001633721582674 52.08586724447322069, 6.15207848090812259 52.08598362578632646, 6.15207848090812259 52.08598362578632646)))</t>
  </si>
  <si>
    <t>MultiPolygon (((6.14589620780959311 52.08726971915002224, 6.15207848090812259 52.08598362578632646, 6.15001633721582674 52.08586724447322069, 6.15010266357206969 52.08367677501896509, 6.15206536521718217 52.08208820424869145, 6.14472639755491823 52.08385746029728125, 6.14589620780959311 52.08726971915002224, 6.14589620780959311 52.08726971915002224)))</t>
  </si>
  <si>
    <t>MultiPolygon (((6.15938495359126215 52.09676628259312992, 6.16580974059610298 52.09743564607715882, 6.16280468036585649 52.0894677469662426, 6.15865281749920968 52.09054138108768228, 6.15902945731188023 52.09308278635462841, 6.1578720226464787 52.09666448002963079, 6.15795150575857697 52.0966705539708812, 6.15938495359126215 52.09676628259312992, 6.15938495359126215 52.09676628259312992)))</t>
  </si>
  <si>
    <t>MultiPolygon (((6.15235470931976458 52.09595611410439631, 6.1578720226464787 52.09666448002963079, 6.15902945731188023 52.09308278635462841, 6.15865281749920968 52.09054138108768228, 6.15560370597048134 52.09020617280046395, 6.15188065342283785 52.09226056808918059, 6.15235470931976458 52.09595611410439631, 6.15235470931976458 52.09595611410439631)))</t>
  </si>
  <si>
    <t>MultiPolygon (((6.14714293707156134 52.09202931869497633, 6.15188065342283785 52.09226056808918059, 6.15560370597048134 52.09020617280046395, 6.15865281749920968 52.09054138108768228, 6.16280468036585649 52.0894677469662426, 6.16010858809837281 52.08565817665230213, 6.15928466733820024 52.0862369657422235, 6.15207848090812259 52.08598362578632646, 6.14589620780959311 52.08726971915002224, 6.14651096220394511 52.09080261935373812, 6.14714293707156134 52.09202931869497633, 6.14714293707156134 52.09202931869497633)))</t>
  </si>
  <si>
    <t>MultiPolygon (((6.142856517773021 52.14565874013491964, 6.15058949881426376 52.14397767100910386, 6.16343371201521517 52.14610267598299487, 6.16935974632636874 52.14270722289645477, 6.17118037507410921 52.1381351609696253, 6.16785665802858762 52.13295598919775387, 6.1511821961364479 52.13316682214433229, 6.14516972336886802 52.13213640199637666, 6.13631495746455613 52.12939471108050071, 6.11130667683673057 52.12535465752532815, 6.1018827698473137 52.12450470333219243, 6.10003165663113833 52.13073832572894162, 6.09640190107887392 52.12964331706382382, 6.09717456568435079 52.12872306002715561, 6.09242355190347329 52.12727130795756381, 6.08766456092269159 52.1285776146407116, 6.07737206593454449 52.13285188585874863, 6.09327907648720846 52.13783083467109236, 6.09510961929741857 52.13659954026407917, 6.10114513823193239 52.13856950473007856, 6.14472877894848324 52.14408887082386457, 6.14470466270104154 52.14482850100250033, 6.142856517773021 52.14565874013491964, 6.142856517773021 52.14565874013491964)))</t>
  </si>
  <si>
    <t>MultiPolygon (((6.15501890181200029 52.16025850998251912, 6.15981673372538729 52.16153959122438266, 6.16699314929516706 52.16111524941030098, 6.16721546931244191 52.16205943625352859, 6.17250326540836802 52.16183401117603324, 6.17257693805214913 52.1613291070396059, 6.18467854121510019 52.16122257273053009, 6.18160508172965795 52.15270559516302029, 6.17929533458131797 52.1522622538759606, 6.17166865524002706 52.15279990637542085, 6.15915787384925473 52.15770503084068821, 6.14742218941373508 52.15799562527708844, 6.14433438044522262 52.15693711296103174, 6.14081565083444492 52.1586891900456564, 6.14413546103645114 52.15937049733182818, 6.15357814874021791 52.1596222893514252, 6.15501890181200029 52.16025850998251912, 6.15501890181200029 52.16025850998251912)))</t>
  </si>
  <si>
    <t>MultiPolygon (((6.14033722749007449 52.15863344230357512, 6.14081565083444492 52.1586891900456564, 6.14433438044522262 52.15693711296103174, 6.14208142582576144 52.15519578761166031, 6.14063952932617951 52.15220927271851536, 6.14038958064976903 52.14835232969384293, 6.142856517773021 52.14565874013491964, 6.14470466270104154 52.14482850100250033, 6.14472877894848324 52.14408887082386457, 6.10114513823193239 52.13856950473007856, 6.09510961929741857 52.13659954026407917, 6.09327907648720846 52.13783083467109236, 6.07737206593454449 52.13285188585874863, 6.07266748038656523 52.13534278581384029, 6.07848411673982536 52.13887816893655014, 6.07606728280211428 52.14393807421181748, 6.10613311754085419 52.15219109596768732, 6.14033722749007449 52.15863344230357512, 6.14033722749007449 52.15863344230357512),(6.14214891696864029 52.15770240742480013, 6.13317050362630489 52.1530661859861624, 6.1327289149937334 52.1518878659829781, 6.13524203641290722 52.1516256113536727, 6.14111035568375563 52.15480935248653793, 6.14214891696864029 52.15770240742480013, 6.14214891696864029 52.15770240742480013)))</t>
  </si>
  <si>
    <t>MultiPolygon (((6.14214891696864029 52.15770240742480013, 6.14111035568375563 52.15480935248653793, 6.13524203641290722 52.1516256113536727, 6.1327289149937334 52.1518878659829781, 6.13317050362630489 52.1530661859861624, 6.14214891696864029 52.15770240742480013, 6.14214891696864029 52.15770240742480013)))</t>
  </si>
  <si>
    <t>MultiPolygon (((5.68717680102430911 51.88380866553490023, 5.69880882477759609 51.88285061417687416, 5.7052394358428673 51.88393817524186602, 5.70570407497251519 51.88463682062067051, 5.70818229063087124 51.88421742394285729, 5.71069020335473621 51.88186732989785099, 5.71191348451552994 51.87902130322260774, 5.7155655990122014 51.87628763509717089, 5.71198211043848492 51.87722061055325895, 5.70316539166246095 51.8770175463131622, 5.70545477006492696 51.880204961603134, 5.70059565307358529 51.88190234405479373, 5.69932331165429318 51.88074797994027421, 5.6965103141387301 51.88062006087738354, 5.6931447650392597 51.88294069320524216, 5.68717680102430911 51.88380866553490023, 5.68717680102430911 51.88380866553490023)))</t>
  </si>
  <si>
    <t>MultiPolygon (((5.66785264328992522 51.86592662887238703, 5.67135883537150409 51.87073331746971405, 5.68131514653562952 51.86876129300018334, 5.70660323919033186 51.86033409475181344, 5.71216011369856336 51.86069078849435954, 5.71508492678046665 51.86036451761689392, 5.70128415585636272 51.84831231229925663, 5.68872454844646924 51.85319091666789859, 5.68437312631549929 51.84919901019700461, 5.68049797560092795 51.85386980630588027, 5.68016753399750307 51.8551162501074927, 5.68163604730620087 51.85688177450592207, 5.67825810721073676 51.85857415535549819, 5.67957109859735976 51.86052548463733558, 5.67218446993089476 51.86204440713332531, 5.67076729289176917 51.86456346751137403, 5.66785264328992522 51.86592662887238703, 5.66785264328992522 51.86592662887238703)))</t>
  </si>
  <si>
    <t>MultiPolygon (((5.68029996684863914 51.88443287810159887, 5.68717680102430911 51.88380866553490023, 5.6931447650392597 51.88294069320524216, 5.6965103141387301 51.88062006087738354, 5.69932331165429318 51.88074797994027421, 5.70059565307358529 51.88190234405479373, 5.70545477006492696 51.880204961603134, 5.70316539166246095 51.8770175463131622, 5.71198211043848492 51.87722061055325895, 5.7155655990122014 51.87628763509717089, 5.72148743174598629 51.87444792669587201, 5.72423068689256986 51.87423436557180167, 5.72513828593263074 51.87302835606573126, 5.72408973405933175 51.87050340790423064, 5.71216011369856336 51.86069078849435954, 5.70660323919033186 51.86033409475181344, 5.68131514653562952 51.86876129300018334, 5.67135883537150409 51.87073331746971405, 5.67582936926396275 51.87560880280619102, 5.68029996684863914 51.88443287810159887, 5.68029996684863914 51.88443287810159887)))</t>
  </si>
  <si>
    <t>MultiPolygon (((5.68501378132017177 51.89564847987747953, 5.6971519199835905 51.89504340320201692, 5.70665939261152833 51.89329156653443675, 5.7261641771850007 51.88715011969377855, 5.73641815898691032 51.88541447271045826, 5.73524511761683886 51.88082445183230362, 5.72509771536312773 51.87941603051646666, 5.72324553146295667 51.87812912571517643, 5.72313988451771039 51.87503301708374437, 5.72554950144118191 51.87479009685374365, 5.72508237447333723 51.874177461097986, 5.72423068689256986 51.87423436557180167, 5.72148743174598629 51.87444792669587201, 5.7155655990122014 51.87628763509717089, 5.71191348451552994 51.87902130322260774, 5.71069020335473621 51.88186732989785099, 5.70818229063087124 51.88421742394285729, 5.70570407497251519 51.88463682062067051, 5.7052394358428673 51.88393817524186602, 5.69880882477759609 51.88285061417687416, 5.68717680102430911 51.88380866553490023, 5.68029996684863914 51.88443287810159887, 5.6822288485971022 51.88900493397181179, 5.68246162864077053 51.88977440486552695, 5.68501378132017177 51.89564847987747953)))</t>
  </si>
  <si>
    <t>MultiPolygon (((5.80777882288562441 51.85383935974244451, 5.81259382967207738 51.85244004156056263, 5.81723929083533342 51.85217721219951414, 5.81739121113646096 51.85340526069050071, 5.82032736778185722 51.85387005646853709, 5.8173877391288018 51.84952299843316581, 5.81232426668064939 51.8496400236094388, 5.81235808940100895 51.85033518374594763, 5.8073257547929833 51.8518400909208026, 5.80777882288562441 51.85383935974244451, 5.80777882288562441 51.85383935974244451)))</t>
  </si>
  <si>
    <t>MultiPolygon (((5.80924434049867511 51.85877485862368275, 5.81322568779368343 51.85841717849378796, 5.81616842065759609 51.85712865638384983, 5.82151002740315349 51.85560470577773629, 5.82032736778185722 51.85387005646853709, 5.81739121113646096 51.85340526069050071, 5.81723929083533342 51.85217721219951414, 5.81259382967207738 51.85244004156056263, 5.80777882288562441 51.85383935974244451, 5.80976380559943451 51.85540106123848858, 5.80700602875618976 51.85803493219138716, 5.80924434049867511 51.85877485862368275, 5.80924434049867511 51.85877485862368275)))</t>
  </si>
  <si>
    <t>MultiPolygon (((5.81322568779368343 51.85841717849378796, 5.81260656071824666 51.85870815950680424, 5.81614187580483311 51.85994948473468469, 5.82163783786223288 51.86004657761277059, 5.82391257353398739 51.85854487833945115, 5.82151002740315349 51.85560470577773629, 5.81616842065759609 51.85712865638384983, 5.81322568779368343 51.85841717849378796, 5.81322568779368343 51.85841717849378796)))</t>
  </si>
  <si>
    <t>MultiPolygon (((5.79891951122721228 51.85926799102580986, 5.80924434049867511 51.85877485862368275, 5.80700602875618976 51.85803493219138716, 5.80976380559943451 51.85540106123848858, 5.80777882288562441 51.85383935974244451, 5.8073257547929833 51.8518400909208026, 5.8047770639547549 51.84952134854528794, 5.79791326142145635 51.84618430592106364, 5.78683775322580374 51.84089688343392055, 5.78358976036758943 51.84199795022015422, 5.79199119204053936 51.84558620877905355, 5.78089349719050105 51.85248538562558451, 5.77996044703681555 51.85333392598251123, 5.79588223628751908 51.85720010595326102, 5.79891951122721228 51.85926799102580986, 5.79891951122721228 51.85926799102580986)))</t>
  </si>
  <si>
    <t>MultiPolygon (((5.81031361434229332 51.87277266441943624, 5.81707483110954904 51.8702653831743774, 5.82569459168478332 51.86621324882953132, 5.82368956879179578 51.86431346738794446, 5.82548852209492374 51.86268884656665534, 5.82539098892608642 51.86012750755523371, 5.82215177664423233 51.85542062792050899, 5.82151002740315349 51.85560470577773629, 5.82391257353398739 51.85854487833945115, 5.82163783786223288 51.86004657761277059, 5.81614187580483311 51.85994948473468469, 5.81260656071824666 51.85870815950680424, 5.81322568779368343 51.85841717849378796, 5.80924434049867511 51.85877485862368275, 5.79891951122721228 51.85926799102580986, 5.801033535259422 51.85922244515877821, 5.79996074764331393 51.86132596288574348, 5.80311233750599254 51.86482768136507104, 5.80506369102702813 51.86610426081752934, 5.8069239806505264 51.86607564782065793, 5.80846640249691415 51.86738619746345336, 5.81031361434229332 51.87277266441943624, 5.81031361434229332 51.87277266441943624)))</t>
  </si>
  <si>
    <t>MultiPolygon (((5.73633810946748213 51.86788340993213353, 5.73721611872009074 51.86828977540125152, 5.73955455351666899 51.86647375847173436, 5.74180332965102824 51.86596989319884443, 5.74082451883306621 51.86318924647883222, 5.73985913125009795 51.8636645306435895, 5.73426010729710445 51.86274833394765693, 5.72995502142647872 51.86425705744010628, 5.73633810946748213 51.86788340993213353, 5.73633810946748213 51.86788340993213353)))</t>
  </si>
  <si>
    <t>MultiPolygon (((5.74837439591190424 51.87182555221071567, 5.75615350813729965 51.86954039662105487, 5.75370735712719217 51.86668483062275214, 5.75076943661327888 51.86723884923603123, 5.74824628619272726 51.86510461334327005, 5.74721288560995358 51.86197865842365928, 5.74555640090015274 51.86046202053950083, 5.74082451883306621 51.86318924647883222, 5.74180332965102824 51.86596989319884443, 5.74368020203078267 51.86951102517586065, 5.74700325176128857 51.8706518487898478, 5.74837439591190424 51.87182555221071567, 5.74837439591190424 51.87182555221071567)))</t>
  </si>
  <si>
    <t>MultiPolygon (((5.73229988941341428 51.87418082366003347, 5.73667282798661304 51.87979007236705087, 5.7376601494907602 51.88045649301059825, 5.74135516202188612 51.88042345392589993, 5.74431317536494124 51.878469796646975, 5.74323650955361842 51.87433591403740252, 5.74146080249446022 51.87330055610945578, 5.74064969046438911 51.87311969487716112, 5.73845737249012711 51.87345708291012158, 5.73229988941341428 51.87418082366003347, 5.73229988941341428 51.87418082366003347)))</t>
  </si>
  <si>
    <t>MultiPolygon (((5.73347540807737399 51.87141237456419418, 5.73608510888201817 51.86803055781865623, 5.73633810946748213 51.86788340993213353, 5.72995502142647872 51.86425705744010628, 5.72654352863494243 51.86526504970699847, 5.72932699437532023 51.86930620775358847, 5.73347540807737399 51.87141237456419418, 5.73347540807737399 51.87141237456419418)))</t>
  </si>
  <si>
    <t>MultiPolygon (((5.73845737249012711 51.87345708291012158, 5.74064969046438911 51.87311969487716112, 5.73917388891542224 51.87190390196691681, 5.73768325026208714 51.86865669935985323, 5.73608510888201817 51.86803055781865623, 5.73347540807737399 51.87141237456419418, 5.73845737249012711 51.87345708291012158, 5.73845737249012711 51.87345708291012158)))</t>
  </si>
  <si>
    <t>MultiPolygon (((5.74064969046438911 51.87311969487716112, 5.74146080249446022 51.87330055610945578, 5.74837439591190424 51.87182555221071567, 5.74700325176128857 51.8706518487898478, 5.74368020203078267 51.86951102517586065, 5.74180332965102824 51.86596989319884443, 5.73955455351666899 51.86647375847173436, 5.73721611872009074 51.86828977540125152, 5.73633810946748213 51.86788340993213353, 5.73608510888201817 51.86803055781865623, 5.73768325026208714 51.86865669935985323, 5.73917388891542224 51.87190390196691681, 5.74064969046438911 51.87311969487716112, 5.74064969046438911 51.87311969487716112)))</t>
  </si>
  <si>
    <t>MultiPolygon (((5.71508492678046665 51.86036451761689392, 5.71662758988318487 51.85731265829703318, 5.72730222287837165 51.85496606139071929, 5.72268382910532569 51.85080034517793734, 5.73427665790735119 51.84848716852775397, 5.73012454972637197 51.84468228060190853, 5.72171745578822755 51.84573333213916868, 5.71919243158390689 51.84299930167275505, 5.72058543173243628 51.84276269494277045, 5.71762574370462495 51.8395169860653553, 5.71564143555455129 51.83970876631497049, 5.67811086340513604 51.84314679305764884, 5.67740432652687943 51.84625815544360705, 5.68173392702080271 51.8462598421524774, 5.68135703977447282 51.84867752185451906, 5.684820446103652 51.84878081892077262, 5.68437312631549929 51.84919901019700461, 5.68872454844646924 51.85319091666789859, 5.70128415585636272 51.84831231229925663, 5.71508492678046665 51.86036451761689392, 5.71508492678046665 51.86036451761689392)))</t>
  </si>
  <si>
    <t>MultiPolygon (((5.72423068689256986 51.87423436557180167, 5.72508237447333723 51.874177461097986, 5.73229988941341428 51.87418082366003347, 5.73845737249012711 51.87345708291012158, 5.73347540807737399 51.87141237456419418, 5.72932699437532023 51.86930620775358847, 5.72654352863494243 51.86526504970699847, 5.72995502142647872 51.86425705744010628, 5.73426010729710445 51.86274833394765693, 5.73985913125009795 51.8636645306435895, 5.74082451883306621 51.86318924647883222, 5.74555640090015274 51.86046202053950083, 5.74782498972007261 51.85997640360260874, 5.74455466609283327 51.85722763411927616, 5.73177951374239125 51.85818044386024184, 5.72759094295520566 51.8549947412589205, 5.72730222287837165 51.85496606139071929, 5.71662758988318487 51.85731265829703318, 5.71508492678046665 51.86036451761689392, 5.71216011369856336 51.86069078849435954, 5.72408973405933175 51.87050340790423064, 5.72513828593263074 51.87302835606573126, 5.72423068689256986 51.87423436557180167, 5.72423068689256986 51.87423436557180167)))</t>
  </si>
  <si>
    <t>MultiPolygon (((5.73641815898691032 51.88541447271045826, 5.74073283997711226 51.885012534330329, 5.7513045817061208 51.88350391223204383, 5.76103520141916459 51.88111912319313035, 5.75949210386904387 51.87763081134650633, 5.76143997291244414 51.87452255475781726, 5.76375740812484594 51.87395813263275102, 5.75971673605738399 51.86881196774773883, 5.75615350813729965 51.86954039662105487, 5.74837439591190424 51.87182555221071567, 5.74146080249446022 51.87330055610945578, 5.74323650955361842 51.87433591403740252, 5.74431317536494124 51.878469796646975, 5.74135516202188612 51.88042345392589993, 5.7376601494907602 51.88045649301059825, 5.73667282798661304 51.87979007236705087, 5.73229988941341428 51.87418082366003347, 5.72508237447333723 51.874177461097986, 5.72554950144118191 51.87479009685374365, 5.72313988451771039 51.87503301708374437, 5.72324553146295667 51.87812912571517643, 5.72509771536312773 51.87941603051646666, 5.73524511761683886 51.88082445183230362, 5.73641815898691032 51.88541447271045826)))</t>
  </si>
  <si>
    <t>MultiPolygon (((5.76427094977846455 51.85470802554091563, 5.76666580325142952 51.85435405285315369, 5.77125873185340321 51.85328519230252198, 5.77473202401484009 51.85430863994734807, 5.77742696871007055 51.85312607230786597, 5.77996044703681555 51.85333392598251123, 5.78089349719050105 51.85248538562558451, 5.77348048244462753 51.84882913818699279, 5.7753926277919696 51.84563372645300916, 5.7750829579782792 51.8442469636059613, 5.7586449270304918 51.84845247902887877, 5.75989767437878797 51.85045588126006777, 5.76427094977846455 51.85470802554091563, 5.76427094977846455 51.85470802554091563)))</t>
  </si>
  <si>
    <t>MultiPolygon (((5.75144546401978651 51.85649207616173584, 5.75304028211259233 51.85614552730281446, 5.75685049037310836 51.85380699613946121, 5.75658685173999274 51.85199614236129406, 5.75973109396555216 51.8505557483515247, 5.75774521407756801 51.84874109135409981, 5.75281657722193085 51.85025843501232146, 5.75114919213326292 51.8522005034715292, 5.74859055679400388 51.85313229421560521, 5.75144546401978651 51.85649207616173584, 5.75144546401978651 51.85649207616173584)))</t>
  </si>
  <si>
    <t>MultiPolygon (((5.75145058114554963 51.8595979491804826, 5.75750162895299411 51.85967388009312629, 5.75795567071164882 51.85875870092062456, 5.75636511415338958 51.85827093469065829, 5.75304028211259233 51.85614552730281446, 5.75144546401978651 51.85649207616173584, 5.75145058114554963 51.8595979491804826, 5.75145058114554963 51.8595979491804826)))</t>
  </si>
  <si>
    <t>MultiPolygon (((5.75304028211259233 51.85614552730281446, 5.75636511415338958 51.85827093469065829, 5.75548439150070124 51.85581246288702317, 5.75842561563401834 51.85427272901683438, 5.75685049037310836 51.85380699613946121, 5.75304028211259233 51.85614552730281446, 5.75304028211259233 51.85614552730281446)))</t>
  </si>
  <si>
    <t>MultiPolygon (((5.75636511415338958 51.85827093469065829, 5.75795567071164882 51.85875870092062456, 5.76145297441603788 51.85619318273668199, 5.76461154992787161 51.85505441721503672, 5.76427094977846455 51.85470802554091563, 5.75989767437878797 51.85045588126006777, 5.75973109396555216 51.8505557483515247, 5.75658685173999274 51.85199614236129406, 5.75685049037310836 51.85380699613946121, 5.75842561563401834 51.85427272901683438, 5.75548439150070124 51.85581246288702317, 5.75636511415338958 51.85827093469065829, 5.75636511415338958 51.85827093469065829)))</t>
  </si>
  <si>
    <t>MultiPolygon (((5.75370735712719217 51.86668483062275214, 5.7536420010297924 51.86660830437277525, 5.75240264660200751 51.86297825118284521, 5.75144688170437757 51.85966565858780797, 5.74782498972007261 51.85997640360260874, 5.74555640090015274 51.86046202053950083, 5.74721288560995358 51.86197865842365928, 5.74824628619272726 51.86510461334327005, 5.75076943661327888 51.86723884923603123, 5.75370735712719217 51.86668483062275214, 5.75370735712719217 51.86668483062275214)))</t>
  </si>
  <si>
    <t>MultiPolygon (((5.75615350813729965 51.86954039662105487, 5.75971673605738399 51.86881196774773883, 5.77008937029690383 51.86588708611562026, 5.77176070716348555 51.86612661902914567, 5.7703967500395148 51.863359812683683, 5.76691178308471208 51.86446061837613541, 5.75983937229934817 51.86522275528889736, 5.7536420010297924 51.86660830437277525, 5.75370735712719217 51.86668483062275214, 5.75615350813729965 51.86954039662105487, 5.75615350813729965 51.86954039662105487)))</t>
  </si>
  <si>
    <t>MultiPolygon (((5.76234269429731949 51.86029026206291803, 5.769601113345451 51.86164850774104451, 5.76887656258250825 51.85959926169704204, 5.76697557728896992 51.85744632315359581, 5.76461154992787161 51.85505441721503672, 5.76145297441603788 51.85619318273668199, 5.75795567071164882 51.85875870092062456, 5.75750162895299411 51.85967388009312629, 5.76001092260922132 51.86007364723705138, 5.76234269429731949 51.86029026206291803, 5.76234269429731949 51.86029026206291803)))</t>
  </si>
  <si>
    <t>MultiPolygon (((5.75240264660200751 51.86297825118284521, 5.75727974527305797 51.86303725444699353, 5.76001092260922132 51.86007364723705138, 5.75750162895299411 51.85967388009312629, 5.75145058114554963 51.8595979491804826, 5.75144688170437757 51.85966565858780797, 5.75240264660200751 51.86297825118284521, 5.75240264660200751 51.86297825118284521)))</t>
  </si>
  <si>
    <t>MultiPolygon (((5.76691178308471208 51.86446061837613541, 5.7703967500395148 51.863359812683683, 5.769601113345451 51.86164850774104451, 5.76234269429731949 51.86029026206291803, 5.76334332081235345 51.86234701248746859, 5.76691178308471208 51.86446061837613541, 5.76691178308471208 51.86446061837613541)))</t>
  </si>
  <si>
    <t>MultiPolygon (((5.75983937229934817 51.86522275528889736, 5.76691178308471208 51.86446061837613541, 5.76334332081235345 51.86234701248746859, 5.76234269429731949 51.86029026206291803, 5.76001092260922132 51.86007364723705138, 5.75727974527305797 51.86303725444699353, 5.75983937229934817 51.86522275528889736, 5.75983937229934817 51.86522275528889736)))</t>
  </si>
  <si>
    <t>MultiPolygon (((5.7536420010297924 51.86660830437277525, 5.75983937229934817 51.86522275528889736, 5.75727974527305797 51.86303725444699353, 5.75240264660200751 51.86297825118284521, 5.7536420010297924 51.86660830437277525, 5.7536420010297924 51.86660830437277525)))</t>
  </si>
  <si>
    <t>MultiPolygon (((5.74782498972007261 51.85997640360260874, 5.75144688170437757 51.85966565858780797, 5.75145058114554963 51.8595979491804826, 5.75144546401978651 51.85649207616173584, 5.74859055679400388 51.85313229421560521, 5.74448173132002182 51.85214617249658886, 5.72759094295520566 51.8549947412589205, 5.73177951374239125 51.85818044386024184, 5.74455466609283327 51.85722763411927616, 5.74782498972007261 51.85997640360260874, 5.74782498972007261 51.85997640360260874)))</t>
  </si>
  <si>
    <t>MultiPolygon (((5.77493067792288706 51.85852881676593285, 5.77741442751743151 51.85817853543117906, 5.77781877614491801 51.85702245338703875, 5.77625166665666345 51.85512082609948692, 5.7751377029569273 51.85548291867097959, 5.77547029358703767 51.85645821850449977, 5.77404828882522292 51.85683600097151214, 5.77493067792288706 51.85852881676593285, 5.77493067792288706 51.85852881676593285)))</t>
  </si>
  <si>
    <t>MultiPolygon (((5.77394205792403703 51.85481326686869608, 5.77473202401484009 51.85430863994734807, 5.77125873185340321 51.85328519230252198, 5.77394205792403703 51.85481326686869608, 5.77394205792403703 51.85481326686869608)))</t>
  </si>
  <si>
    <t>MultiPolygon (((5.76975400430816965 51.8563814451518823, 5.77282624527909949 51.85539703292165825, 5.77394205792403703 51.85481326686869608, 5.77125873185340321 51.85328519230252198, 5.76666580325142952 51.85435405285315369, 5.76975400430816965 51.8563814451518823, 5.76975400430816965 51.8563814451518823)))</t>
  </si>
  <si>
    <t>MultiPolygon (((5.76697557728896992 51.85744632315359581, 5.76975400430816965 51.8563814451518823, 5.76666580325142952 51.85435405285315369, 5.76427094977846455 51.85470802554091563, 5.76461154992787161 51.85505441721503672, 5.76697557728896992 51.85744632315359581, 5.76697557728896992 51.85744632315359581)))</t>
  </si>
  <si>
    <t>MultiPolygon (((5.77741442751743151 51.85817853543117906, 5.7794599362539758 51.85780822963385361, 5.77881888580121572 51.85699705384095637, 5.77650778637462192 51.85470117411361457, 5.7763601130259401 51.85384718820110095, 5.77742696871007055 51.85312607230786597, 5.77473202401484009 51.85430863994734807, 5.77394205792403703 51.85481326686869608, 5.77282624527909949 51.85539703292165825, 5.77404828882522292 51.85683600097151214, 5.77547029358703767 51.85645821850449977, 5.7751377029569273 51.85548291867097959, 5.77625166665666345 51.85512082609948692, 5.77781877614491801 51.85702245338703875, 5.77741442751743151 51.85817853543117906, 5.77741442751743151 51.85817853543117906)))</t>
  </si>
  <si>
    <t>MultiPolygon (((5.76887656258250825 51.85959926169704204, 5.77063628140704576 51.85926116232454319, 5.77493067792288706 51.85852881676593285, 5.77404828882522292 51.85683600097151214, 5.77282624527909949 51.85539703292165825, 5.76975400430816965 51.8563814451518823, 5.76697557728896992 51.85744632315359581, 5.76887656258250825 51.85959926169704204, 5.76887656258250825 51.85959926169704204)))</t>
  </si>
  <si>
    <t>MultiPolygon (((5.78489229585974218 51.86266368987812569, 5.78674417079021008 51.86254848525732797, 5.79444304415566602 51.86095917686179746, 5.78703868560155854 51.85883963392955565, 5.78723149972818085 51.86231802889817999, 5.78489229585974218 51.86266368987812569, 5.78489229585974218 51.86266368987812569)))</t>
  </si>
  <si>
    <t>MultiPolygon (((5.78083187234723272 51.86372378208429978, 5.78489229585974218 51.86266368987812569, 5.78723149972818085 51.86231802889817999, 5.78703868560155854 51.85883963392955565, 5.78255814844630045 51.85706236727723706, 5.78144634469091301 51.85794194572275018, 5.77881888580121572 51.85699705384095637, 5.7794599362539758 51.85780822963385361, 5.78127714256177949 51.85951621441016357, 5.78083187234723272 51.86372378208429978, 5.78083187234723272 51.86372378208429978)))</t>
  </si>
  <si>
    <t>MultiPolygon (((5.77623883994118792 51.86481475170074873, 5.78083187234723272 51.86372378208429978, 5.78127714256177949 51.85951621441016357, 5.7794599362539758 51.85780822963385361, 5.77741442751743151 51.85817853543117906, 5.77493067792288706 51.85852881676593285, 5.77063628140704576 51.85926116232454319, 5.77171181082519258 51.85917758111225595, 5.77299754775173035 51.860337986187794, 5.7746511495866244 51.86403301827053269, 5.77623883994118792 51.86481475170074873, 5.77623883994118792 51.86481475170074873)))</t>
  </si>
  <si>
    <t>MultiPolygon (((5.77176070716348555 51.86612661902914567, 5.77319336769623614 51.86723220057730543, 5.77511079452552156 51.86639203365104578, 5.77623883994118792 51.86481475170074873, 5.7746511495866244 51.86403301827053269, 5.77299754775173035 51.860337986187794, 5.77171181082519258 51.85917758111225595, 5.77063628140704576 51.85926116232454319, 5.76887656258250825 51.85959926169704204, 5.769601113345451 51.86164850774104451, 5.7703967500395148 51.863359812683683, 5.77176070716348555 51.86612661902914567, 5.77176070716348555 51.86612661902914567)))</t>
  </si>
  <si>
    <t>MultiPolygon (((5.7750829579782792 51.8442469636059613, 5.7753926277919696 51.84563372645300916, 5.77348048244462753 51.84882913818699279, 5.78089349719050105 51.85248538562558451, 5.79199119204053936 51.84558620877905355, 5.78358976036758943 51.84199795022015422, 5.78120550874218608 51.84297751514066732, 5.78105401626305415 51.8436542350649745, 5.77965213982253267 51.84456834285936111, 5.7750829579782792 51.8442469636059613, 5.7750829579782792 51.8442469636059613)))</t>
  </si>
  <si>
    <t>MultiPolygon (((5.72730222287837165 51.85496606139071929, 5.72759094295520566 51.8549947412589205, 5.74448173132002182 51.85214617249658886, 5.74859055679400388 51.85313229421560521, 5.75114919213326292 51.8522005034715292, 5.75281657722193085 51.85025843501232146, 5.75774521407756801 51.84874109135409981, 5.75973109396555216 51.8505557483515247, 5.75989767437878797 51.85045588126006777, 5.7586449270304918 51.84845247902887877, 5.7750829579782792 51.8442469636059613, 5.76473154079539274 51.83229129560255188, 5.74692921577488569 51.83527103032591299, 5.73204420871318465 51.8379806194941537, 5.71762574370462495 51.8395169860653553, 5.72058543173243628 51.84276269494277045, 5.71919243158390689 51.84299930167275505, 5.72171745578822755 51.84573333213916868, 5.73012454972637197 51.84468228060190853, 5.73427665790735119 51.84848716852775397, 5.72268382910532569 51.85080034517793734, 5.72730222287837165 51.85496606139071929, 5.72730222287837165 51.85496606139071929)))</t>
  </si>
  <si>
    <t>MultiPolygon (((5.76103520141916459 51.88111912319313035, 5.77335732684861469 51.87864136555392491, 5.7983512703177098 51.87568605770259467, 5.81031361434229332 51.87277266441943624, 5.80846640249691415 51.86738619746345336, 5.8069239806505264 51.86607564782065793, 5.80506369102702813 51.86610426081752934, 5.80311233750599254 51.86482768136507104, 5.79996074764331393 51.86132596288574348, 5.801033535259422 51.85922244515877821, 5.79891951122721228 51.85926799102580986, 5.79588223628751908 51.85720010595326102, 5.77996044703681555 51.85333392598251123, 5.77742696871007055 51.85312607230786597, 5.7763601130259401 51.85384718820110095, 5.77650778637462192 51.85470117411361457, 5.77881888580121572 51.85699705384095637, 5.78144634469091301 51.85794194572275018, 5.78255814844630045 51.85706236727723706, 5.78703868560155854 51.85883963392955565, 5.79444304415566602 51.86095917686179746, 5.78674417079021008 51.86254848525732797, 5.78489229585974218 51.86266368987812569, 5.78083187234723272 51.86372378208429978, 5.77623883994118792 51.86481475170074873, 5.77511079452552156 51.86639203365104578, 5.77319336769623614 51.86723220057730543, 5.77176070716348555 51.86612661902914567, 5.77008937029690383 51.86588708611562026, 5.75971673605738399 51.86881196774773883, 5.76375740812484594 51.87395813263275102, 5.76143997291244414 51.87452255475781726, 5.75949210386904387 51.87763081134650633, 5.76103520141916459 51.88111912319313035)))</t>
  </si>
  <si>
    <t>MultiPolygon (((5.53818236321954593 52.14140135341811089, 5.53799908692134846 52.13605620299394872, 5.53173897242786961 52.12986034458658224, 5.52930421871282096 52.12946124630305889, 5.51199872899239018 52.13399805634361428, 5.51188089319953356 52.13411500946904198, 5.51236667765210786 52.13422384179821023, 5.51244386695314503 52.13432973507440238, 5.51407939029191496 52.13592306282246369, 5.5116902262453813 52.13749358090787922, 5.50745024430983943 52.13853163803250368, 5.50759187181709819 52.13886580055367403, 5.50260309468153697 52.13953561618766486, 5.50000249795750573 52.1410429806886242, 5.4973062428215691 52.14144350120464821, 5.49898466691653898 52.14736142964088828, 5.50581963631080029 52.14758160100761586, 5.51919575557766962 52.14585166988619136, 5.52393792623695568 52.14391785122611367, 5.53019813107434288 52.14383304924711382, 5.53818236321954593 52.14140135341811089)))</t>
  </si>
  <si>
    <t>MultiPolygon (((5.7732432480217355 52.18777909184773733, 5.77269414657806212 52.18580944426370394, 5.77378484016206528 52.18393605448609662, 5.76906381963809967 52.18279656720177684, 5.76811605990798348 52.18364623540437464, 5.7692946288030944 52.18604631887491507, 5.7732432480217355 52.18777909184773733, 5.7732432480217355 52.18777909184773733)))</t>
  </si>
  <si>
    <t>MultiPolygon (((5.79626020669007946 52.19634014847286352, 5.79965717137997228 52.19465179722555348, 5.81193232966528228 52.1848782182588522, 5.80195907779337805 52.17736379258954571, 5.80964749030406935 52.16661047053285216, 5.80984313978774392 52.15141471716528798, 5.78533062063207382 52.15127434697583908, 5.77469056249059864 52.15222847045022547, 5.76210508891430528 52.14759798839930482, 5.74329520992594134 52.14870041462233985, 5.7360750537197962 52.14790805667298201, 5.73457626834599754 52.14872241004146503, 5.73580518906663261 52.14957089166670556, 5.73343082313153474 52.15285051019243667, 5.72943721462643918 52.1513660455653536, 5.7107013394394146 52.16136298532565263, 5.70841050180290832 52.16325860204860021, 5.70686177858097654 52.16546327355420942, 5.71248354855116336 52.16910777592535453, 5.71164847759279937 52.16963556604687113, 5.70621983144421296 52.1675683239135779, 5.70624401003502157 52.17014867599691996, 5.70700931761078145 52.17221599721905534, 5.7117676536687858 52.17565143924143456, 5.70672071749816379 52.17544732630489079, 5.70609512192392998 52.18693530232920352, 5.70486229956146929 52.19017548105173887, 5.75058468557601188 52.19373065320598926, 5.7795963648266504 52.19587823830780593, 5.77977060215450145 52.1955309482908163, 5.77989528331792268 52.19589876994933775, 5.79202534891670417 52.19698651909395437, 5.79626020669007946 52.19634014847286352, 5.79626020669007946 52.19634014847286352),(5.76811605990798348 52.18364623540437464, 5.76906381963809967 52.18279656720177684, 5.77378484016206528 52.18393605448609662, 5.77269414657806212 52.18580944426370394, 5.7732432480217355 52.18777909184773733, 5.7692946288030944 52.18604631887491507, 5.76811605990798348 52.18364623540437464, 5.76811605990798348 52.18364623540437464)))</t>
  </si>
  <si>
    <t>MultiPolygon (((5.51034567049108315 52.12144601527807453, 5.50978293115076845 52.11945444714458375, 5.51190207878437111 52.11816488162627081, 5.51244581805794098 52.11862295183122029, 5.5132699512467358 52.11823594903444956, 5.50932315534344941 52.11589370243401476, 5.50755142641996009 52.11561600926959414, 5.50375599202441812 52.1165856330879862, 5.5053539450374922 52.11975044666814938, 5.50337164276196589 52.11965919236733669, 5.50472934028155958 52.12237638199482603, 5.51034567049108315 52.12144601527807453, 5.51034567049108315 52.12144601527807453)))</t>
  </si>
  <si>
    <t>MultiPolygon (((5.51199872899239018 52.13399805634361428, 5.52930421871282096 52.12946124630305889, 5.53276632934878965 52.12686161387804873, 5.53565326643913824 52.12644123762164838, 5.53790852130425204 52.12408783528703538, 5.53610272808464909 52.1218480333191323, 5.5384726740464707 52.12066854869704002, 5.53880487485930839 52.12157768839126248, 5.5406505260091663 52.12135859669717064, 5.54008616782689955 52.11932739691179961, 5.53661028522086696 52.11599179330612941, 5.5269430075788355 52.11477451675929018, 5.51784880304271308 52.11183238270531604, 5.51985947020558765 52.10982766984796655, 5.52246183470911411 52.11033104903083313, 5.5228050895609373 52.10716869992471345, 5.52017473622843013 52.10620609133399483, 5.51687853269766926 52.10172392246503392, 5.51548911431225886 52.10173121431960652, 5.51251745207160582 52.10610067563079895, 5.51040068079816692 52.10784242230064933, 5.5071976852916702 52.10795319156772365, 5.50207225004057143 52.10973541330558589, 5.50095892633268058 52.1108698097387304, 5.49386174126277371 52.11109726320614755, 5.49392191655853157 52.11276407804561472, 5.49187325760685319 52.11448512374668951, 5.48644708827618466 52.11535973632496166, 5.48808222293813586 52.11610112286145124, 5.49562591897862607 52.11558579408506375, 5.4989165189540623 52.11601763718005742, 5.50261029487637199 52.11509241786135505, 5.50386780290435507 52.11374533366029738, 5.50630154119997695 52.11431046165269976, 5.50770206727691392 52.11389696369020896, 5.50755142641996009 52.11561600926959414, 5.50932315534344941 52.11589370243401476, 5.5132699512467358 52.11823594903444956, 5.51244581805794098 52.11862295183122029, 5.51190207878437111 52.11816488162627081, 5.50978293115076845 52.11945444714458375, 5.51034567049108315 52.12144601527807453, 5.50472934028155958 52.12237638199482603, 5.50337164276196589 52.11965919236733669, 5.50004229840903136 52.11920001116896373, 5.49691768131026759 52.11955748700610513, 5.4950600388408839 52.12199346497848751, 5.49470470067428263 52.12471763402156455, 5.4967590751132942 52.12481428434793429, 5.49791305905994587 52.13028289186233621, 5.49909792438643752 52.13054156912349413, 5.50148833951083738 52.12993889455548668, 5.50498836706408223 52.13108760467202529, 5.50767685928294171 52.13112480932217352, 5.50920309215615678 52.13194526891476244, 5.51166758430119419 52.13205050960526421, 5.51203944899017273 52.13363677681923036, 5.51199872899239018 52.13399805634361428, 5.51199872899239018 52.13399805634361428)))</t>
  </si>
  <si>
    <t>MultiPolygon (((5.51049620689538955 52.17868335740432428, 5.50867603909065551 52.17718811498880882, 5.50332591317737307 52.17631443702355654, 5.49989410177603943 52.17706818792307644, 5.49727950269156462 52.18163525127124558, 5.50239210759887332 52.18309837058487233, 5.51049620689538955 52.17868335740432428)))</t>
  </si>
  <si>
    <t>MultiPolygon (((5.52920645334724803 52.1910024603771916, 5.53080786827553172 52.19153926328802839, 5.53439611947001087 52.18583426972042361, 5.53769836323213482 52.18207247653855063, 5.54219331104012181 52.1778456632828096, 5.54453608972592082 52.17713246549507744, 5.5416807091657212 52.1757981626341163, 5.53203454211234469 52.17376392681656938, 5.53083079825486479 52.1742001810705105, 5.52133028677428417 52.17088060894693058, 5.52207576456021343 52.1696591623967123, 5.51831507513448827 52.16854276712567895, 5.51583509292462093 52.17119754553778677, 5.51681559931069643 52.17186067787500292, 5.51468573458368727 52.1741292847098137, 5.51349228589940132 52.17370232378369366, 5.51249109347304778 52.17144003003764396, 5.51633543081466904 52.16730417111898532, 5.51485803170410893 52.16615121078813644, 5.49990088774326313 52.16811484882406802, 5.48771245626945703 52.17231244716664662, 5.48509908228144027 52.1717804625394308, 5.4851822958685279 52.17469527082046454, 5.48560959319775954 52.18197429098006523, 5.49536574579302428 52.18611426991287061, 5.4959338666375972 52.18685606556454815, 5.49630921031075292 52.18661787222546167, 5.50082350174874968 52.18857685688341519, 5.50417678552651424 52.18913479777958031, 5.50493453906457297 52.18857476324396316, 5.51208448292507835 52.18857382175290383, 5.52120909177343755 52.19183457323525488, 5.52920645334724803 52.1910024603771916),(5.49727950269156462 52.18163525127124558, 5.49989410177603943 52.17706818792307644, 5.50332591317737307 52.17631443702355654, 5.50867603909065551 52.17718811498880882, 5.51049620689538955 52.17868335740432428, 5.50239210759887332 52.18309837058487233, 5.49727950269156462 52.18163525127124558, 5.49727950269156462 52.18163525127124558)))</t>
  </si>
  <si>
    <t>MultiPolygon (((5.68837194831692372 52.19147945353257967, 5.68781469073411916 52.19103009363470136, 5.69071670448568323 52.18904475297036072, 5.69233042322960259 52.18957654003400393, 5.69434988019412103 52.18907453520422735, 5.69534860592348924 52.18686179768655364, 5.69538058637204792 52.18543450268612816, 5.69075395864219846 52.18358468394610128, 5.68796563157046275 52.18377267418096466, 5.68685292968248568 52.18525668209768043, 5.69124093400814868 52.18704034351226539, 5.68559367919908532 52.19074519443517346, 5.68724019259604052 52.19198895091253121, 5.68837194831692372 52.19147945353257967, 5.68837194831692372 52.19147945353257967)))</t>
  </si>
  <si>
    <t>MultiPolygon (((5.67437006314415004 52.20386221388906733, 5.71614697464152677 52.2158395342725612, 5.71789347837749151 52.21353869438562612, 5.71772148621739973 52.21170609439163002, 5.71526422246448007 52.21136556789026884, 5.715417071049961 52.20974714020979945, 5.7230267190177404 52.21065567317933898, 5.72271966962882495 52.21518556943119194, 5.72504582477194557 52.21579731874259522, 5.72859381665294798 52.21554741831133128, 5.730764536118647 52.2085992447739855, 5.74107469122577818 52.20187935266123702, 5.75058468557601188 52.19373065320598926, 5.70486229956146929 52.19017548105173887, 5.70609512192392998 52.18693530232920352, 5.70672071749816379 52.17544732630489079, 5.69798206470165436 52.17267343710781091, 5.69424066623749248 52.17625299210190803, 5.69185291769423429 52.1744081965155857, 5.67614347789781171 52.17125747669566493, 5.67612393070676724 52.17055981676013232, 5.67146204418749456 52.16931118052880834, 5.66197210184491517 52.16847415533275267, 5.66240989774457937 52.17090321815475562, 5.66489977324086524 52.17372287681349263, 5.66542291901070705 52.17585682763309052, 5.65482002583765464 52.17854370936775865, 5.65189278077958424 52.18050656694256872, 5.65888564696606533 52.1862123529300419, 5.66103312704246164 52.18603672319060394, 5.66788967074435046 52.19323518274656237, 5.67106038852677408 52.19113794143373042, 5.67322642612703465 52.19351541535795036, 5.67818500092906753 52.19555681152070292, 5.67575480421310186 52.1981915294525578, 5.67437006314415004 52.20386221388906733, 5.67437006314415004 52.20386221388906733),(5.68837194831692372 52.19147945353257967, 5.68724019259604052 52.19198895091253121, 5.68559367919908532 52.19074519443517346, 5.69124093400814868 52.18704034351226539, 5.68685292968248568 52.18525668209768043, 5.68796563157046275 52.18377267418096466, 5.69075395864219846 52.18358468394610128, 5.69538058637204792 52.18543450268612816, 5.69534860592348924 52.18686179768655364, 5.69434988019412103 52.18907453520422735, 5.69233042322960259 52.18957654003400393, 5.69071670448568323 52.18904475297036072, 5.68781469073411916 52.19103009363470136, 5.68837194831692372 52.19147945353257967, 5.68837194831692372 52.19147945353257967)))</t>
  </si>
  <si>
    <t>MultiPolygon (((5.51890749193907659 52.16708487820118023, 5.52130381900859302 52.16779596099495109, 5.52160770119395039 52.165603426815494, 5.51952824312264756 52.1653613609935789, 5.51890749193907659 52.16708487820118023, 5.51890749193907659 52.16708487820118023)))</t>
  </si>
  <si>
    <t>MultiPolygon (((5.51890749193907659 52.16708487820118023, 5.51952824312264756 52.1653613609935789, 5.52160770119395039 52.165603426815494, 5.52231450195637041 52.16364186966964667, 5.51520058138958902 52.1629545423704073, 5.51309214863489672 52.16402765867863422, 5.51476211798959692 52.16603350819102758, 5.51890749193907659 52.16708487820118023, 5.51890749193907659 52.16708487820118023)))</t>
  </si>
  <si>
    <t>MultiPolygon (((5.54892265143893493 52.17532051909147839, 5.55159548134955472 52.17347097670894129, 5.55983989544500812 52.16991013098948571, 5.56494053404466626 52.16988097947471914, 5.56668630535489672 52.16711808822152818, 5.56781370653602892 52.16217978926094645, 5.5391793650444896 52.16245209831157581, 5.53793021974190314 52.15982342030145702, 5.54248103950908 52.15978437224934794, 5.55108276443290105 52.15771524799708203, 5.55052559831615167 52.15496350661351244, 5.54778397839776893 52.15322524549105054, 5.53964495048511196 52.15474642697220986, 5.53625366289591447 52.14969437230301708, 5.54011667108028139 52.1487186065661632, 5.54476642614796145 52.14866773734446781, 5.54662436370069756 52.14718292685770962, 5.53588573242868343 52.14469531539067759, 5.53177909912134336 52.14474636411552666, 5.53019813107434288 52.14383304924711382, 5.52393792623695568 52.14391785122611367, 5.51919575557766962 52.14585166988619136, 5.50581963631080029 52.14758160100761586, 5.49898466691653898 52.14736142964088828, 5.48947563452939491 52.14821921673299698, 5.48379467488868588 52.14946514085163898, 5.48134176553572594 52.15050097437239174, 5.483767058155542 52.15398109917829572, 5.48407355063443624 52.15534609662557841, 5.48431729570475568 52.15806385511675103, 5.48149553610280194 52.15829730881431203, 5.48201326081506934 52.15954738971784366, 5.48211609532287536 52.15979568192471305, 5.4791966971284447 52.16136073807351181, 5.47551983071423098 52.16216168056819669, 5.47286576570350647 52.16184839893438863, 5.4724333040050972 52.16285086593290288, 5.47550795807329749 52.16437757119337704, 5.47894827000802831 52.16474115392339428, 5.47992236258507237 52.16581455499115805, 5.48084638963692505 52.16795494291667978, 5.48509908228144027 52.1717804625394308, 5.48771245626945703 52.17231244716664662, 5.49990088774326313 52.16811484882406802, 5.51485803170410893 52.16615121078813644, 5.51633543081466904 52.16730417111898532, 5.51249109347304778 52.17144003003764396, 5.51349228589940132 52.17370232378369366, 5.51468573458368727 52.1741292847098137, 5.51681559931069643 52.17186067787500292, 5.51583509292462093 52.17119754553778677, 5.51831507513448827 52.16854276712567895, 5.52207576456021343 52.1696591623967123, 5.52133028677428417 52.17088060894693058, 5.53083079825486479 52.1742001810705105, 5.53203454211234469 52.17376392681656938, 5.5416807091657212 52.1757981626341163, 5.54453608972592082 52.17713246549507744, 5.54660767561114643 52.1767810009075248, 5.54892265143893493 52.17532051909147839),(5.51890749193907659 52.16708487820118023, 5.51476211798959692 52.16603350819102758, 5.51309214863489672 52.16402765867863422, 5.51520058138958902 52.1629545423704073, 5.52231450195637041 52.16364186966964667, 5.52160770119395039 52.165603426815494, 5.52130381900859302 52.16779596099495109, 5.51890749193907659 52.16708487820118023)))</t>
  </si>
  <si>
    <t>MultiPolygon (((5.71161531014204193 52.2397063769012675, 5.71191453618753009 52.2365293536899884, 5.71346180442930951 52.23530002394371508, 5.71570108376754771 52.23519480361112954, 5.71635757571232261 52.23609249843958935, 5.72012348729515185 52.23356395116453399, 5.7176784065727535 52.22861928743086679, 5.71273323311105941 52.22936577270306913, 5.71115316927441086 52.23063105518981786, 5.71148488615562577 52.23221249387493259, 5.71223157379724977 52.23225331239641633, 5.71168957623792473 52.23375335061601987, 5.70735302020513302 52.23500508504169915, 5.70869420362030588 52.23668268338638399, 5.70829966452576443 52.2381363677092736, 5.70671611296730763 52.23939998594600098, 5.71101176682907052 52.23962460946250275, 5.71161531014204193 52.2397063769012675, 5.71161531014204193 52.2397063769012675)))</t>
  </si>
  <si>
    <t>MultiPolygon (((5.72955316927199299 52.23892189998934299, 5.73091501802860837 52.23156865961301776, 5.73821374885089686 52.23157869397621766, 5.74302877294164738 52.22349001745303099, 5.74167335317705785 52.21988158105159528, 5.72743534373670204 52.21929828616951141, 5.72859381665294798 52.21554741831133128, 5.72504582477194557 52.21579731874259522, 5.72271966962882495 52.21518556943119194, 5.7230267190177404 52.21065567317933898, 5.715417071049961 52.20974714020979945, 5.71526422246448007 52.21136556789026884, 5.71772148621739973 52.21170609439163002, 5.71789347837749151 52.21353869438562612, 5.71614697464152677 52.2158395342725612, 5.67437006314415004 52.20386221388906733, 5.66088866893984566 52.21798565093826738, 5.65766247387564558 52.21917281923366971, 5.66551866058261755 52.22270448254177211, 5.67086315131181706 52.22396837658571656, 5.68127007051124 52.22533946716911402, 5.68364209537786724 52.24061686251764769, 5.68984786976192503 52.24044277670606107, 5.69372557105446564 52.23971725944586808, 5.70671611296730763 52.23939998594600098, 5.70829966452576443 52.2381363677092736, 5.70869420362030588 52.23668268338638399, 5.70735302020513302 52.23500508504169915, 5.71168957623792473 52.23375335061601987, 5.71223157379724977 52.23225331239641633, 5.71148488615562577 52.23221249387493259, 5.71115316927441086 52.23063105518981786, 5.71273323311105941 52.22936577270306913, 5.7176784065727535 52.22861928743086679, 5.72012348729515185 52.23356395116453399, 5.71635757571232261 52.23609249843958935, 5.71570108376754771 52.23519480361112954, 5.71346180442930951 52.23530002394371508, 5.71191453618753009 52.2365293536899884, 5.71161531014204193 52.2397063769012675, 5.71538765339991972 52.24017770064121891, 5.71849990719999557 52.2414537944096864, 5.72638886619137732 52.242503060872167, 5.72955316927199299 52.23892189998934299, 5.72955316927199299 52.23892189998934299)))</t>
  </si>
  <si>
    <t>MultiPolygon (((5.65429993820556387 52.15104912824193661, 5.6623604549256612 52.15093342528270881, 5.66388592033734017 52.14845147272773573, 5.66529555144178154 52.14772091171671065, 5.65953439616017651 52.14761081386479447, 5.6556089022556133 52.14685494048938352, 5.65142975637825362 52.1509907277950262, 5.65429993820556387 52.15104912824193661, 5.65429993820556387 52.15104912824193661)))</t>
  </si>
  <si>
    <t>MultiPolygon (((5.65429993820556387 52.15104912824193661, 5.65603210622953778 52.15235098810008907, 5.66366446900920728 52.15196190750312866, 5.67309915917451235 52.1539369823558232, 5.67798661381625003 52.15738997633144436, 5.67925881564525969 52.16109451219416115, 5.67653461685159044 52.16148276797705563, 5.67670725881145177 52.16359429154316985, 5.67984749685764001 52.16282344221922074, 5.67839685483804768 52.15794427409542777, 5.67721063280058758 52.15599013023415864, 5.66954234310976446 52.14931474828006941, 5.66996550191786586 52.14748496656795851, 5.6675155562934405 52.14552268335817331, 5.66528960621944755 52.14642428294020959, 5.66529555144178154 52.14772091171671065, 5.66388592033734017 52.14845147272773573, 5.6623604549256612 52.15093342528270881, 5.65429993820556387 52.15104912824193661, 5.65429993820556387 52.15104912824193661)))</t>
  </si>
  <si>
    <t>MultiPolygon (((5.66240989774457937 52.17090321815475562, 5.66197210184491517 52.16847415533275267, 5.67146204418749456 52.16931118052880834, 5.67612393070676724 52.17055981676013232, 5.67614347789781171 52.17125747669566493, 5.69185291769423429 52.1744081965155857, 5.69424066623749248 52.17625299210190803, 5.69798206470165436 52.17267343710781091, 5.70672071749816379 52.17544732630489079, 5.7117676536687858 52.17565143924143456, 5.70700931761078145 52.17221599721905534, 5.70624401003502157 52.17014867599691996, 5.70621983144421296 52.1675683239135779, 5.71164847759279937 52.16963556604687113, 5.71248354855116336 52.16910777592535453, 5.70686177858097654 52.16546327355420942, 5.70841050180290832 52.16325860204860021, 5.7107013394394146 52.16136298532565263, 5.72943721462643918 52.1513660455653536, 5.73343082313153474 52.15285051019243667, 5.73580518906663261 52.14957089166670556, 5.73457626834599754 52.14872241004146503, 5.7360750537197962 52.14790805667298201, 5.73579298792553072 52.14787677509048081, 5.72034927994498776 52.14625989956157071, 5.72061230230494999 52.14499179825505593, 5.72184690765020854 52.14481971542555527, 5.72092921867469073 52.14106281113428309, 5.72193886648659245 52.13859495752942053, 5.72151952074684722 52.13799433682974183, 5.71730128887666122 52.13748039960488256, 5.71727937651465012 52.13644921150311262, 5.70182538696567232 52.13537692693013526, 5.70025284848735314 52.13611528228894088, 5.69511736613917741 52.13651463906455064, 5.69251835639970505 52.13738923770979738, 5.68882090231800674 52.13702718444361039, 5.68584926539762847 52.13526574063403274, 5.68393206514558003 52.13214455241013923, 5.67925724844801039 52.13160332345511705, 5.67938656317650459 52.13206105905879184, 5.67569353211686867 52.13335345650898489, 5.66901770219617251 52.1346860916986472, 5.66570442042638778 52.13275838289831654, 5.66164939345318796 52.13204011919095393, 5.65695440648741954 52.13258006646646692, 5.65759128560344848 52.13497690195166001, 5.65645496179293605 52.13594957938282448, 5.65332219437054917 52.13446848002437406, 5.63807354670830296 52.1349821024844573, 5.63560370364473595 52.13715637091925004, 5.63595886760717235 52.13824913669345307, 5.63873966970159568 52.13835068568867115, 5.64080950894007316 52.14490576224062579, 5.63737191133060378 52.14579071397528764, 5.63534446684387635 52.14247555956771407, 5.63123435908438452 52.14350175983853575, 5.63314979945549421 52.14906237871421979, 5.63788471410826997 52.15313374265276991, 5.63416824598252042 52.15537900669552585, 5.62627422422356904 52.15797613726525839, 5.63043298991367003 52.15965266514982801, 5.63451485367100435 52.16045041851198505, 5.63554760022557311 52.15825019746732494, 5.64033971607144391 52.15819239662323525, 5.6402927989067102 52.1600993469112808, 5.63737419215688895 52.16265582784699717, 5.62877359868917093 52.16534651074920248, 5.63529707299041505 52.16916048963297925, 5.63724297525586415 52.17224332338259529, 5.63653769531662885 52.17273048006100566, 5.65482002583765464 52.17854370936775865, 5.66542291901070705 52.17585682763309052, 5.66489977324086524 52.17372287681349263, 5.66240989774457937 52.17090321815475562, 5.66240989774457937 52.17090321815475562),(5.67925881564525969 52.16109451219416115, 5.67798661381625003 52.15738997633144436, 5.67309915917451235 52.1539369823558232, 5.66366446900920728 52.15196190750312866, 5.65603210622953778 52.15235098810008907, 5.65429993820556387 52.15104912824193661, 5.65142975637825362 52.1509907277950262, 5.6556089022556133 52.14685494048938352, 5.65953439616017651 52.14761081386479447, 5.66529555144178154 52.14772091171671065, 5.66528960621944755 52.14642428294020959, 5.6675155562934405 52.14552268335817331, 5.66996550191786586 52.14748496656795851, 5.66954234310976446 52.14931474828006941, 5.67721063280058758 52.15599013023415864, 5.67839685483804768 52.15794427409542777, 5.67984749685764001 52.16282344221922074, 5.67670725881145177 52.16359429154316985, 5.67653461685159044 52.16148276797705563, 5.67925881564525969 52.16109451219416115, 5.67925881564525969 52.16109451219416115)))</t>
  </si>
  <si>
    <t>MultiPolygon (((5.60781541106715942 52.19229698176283705, 5.61598536631297129 52.19197284606256915, 5.61624956574550538 52.1913618749772894, 5.60763040452944139 52.18980786972417008, 5.60627061178462238 52.1908017958886461, 5.60781541106715942 52.19229698176283705, 5.60781541106715942 52.19229698176283705)))</t>
  </si>
  <si>
    <t>MultiPolygon (((5.60696001730831028 52.18401284649856109, 5.61159771007111452 52.18468165501387546, 5.61364150459965394 52.18102046501954305, 5.61371533532982525 52.18024528870336098, 5.60708247797142345 52.1806318780809093, 5.60696001730831028 52.18401284649856109, 5.60696001730831028 52.18401284649856109)))</t>
  </si>
  <si>
    <t>MultiPolygon (((5.59820702621325417 52.1869231110297136, 5.59828910664085733 52.18412072437596549, 5.5924039357536266 52.18230972334698237, 5.58962686146637733 52.18406979004082302, 5.58965263686829505 52.18566705216103685, 5.59387359583859389 52.18696031041221062, 5.59820702621325417 52.1869231110297136, 5.59820702621325417 52.1869231110297136)))</t>
  </si>
  <si>
    <t>MultiPolygon (((5.60333225088901266 52.1845494262199594, 5.60696001730831028 52.18401284649856109, 5.60708247797142345 52.1806318780809093, 5.60746211480899692 52.17910860634236769, 5.60343539453872808 52.17885181083657642, 5.59943554280545808 52.18001433449455817, 5.60048176635568407 52.18004848832737252, 5.60202507747919398 52.18127687842439144, 5.60392638929004061 52.18389554207099224, 5.60333225088901266 52.1845494262199594, 5.60333225088901266 52.1845494262199594)))</t>
  </si>
  <si>
    <t>MultiPolygon (((5.60333416710575261 52.18564980071769099, 5.60333225088901266 52.1845494262199594, 5.60392638929004061 52.18389554207099224, 5.60202507747919398 52.18127687842439144, 5.60048176635568407 52.18004848832737252, 5.59943554280545808 52.18001433449455817, 5.59752351008827365 52.17880077407735939, 5.59793197087779149 52.17961418378247629, 5.59570485033422038 52.18241369321611245, 5.58810064792362482 52.18015232865023023, 5.5869467127075314 52.181061324909777, 5.59039233040863959 52.18137135648403557, 5.5924039357536266 52.18230972334698237, 5.59828910664085733 52.18412072437596549, 5.60333416710575261 52.18564980071769099, 5.60333416710575261 52.18564980071769099)))</t>
  </si>
  <si>
    <t>MultiPolygon (((5.61688686898306599 52.18889129688255935, 5.6210229783002621 52.18958026876821066, 5.61783434390783487 52.1872165563953061, 5.61688686898306599 52.18889129688255935, 5.61688686898306599 52.18889129688255935)))</t>
  </si>
  <si>
    <t>MultiPolygon (((5.60627061178462238 52.1908017958886461, 5.6041543979508166 52.18768761916317089, 5.60333416710575261 52.18564980071769099, 5.59828910664085733 52.18412072437596549, 5.59820702621325417 52.1869231110297136, 5.59831712533589076 52.18905314679138741, 5.60221833633007993 52.19228499887508121, 5.60393974647850257 52.19281477550070747, 5.60781541106715942 52.19229698176283705, 5.60627061178462238 52.1908017958886461, 5.60627061178462238 52.1908017958886461)))</t>
  </si>
  <si>
    <t>MultiPolygon (((5.61122028542341234 52.18625712908460912, 5.61568308746013756 52.18494663693520152, 5.61828682234096544 52.18405500037799527, 5.61484362627054701 52.18072732846361106, 5.61397590783723555 52.1805075613887297, 5.61364150459965394 52.18102046501954305, 5.61159771007111452 52.18468165501387546, 5.61122028542341234 52.18625712908460912, 5.61122028542341234 52.18625712908460912)))</t>
  </si>
  <si>
    <t>MultiPolygon (((5.61598536631297129 52.19197284606256915, 5.61691809107795237 52.19213533196090538, 5.61779674315745936 52.19118156482175408, 5.61736988444616703 52.18942393756508835, 5.60542416456135495 52.18726861148657292, 5.6041543979508166 52.18768761916317089, 5.60627061178462238 52.1908017958886461, 5.60763040452944139 52.18980786972417008, 5.61624956574550538 52.1913618749772894, 5.61598536631297129 52.19197284606256915, 5.61598536631297129 52.19197284606256915)))</t>
  </si>
  <si>
    <t>MultiPolygon (((5.61688686898306599 52.18889129688255935, 5.61783434390783487 52.1872165563953061, 5.61568308746013756 52.18494663693520152, 5.61122028542341234 52.18625712908460912, 5.61066345906713781 52.18731462422678646, 5.61148300371429531 52.18790251433021155, 5.61688686898306599 52.18889129688255935, 5.61688686898306599 52.18889129688255935)))</t>
  </si>
  <si>
    <t>MultiPolygon (((5.61736988444616703 52.18942393756508835, 5.6210229783002621 52.18958026876821066, 5.61688686898306599 52.18889129688255935, 5.61148300371429531 52.18790251433021155, 5.61066345906713781 52.18731462422678646, 5.61122028542341234 52.18625712908460912, 5.61159771007111452 52.18468165501387546, 5.60696001730831028 52.18401284649856109, 5.60333225088901266 52.1845494262199594, 5.60333416710575261 52.18564980071769099, 5.6041543979508166 52.18768761916317089, 5.60542416456135495 52.18726861148657292, 5.61736988444616703 52.18942393756508835, 5.61736988444616703 52.18942393756508835)))</t>
  </si>
  <si>
    <t>MultiPolygon (((5.67322642612703465 52.19351541535795036, 5.67106038852677408 52.19113794143373042, 5.66788967074435046 52.19323518274656237, 5.66103312704246164 52.18603672319060394, 5.65888564696606533 52.1862123529300419, 5.65189278077958424 52.18050656694256872, 5.65482002583765464 52.17854370936775865, 5.63653769531662885 52.17273048006100566, 5.61426423705266409 52.16945212067657422, 5.59767067208380364 52.16865471314272185, 5.59764264439522652 52.16748106302144805, 5.59573039593749133 52.16716365550350787, 5.59159690433617396 52.16811577801474442, 5.57328025049936127 52.16773483906440845, 5.56668630535489672 52.16711808822152818, 5.56494053404466626 52.16988097947471914, 5.55983989544500812 52.16991013098948571, 5.55159548134955472 52.17347097670894129, 5.54892265143893493 52.17532051909147839, 5.55464145674203991 52.17568412381876186, 5.56527648565190702 52.17811145346895785, 5.56889137718110927 52.17790869825089572, 5.56818088266720679 52.17991636000338929, 5.56698900532867658 52.18081221971790029, 5.56522900163543355 52.18072457094741878, 5.56452796344451439 52.18534059209622455, 5.56649349077818734 52.18652148777460553, 5.57483709988356324 52.18616965302548749, 5.57527259446898871 52.1870076651072381, 5.57793026925564472 52.18618322347434457, 5.57692659357697185 52.19166701911686346, 5.57517382742753576 52.19266596296522209, 5.57766673165625537 52.19479700016272972, 5.5802702812520959 52.19450055242488418, 5.58319770567959761 52.19541061880448041, 5.58816032142654961 52.1948414499291502, 5.58795190754367077 52.1954258019633599, 5.58955363223948432 52.19543076734625231, 5.5899220807058958 52.19595985382596126, 5.5955574604740077 52.1963413208479281, 5.60024899944166332 52.19765144514369837, 5.6019485708876724 52.19649174745539, 5.60774926202123858 52.19516170178911807, 5.6077622286175739 52.19419751009289854, 5.61744427163316917 52.19435875636595057, 5.61691809107795237 52.19213533196090538, 5.61598536631297129 52.19197284606256915, 5.60781541106715942 52.19229698176283705, 5.60393974647850257 52.19281477550070747, 5.60221833633007993 52.19228499887508121, 5.59831712533589076 52.18905314679138741, 5.59820702621325417 52.1869231110297136, 5.59387359583859389 52.18696031041221062, 5.58965263686829505 52.18566705216103685, 5.58962686146637733 52.18406979004082302, 5.5924039357536266 52.18230972334698237, 5.59039233040863959 52.18137135648403557, 5.5869467127075314 52.181061324909777, 5.58810064792362482 52.18015232865023023, 5.59570485033422038 52.18241369321611245, 5.59793197087779149 52.17961418378247629, 5.59752351008827365 52.17880077407735939, 5.59943554280545808 52.18001433449455817, 5.60343539453872808 52.17885181083657642, 5.60746211480899692 52.17910860634236769, 5.60708247797142345 52.1806318780809093, 5.61371533532982525 52.18024528870336098, 5.61364150459965394 52.18102046501954305, 5.61397590783723555 52.1805075613887297, 5.61484362627054701 52.18072732846361106, 5.61828682234096544 52.18405500037799527, 5.61568308746013756 52.18494663693520152, 5.61783434390783487 52.1872165563953061, 5.6210229783002621 52.18958026876821066, 5.61736988444616703 52.18942393756508835, 5.61779674315745936 52.19118156482175408, 5.61857934137526271 52.1911828624390921, 5.61963380455049766 52.19311923696327682, 5.62428320730250242 52.19332625002377313, 5.62574295194614127 52.19282545797999262, 5.63486202186195229 52.20380575483339669, 5.63326739143708277 52.20816659764845014, 5.64636072498439301 52.21407557590967485, 5.65766247387564558 52.21917281923366971, 5.66088866893984566 52.21798565093826738, 5.67437006314415004 52.20386221388906733, 5.67575480421310186 52.1981915294525578, 5.67818500092906753 52.19555681152070292, 5.67322642612703465 52.19351541535795036, 5.67322642612703465 52.19351541535795036)))</t>
  </si>
  <si>
    <t>MultiPolygon (((5.59767067208380364 52.16865471314272185, 5.61426423705266409 52.16945212067657422, 5.61671736584764236 52.16600402192948849, 5.60604096363175852 52.16262161510821471, 5.60030806399915981 52.16222198840760882, 5.59767067208380364 52.16865471314272185, 5.59767067208380364 52.16865471314272185)))</t>
  </si>
  <si>
    <t>MultiPolygon (((5.57328025049936127 52.16773483906440845, 5.59159690433617396 52.16811577801474442, 5.59573039593749133 52.16716365550350787, 5.59764264439522652 52.16748106302144805, 5.59767067208380364 52.16865471314272185, 5.60030806399915981 52.16222198840760882, 5.57259936506872844 52.16244679121317063, 5.57365608663402057 52.16485194600849695, 5.57328025049936127 52.16773483906440845, 5.57328025049936127 52.16773483906440845)))</t>
  </si>
  <si>
    <t>MultiPolygon (((5.60692748001503283 52.13207547983087409, 5.6165045172683854 52.1277911285192701, 5.61043026628212083 52.12551046137965471, 5.6073829136653357 52.12499479189713014, 5.60158266788411918 52.12544467055045772, 5.59767058878758483 52.1242107870601572, 5.59249191052575245 52.12402649606904959, 5.59138566486392463 52.12443494399474275, 5.59036755876116764 52.12361900836267381, 5.58788650659945141 52.12588723328813956, 5.58929895575634461 52.12986682777050618, 5.58997444588192494 52.12935869144052958, 5.59031260095722971 52.12868130061148264, 5.59127403679196266 52.12879322855734188, 5.59273847629917586 52.13005418778086408, 5.59852315162973735 52.13169948221137417, 5.60182898191075473 52.12920156256855364, 5.60450146622948431 52.13180355588806236, 5.60692748001503283 52.13207547983087409, 5.60692748001503283 52.13207547983087409)))</t>
  </si>
  <si>
    <t>MultiPolygon (((5.57105545196668839 52.13066832872158329, 5.57687776048073225 52.12932999383223631, 5.58929895575634461 52.12986682777050618, 5.58788650659945141 52.12588723328813956, 5.59036755876116764 52.12361900836267381, 5.58907644014468996 52.12398520053545781, 5.58444922026722512 52.12181953401284318, 5.57673019609377452 52.12045939703060782, 5.57125031654140557 52.12210210217326534, 5.56946817133355676 52.12217916891635383, 5.5676144199122497 52.12538831261203853, 5.56977245067579307 52.12987645661477387, 5.57105545196668839 52.13066832872158329, 5.57105545196668839 52.13066832872158329)))</t>
  </si>
  <si>
    <t>MultiPolygon (((5.5676144199122497 52.12538831261203853, 5.56946817133355676 52.12217916891635383, 5.56774933361026925 52.1197461780864657, 5.56861957202407876 52.11820939367795802, 5.56765813360927631 52.11832279819822134, 5.56521793622633165 52.12200436031485395, 5.56238474364884805 52.13005921253070341, 5.56528918936678263 52.13024728677571318, 5.56944310355297834 52.13340023878090079, 5.56981129097871275 52.133007497911386, 5.57105545196668839 52.13066832872158329, 5.56977245067579307 52.12987645661477387, 5.5676144199122497 52.12538831261203853, 5.5676144199122497 52.12538831261203853)))</t>
  </si>
  <si>
    <t>MultiPolygon (((5.59796518019574485 52.14151630543889127, 5.5985199882744352 52.14236943725051532, 5.6031469500092923 52.14443550516087811, 5.60642205309327135 52.14435054861991148, 5.60887384424381974 52.14337764670118247, 5.61075874121172369 52.14165493799813333, 5.61184480004342934 52.14045624019933456, 5.61080125467135371 52.13490757316078827, 5.60693939492486759 52.13208321065285844, 5.6046969781892324 52.13276744204426905, 5.60042263115862582 52.13882546271766216, 5.59696858496693661 52.13995721740925404, 5.5974676557680425 52.14072878341009698, 5.59934261868595229 52.14029687267417756, 5.59958514044252986 52.14066649959499244, 5.59796518019574485 52.14151630543889127, 5.59796518019574485 52.14151630543889127)))</t>
  </si>
  <si>
    <t>MultiPolygon (((5.58316643991253425 52.14830570510061136, 5.57718731773194065 52.14608362604668912, 5.57362835478326524 52.14757448079437552, 5.57551137190407342 52.1513726261189845, 5.58012755888062628 52.15179588323965731, 5.57937896994460658 52.15360023892463914, 5.58437497586606657 52.15458822477814493, 5.59411889700468556 52.15451707336924159, 5.59699514810255216 52.15356824374668321, 5.59480142802886782 52.15063466746879328, 5.59418603050722041 52.15003182091655987, 5.59071702386919256 52.1505379747989295, 5.59115923745749921 52.15087626493495776, 5.59029695043562391 52.15121531116202647, 5.58633329252685495 52.15096199209096284, 5.58316643991253425 52.14830570510061136, 5.58316643991253425 52.14830570510061136)))</t>
  </si>
  <si>
    <t>MultiPolygon (((5.57987377657669903 52.14115131470060049, 5.58007777438210439 52.14116068887251032, 5.58165373007776466 52.13788132258334684, 5.57843848942209508 52.13802078429050368, 5.57510418439704214 52.13699882231997407, 5.56981129097871275 52.133007497911386, 5.56944310355297834 52.13340023878090079, 5.56908973369046212 52.14010237014075244, 5.57005239151320808 52.14060056724967751, 5.57823105866332103 52.14025622128544768, 5.57995473231939076 52.14044971337025203, 5.57987377657669903 52.14115131470060049, 5.57987377657669903 52.14115131470060049)))</t>
  </si>
  <si>
    <t>MultiPolygon (((5.59378580492646993 52.13532382570726753, 5.59852315162973735 52.13169948221137417, 5.59273847629917586 52.13005418778086408, 5.59127403679196266 52.12879322855734188, 5.59031260095722971 52.12868130061148264, 5.58997444588192494 52.12935869144052958, 5.58987308750208545 52.13090902625036449, 5.59066925667511683 52.13286111488174868, 5.59378580492646993 52.13532382570726753, 5.59378580492646993 52.13532382570726753)))</t>
  </si>
  <si>
    <t>MultiPolygon (((5.58165373007776466 52.13788132258334684, 5.58158818937146517 52.13754625020723665, 5.58044485856407224 52.13774987588185894, 5.57822866102273363 52.13525075050906565, 5.58051615837089887 52.13387708049612002, 5.58335130791126755 52.13403067572062355, 5.5852087022158754 52.13248099572511762, 5.58987308750208545 52.13090902625036449, 5.58997444588192494 52.12935869144052958, 5.58929895575634461 52.12986682777050618, 5.57687776048073225 52.12932999383223631, 5.57105545196668839 52.13066832872158329, 5.56981129097871275 52.133007497911386, 5.57510418439704214 52.13699882231997407, 5.57843848942209508 52.13802078429050368, 5.58165373007776466 52.13788132258334684, 5.58165373007776466 52.13788132258334684)))</t>
  </si>
  <si>
    <t>MultiPolygon (((5.58316643991253425 52.14830570510061136, 5.58633329252685495 52.15096199209096284, 5.59029695043562391 52.15121531116202647, 5.59115923745749921 52.15087626493495776, 5.59071702386919256 52.1505379747989295, 5.59418603050722041 52.15003182091655987, 5.59480142802886782 52.15063466746879328, 5.59439667200997448 52.14991356379932341, 5.59165217542377668 52.14759234940922283, 5.58954256465642185 52.14573473109087587, 5.58921399147701159 52.14463787659346394, 5.58786150127065362 52.14518195499282882, 5.58316643991253425 52.14830570510061136, 5.58316643991253425 52.14830570510061136)))</t>
  </si>
  <si>
    <t>MultiPolygon (((5.58985129045888662 52.14168722807050926, 5.59150295220406335 52.14104502564515542, 5.59796518019574485 52.14151630543889127, 5.59958514044252986 52.14066649959499244, 5.59934261868595229 52.14029687267417756, 5.5974676557680425 52.14072878341009698, 5.59696858496693661 52.13995721740925404, 5.60042263115862582 52.13882546271766216, 5.6046969781892324 52.13276744204426905, 5.60693939492486759 52.13208321065285844, 5.60692748001503283 52.13207547983087409, 5.60450146622948431 52.13180355588806236, 5.60182898191075473 52.12920156256855364, 5.59852315162973735 52.13169948221137417, 5.59378580492646993 52.13532382570726753, 5.59199276200290551 52.13738699556608225, 5.58985129045888662 52.14168722807050926, 5.58985129045888662 52.14168722807050926)))</t>
  </si>
  <si>
    <t>MultiPolygon (((5.57718731773194065 52.14608362604668912, 5.58316643991253425 52.14830570510061136, 5.58786150127065362 52.14518195499282882, 5.58801248674311335 52.14371536478016367, 5.58630430360884578 52.1427534056407751, 5.58007777438210439 52.14116068887251032, 5.57987377657669903 52.14115131470060049, 5.57679681902156155 52.14281058366206878, 5.57718731773194065 52.14608362604668912, 5.57718731773194065 52.14608362604668912)))</t>
  </si>
  <si>
    <t>MultiPolygon (((5.57362835478326524 52.14757448079437552, 5.57718731773194065 52.14608362604668912, 5.57679681902156155 52.14281058366206878, 5.57987377657669903 52.14115131470060049, 5.57995473231939076 52.14044971337025203, 5.57823105866332103 52.14025622128544768, 5.57005239151320808 52.14060056724967751, 5.56908973369046212 52.14010237014075244, 5.56203438628431002 52.14188287013266887, 5.56243919009045484 52.14615696364722908, 5.57324528997316815 52.14478019585961022, 5.57362835478326524 52.14757448079437552, 5.57362835478326524 52.14757448079437552)))</t>
  </si>
  <si>
    <t>MultiPolygon (((5.58630957523329386 52.13687484260008631, 5.58879602538031861 52.1369239566513869, 5.59074252205715982 52.13781823804922055, 5.59199276200290551 52.13738699556608225, 5.59378580492646993 52.13532382570726753, 5.59066925667511683 52.13286111488174868, 5.58987308750208545 52.13090902625036449, 5.5852087022158754 52.13248099572511762, 5.58335130791126755 52.13403067572062355, 5.58630957523329386 52.13687484260008631, 5.58630957523329386 52.13687484260008631)))</t>
  </si>
  <si>
    <t>MultiPolygon (((5.58158818937146517 52.13754625020723665, 5.58630957523329386 52.13687484260008631, 5.58335130791126755 52.13403067572062355, 5.58051615837089887 52.13387708049612002, 5.57822866102273363 52.13525075050906565, 5.58044485856407224 52.13774987588185894, 5.58158818937146517 52.13754625020723665, 5.58158818937146517 52.13754625020723665)))</t>
  </si>
  <si>
    <t>MultiPolygon (((5.58786150127065362 52.14518195499282882, 5.58921399147701159 52.14463787659346394, 5.58985129045888662 52.14168722807050926, 5.59199276200290551 52.13738699556608225, 5.59074252205715982 52.13781823804922055, 5.58879602538031861 52.1369239566513869, 5.58630957523329386 52.13687484260008631, 5.58158818937146517 52.13754625020723665, 5.58165373007776466 52.13788132258334684, 5.58007777438210439 52.14116068887251032, 5.58630430360884578 52.1427534056407751, 5.58801248674311335 52.14371536478016367, 5.58786150127065362 52.14518195499282882, 5.58786150127065362 52.14518195499282882)))</t>
  </si>
  <si>
    <t>MultiPolygon (((5.63737419215688895 52.16265582784699717, 5.6402927989067102 52.1600993469112808, 5.64033971607144391 52.15819239662323525, 5.63554760022557311 52.15825019746732494, 5.63451485367100435 52.16045041851198505, 5.63043298991367003 52.15965266514982801, 5.62627422422356904 52.15797613726525839, 5.63416824598252042 52.15537900669552585, 5.63788471410826997 52.15313374265276991, 5.63314979945549421 52.14906237871421979, 5.63123435908438452 52.14350175983853575, 5.63534446684387635 52.14247555956771407, 5.63737191133060378 52.14579071397528764, 5.64080950894007316 52.14490576224062579, 5.63873966970159568 52.13835068568867115, 5.63595886760717235 52.13824913669345307, 5.63560370364473595 52.13715637091925004, 5.63807354670830296 52.1349821024844573, 5.65332219437054917 52.13446848002437406, 5.65645496179293605 52.13594957938282448, 5.65759128560344848 52.13497690195166001, 5.65695440648741954 52.13258006646646692, 5.65633146457577496 52.13173504442960393, 5.6483642348476284 52.13091232251642992, 5.64677345223290317 52.13026546529110306, 5.64528518609723928 52.13080427544725381, 5.64292034215219473 52.1304300473875557, 5.63824285854019092 52.13076534495017, 5.63496634545630926 52.1297072823723795, 5.62272825060568948 52.12754975150080838, 5.6165045172683854 52.1277911285192701, 5.60692748001503283 52.13207547983087409, 5.60693939492486759 52.13208321065285844, 5.61080125467135371 52.13490757316078827, 5.61184480004342934 52.14045624019933456, 5.61075874121172369 52.14165493799813333, 5.60887384424381974 52.14337764670118247, 5.60642205309327135 52.14435054861991148, 5.6031469500092923 52.14443550516087811, 5.5985199882744352 52.14236943725051532, 5.59796518019574485 52.14151630543889127, 5.59150295220406335 52.14104502564515542, 5.58985129045888662 52.14168722807050926, 5.58921399147701159 52.14463787659346394, 5.58954256465642185 52.14573473109087587, 5.59165217542377668 52.14759234940922283, 5.59439667200997448 52.14991356379932341, 5.59480142802886782 52.15063466746879328, 5.59699514810255216 52.15356824374668321, 5.59411889700468556 52.15451707336924159, 5.58437497586606657 52.15458822477814493, 5.57937896994460658 52.15360023892463914, 5.58012755888062628 52.15179588323965731, 5.57551137190407342 52.1513726261189845, 5.57362835478326524 52.14757448079437552, 5.57324528997316815 52.14478019585961022, 5.56243919009045484 52.14615696364722908, 5.56203438628431002 52.14188287013266887, 5.56908973369046212 52.14010237014075244, 5.56944310355297834 52.13340023878090079, 5.56528918936678263 52.13024728677571318, 5.56238474364884805 52.13005921253070341, 5.56521793622633165 52.12200436031485395, 5.56189451360819653 52.12168221354210829, 5.56123508625193796 52.1202512849250823, 5.55358616651400983 52.1132636601546082, 5.55096954402012521 52.11182226308330456, 5.54674477783597908 52.11137001574659422, 5.55034258754904197 52.10541954247421614, 5.54529179211463408 52.10439004173601774, 5.54630219737596075 52.10244363730843276, 5.54401263674061529 52.10194889833950072, 5.54153992529122519 52.1037370965660287, 5.53154329347156448 52.10226696037967997, 5.52516376250721208 52.10075145472654867, 5.52318656408321207 52.1043223037330776, 5.51936817789782186 52.1004942071462267, 5.51738294562252651 52.10062925334691641, 5.51548911431225886 52.10173121431960652, 5.51687853269766926 52.10172392246503392, 5.52017473622843013 52.10620609133399483, 5.5228050895609373 52.10716869992471345, 5.52246183470911411 52.11033104903083313, 5.51985947020558765 52.10982766984796655, 5.51784880304271308 52.11183238270531604, 5.5269430075788355 52.11477451675929018, 5.53661028522086696 52.11599179330612941, 5.54008616782689955 52.11932739691179961, 5.5406505260091663 52.12135859669717064, 5.53880487485930839 52.12157768839126248, 5.5384726740464707 52.12066854869704002, 5.53610272808464909 52.1218480333191323, 5.53790852130425204 52.12408783528703538, 5.53565326643913824 52.12644123762164838, 5.53276632934878965 52.12686161387804873, 5.52930421871282096 52.12946124630305889, 5.53173897242786961 52.12986034458658224, 5.53799908692134846 52.13605620299394872, 5.53818236321954593 52.14140135341811089, 5.53019813107434288 52.14383304924711382, 5.53177909912134336 52.14474636411552666, 5.53588573242868343 52.14469531539067759, 5.54662436370069756 52.14718292685770962, 5.54476642614796145 52.14866773734446781, 5.54011667108028139 52.1487186065661632, 5.53625366289591447 52.14969437230301708, 5.53964495048511196 52.15474642697220986, 5.54778397839776893 52.15322524549105054, 5.55052559831615167 52.15496350661351244, 5.55108276443290105 52.15771524799708203, 5.54248103950908 52.15978437224934794, 5.53793021974190314 52.15982342030145702, 5.5391793650444896 52.16245209831157581, 5.56781370653602892 52.16217978926094645, 5.56668630535489672 52.16711808822152818, 5.57328025049936127 52.16773483906440845, 5.57365608663402057 52.16485194600849695, 5.57259936506872844 52.16244679121317063, 5.60030806399915981 52.16222198840760882, 5.60604096363175852 52.16262161510821471, 5.61671736584764236 52.16600402192948849, 5.61426423705266409 52.16945212067657422, 5.63653769531662885 52.17273048006100566, 5.63724297525586415 52.17224332338259529, 5.63529707299041505 52.16916048963297925, 5.62877359868917093 52.16534651074920248, 5.63737419215688895 52.16265582784699717, 5.63737419215688895 52.16265582784699717)))</t>
  </si>
  <si>
    <t>MultiPolygon (((5.83050699122601568 51.95326646472716448, 5.83140413688332337 51.95405754773207008, 5.84265871292785999 51.95458914636180481, 5.84535820166768172 51.95590369102112049, 5.84692521812989607 51.95539590812512643, 5.84460984531665684 51.94989389492089771, 5.85244685940325216 51.94859233448725888, 5.85282201244047151 51.94407858954374291, 5.85039418397114996 51.94451029476061876, 5.84967970935371895 51.94294419237681382, 5.83740275949514054 51.94415655439478741, 5.83717208886473582 51.94517775814815508, 5.82992719704196816 51.94523733528023257, 5.82863406364130832 51.94848379564445651, 5.83050699122601568 51.95326646472716448)))</t>
  </si>
  <si>
    <t>MultiPolygon (((5.85139402737443959 51.96323113154972617, 5.85134667772417227 51.9626114611799963, 5.85191734289105803 51.95484050503594631, 5.85244685940325216 51.94859233448725888, 5.84460984531665684 51.94989389492089771, 5.84692521812989607 51.95539590812512643, 5.85061448475880219 51.96325240834047321, 5.85139402737443959 51.96323113154972617, 5.85139402737443959 51.96323113154972617)))</t>
  </si>
  <si>
    <t>MultiPolygon (((5.85368849070277086 51.96877378799772629, 5.85139402737443959 51.96323113154972617, 5.85061448475880219 51.96325240834047321, 5.84692521812989607 51.95539590812512643, 5.84535820166768172 51.95590369102112049, 5.84265871292785999 51.95458914636180481, 5.83140413688332337 51.95405754773207008, 5.83050699122601568 51.95326646472716448, 5.82991226571349763 51.95343156567208354, 5.83008078162244114 51.95385340907608906, 5.83128229933012499 51.95554752526000897, 5.83133816589047349 51.95861672693246902, 5.83019745508420861 51.95862382662664203, 5.82933946586498486 51.96084806987727234, 5.83379947291448264 51.96264203745980126, 5.83419133649895283 51.96279964402902607, 5.8359534268412423 51.96616405386343018, 5.83536816941383929 51.97069999826300091, 5.83619543656150519 51.97092309564042978, 5.835342640497724 51.9735587267884398, 5.84403179797431971 51.97250386580453352, 5.8543019632619826 51.96983600062513631, 5.85368849070277086 51.96877378799772629)))</t>
  </si>
  <si>
    <t>MultiPolygon (((5.88869380698520395 51.9583590191642628, 5.89082932987640717 51.95405764968188578, 5.88481974768310234 51.95099346481372748, 5.87897790231312811 51.95080095022205313, 5.88146284677900777 51.9544979097937798, 5.88869380698520395 51.9583590191642628, 5.88869380698520395 51.9583590191642628)))</t>
  </si>
  <si>
    <t>MultiPolygon (((5.89082932987640717 51.95405764968188578, 5.89467662341109833 51.95130909951043918, 5.89206026605493527 51.94899200689027907, 5.89336868700600203 51.9472088643894665, 5.89772295882500952 51.94483133844806133, 5.89601238537426209 51.94321328881499511, 5.89321440632023119 51.94235128081575681, 5.89048925516781274 51.94331128082409776, 5.88982046955997074 51.94441167229310707, 5.88781150853308954 51.94520103183533877, 5.88398400117116971 51.94163128492642301, 5.88637449081426034 51.94083636141424165, 5.88365097281698635 51.93765031043201219, 5.87837306620533795 51.9387724959165169, 5.87897790231312811 51.95080095022205313, 5.88481974768310234 51.95099346481372748, 5.89082932987640717 51.95405764968188578, 5.89082932987640717 51.95405764968188578)))</t>
  </si>
  <si>
    <t>MultiPolygon (((5.89048925516781274 51.94331128082409776, 5.89321440632023119 51.94235128081575681, 5.89601238537426209 51.94321328881499511, 5.89772295882500952 51.94483133844806133, 5.90256939839435635 51.94351516769157229, 5.89498325616942953 51.93511596701819144, 5.89267351951280194 51.93573212829152652, 5.88776870146346631 51.93613539910406729, 5.88365097281698635 51.93765031043201219, 5.88637449081426034 51.94083636141424165, 5.88398400117116971 51.94163128492642301, 5.88781150853308954 51.94520103183533877, 5.88982046955997074 51.94441167229310707, 5.89048925516781274 51.94331128082409776)))</t>
  </si>
  <si>
    <t>MultiPolygon (((5.89467662341109833 51.95130909951043918, 5.89969596410448638 51.94836660200282097, 5.90517137787132196 51.94707145901755752, 5.91096487549443328 51.94590687806140039, 5.91248806482349654 51.94499181523729447, 5.90186380128681698 51.93346432496439746, 5.8979183789305889 51.93435795751754824, 5.89498325616942953 51.93511596701819144, 5.90256939839435635 51.94351516769157229, 5.89772295882500952 51.94483133844806133, 5.89336868700600203 51.9472088643894665, 5.89206026605493527 51.94899200689027907, 5.89467662341109833 51.95130909951043918, 5.89467662341109833 51.95130909951043918)))</t>
  </si>
  <si>
    <t>MultiPolygon (((5.86778856737462107 51.95390252075357296, 5.87598636991358525 51.95118709754778052, 5.87897790231312811 51.95080095022205313, 5.87837306620533795 51.9387724959165169, 5.87607585428171486 51.94026748332267118, 5.87209734700050845 51.94147420517268898, 5.86224318319293225 51.94288955158851451, 5.86150645286901373 51.94257567326265956, 5.86414084657638579 51.94863296647652362, 5.86778856737462107 51.95390252075357296, 5.86778856737462107 51.95390252075357296)))</t>
  </si>
  <si>
    <t>MultiPolygon (((5.85191734289105803 51.95484050503594631, 5.86038409951200823 51.9551396265226586, 5.86778856737462107 51.95390252075357296, 5.86414084657638579 51.94863296647652362, 5.86150645286901373 51.94257567326265956, 5.85282201244047151 51.94407858954374291, 5.85244685940325216 51.94859233448725888, 5.85191734289105803 51.95484050503594631)))</t>
  </si>
  <si>
    <t>MultiPolygon (((5.86366889907447408 51.96848902346327037, 5.86785630553869275 51.96897268658376134, 5.87532522908894261 51.96843304756836091, 5.87888320913410301 51.96640299545560993, 5.87566718690817336 51.96401802645599588, 5.87060833058603215 51.9577783686390049, 5.8653478243583006 51.95929027652216092, 5.86366889907447408 51.96848902346327037, 5.86366889907447408 51.96848902346327037)))</t>
  </si>
  <si>
    <t>MultiPolygon (((5.85368849070277086 51.96877378799772629, 5.86366889907447408 51.96848902346327037, 5.8653478243583006 51.95929027652216092, 5.85134667772417227 51.9626114611799963, 5.85139402737443959 51.96323113154972617, 5.85368849070277086 51.96877378799772629, 5.85368849070277086 51.96877378799772629)))</t>
  </si>
  <si>
    <t>MultiPolygon (((5.85134667772417227 51.9626114611799963, 5.8653478243583006 51.95929027652216092, 5.87060833058603215 51.9577783686390049, 5.86778856737462107 51.95390252075357296, 5.86038409951200823 51.9551396265226586, 5.85191734289105803 51.95484050503594631, 5.85134667772417227 51.9626114611799963, 5.85134667772417227 51.9626114611799963)))</t>
  </si>
  <si>
    <t>MultiPolygon (((5.87888320913410301 51.96640299545560993, 5.88280325610885946 51.96702674324905047, 5.88971411644080067 51.96591682028171988, 5.89372763353554507 51.96489738422784654, 5.89736631560734015 51.96301359437047296, 5.88869380698520395 51.9583590191642628, 5.88146284677900777 51.9544979097937798, 5.87897790231312811 51.95080095022205313, 5.87598636991358525 51.95118709754778052, 5.86778856737462107 51.95390252075357296, 5.87060833058603215 51.9577783686390049, 5.87566718690817336 51.96401802645599588, 5.87888320913410301 51.96640299545560993, 5.87888320913410301 51.96640299545560993)))</t>
  </si>
  <si>
    <t>MultiPolygon (((5.90240204830046356 51.96002603149512566, 5.90808560708826391 51.95760702835232792, 5.90517137787132196 51.94707145901755752, 5.89969596410448638 51.94836660200282097, 5.89467662341109833 51.95130909951043918, 5.89082932987640717 51.95405764968188578, 5.90240204830046356 51.96002603149512566, 5.90240204830046356 51.96002603149512566)))</t>
  </si>
  <si>
    <t>MultiPolygon (((5.89736631560734015 51.96301359437047296, 5.90240204830046356 51.96002603149512566, 5.89082932987640717 51.95405764968188578, 5.88869380698520395 51.9583590191642628, 5.89736631560734015 51.96301359437047296, 5.89736631560734015 51.96301359437047296)))</t>
  </si>
  <si>
    <t>MultiPolygon (((5.90808560708826391 51.95760702835232792, 5.91717224040368617 51.9566906238846471, 5.92196716399674816 51.95643940990562726, 5.9220070687863835 51.95083905548165149, 5.91517277002153552 51.94996752674117602, 5.91096487549443328 51.94590687806140039, 5.90517137787132196 51.94707145901755752, 5.90808560708826391 51.95760702835232792, 5.90808560708826391 51.95760702835232792)))</t>
  </si>
  <si>
    <t>MultiPolygon (((5.92053752535138678 51.96216288819918816, 5.92152365173844064 51.96162905496691309, 5.92742458676694195 51.95862909580237954, 5.92886479860687921 51.95632012997693749, 5.92196716399674816 51.95643940990562726, 5.91717224040368617 51.9566906238846471, 5.91684530050445723 51.95886263848557007, 5.92053752535138678 51.96216288819918816, 5.92053752535138678 51.96216288819918816)))</t>
  </si>
  <si>
    <t>MultiPolygon (((5.89736631560734015 51.96301359437047296, 5.9014620344216473 51.965350436569679, 5.90656969673672272 51.96375382762619921, 5.90978057258301703 51.96046436779362665, 5.91684530050445723 51.95886263848557007, 5.91717224040368617 51.9566906238846471, 5.90808560708826391 51.95760702835232792, 5.90240204830046356 51.96002603149512566, 5.89736631560734015 51.96301359437047296, 5.89736631560734015 51.96301359437047296)))</t>
  </si>
  <si>
    <t>MultiPolygon (((5.9014620344216473 51.965350436569679, 5.90388921466433825 51.96730288112097895, 5.9123244336926728 51.96336683352506469, 5.90978057258301703 51.96046436779362665, 5.90656969673672272 51.96375382762619921, 5.9014620344216473 51.965350436569679, 5.9014620344216473 51.965350436569679)))</t>
  </si>
  <si>
    <t>MultiPolygon (((5.90388921466433825 51.96730288112097895, 5.90552762602255132 51.96873308817762194, 5.91465844922685413 51.96535337676105115, 5.9123244336926728 51.96336683352506469, 5.90388921466433825 51.96730288112097895, 5.90388921466433825 51.96730288112097895)))</t>
  </si>
  <si>
    <t>MultiPolygon (((5.9123244336926728 51.96336683352506469, 5.91465844922685413 51.96535337676105115, 5.92053752535138678 51.96216288819918816, 5.91684530050445723 51.95886263848557007, 5.90978057258301703 51.96046436779362665, 5.9123244336926728 51.96336683352506469, 5.9123244336926728 51.96336683352506469)))</t>
  </si>
  <si>
    <t>MultiPolygon (((5.92886479860687921 51.95632012997693749, 5.93161741234165341 51.95673403705033166, 5.92950444639166463 51.9507104784615521, 5.9220070687863835 51.95083905548165149, 5.92196716399674816 51.95643940990562726, 5.92886479860687921 51.95632012997693749, 5.92886479860687921 51.95632012997693749)))</t>
  </si>
  <si>
    <t>MultiPolygon (((5.92152365173844064 51.96162905496691309, 5.92311920333579245 51.96366146149266285, 5.9249520099144517 51.97002437781663531, 5.92877883161209418 51.96881083824892045, 5.93179334261570013 51.96684924326913801, 5.93559711122274258 51.96041566076741702, 5.93183063113725151 51.95948313461079238, 5.93161741234165341 51.95673403705033166, 5.92886479860687921 51.95632012997693749, 5.92742458676694195 51.95862909580237954, 5.92152365173844064 51.96162905496691309, 5.92152365173844064 51.96162905496691309)))</t>
  </si>
  <si>
    <t>MultiPolygon (((5.91977553895390507 51.9708571125089378, 5.92243684973768225 51.97039026405327178, 5.9249520099144517 51.97002437781663531, 5.92311920333579245 51.96366146149266285, 5.92152365173844064 51.96162905496691309, 5.92053752535138678 51.96216288819918816, 5.91465844922685413 51.96535337676105115, 5.91977553895390507 51.9708571125089378, 5.91977553895390507 51.9708571125089378)))</t>
  </si>
  <si>
    <t>MultiPolygon (((5.90877688159515024 51.97191155581495536, 5.91179140867593578 51.97496188959168961, 5.91977553895390507 51.9708571125089378, 5.91465844922685413 51.96535337676105115, 5.90552762602255132 51.96873308817762194, 5.90877688159515024 51.97191155581495536, 5.90877688159515024 51.97191155581495536)))</t>
  </si>
  <si>
    <t>MultiPolygon (((5.90877688159515024 51.97191155581495536, 5.90552762602255132 51.96873308817762194, 5.90388921466433825 51.96730288112097895, 5.9014620344216473 51.965350436569679, 5.89736631560734015 51.96301359437047296, 5.89372763353554507 51.96489738422784654, 5.88971411644080067 51.96591682028171988, 5.89351357732927816 51.97260270518452785, 5.90877688159515024 51.97191155581495536, 5.90877688159515024 51.97191155581495536)))</t>
  </si>
  <si>
    <t>MultiPolygon (((5.8859356856458751 51.98291626243252495, 5.8923127638399837 51.98283968467964655, 5.89831202359770579 51.98060434872408564, 5.90053685328985811 51.97925664239625121, 5.90819069510904615 51.97607813142775512, 5.91179140867593578 51.97496188959168961, 5.90877688159515024 51.97191155581495536, 5.89351357732927816 51.97260270518452785, 5.88971411644080067 51.96591682028171988, 5.88280325610885946 51.96702674324905047, 5.87888320913410301 51.96640299545560993, 5.87532522908894261 51.96843304756836091, 5.86785630553869275 51.96897268658376134, 5.86366889907447408 51.96848902346327037, 5.85368849070277086 51.96877378799772629, 5.8543019632619826 51.96983600062513631, 5.85435815671788529 51.96982574190950288, 5.859467599478271 51.96955499591742722, 5.86418223295917773 51.97050385344775236, 5.86713614162347064 51.97195395446291855, 5.87086024645044713 51.97511299221520886, 5.87756058624581357 51.98031761294731012, 5.8859356856458751 51.98291626243252495, 5.8859356856458751 51.98291626243252495)))</t>
  </si>
  <si>
    <t>MultiPolygon (((5.863713793996566 51.99576878814617231, 5.87094836698733058 51.99639148175874226, 5.87695303539755098 51.99372722444569916, 5.88739013585702153 51.9906673546833531, 5.88615804384411323 51.98934604028244877, 5.87825249257226723 51.9889967661734147, 5.87721374147316755 51.98805696870240922, 5.8773988886266757 51.98692100985791598, 5.86376394909350918 51.98754105084490362, 5.86470239337900434 51.9910814641983805, 5.86256003088213973 51.99122096707401397, 5.863713793996566 51.99576878814617231, 5.863713793996566 51.99576878814617231)))</t>
  </si>
  <si>
    <t>MultiPolygon (((5.86376291653681925 51.98753759093822424, 5.86376394909350918 51.98754105084490362, 5.8773988886266757 51.98692100985791598, 5.87691124769111273 51.98337713496602674, 5.88293263209727346 51.98377110209212049, 5.8859356856458751 51.98291626243252495, 5.87756058624581357 51.98031761294731012, 5.87086024645044713 51.97511299221520886, 5.86918688173540115 51.97599143355252238, 5.86686689141462381 51.97530251905154586, 5.86471666972272754 51.97627144758371998, 5.86373686451548615 51.97796466804612692, 5.86736973935260941 51.98028996090503284, 5.86621850213566542 51.98400653967754437, 5.86526616148746083 51.9845579815526051, 5.86316174697271464 51.98532552022414421, 5.86376291653681925 51.98753759093822424, 5.86376291653681925 51.98753759093822424)))</t>
  </si>
  <si>
    <t>MultiPolygon (((5.88739013585702153 51.9906673546833531, 5.89063628709053422 51.98921150627543852, 5.88924211304659639 51.98624527376730953, 5.8773988886266757 51.98692100985791598, 5.87721374147316755 51.98805696870240922, 5.87825249257226723 51.9889967661734147, 5.88615804384411323 51.98934604028244877, 5.88739013585702153 51.9906673546833531, 5.88739013585702153 51.9906673546833531)))</t>
  </si>
  <si>
    <t>MultiPolygon (((5.89063628709053422 51.98921150627543852, 5.89155544966883671 51.98898397136582616, 5.89624499833652393 51.98749345788979781, 5.89438271862431229 51.98577410597544457, 5.89259217709595173 51.9859843335072469, 5.88924211304659639 51.98624527376730953, 5.89063628709053422 51.98921150627543852, 5.89063628709053422 51.98921150627543852)))</t>
  </si>
  <si>
    <t>MultiPolygon (((5.8773988886266757 51.98692100985791598, 5.88924211304659639 51.98624527376730953, 5.89259217709595173 51.9859843335072469, 5.88293263209727346 51.98377110209212049, 5.87691124769111273 51.98337713496602674, 5.8773988886266757 51.98692100985791598, 5.8773988886266757 51.98692100985791598)))</t>
  </si>
  <si>
    <t>MultiPolygon (((5.94610276263876614 52.07789053003724433, 5.9559309346845799 52.07333855085837371, 5.94324882702604107 52.06230453129023772, 5.93709885738976162 52.04853303737375825, 5.94140210716449957 52.01148599891258328, 5.94239624704418823 52.01083094436143739, 5.94604821830945607 52.0105039342966009, 5.91434073181849751 52.00805227529805563, 5.90504654645870009 52.00750547819150427, 5.89822819034727885 52.00643264843808566, 5.89494207377425461 52.00606253019950742, 5.88822289011070943 52.00375816163875697, 5.88770248108846772 52.00354935335602136, 5.8785484850002554 52.01192188181106957, 5.87750242877203277 52.0141713448865417, 5.87321973243025131 52.02583150637792642, 5.87693170186266123 52.0248023829862376, 5.8777906448491466 52.02624380694223305, 5.87546133730531661 52.0325237943588732, 5.87103312508794772 52.03181793703659963, 5.86662879984863217 52.03191357103144554, 5.8340097129654902 52.03311183235280879, 5.82420187558463986 52.03484373808775842, 5.83791804721874819 52.04663184022152222, 5.85002742128492415 52.05159442881736709, 5.85966788917467429 52.05201742821004274, 5.88206316186485889 52.04941078474268323, 5.89940135100462903 52.04995817997620833, 5.89812438999020738 52.06336199316388758, 5.90974336056060778 52.0620960933293162, 5.94610276263876614 52.07789053003724433, 5.94610276263876614 52.07789053003724433)))</t>
  </si>
  <si>
    <t>MultiPolygon (((5.82420187558463986 52.03484373808775842, 5.8340097129654902 52.03311183235280879, 5.86662879984863217 52.03191357103144554, 5.87278878643059166 52.01310561965025414, 5.87084704068121699 52.00614614703958694, 5.87872052673701972 51.99929790577547095, 5.87328770960384272 51.99665837146822867, 5.87094836698733058 51.99639148175874226, 5.863713793996566 51.99576878814617231, 5.85619488435479507 51.99610593048201679, 5.84739729725939661 51.99831843177507551, 5.83380744176116295 51.99871739401066151, 5.82033912673384979 52.00080536463823222, 5.80296055898195551 52.00405409113079003, 5.80722588838799325 52.0117005077975918, 5.80833823560723683 52.01875993467145065, 5.81337361372973227 52.02407058281959706, 5.81865055865659286 52.02959420497383292, 5.82420187558463986 52.03484373808775842, 5.82420187558463986 52.03484373808775842)))</t>
  </si>
  <si>
    <t>MultiPolygon (((5.86662879984863217 52.03191357103144554, 5.87103312508794772 52.03181793703659963, 5.87546133730531661 52.0325237943588732, 5.8777906448491466 52.02624380694223305, 5.87693170186266123 52.0248023829862376, 5.87321973243025131 52.02583150637792642, 5.87750242877203277 52.0141713448865417, 5.87278878643059166 52.01310561965025414, 5.86662879984863217 52.03191357103144554, 5.86662879984863217 52.03191357103144554)))</t>
  </si>
  <si>
    <t>MultiPolygon (((5.87278878643059166 52.01310561965025414, 5.87750242877203277 52.0141713448865417, 5.8785484850002554 52.01192188181106957, 5.88770248108846772 52.00354935335602136, 5.87872052673701972 51.99929790577547095, 5.87084704068121699 52.00614614703958694, 5.87278878643059166 52.01310561965025414, 5.87278878643059166 52.01310561965025414)))</t>
  </si>
  <si>
    <t>MultiPolygon (((5.88822289011070943 52.00375816163875697, 5.89494207377425461 52.00606253019950742, 5.89822819034727885 52.00643264843808566, 5.90118961933569874 51.99843609729733629, 5.90752017001071739 51.99928499164452944, 5.90768135119668258 51.99738159953675165, 5.91062920792299984 51.99448654835499894, 5.90991355161078324 51.99337118044009998, 5.90839055061227025 51.99077037949506064, 5.90814030600890483 51.98865099978515758, 5.90457104256272292 51.98582610918780489, 5.90104883594608154 51.98775954767529583, 5.89743955163693645 51.99285446525022536, 5.89241919828975558 51.99528457703596018, 5.89259324419530195 51.9966114730795681, 5.89311761980087923 51.99736294124808467, 5.8908550194346363 52.00227356160709036, 5.88822289011070943 52.00375816163875697, 5.88822289011070943 52.00375816163875697)))</t>
  </si>
  <si>
    <t>MultiPolygon (((5.88770248108846772 52.00354935335602136, 5.88822289011070943 52.00375816163875697, 5.8908550194346363 52.00227356160709036, 5.89311761980087923 51.99736294124808467, 5.89259324419530195 51.9966114730795681, 5.88586138162813466 51.99664242192468322, 5.88463471281019768 51.99618488375656256, 5.88496723330695648 51.99583012179046193, 5.87695303539755098 51.99372722444569916, 5.87094836698733058 51.99639148175874226, 5.87328770960384272 51.99665837146822867, 5.87872052673701972 51.99929790577547095, 5.88770248108846772 52.00354935335602136, 5.88770248108846772 52.00354935335602136)))</t>
  </si>
  <si>
    <t>MultiPolygon (((5.87695303539755098 51.99372722444569916, 5.88496723330695648 51.99583012179046193, 5.88936607921575739 51.99126207385666021, 5.89155544966883671 51.98898397136582616, 5.89063628709053422 51.98921150627543852, 5.88739013585702153 51.9906673546833531, 5.87695303539755098 51.99372722444569916, 5.87695303539755098 51.99372722444569916)))</t>
  </si>
  <si>
    <t>MultiPolygon (((5.88496723330695648 51.99583012179046193, 5.88463471281019768 51.99618488375656256, 5.88586138162813466 51.99664242192468322, 5.89259324419530195 51.9966114730795681, 5.89241919828975558 51.99528457703596018, 5.89743955163693645 51.99285446525022536, 5.88936607921575739 51.99126207385666021, 5.88496723330695648 51.99583012179046193, 5.88496723330695648 51.99583012179046193)))</t>
  </si>
  <si>
    <t>MultiPolygon (((5.88936607921575739 51.99126207385666021, 5.89743955163693645 51.99285446525022536, 5.90104883594608154 51.98775954767529583, 5.90457104256272292 51.98582610918780489, 5.90515182976247921 51.98486352936811272, 5.89696296175550128 51.98543489994295186, 5.89438271862431229 51.98577410597544457, 5.89624499833652393 51.98749345788979781, 5.89155544966883671 51.98898397136582616, 5.88936607921575739 51.99126207385666021, 5.88936607921575739 51.99126207385666021)))</t>
  </si>
  <si>
    <t>MultiPolygon (((5.90814030600890483 51.98865099978515758, 5.90875428041208206 51.98782466228485788, 5.91071050289539368 51.98555120884851988, 5.90515182976247921 51.98486352936811272, 5.90457104256272292 51.98582610918780489, 5.90814030600890483 51.98865099978515758, 5.90814030600890483 51.98865099978515758)))</t>
  </si>
  <si>
    <t>MultiPolygon (((5.94604821830945607 52.0105039342966009, 5.94331034229118771 52.01013425720897487, 5.94206682925732821 52.00795209000337138, 5.93374818518773672 52.00542442905262419, 5.92846321032064338 52.00372411014332386, 5.93134752599953785 51.99600866044072234, 5.93342285677507952 51.99465086198524943, 5.93196468390605069 51.99257494845379313, 5.92723320839205314 51.99365392605503189, 5.92234083265129385 51.99357538237948972, 5.91951383826063626 51.99563437514616027, 5.91652254895569207 51.99961817591188407, 5.91734118132755338 52.0012928307067952, 5.91366351728446116 52.00656246463678656, 5.91434073181849751 52.00805227529805563, 5.94604821830945607 52.0105039342966009, 5.94604821830945607 52.0105039342966009)))</t>
  </si>
  <si>
    <t>MultiPolygon (((5.94206682925732821 52.00795209000337138, 5.94331034229118771 52.01013425720897487, 5.94768911917206289 52.006882535995274, 5.94981718001262738 52.00411236370243273, 5.94553665626392913 52.00145939839712383, 5.9442963226825869 52.00065438742238655, 5.9426883878818586 52.00157520550992984, 5.94206682925732821 52.00795209000337138, 5.94206682925732821 52.00795209000337138)))</t>
  </si>
  <si>
    <t>MultiPolygon (((5.93374818518773672 52.00542442905262419, 5.93878874611331042 51.99804765897997072, 5.93342285677507952 51.99465086198524943, 5.93134752599953785 51.99600866044072234, 5.92846321032064338 52.00372411014332386, 5.93374818518773672 52.00542442905262419, 5.93374818518773672 52.00542442905262419)))</t>
  </si>
  <si>
    <t>MultiPolygon (((5.93374818518773672 52.00542442905262419, 5.94206682925732821 52.00795209000337138, 5.9426883878818586 52.00157520550992984, 5.9442963226825869 52.00065438742238655, 5.94553665626392913 52.00145939839712383, 5.94631206744360874 52.00098480246683863, 5.94013726621281712 51.99723058025654865, 5.93878874611331042 51.99804765897997072, 5.93374818518773672 52.00542442905262419, 5.93374818518773672 52.00542442905262419)))</t>
  </si>
  <si>
    <t>MultiPolygon (((5.89822819034727885 52.00643264843808566, 5.90504654645870009 52.00750547819150427, 5.91434073181849751 52.00805227529805563, 5.91366351728446116 52.00656246463678656, 5.91734118132755338 52.0012928307067952, 5.91652254895569207 51.99961817591188407, 5.91034426344318753 51.99961454141126893, 5.90768135119668258 51.99738159953675165, 5.90752017001071739 51.99928499164452944, 5.90118961933569874 51.99843609729733629, 5.89822819034727885 52.00643264843808566, 5.89822819034727885 52.00643264843808566)))</t>
  </si>
  <si>
    <t>MultiPolygon (((5.90768135119668258 51.99738159953675165, 5.91034426344318753 51.99961454141126893, 5.91652254895569207 51.99961817591188407, 5.91951383826063626 51.99563437514616027, 5.91813123611147418 51.99593487999715791, 5.90991355161078324 51.99337118044009998, 5.91062920792299984 51.99448654835499894, 5.90768135119668258 51.99738159953675165, 5.90768135119668258 51.99738159953675165)))</t>
  </si>
  <si>
    <t>MultiPolygon (((5.94553665626392913 52.00145939839712383, 5.94981718001262738 52.00411236370243273, 5.95096591802780406 52.00135383308755621, 5.95152632161127748 51.99963780639641442, 5.9536133617815219 51.99500158382936377, 5.95536846862919855 51.99361196713553568, 5.95519317845039531 51.993364126785103, 5.94959436924520002 51.99092800773252065, 5.94616712638793654 51.98919161380616316, 5.94375821681788619 51.99131932440210591, 5.94574499800754186 51.99199282116052245, 5.94515389819117335 51.99596347502544802, 5.94394484924714472 51.99629699674619587, 5.94239319978754654 51.99583935131077084, 5.94013726621281712 51.99723058025654865, 5.94631206744360874 52.00098480246683863, 5.94553665626392913 52.00145939839712383, 5.94553665626392913 52.00145939839712383)))</t>
  </si>
  <si>
    <t>MultiPolygon (((5.93878874611331042 51.99804765897997072, 5.94013726621281712 51.99723058025654865, 5.94239319978754654 51.99583935131077084, 5.94394484924714472 51.99629699674619587, 5.94515389819117335 51.99596347502544802, 5.94574499800754186 51.99199282116052245, 5.94375821681788619 51.99131932440210591, 5.93377957300087999 51.98876392876583452, 5.93327534375671917 51.99035998258266034, 5.93422004861295704 51.99068505127570461, 5.9320586007990812 51.9919609292516185, 5.93196468390605069 51.99257494845379313, 5.93342285677507952 51.99465086198524943, 5.93878874611331042 51.99804765897997072, 5.93878874611331042 51.99804765897997072)))</t>
  </si>
  <si>
    <t>MultiPolygon (((5.94375821681788619 51.99131932440210591, 5.94616712638793654 51.98919161380616316, 5.94219460412919886 51.98730768289557602, 5.93770325373773744 51.98557164225377392, 5.93377957300087999 51.98876392876583452, 5.94375821681788619 51.99131932440210591, 5.94375821681788619 51.99131932440210591)))</t>
  </si>
  <si>
    <t>MultiPolygon (((5.92905375813756663 51.98804906923702873, 5.93377957300087999 51.98876392876583452, 5.93770325373773744 51.98557164225377392, 5.93119673808353998 51.98344550804823427, 5.92905375813756663 51.98804906923702873, 5.92905375813756663 51.98804906923702873)))</t>
  </si>
  <si>
    <t>MultiPolygon (((5.92174593330259391 51.9852156336302329, 5.92905375813756663 51.98804906923702873, 5.93119673808353998 51.98344550804823427, 5.92640804074201988 51.98353930988022142, 5.92091214002835464 51.98488011067706793, 5.92174593330259391 51.9852156336302329, 5.92174593330259391 51.9852156336302329)))</t>
  </si>
  <si>
    <t>MultiPolygon (((5.92587475822874765 51.9889367317351514, 5.92851873995932976 51.98967708713517766, 5.9320586007990812 51.9919609292516185, 5.93422004861295704 51.99068505127570461, 5.93327534375671917 51.99035998258266034, 5.93377957300087999 51.98876392876583452, 5.92905375813756663 51.98804906923702873, 5.92174593330259391 51.9852156336302329, 5.92164613073817758 51.98621855371066403, 5.92548123024870321 51.98801847841156132, 5.92587475822874765 51.9889367317351514, 5.92587475822874765 51.9889367317351514)))</t>
  </si>
  <si>
    <t>MultiPolygon (((5.92723320839205314 51.99365392605503189, 5.93196468390605069 51.99257494845379313, 5.9320586007990812 51.9919609292516185, 5.92851873995932976 51.98967708713517766, 5.92587475822874765 51.9889367317351514, 5.92477621080149497 51.98995460296516313, 5.92298994218117425 51.99164635528592271, 5.92723320839205314 51.99365392605503189, 5.92723320839205314 51.99365392605503189)))</t>
  </si>
  <si>
    <t>MultiPolygon (((5.92234083265129385 51.99357538237948972, 5.92723320839205314 51.99365392605503189, 5.92298994218117425 51.99164635528592271, 5.91577569467254438 51.98931500415083207, 5.91878916060836602 51.99281134047759423, 5.92234083265129385 51.99357538237948972, 5.92234083265129385 51.99357538237948972)))</t>
  </si>
  <si>
    <t>MultiPolygon (((5.92298994218117425 51.99164635528592271, 5.92477621080149497 51.98995460296516313, 5.91542812165334375 51.98578972726183878, 5.91421872769828294 51.98582142403979134, 5.91553712353099304 51.98901585422338201, 5.91577569467254438 51.98931500415083207, 5.92298994218117425 51.99164635528592271, 5.92298994218117425 51.99164635528592271)))</t>
  </si>
  <si>
    <t>MultiPolygon (((5.92477621080149497 51.98995460296516313, 5.92587475822874765 51.9889367317351514, 5.92548123024870321 51.98801847841156132, 5.92164613073817758 51.98621855371066403, 5.92174593330259391 51.9852156336302329, 5.92091214002835464 51.98488011067706793, 5.91542812165334375 51.98578972726183878, 5.92477621080149497 51.98995460296516313, 5.92477621080149497 51.98995460296516313)))</t>
  </si>
  <si>
    <t>MultiPolygon (((5.91951383826063626 51.99563437514616027, 5.92234083265129385 51.99357538237948972, 5.91878916060836602 51.99281134047759423, 5.91086556693522702 51.99012547730600176, 5.90937258963774337 51.9901186325826643, 5.90839055061227025 51.99077037949506064, 5.90991355161078324 51.99337118044009998, 5.91813123611147418 51.99593487999715791, 5.91951383826063626 51.99563437514616027, 5.91951383826063626 51.99563437514616027)))</t>
  </si>
  <si>
    <t>MultiPolygon (((5.90839055061227025 51.99077037949506064, 5.90937258963774337 51.9901186325826643, 5.91086556693522702 51.99012547730600176, 5.91878916060836602 51.99281134047759423, 5.91577569467254438 51.98931500415083207, 5.91553712353099304 51.98901585422338201, 5.90875428041208206 51.98782466228485788, 5.90814030600890483 51.98865099978515758, 5.90839055061227025 51.99077037949506064, 5.90839055061227025 51.99077037949506064)))</t>
  </si>
  <si>
    <t>MultiPolygon (((5.90875428041208206 51.98782466228485788, 5.91553712353099304 51.98901585422338201, 5.91421872769828294 51.98582142403979134, 5.91071050289539368 51.98555120884851988, 5.90875428041208206 51.98782466228485788, 5.90875428041208206 51.98782466228485788)))</t>
  </si>
  <si>
    <t>MultiPolygon (((5.97123879874591612 51.98469964792402465, 5.9809276922575938 51.98131700553806667, 5.98500848912315142 51.97889763513084915, 5.99034003905729584 51.97440609167325221, 5.96841259028945093 51.97208282164384485, 5.96362885942085175 51.97114326458136446, 5.95949397501367617 51.96946565857841449, 5.95571698452410025 51.97199159701690974, 5.9636448167207714 51.97648122149963257, 5.97633632492991484 51.98076689689948893, 5.97613894448976346 51.98225223803514439, 5.97216190252852996 51.98368970809802647, 5.97123879874591612 51.98469964792402465, 5.97123879874591612 51.98469964792402465)))</t>
  </si>
  <si>
    <t>MultiPolygon (((5.94616712638793654 51.98919161380616316, 5.94959436924520002 51.99092800773252065, 5.95422398185709589 51.98566449358325769, 5.95582816288457106 51.98384893130105411, 5.94743728706079811 51.98139607866579581, 5.94530360109470202 51.9831674689566654, 5.94219460412919886 51.98730768289557602, 5.94616712638793654 51.98919161380616316, 5.94616712638793654 51.98919161380616316)))</t>
  </si>
  <si>
    <t>MultiPolygon (((5.94959436924520002 51.99092800773252065, 5.95519317845039531 51.993364126785103, 5.96093889247763276 51.98849196317286214, 5.95422398185709589 51.98566449358325769, 5.94959436924520002 51.99092800773252065, 5.94959436924520002 51.99092800773252065)))</t>
  </si>
  <si>
    <t>MultiPolygon (((5.96093889247763276 51.98849196317286214, 5.96382932253280806 51.98705470865341738, 5.97123879874591612 51.98469964792402465, 5.97216190252852996 51.98368970809802647, 5.97613894448976346 51.98225223803514439, 5.97633632492991484 51.98076689689948893, 5.9636448167207714 51.97648122149963257, 5.95582816288457106 51.98384893130105411, 5.95422398185709589 51.98566449358325769, 5.96093889247763276 51.98849196317286214, 5.96093889247763276 51.98849196317286214)))</t>
  </si>
  <si>
    <t>MultiPolygon (((5.94743728706079811 51.98139607866579581, 5.95582816288457106 51.98384893130105411, 5.9636448167207714 51.97648122149963257, 5.95571698452410025 51.97199159701690974, 5.94715316651910886 51.97749953003021517, 5.9495371091939564 51.9791538104884836, 5.94743728706079811 51.98139607866579581, 5.94743728706079811 51.98139607866579581)))</t>
  </si>
  <si>
    <t>MultiPolygon (((5.94530360109470202 51.9831674689566654, 5.94743728706079811 51.98139607866579581, 5.9495371091939564 51.9791538104884836, 5.94715316651910886 51.97749953003021517, 5.94392238344162749 51.97894184573398491, 5.93584781142617679 51.98121806010745161, 5.94530360109470202 51.9831674689566654, 5.94530360109470202 51.9831674689566654)))</t>
  </si>
  <si>
    <t>MultiPolygon (((5.93770325373773744 51.98557164225377392, 5.94219460412919886 51.98730768289557602, 5.94530360109470202 51.9831674689566654, 5.93584781142617679 51.98121806010745161, 5.92672669944249719 51.98345855326349607, 5.92640804074201988 51.98353930988022142, 5.93119673808353998 51.98344550804823427, 5.93770325373773744 51.98557164225377392, 5.93770325373773744 51.98557164225377392)))</t>
  </si>
  <si>
    <t>MultiPolygon (((5.91764645098329733 51.97567271601477756, 5.92136185301631368 51.97612909871322984, 5.92309903732192744 51.97166657142632573, 5.92243684973768225 51.97039026405327178, 5.91977553895390507 51.9708571125089378, 5.91179140867593578 51.97496188959168961, 5.91323795819355258 51.97648071334523934, 5.91764645098329733 51.97567271601477756, 5.91764645098329733 51.97567271601477756)))</t>
  </si>
  <si>
    <t>MultiPolygon (((5.91549927997952274 51.9783456295529902, 5.91799322925718307 51.97762605895432131, 5.91764645098329733 51.97567271601477756, 5.91323795819355258 51.97648071334523934, 5.91549927997952274 51.9783456295529902, 5.91549927997952274 51.9783456295529902)))</t>
  </si>
  <si>
    <t>MultiPolygon (((5.93753793825984388 51.97850037989069705, 5.94392238344162749 51.97894184573398491, 5.94715316651910886 51.97749953003021517, 5.95571698452410025 51.97199159701690974, 5.95949397501367617 51.96946565857841449, 5.95242880415101538 51.96456988451156178, 5.94939226643810315 51.95900370789615863, 5.95010948552937968 51.95422889561034197, 5.95522544038598678 51.94875353914862615, 5.94032767137614481 51.95603975938521302, 5.93559711122274258 51.96041566076741702, 5.93179334261570013 51.96684924326913801, 5.92877883161209418 51.96881083824892045, 5.9249520099144517 51.97002437781663531, 5.92243684973768225 51.97039026405327178, 5.92309903732192744 51.97166657142632573, 5.92136185301631368 51.97612909871322984, 5.93753793825984388 51.97850037989069705, 5.93753793825984388 51.97850037989069705)))</t>
  </si>
  <si>
    <t>MultiPolygon (((5.91799322925718307 51.97762605895432131, 5.92062460311866978 51.97809865713713151, 5.92136185301631368 51.97612909871322984, 5.91764645098329733 51.97567271601477756, 5.91799322925718307 51.97762605895432131, 5.91799322925718307 51.97762605895432131)))</t>
  </si>
  <si>
    <t>MultiPolygon (((5.92052793014901813 51.97843541075226881, 5.93143532573927512 51.97971780798464891, 5.93753793825984388 51.97850037989069705, 5.92136185301631368 51.97612909871322984, 5.92062460311866978 51.97809865713713151, 5.92052793014901813 51.97843541075226881, 5.92052793014901813 51.97843541075226881)))</t>
  </si>
  <si>
    <t>MultiPolygon (((5.92672669944249719 51.98345855326349607, 5.93584781142617679 51.98121806010745161, 5.94392238344162749 51.97894184573398491, 5.93753793825984388 51.97850037989069705, 5.93143532573927512 51.97971780798464891, 5.92052793014901813 51.97843541075226881, 5.92403753839900471 51.98125036935866916, 5.92672669944249719 51.98345855326349607, 5.92672669944249719 51.98345855326349607)))</t>
  </si>
  <si>
    <t>MultiPolygon (((5.91558439850713658 51.98064845557112079, 5.92352043079467361 51.98204971349083792, 5.92403753839900471 51.98125036935866916, 5.92052793014901813 51.97843541075226881, 5.92062460311866978 51.97809865713713151, 5.91799322925718307 51.97762605895432131, 5.91549927997952274 51.9783456295529902, 5.91558439850713658 51.98064845557112079, 5.91558439850713658 51.98064845557112079)))</t>
  </si>
  <si>
    <t>MultiPolygon (((5.92091214002835464 51.98488011067706793, 5.92640804074201988 51.98353930988022142, 5.92672669944249719 51.98345855326349607, 5.92403753839900471 51.98125036935866916, 5.92352043079467361 51.98204971349083792, 5.91558439850713658 51.98064845557112079, 5.9140302628963699 51.98326753057492056, 5.92091214002835464 51.98488011067706793, 5.92091214002835464 51.98488011067706793)))</t>
  </si>
  <si>
    <t>MultiPolygon (((5.91421872769828294 51.98582142403979134, 5.91542812165334375 51.98578972726183878, 5.92091214002835464 51.98488011067706793, 5.9140302628963699 51.98326753057492056, 5.91176506527073098 51.98425873096561389, 5.91071050289539368 51.98555120884851988, 5.91421872769828294 51.98582142403979134, 5.91421872769828294 51.98582142403979134)))</t>
  </si>
  <si>
    <t>MultiPolygon (((5.89259217709595173 51.9859843335072469, 5.89438271862431229 51.98577410597544457, 5.89696296175550128 51.98543489994295186, 5.89890910219830999 51.98469738563907327, 5.89945557055127789 51.98214453948759939, 5.89831202359770579 51.98060434872408564, 5.8923127638399837 51.98283968467964655, 5.8859356856458751 51.98291626243252495, 5.88293263209727346 51.98377110209212049, 5.89259217709595173 51.9859843335072469, 5.89259217709595173 51.9859843335072469)))</t>
  </si>
  <si>
    <t>MultiPolygon (((5.89696296175550128 51.98543489994295186, 5.90515182976247921 51.98486352936811272, 5.90621007963427758 51.98357966022340548, 5.9027749264228202 51.98140361052897163, 5.90053685328985811 51.97925664239625121, 5.89831202359770579 51.98060434872408564, 5.89945557055127789 51.98214453948759939, 5.89890910219830999 51.98469738563907327, 5.89696296175550128 51.98543489994295186, 5.89696296175550128 51.98543489994295186)))</t>
  </si>
  <si>
    <t>MultiPolygon (((5.90515182976247921 51.98486352936811272, 5.91071050289539368 51.98555120884851988, 5.91176506527073098 51.98425873096561389, 5.91161604975907462 51.98383469052964756, 5.90621007963427758 51.98357966022340548, 5.90515182976247921 51.98486352936811272, 5.90515182976247921 51.98486352936811272)))</t>
  </si>
  <si>
    <t>MultiPolygon (((5.90621007963427758 51.98357966022340548, 5.91161604975907462 51.98383469052964756, 5.90792020189255673 51.98158496465481448, 5.9027749264228202 51.98140361052897163, 5.90621007963427758 51.98357966022340548, 5.90621007963427758 51.98357966022340548)))</t>
  </si>
  <si>
    <t>MultiPolygon (((5.9027749264228202 51.98140361052897163, 5.90792020189255673 51.98158496465481448, 5.90880630876594104 51.98031778119213442, 5.90819069510904615 51.97607813142775512, 5.90053685328985811 51.97925664239625121, 5.9027749264228202 51.98140361052897163, 5.9027749264228202 51.98140361052897163)))</t>
  </si>
  <si>
    <t>MultiPolygon (((5.91161604975907462 51.98383469052964756, 5.91176506527073098 51.98425873096561389, 5.9140302628963699 51.98326753057492056, 5.91558439850713658 51.98064845557112079, 5.91549927997952274 51.9783456295529902, 5.91323795819355258 51.97648071334523934, 5.91179140867593578 51.97496188959168961, 5.90819069510904615 51.97607813142775512, 5.90880630876594104 51.98031778119213442, 5.90792020189255673 51.98158496465481448, 5.91161604975907462 51.98383469052964756, 5.91161604975907462 51.98383469052964756)))</t>
  </si>
  <si>
    <t>MultiPolygon (((6.03125578976094978 52.27523553308430593, 6.02853087958781408 52.27098570999411464, 6.03104481470520692 52.27092474183552895, 6.03031250495645121 52.26923251694326211, 6.03435201418751976 52.26910675486595892, 6.03639465610883885 52.26853038275707775, 6.0348244493912313 52.26527550343195827, 6.03768436010096909 52.26360613224407814, 6.03749347739666486 52.26092048765269027, 6.0365056920444129 52.25948955630474302, 6.03580168188349209 52.25951330554958218, 6.03514923368292866 52.25831471267128592, 6.03176938956803621 52.25855051658422212, 6.0311594203177199 52.25316410522408006, 6.02846575819792907 52.24865775417963931, 6.02480155891250657 52.24893648404343338, 6.02733825689582581 52.24581313875793143, 6.02839930572655369 52.24538789331672461, 6.02788869680356232 52.24486061348687826, 6.02892726730641737 52.24439042806920241, 6.02650571421532621 52.24290439444951062, 6.02833142811802603 52.24167994342085564, 6.02847182221784816 52.23904313341269301, 6.03440850768314352 52.23430507206653317, 6.03604174446009623 52.23191731801460236, 6.03497286803566624 52.23139039299066866, 6.03363918841551339 52.23151485821752971, 6.02339720462775308 52.23059771556862074, 6.01735019610835842 52.22805195360442809, 6.01258923136427192 52.23751697751926315, 6.006169256948934 52.25027486592629344, 5.98698187830361306 52.24521663925655446, 5.97779491390384976 52.24535927364391341, 5.97849393804409779 52.24700616778506657, 5.98093477437416698 52.25324210038894535, 5.98959298060528411 52.25265407317133537, 5.99219551714304988 52.25343005276881314, 5.99264802063827684 52.25705941092378737, 5.98580764820830158 52.2575105988397155, 5.98250916784669595 52.25695132333255088, 5.98936440026981387 52.27403484213726159, 5.9933702638404478 52.27393125854188582, 6.00916300603216058 52.27633819631728329, 6.02886342815477949 52.27681295248154214, 6.03125578976094978 52.27523553308430593)))</t>
  </si>
  <si>
    <t>MultiPolygon (((5.98574379777115961 52.28566941033258786, 5.9914046709626696 52.28554178842944111, 5.9924224115769773 52.28490036027162091, 5.98936440026981387 52.27403484213726159, 5.98250916784669595 52.25695132333255088, 5.98204157014198579 52.25514627051064309, 5.98093477437416698 52.25324210038894535, 5.97849393804409779 52.24700616778506657, 5.96653630736286633 52.24727265145099153, 5.96550955382235415 52.24414302402614396, 5.96605627591282328 52.24151430325780154, 5.95816557356950494 52.24034512815694598, 5.95736250792009869 52.23958927369537975, 5.95463347041082169 52.24659182233259003, 5.95648517974730929 52.24663065468442369, 5.95562706030526368 52.24886918121469392, 5.96137125400074019 52.24914695280111943, 5.96273392887256914 52.25226274181874686, 5.96759281088488702 52.25381258764777925, 5.96484284164548839 52.25771238384623274, 5.95183920575435987 52.25563635943539254, 5.95189882268514481 52.25741307870983832, 5.95960409789658208 52.27246131396941564, 5.97388979460105141 52.27320906304479564, 5.98113786073139408 52.28070473470630475, 5.98216975658800543 52.28382551075194584, 5.98535734266092057 52.28459382204594164, 5.98574379777115961 52.28566941033258786, 5.98574379777115961 52.28566941033258786)))</t>
  </si>
  <si>
    <t>MultiPolygon (((5.95960409789658208 52.27246131396941564, 5.95189882268514481 52.25741307870983832, 5.95183920575435987 52.25563635943539254, 5.95194731618108186 52.25437956952397656, 5.95022047220482531 52.25436456295805243, 5.95040614476048546 52.2505957695733585, 5.95188477289625606 52.25064600102853518, 5.95266569473626106 52.24721237650371819, 5.95436247938045238 52.24729972712584924, 5.95463347041082169 52.24659182233259003, 5.95736250792009869 52.23958927369537975, 5.95729126480519167 52.23896167098329357, 5.95618688454974521 52.23907401321700661, 5.95658279115948286 52.24001499592217357, 5.94687626450330686 52.24512789853336869, 5.93651540332239325 52.24702124707490469, 5.93306836329357612 52.24690354279470483, 5.92769363481912759 52.25010797102414273, 5.91936817433405249 52.25227287358728745, 5.91693889124965278 52.25441464086978982, 5.91631340737251232 52.25666256774551499, 5.91743809761020056 52.25739092586405832, 5.92367848001714137 52.25940608867254156, 5.92771967816495504 52.25973174632171236, 5.93281211671279429 52.26209170007308558, 5.93315037515950117 52.26413354004863976, 5.93244868619120513 52.26463165820759826, 5.92649348981823643 52.26492158350208683, 5.9251241651848261 52.26602665546083415, 5.92290399496308773 52.27198792777931402, 5.93621128636916673 52.2744192947148747, 5.95960409789658208 52.27246131396941564)))</t>
  </si>
  <si>
    <t>MultiPolygon (((5.86089227248608502 52.25580732126658035, 5.86738795830804083 52.25987161980493312, 5.87959253294786421 52.26499126677916252, 5.92290399496308773 52.27198792777931402, 5.9251241651848261 52.26602665546083415, 5.92649348981823643 52.26492158350208683, 5.93244868619120513 52.26463165820759826, 5.93315037515950117 52.26413354004863976, 5.93281211671279429 52.26209170007308558, 5.92771967816495504 52.25973174632171236, 5.92367848001714137 52.25940608867254156, 5.91743809761020056 52.25739092586405832, 5.91631340737251232 52.25666256774551499, 5.91693889124965278 52.25441464086978982, 5.91936817433405249 52.25227287358728745, 5.92769363481912759 52.25010797102414273, 5.93306836329357612 52.24690354279470483, 5.93651540332239325 52.24702124707490469, 5.94687626450330686 52.24512789853336869, 5.95658279115948286 52.24001499592217357, 5.95618688454974521 52.23907401321700661, 5.94972721422979056 52.23839754688386705, 5.94278960108447496 52.23700657621341747, 5.93977694907908838 52.23930442198540902, 5.92392395174189001 52.23985586531853897, 5.92389401297034279 52.2364996236603929, 5.92658830962720629 52.23399133728094768, 5.92709151040650895 52.23106413147095139, 5.9296476345400162 52.22720203537861039, 5.90093247309792712 52.22880730793546178, 5.89002701964578179 52.23275604027753616, 5.88131359363529693 52.23284341790297702, 5.87994707364256097 52.23395762171619339, 5.8778309395510826 52.23746828908483764, 5.87507287929396593 52.23880955390559677, 5.8726522658301743 52.24099976350133545, 5.87226676395618608 52.24913463527211377, 5.86940808269399206 52.25167529182380832, 5.86662955623732429 52.25260899732854369, 5.86219564570810903 52.25280053562546101, 5.86225039671893366 52.25495364391348119, 5.86089227248608502 52.25580732126658035, 5.86089227248608502 52.25580732126658035)))</t>
  </si>
  <si>
    <t>MultiPolygon (((5.98093477437416698 52.25324210038894535, 5.98204157014198579 52.25514627051064309, 5.98250916784669595 52.25695132333255088, 5.98580764820830158 52.2575105988397155, 5.99264802063827684 52.25705941092378737, 5.99219551714304988 52.25343005276881314, 5.98959298060528411 52.25265407317133537, 5.98093477437416698 52.25324210038894535, 5.98093477437416698 52.25324210038894535)))</t>
  </si>
  <si>
    <t>MultiPolygon (((5.95183920575435987 52.25563635943539254, 5.96484284164548839 52.25771238384623274, 5.96759281088488702 52.25381258764777925, 5.96273392887256914 52.25226274181874686, 5.96137125400074019 52.24914695280111943, 5.95562706030526368 52.24886918121469392, 5.95648517974730929 52.24663065468442369, 5.95463347041082169 52.24659182233259003, 5.95436247938045238 52.24729972712584924, 5.95266569473626106 52.24721237650371819, 5.95188477289625606 52.25064600102853518, 5.95040614476048546 52.2505957695733585, 5.95022047220482531 52.25436456295805243, 5.95194731618108186 52.25437956952397656, 5.95183920575435987 52.25563635943539254, 5.95183920575435987 52.25563635943539254)))</t>
  </si>
  <si>
    <t>MultiPolygon (((6.01725050655946792 52.15734059061226446, 6.01116096378144338 52.15894130481441238, 6.00257039481164067 52.16322746443488256, 5.99994023456081038 52.16603527153964137, 6.03446890918682843 52.16418112265750295, 6.03417956207188944 52.15989844227900107, 6.0462086068130354 52.16021669258813631, 6.05183792577876112 52.15819458213232451, 6.05111314082796614 52.15645739931622415, 6.04620760925195722 52.15154986668111547, 6.03657095975531632 52.15017009341388388, 6.03021498779127096 52.15346894636365249, 6.01725050655946792 52.15734059061226446, 6.01725050655946792 52.15734059061226446)))</t>
  </si>
  <si>
    <t>MultiPolygon (((6.06035887477707558 52.16760647292133513, 6.05724037585165487 52.1661494149950471, 6.05589069498035126 52.16670818816560029, 6.05106107013885186 52.16430506124068245, 6.05141172734143939 52.16222989995369375, 6.06146488355364887 52.16452109491267919, 6.06580682811607907 52.16464845043387299, 6.06624521100275693 52.16101995648831036, 6.06425694446086894 52.15738465753132402, 6.06738368069458733 52.15391053969521096, 6.04929344590483176 52.14701126138137965, 6.04688031171829632 52.14691224367953026, 6.04085611039218762 52.1445648846865808, 6.04010604240135596 52.14674372373460187, 6.03657095975531632 52.15017009341388388, 6.04620760925195722 52.15154986668111547, 6.05111314082796614 52.15645739931622415, 6.05183792577876112 52.15819458213232451, 6.0462086068130354 52.16021669258813631, 6.03417956207188944 52.15989844227900107, 6.03446890918682843 52.16418112265750295, 5.99994023456081038 52.16603527153964137, 5.99427595246537503 52.17747745851552565, 5.99171282847999009 52.18023814097921331, 5.99819370780834848 52.18172263616883555, 6.00617145370898431 52.18348454178829599, 6.01594027962969502 52.18567189961016339, 6.02266491021262773 52.18784465481909507, 6.01912884098732892 52.1949444045047386, 6.0189414455992587 52.19904097157638745, 6.03645287109376927 52.1934336165938646, 6.05106960610345723 52.18875164766546959, 6.05097301789628972 52.18714142661805511, 6.04938920193298735 52.18520981354625832, 6.05012508264422255 52.18328756611763453, 6.0538068359558439 52.18135206643488999, 6.05534460642839356 52.17949276940495196, 6.05979420923268197 52.17622074521052866, 6.06245325348292585 52.17171299207900148, 6.0632184673415086 52.1702167571667843, 6.06035887477707558 52.16760647292133513, 6.06035887477707558 52.16760647292133513)))</t>
  </si>
  <si>
    <t>MultiPolygon (((6.0632184673415086 52.1702167571667843, 6.06569408958814194 52.16522140025122667, 6.06580682811607907 52.16464845043387299, 6.06146488355364887 52.16452109491267919, 6.05141172734143939 52.16222989995369375, 6.05106107013885186 52.16430506124068245, 6.05589069498035126 52.16670818816560029, 6.05724037585165487 52.1661494149950471, 6.06035887477707558 52.16760647292133513, 6.0632184673415086 52.1702167571667843, 6.0632184673415086 52.1702167571667843)))</t>
  </si>
  <si>
    <t>MultiPolygon (((6.03446153685410547 52.2277855013843606, 6.03342453133376466 52.2240795659340975, 6.03546396355946957 52.22448109888937751, 6.0408755205460265 52.22415988402772768, 6.04240776605654073 52.22247096134895372, 6.04690920959620559 52.22136771770036745, 6.0468664237310632 52.22044308746950492, 6.04824065534865429 52.2164243712005316, 6.04790800617397029 52.21300403456510253, 6.05024383215866024 52.21001947026289258, 6.05347359278442188 52.2012128131698887, 6.05728532825799881 52.1966595311934185, 6.05823823178353393 52.19593494355743246, 6.05609273746467824 52.19605513490604665, 6.05387381010323811 52.19499939860065041, 6.05106960610345723 52.18875164766546959, 6.03645287109376927 52.1934336165938646, 6.04769216865187254 52.1980096809253169, 6.04158750145027934 52.19904275057800191, 6.03241235088496275 52.20299689113598873, 6.02401334262126475 52.20070790755558221, 6.01938684038531235 52.20095827740497185, 6.0213600053161711 52.20733827550709094, 6.0229130849021475 52.21409826310987512, 6.02107204501650006 52.22060190319886885, 6.01735019610835842 52.22805195360442809, 6.02339720462775308 52.23059771556862074, 6.03363918841551339 52.23151485821752971, 6.03422431162884632 52.23129682424838904, 6.03446153685410547 52.2277855013843606, 6.03446153685410547 52.2277855013843606)))</t>
  </si>
  <si>
    <t>MultiPolygon (((6.01725050655946792 52.15734059061226446, 6.03021498779127096 52.15346894636365249, 6.03657095975531632 52.15017009341388388, 6.04010604240135596 52.14674372373460187, 6.04085611039218762 52.1445648846865808, 6.04072122863329852 52.14367948315797463, 6.01962764757624758 52.13672359269779832, 6.00413076890737418 52.14804095396872441, 6.01111702484475252 52.15238187480422027, 6.01725050655946792 52.15734059061226446, 6.01725050655946792 52.15734059061226446)))</t>
  </si>
  <si>
    <t>MultiPolygon (((5.98232121340470613 52.17643409313431846, 5.99171282847999009 52.18023814097921331, 5.99427595246537503 52.17747745851552565, 5.99994023456081038 52.16603527153964137, 6.00257039481164067 52.16322746443488256, 6.01116096378144338 52.15894130481441238, 6.01725050655946792 52.15734059061226446, 6.01111702484475252 52.15238187480422027, 6.00413076890737418 52.14804095396872441, 6.0012460009870221 52.15006137152094823, 5.98856254517686715 52.15881411902198295, 5.98891628048413871 52.15929877787757363, 5.99671876048574948 52.1586891055283175, 5.99775438148281825 52.1616469510717522, 5.99301509931607335 52.16267032216900645, 5.98834054893563295 52.16471324554482436, 5.98250102315073917 52.16527090390184895, 5.98228658222933873 52.17348554641394287, 5.98232121340470613 52.17643409313431846, 5.98232121340470613 52.17643409313431846)))</t>
  </si>
  <si>
    <t>MultiPolygon (((5.98856254517686715 52.15881411902198295, 5.98429537361431318 52.16204577303260947, 5.98250102315073917 52.16527090390184895, 5.98834054893563295 52.16471324554482436, 5.99301509931607335 52.16267032216900645, 5.99775438148281825 52.1616469510717522, 5.99671876048574948 52.1586891055283175, 5.98891628048413871 52.15929877787757363, 5.98856254517686715 52.15881411902198295, 5.98856254517686715 52.15881411902198295)))</t>
  </si>
  <si>
    <t>MultiPolygon (((5.95931186144588931 52.15749901910437814, 5.95945977548990324 52.1585656935040376, 5.96018567135931843 52.15845992002248721, 5.96293759344743624 52.15719901098380262, 5.96375866069098315 52.15542464389628208, 5.96834298482516079 52.15420368914698912, 5.96989129289324438 52.15536048434020699, 5.97244945739436606 52.1551467193506042, 5.98122899776920836 52.15403042241625542, 5.97871683598584092 52.15106487794175649, 5.99244187543120432 52.14804644984589999, 5.99908903792453163 52.14900957158619121, 6.0012460009870221 52.15006137152094823, 6.00413076890737418 52.14804095396872441, 6.01962764757624758 52.13672359269779832, 6.00858937559173345 52.13469608436925995, 6.00439476141907669 52.13166105538937956, 5.98367258345844366 52.12137055714327971, 5.98652059301391493 52.11927960950891503, 5.96919648449661899 52.11361637557470061, 5.96399832306228106 52.11301103255340905, 5.96016351849173365 52.11027865387791991, 5.95630118778070106 52.1112742321541873, 5.95304065158482576 52.11055458295093246, 5.95191016547761986 52.11347936465219988, 5.9519705227994697 52.11689780599728294, 5.95353220988808118 52.12031674461832864, 5.95584282203838367 52.12275124193691767, 5.95655940793158489 52.12582429911088155, 5.96166988500872552 52.148320537673861, 5.95834995867048978 52.15516344576641217, 5.95931186144588931 52.15749901910437814, 5.95931186144588931 52.15749901910437814)))</t>
  </si>
  <si>
    <t>MultiPolygon (((5.96200584091754937 52.17265802611769487, 5.96862520344233793 52.17282197064295701, 5.97590423234477797 52.17382181277673681, 5.98228658222933873 52.17348554641394287, 5.98250102315073917 52.16527090390184895, 5.98429537361431318 52.16204577303260947, 5.98856254517686715 52.15881411902198295, 6.0012460009870221 52.15006137152094823, 5.99908903792453163 52.14900957158619121, 5.99244187543120432 52.14804644984589999, 5.97871683598584092 52.15106487794175649, 5.98122899776920836 52.15403042241625542, 5.97244945739436606 52.1551467193506042, 5.97502013919096697 52.15941329442725305, 5.97138198097273154 52.15932272645151357, 5.969101816588406 52.16057383697931726, 5.96860054371778848 52.16581968886390541, 5.96432631346307751 52.1665849979730325, 5.96297997479131503 52.16921378510348717, 5.96204942483364952 52.16958710399293153, 5.96200584091754937 52.17265802611769487, 5.96200584091754937 52.17265802611769487)))</t>
  </si>
  <si>
    <t>MultiPolygon (((5.94932977240234706 52.17508125600337365, 5.95468112160189911 52.17357372026043549, 5.96200584091754937 52.17265802611769487, 5.96204942483364952 52.16958710399293153, 5.95942702792062295 52.16870137874257551, 5.95923430375568941 52.16415402763703923, 5.9571059429222375 52.15979106815846222, 5.95664715675119272 52.15749874070733938, 5.95931186144588931 52.15749901910437814, 5.95834995867048978 52.15516344576641217, 5.96166988500872552 52.148320537673861, 5.95655940793158489 52.12582429911088155, 5.9446108770602093 52.1252293057359708, 5.93110572201733532 52.15165949854428362, 5.93177256956914167 52.15305522207979294, 5.93586315662307484 52.16111228714916592, 5.93736777745697797 52.16830066872494598, 5.93909311871510148 52.17151455767877621, 5.9452899757550659 52.17540176080016323, 5.94932977240234706 52.17508125600337365, 5.94932977240234706 52.17508125600337365)))</t>
  </si>
  <si>
    <t>MultiPolygon (((5.95931186144588931 52.15749901910437814, 5.95664715675119272 52.15749874070733938, 5.9571059429222375 52.15979106815846222, 5.95923430375568941 52.16415402763703923, 5.95942702792062295 52.16870137874257551, 5.96204942483364952 52.16958710399293153, 5.96297997479131503 52.16921378510348717, 5.96432631346307751 52.1665849979730325, 5.96860054371778848 52.16581968886390541, 5.969101816588406 52.16057383697931726, 5.97138198097273154 52.15932272645151357, 5.97502013919096697 52.15941329442725305, 5.97244945739436606 52.1551467193506042, 5.96989129289324438 52.15536048434020699, 5.96834298482516079 52.15420368914698912, 5.96375866069098315 52.15542464389628208, 5.96293759344743624 52.15719901098380262, 5.96018567135931843 52.15845992002248721, 5.95945977548990324 52.1585656935040376, 5.95931186144588931 52.15749901910437814, 5.95931186144588931 52.15749901910437814)))</t>
  </si>
  <si>
    <t>MultiPolygon (((6.04764612909863519 52.11919467380288751, 6.04317203524520252 52.11690818138163195, 6.04057965412824949 52.11456710531560077, 6.04112996570987004 52.11237142472140249, 6.03581776481531929 52.10946613826529017, 6.03543701565789004 52.10763991595589317, 6.03421116948753777 52.10612916694876873, 6.03390825964558886 52.10419130897740558, 6.03482528060469292 52.10289978363495322, 6.03238447466965955 52.10144964317267835, 6.03425864985079397 52.09834560712001661, 6.03405326040361167 52.09572386986402392, 6.03159379835248277 52.0956056604090918, 6.01738956515762791 52.0830188064677273, 6.00884860071438265 52.07401418894941969, 5.99047982899361031 52.07916417861608238, 5.97704277776077664 52.07830969074376526, 5.96464594957357086 52.07632221518741034, 5.9559309346845799 52.07333855085837371, 5.94610276263876614 52.07789053003724433, 5.94821516472141809 52.09083383283963542, 5.95146298210331004 52.09989296757188271, 5.95319716961499257 52.10018526528487826, 5.95466092321453555 52.10381454138595103, 5.95461741547528778 52.10665989444638058, 5.95304065158482576 52.11055458295093246, 5.95630118778070106 52.1112742321541873, 5.96016351849173365 52.11027865387791991, 5.96399832306228106 52.11301103255340905, 5.96919648449661899 52.11361637557470061, 5.98652059301391493 52.11927960950891503, 5.98367258345844366 52.12137055714327971, 6.00439476141907669 52.13166105538937956, 6.00858937559173345 52.13469608436925995, 6.01962764757624758 52.13672359269779832, 6.04072122863329852 52.14367948315797463, 6.04047720326881876 52.14064324491867808, 6.04528643081882766 52.12846138518616357, 6.04749139257550361 52.12640073354980785, 6.05172613771491363 52.12447721484186758, 6.05154606536480344 52.12439739509970593, 6.04764612909863519 52.11919467380288751),(6.02298828671735631 52.12417383882765165, 6.01908985359357729 52.12155025521012419, 6.0139979786707114 52.12163374488041256, 6.01681732087851184 52.11737514697657048, 6.01532971530111471 52.11609876425211496, 6.01641789438741714 52.11039163245218475, 6.01739968282021653 52.10925654564850618, 6.02337759509884307 52.1079915461114993, 6.02435077386098339 52.1066172973435684, 6.02903316645933085 52.10791853412091257, 6.03139003193768719 52.11029722034587763, 6.02549339377263138 52.11175885864759749, 6.02616734746742821 52.11943757956249357, 6.02504100528297393 52.1233832634212888, 6.02298828671735631 52.12417383882765165, 6.02298828671735631 52.12417383882765165)))</t>
  </si>
  <si>
    <t>MultiPolygon (((6.02298828671735631 52.12417383882765165, 6.02504100528297393 52.1233832634212888, 6.02616734746742821 52.11943757956249357, 6.02549339377263138 52.11175885864759749, 6.03139003193768719 52.11029722034587763, 6.02903316645933085 52.10791853412091257, 6.02435077386098339 52.1066172973435684, 6.02337759509884307 52.1079915461114993, 6.01739968282021653 52.10925654564850618, 6.01641789438741714 52.11039163245218475, 6.01532971530111471 52.11609876425211496, 6.01681732087851184 52.11737514697657048, 6.0139979786707114 52.12163374488041256, 6.01908985359357729 52.12155025521012419, 6.02298828671735631 52.12417383882765165, 6.02298828671735631 52.12417383882765165)))</t>
  </si>
  <si>
    <t>MultiPolygon (((6.05172613771491363 52.12447721484186758, 6.04749139257550361 52.12640073354980785, 6.04528643081882766 52.12846138518616357, 6.04047720326881876 52.14064324491867808, 6.04072122863329852 52.14367948315797463, 6.04085611039218762 52.1445648846865808, 6.04688031171829632 52.14691224367953026, 6.04929344590483176 52.14701126138137965, 6.06738368069458733 52.15391053969521096, 6.07454370760093187 52.14838734096867512, 6.07436954618350544 52.14730091175825066, 6.07606728280211428 52.14393807421181748, 6.07848411673982536 52.13887816893655014, 6.07266748038656523 52.13534278581384029, 6.07139216317771879 52.13457239702056967, 6.069622179059321 52.13130493313739322, 6.05172613771491363 52.12447721484186758)))</t>
  </si>
  <si>
    <t>MultiPolygon (((5.89370324570914761 52.12554210295564872, 5.89858369252099379 52.12339421663700989, 5.90025474301583941 52.12449383645333256, 5.90586962112687797 52.12106252138113405, 5.89839036353448876 52.12026202121943896, 5.89871307244787868 52.11936356009010041, 5.89719294800032845 52.11838026645458655, 5.88969785797161904 52.11850255578752922, 5.88755819464622387 52.12176946265972788, 5.88299411423418217 52.11883877043025137, 5.88174039761809198 52.12049548045946068, 5.87292765819369311 52.1205189928388819, 5.87417787261577828 52.11667641076030577, 5.8647618986738248 52.12554426735608359, 5.86435266110555187 52.12699316188523113, 5.86420943391963956 52.12755649587019491, 5.8704264520249323 52.12556475656324295, 5.87403104101862628 52.12544594952356647, 5.87720246407694091 52.12869966564157664, 5.87880001853498957 52.13317443123749229, 5.88331057820267578 52.13748075821069961, 5.88400260345487069 52.14132067752915844, 5.88622542556747952 52.1403759873363768, 5.89535163440912946 52.13379409226630656, 5.88897414191522817 52.12882226756552484, 5.89370324570914761 52.12554210295564872, 5.89370324570914761 52.12554210295564872)))</t>
  </si>
  <si>
    <t>MultiPolygon (((5.86113833181102795 52.14526117348577117, 5.87296779782660483 52.14802462077410894, 5.88534011180147143 52.14963832961861812, 5.88644136221307956 52.14647287999609659, 5.90332046867970828 52.15127642795645357, 5.90503693233629878 52.14885148047512331, 5.9119579657995871 52.15008655073612687, 5.91268760650987968 52.14915959239490917, 5.93177256956914167 52.15305522207979294, 5.93110572201733532 52.15165949854428362, 5.9446108770602093 52.1252293057359708, 5.95655940793158489 52.12582429911088155, 5.95584282203838367 52.12275124193691767, 5.95353220988808118 52.12031674461832864, 5.9519705227994697 52.11689780599728294, 5.95191016547761986 52.11347936465219988, 5.95304065158482576 52.11055458295093246, 5.95461741547528778 52.10665989444638058, 5.95466092321453555 52.10381454138595103, 5.95319716961499257 52.10018526528487826, 5.95146298210331004 52.09989296757188271, 5.94618451696157635 52.09929973091722388, 5.92726268302600179 52.10026555491563016, 5.91124801661962174 52.10040844050651287, 5.90010401605396684 52.10378469203688212, 5.89378554940068788 52.10477533312273835, 5.88344922634158696 52.10634215489417898, 5.87586864737089964 52.11486690018015366, 5.8796979871578845 52.11604715592961412, 5.88288991274056627 52.11862930179236741, 5.88969785797161904 52.11850255578752922, 5.89719294800032845 52.11838026645458655, 5.89871307244787868 52.11936356009010041, 5.89839036353448876 52.12026202121943896, 5.90586962112687797 52.12106252138113405, 5.90025474301583941 52.12449383645333256, 5.89858369252099379 52.12339421663700989, 5.89370324570914761 52.12554210295564872, 5.88897414191522817 52.12882226756552484, 5.89535163440912946 52.13379409226630656, 5.88622542556747952 52.1403759873363768, 5.88400260345487069 52.14132067752915844, 5.88331057820267578 52.13748075821069961, 5.87880001853498957 52.13317443123749229, 5.87720246407694091 52.12869966564157664, 5.87403104101862628 52.12544594952356647, 5.8704264520249323 52.12556475656324295, 5.86420943391963956 52.12755649587019491, 5.8623185490915386 52.13478802139583479, 5.86113833181102795 52.14526117348577117, 5.86113833181102795 52.14526117348577117)))</t>
  </si>
  <si>
    <t>MultiPolygon (((5.92640447561760642 52.19272687936388166, 5.93015044051147644 52.19453973102977073, 5.93195223921789072 52.19183475667251315, 5.92837337349399629 52.19057990243823753, 5.91896059736694724 52.18680171456772854, 5.916786522467258 52.1849434195334112, 5.91518374257859136 52.18216578463616173, 5.91466540456642598 52.18079854788826566, 5.9119787420616321 52.1788009467075895, 5.90705082888759758 52.17730856299470332, 5.91060204706307868 52.17609854455125173, 5.91769350309052911 52.17716259619447783, 5.92044993201592362 52.17703995279900653, 5.92493410981206559 52.17565144143924272, 5.9301645305199493 52.17869310499601454, 5.93260368500948854 52.17812922977395829, 5.93412350823666568 52.17686233616214508, 5.9378212978518361 52.17878501803148339, 5.94932977240234706 52.17508125600337365, 5.9452899757550659 52.17540176080016323, 5.93909311871510148 52.17151455767877621, 5.93736777745697797 52.16830066872494598, 5.93586315662307484 52.16111228714916592, 5.93177256956914167 52.15305522207979294, 5.91268760650987968 52.14915959239490917, 5.9119579657995871 52.15008655073612687, 5.90503693233629878 52.14885148047512331, 5.90332046867970828 52.15127642795645357, 5.88644136221307956 52.14647287999609659, 5.88534011180147143 52.14963832961861812, 5.87296779782660483 52.14802462077410894, 5.86113833181102795 52.14526117348577117, 5.85954535803662946 52.14874944049099526, 5.86606801231814412 52.15471219218559895, 5.86610015079315428 52.15689325158784584, 5.86447992222256786 52.15884208252469278, 5.86174101414370075 52.17037349891745635, 5.86265387380926306 52.17989945489080839, 5.87169893847469915 52.18670532296212627, 5.88061063742968404 52.19344485240033293, 5.89201883159031414 52.19168248016063671, 5.90665429052457291 52.18941117870922852, 5.91195087257145424 52.18912748292491699, 5.92022482735593236 52.19025850669815725, 5.92640447561760642 52.19272687936388166, 5.92640447561760642 52.19272687936388166)))</t>
  </si>
  <si>
    <t>MultiPolygon (((5.87417787261577828 52.11667641076030577, 5.87292765819369311 52.1205189928388819, 5.88174039761809198 52.12049548045946068, 5.88299411423418217 52.11883877043025137, 5.88755819464622387 52.12176946265972788, 5.88969785797161904 52.11850255578752922, 5.88288991274056627 52.11862930179236741, 5.8796979871578845 52.11604715592961412, 5.87586864737089964 52.11486690018015366, 5.87417787261577828 52.11667641076030577, 5.87417787261577828 52.11667641076030577)))</t>
  </si>
  <si>
    <t>MultiPolygon (((5.79202534891670417 52.19698651909395437, 5.82854558475143403 52.20001056225744662, 5.84041702069906332 52.192673818799733, 5.84777018327836995 52.18971310704861111, 5.85626070793592213 52.18793198478270057, 5.87169893847469915 52.18670532296212627, 5.86265387380926306 52.17989945489080839, 5.86174101414370075 52.17037349891745635, 5.86447992222256786 52.15884208252469278, 5.86610015079315428 52.15689325158784584, 5.86606801231814412 52.15471219218559895, 5.85954535803662946 52.14874944049099526, 5.84576128170566811 52.15160949653408551, 5.80984313978774392 52.15141471716528798, 5.80964749030406935 52.16661047053285216, 5.80195907779337805 52.17736379258954571, 5.81193232966528228 52.1848782182588522, 5.79965717137997228 52.19465179722555348, 5.79626020669007946 52.19634014847286352, 5.79202534891670417 52.19698651909395437, 5.79202534891670417 52.19698651909395437)))</t>
  </si>
  <si>
    <t>MultiPolygon (((5.87994707364256097 52.23395762171619339, 5.88131359363529693 52.23284341790297702, 5.89002701964578179 52.23275604027753616, 5.90093247309792712 52.22880730793546178, 5.90327515819765569 52.22451313912026194, 5.90389817676898243 52.21706072818169986, 5.89270948411605477 52.20882610185099537, 5.89620305765375718 52.20285622621840105, 5.90132985410515154 52.19449655784864461, 5.89201883159031414 52.19168248016063671, 5.88061063742968404 52.19344485240033293, 5.87169893847469915 52.18670532296212627, 5.85626070793592213 52.18793198478270057, 5.84777018327836995 52.18971310704861111, 5.84041702069906332 52.192673818799733, 5.82854558475143403 52.20001056225744662, 5.83755189007912012 52.20062060334623055, 5.81998807750150249 52.20742425504310091, 5.81494968330452799 52.21104462753113751, 5.81267311080573368 52.21634801488225719, 5.81494662963694964 52.22240113084111357, 5.81541288828674663 52.22355901093101949, 5.83025152117360701 52.22442296852260313, 5.84405399295054373 52.22877006387068377, 5.84562087026451582 52.23240671854105699, 5.84839569765839951 52.23206576591915962, 5.84938215065201561 52.23030051664274964, 5.85906878618327376 52.23276943883772105, 5.86622097062369097 52.2339047395899243, 5.87994707364256097 52.23395762171619339, 5.87994707364256097 52.23395762171619339),(5.8686736769826906 52.223033800366224, 5.86627191255163627 52.22267652540720917, 5.86720421542491977 52.21769351818689131, 5.87317487674451044 52.21628622637643957, 5.87783320335248938 52.21662806836178561, 5.88040932864622956 52.22010301733166671, 5.87996424993087974 52.22151756559692615, 5.874002388108015 52.22148320925892762, 5.87507297861337818 52.21953567993104883, 5.8703955143025901 52.21909998766680161, 5.86901836812500743 52.21978851273453159, 5.86874334727911329 52.22125523113354006, 5.87090132250631846 52.22140403544146636, 5.8686736769826906 52.223033800366224, 5.8686736769826906 52.223033800366224)))</t>
  </si>
  <si>
    <t>MultiPolygon (((5.8686736769826906 52.223033800366224, 5.87090132250631846 52.22140403544146636, 5.86874334727911329 52.22125523113354006, 5.86901836812500743 52.21978851273453159, 5.8703955143025901 52.21909998766680161, 5.87507297861337818 52.21953567993104883, 5.874002388108015 52.22148320925892762, 5.87996424993087974 52.22151756559692615, 5.88040932864622956 52.22010301733166671, 5.87783320335248938 52.21662806836178561, 5.87317487674451044 52.21628622637643957, 5.86720421542491977 52.21769351818689131, 5.86627191255163627 52.22267652540720917, 5.8686736769826906 52.223033800366224, 5.8686736769826906 52.223033800366224)))</t>
  </si>
  <si>
    <t>MultiPolygon (((5.89620305765375718 52.20285622621840105, 5.91172394605438356 52.20496792455112711, 5.91289784758973891 52.19976822324640153, 5.92336284771965893 52.19703772625491212, 5.92271627021636604 52.19503273805393917, 5.91976665037971106 52.19643947561162634, 5.91664374346150002 52.19396206073730582, 5.91897685342784197 52.19284270947684945, 5.92031502839614632 52.19390542947109424, 5.92640447561760642 52.19272687936388166, 5.92022482735593236 52.19025850669815725, 5.91195087257145424 52.18912748292491699, 5.90665429052457291 52.18941117870922852, 5.89201883159031414 52.19168248016063671, 5.90132985410515154 52.19449655784864461, 5.89620305765375718 52.20285622621840105, 5.89620305765375718 52.20285622621840105)))</t>
  </si>
  <si>
    <t>MultiPolygon (((5.77989528331792268 52.19589876994933775, 5.77977060215450145 52.1955309482908163, 5.7795963648266504 52.19587823830780593, 5.75058468557601188 52.19373065320598926, 5.74107469122577818 52.20187935266123702, 5.730764536118647 52.2085992447739855, 5.72859381665294798 52.21554741831133128, 5.72743534373670204 52.21929828616951141, 5.74167335317705785 52.21988158105159528, 5.81494662963694964 52.22240113084111357, 5.81267311080573368 52.21634801488225719, 5.81494968330452799 52.21104462753113751, 5.81998807750150249 52.20742425504310091, 5.83755189007912012 52.20062060334623055, 5.82854558475143403 52.20001056225744662, 5.79202534891670417 52.19698651909395437, 5.77989528331792268 52.19589876994933775, 5.77989528331792268 52.19589876994933775)))</t>
  </si>
  <si>
    <t>MultiPolygon (((5.82973786046168296 52.27127861325735125, 5.84271841738466513 52.2671458605912278, 5.85081115248713957 52.26869537043046421, 5.85452074456800098 52.26010225981249135, 5.86089227248608502 52.25580732126658035, 5.86225039671893366 52.25495364391348119, 5.86219564570810903 52.25280053562546101, 5.86662955623732429 52.25260899732854369, 5.86940808269399206 52.25167529182380832, 5.87226676395618608 52.24913463527211377, 5.8726522658301743 52.24099976350133545, 5.87507287929396593 52.23880955390559677, 5.8778309395510826 52.23746828908483764, 5.87994707364256097 52.23395762171619339, 5.86622097062369097 52.2339047395899243, 5.85906878618327376 52.23276943883772105, 5.84938215065201561 52.23030051664274964, 5.84839569765839951 52.23206576591915962, 5.84562087026451582 52.23240671854105699, 5.84405399295054373 52.22877006387068377, 5.83025152117360701 52.22442296852260313, 5.81541288828674663 52.22355901093101949, 5.81494662963694964 52.22240113084111357, 5.74167335317705785 52.21988158105159528, 5.74302877294164738 52.22349001745303099, 5.73821374885089686 52.23157869397621766, 5.73091501802860837 52.23156865961301776, 5.72955316927199299 52.23892189998934299, 5.72638886619137732 52.242503060872167, 5.74691827989304826 52.24541681956032591, 5.76144867515871884 52.24830382840411858, 5.76770347088679536 52.25259786806302031, 5.77564624137582161 52.25438808580022254, 5.77620950323419891 52.25270360532829272, 5.78220531520513692 52.25467557015452513, 5.78432173053094179 52.2543501374768482, 5.78663363541137521 52.25484709908895553, 5.78655346230639189 52.2563071932097003, 5.79533257040137695 52.2560344229666569, 5.79817053412664052 52.26034025608498013, 5.79818867695047224 52.26259836535486158, 5.79600528621401878 52.26642544706876947, 5.79245758372006314 52.26997654044694741, 5.79724162402629162 52.26969573896556653, 5.80223239429761772 52.27049866624771823, 5.80998942888419734 52.27030420888197426, 5.82142665182068875 52.27267188817280186, 5.82973786046168296 52.27127861325735125, 5.82973786046168296 52.27127861325735125)))</t>
  </si>
  <si>
    <t>MultiPolygon (((5.77299529706786796 52.27035419051841103, 5.78003816714369556 52.27060182802959787, 5.79245758372006314 52.26997654044694741, 5.79600528621401878 52.26642544706876947, 5.79818867695047224 52.26259836535486158, 5.79817053412664052 52.26034025608498013, 5.79533257040137695 52.2560344229666569, 5.78655346230639189 52.2563071932097003, 5.78626357909656797 52.25703579610954108, 5.78928263806860421 52.25818065712946492, 5.78882039752228561 52.26115638716350276, 5.78490000648654501 52.26664682490341818, 5.78480193581567725 52.26589317743761143, 5.78210477638458276 52.26571939045334858, 5.78159536577123756 52.26511170949189733, 5.78158599083224622 52.26238316006377715, 5.77618378492462359 52.26331969759364426, 5.77395490448033222 52.25922406219619631, 5.77564624137582161 52.25438808580022254, 5.76770347088679536 52.25259786806302031, 5.76144867515871884 52.24830382840411858, 5.74922731724342473 52.26827292484426835, 5.75126326722212156 52.26956121944360234, 5.77299529706786796 52.27035419051841103, 5.77299529706786796 52.27035419051841103)))</t>
  </si>
  <si>
    <t>MultiPolygon (((5.77564624137582161 52.25438808580022254, 5.77395490448033222 52.25922406219619631, 5.77618378492462359 52.26331969759364426, 5.78158599083224622 52.26238316006377715, 5.78159536577123756 52.26511170949189733, 5.78210477638458276 52.26571939045334858, 5.78480193581567725 52.26589317743761143, 5.78490000648654501 52.26664682490341818, 5.78882039752228561 52.26115638716350276, 5.78928263806860421 52.25818065712946492, 5.78626357909656797 52.25703579610954108, 5.78655346230639189 52.2563071932097003, 5.78663363541137521 52.25484709908895553, 5.78432173053094179 52.2543501374768482, 5.78220531520513692 52.25467557015452513, 5.77620950323419891 52.25270360532829272, 5.77564624137582161 52.25438808580022254, 5.77564624137582161 52.25438808580022254)))</t>
  </si>
  <si>
    <t>MultiPolygon (((5.95736250792009869 52.23958927369537975, 5.95816557356950494 52.24034512815694598, 5.96605627591282328 52.24151430325780154, 5.96608995288106314 52.23891349845101928, 5.96729681969269077 52.23698460982961933, 5.96980650418516134 52.23700319107085477, 5.9697689121810793 52.23507744545038634, 5.9612483881622973 52.23489612345873212, 5.9578120744655676 52.23473044063971571, 5.95729126480519167 52.23896167098329357, 5.95736250792009869 52.23958927369537975, 5.95736250792009869 52.23958927369537975)))</t>
  </si>
  <si>
    <t>MultiPolygon (((5.97849393804409779 52.24700616778506657, 5.97779491390384976 52.24535927364391341, 5.97545089082752234 52.23914338664538093, 5.97578245834462951 52.23525424816389062, 5.9697689121810793 52.23507744545038634, 5.96980650418516134 52.23700319107085477, 5.96729681969269077 52.23698460982961933, 5.96608995288106314 52.23891349845101928, 5.96605627591282328 52.24151430325780154, 5.96550955382235415 52.24414302402614396, 5.96653630736286633 52.24727265145099153, 5.97849393804409779 52.24700616778506657, 5.97849393804409779 52.24700616778506657)))</t>
  </si>
  <si>
    <t>MultiPolygon (((5.94935243869635499 52.22936676418306945, 5.94579450021339007 52.22746101100070604, 5.93888653022496626 52.22674883764840814, 5.9296476345400162 52.22720203537861039, 5.92709151040650895 52.23106413147095139, 5.92658830962720629 52.23399133728094768, 5.92389401297034279 52.2364996236603929, 5.92392395174189001 52.23985586531853897, 5.93977694907908838 52.23930442198540902, 5.94278960108447496 52.23700657621341747, 5.94972721422979056 52.23839754688386705, 5.95055881801981812 52.23406891624681947, 5.94843096272620553 52.23399417620889551, 5.94935243869635499 52.22936676418306945, 5.94935243869635499 52.22936676418306945)))</t>
  </si>
  <si>
    <t>MultiPolygon (((5.9697689121810793 52.23507744545038634, 5.97578245834462951 52.23525424816389062, 5.97505744043649223 52.23101833144475137, 5.97451499970137512 52.22784855884619049, 5.97174054310186442 52.22804021821689702, 5.97137135402902697 52.22645414240260919, 5.96070678111937191 52.22730275069697115, 5.95791207659367661 52.22799456471751967, 5.95877861164201228 52.23264065704426429, 5.9612483881622973 52.23489612345873212, 5.9697689121810793 52.23507744545038634, 5.9697689121810793 52.23507744545038634)))</t>
  </si>
  <si>
    <t>MultiPolygon (((5.9578120744655676 52.23473044063971571, 5.9612483881622973 52.23489612345873212, 5.95877861164201228 52.23264065704426429, 5.95791207659367661 52.22799456471751967, 5.95752667096317268 52.22732584902460928, 5.95324552722810374 52.22785722423764554, 5.95085450481484557 52.23005791079850013, 5.95745298463323181 52.23326039098146367, 5.9578120744655676 52.23473044063971571, 5.9578120744655676 52.23473044063971571)))</t>
  </si>
  <si>
    <t>MultiPolygon (((5.95618688454974521 52.23907401321700661, 5.95729126480519167 52.23896167098329357, 5.9578120744655676 52.23473044063971571, 5.95745298463323181 52.23326039098146367, 5.95085450481484557 52.23005791079850013, 5.94935243869635499 52.22936676418306945, 5.94843096272620553 52.23399417620889551, 5.95055881801981812 52.23406891624681947, 5.94972721422979056 52.23839754688386705, 5.95618688454974521 52.23907401321700661, 5.95618688454974521 52.23907401321700661)))</t>
  </si>
  <si>
    <t>MultiPolygon (((5.94935243869635499 52.22936676418306945, 5.95085450481484557 52.23005791079850013, 5.95324552722810374 52.22785722423764554, 5.95752667096317268 52.22732584902460928, 5.95565258957937793 52.21973775011884555, 5.95471417398887493 52.21992962242725866, 5.9542147106033676 52.22130856516589859, 5.94617350620855056 52.22737976590297393, 5.94579450021339007 52.22746101100070604, 5.94935243869635499 52.22936676418306945, 5.94935243869635499 52.22936676418306945)))</t>
  </si>
  <si>
    <t>MultiPolygon (((5.94622027601089531 52.2202904193489843, 5.94617350620855056 52.22737976590297393, 5.9542147106033676 52.22130856516589859, 5.95471417398887493 52.21992962242725866, 5.94622027601089531 52.2202904193489843, 5.94622027601089531 52.2202904193489843)))</t>
  </si>
  <si>
    <t>MultiPolygon (((5.95752667096317268 52.22732584902460928, 5.95791207659367661 52.22799456471751967, 5.96070678111937191 52.22730275069697115, 5.97137135402902697 52.22645414240260919, 5.97174054310186442 52.22804021821689702, 5.97451499970137512 52.22784855884619049, 5.97283418503020158 52.22100744883518075, 5.97037616903005297 52.21716264526511253, 5.96451917461844516 52.21668315064930965, 5.96260820701957517 52.21637438531410425, 5.95565258957937793 52.21973775011884555, 5.95752667096317268 52.22732584902460928, 5.95752667096317268 52.22732584902460928)))</t>
  </si>
  <si>
    <t>MultiPolygon (((6.0087823894942991 52.23712025223537125, 6.01258923136427192 52.23751697751926315, 6.01735019610835842 52.22805195360442809, 6.01511064973579312 52.22700136626833256, 6.00817452957922615 52.22374699555484767, 6.00190327780900912 52.2286178908229104, 5.99657081234425871 52.23097238626586147, 5.99641424045498894 52.23110800750785643, 6.00136356827891149 52.23414872499494521, 6.00570152704608873 52.23486392850055182, 6.00903239139940748 52.23622121786903705, 6.0087823894942991 52.23712025223537125, 6.0087823894942991 52.23712025223537125)))</t>
  </si>
  <si>
    <t>MultiPolygon (((5.98719265208021589 52.23346356985273076, 5.9935691725503073 52.24319451127517766, 6.00489035682850858 52.24483998316048883, 6.0087823894942991 52.23712025223537125, 6.00903239139940748 52.23622121786903705, 6.00570152704608873 52.23486392850055182, 6.00136356827891149 52.23414872499494521, 5.99641424045498894 52.23110800750785643, 5.9916605396590823 52.23386580153406555, 5.98914375057735437 52.23446910994982773, 5.98836397348660743 52.23312685454544635, 5.98719265208021589 52.23346356985273076, 5.98719265208021589 52.23346356985273076)))</t>
  </si>
  <si>
    <t>MultiPolygon (((5.97505744043649223 52.23101833144475137, 5.97754729928834561 52.23080262617080649, 5.97843780881028053 52.23066307486835314, 5.97628296413210514 52.22354950362910131, 5.97430641657567563 52.2208349692041196, 5.97283418503020158 52.22100744883518075, 5.97451499970137512 52.22784855884619049, 5.97505744043649223 52.23101833144475137, 5.97505744043649223 52.23101833144475137)))</t>
  </si>
  <si>
    <t>MultiPolygon (((5.97779491390384976 52.24535927364391341, 5.98698187830361306 52.24521663925655446, 6.006169256948934 52.25027486592629344, 6.01258923136427192 52.23751697751926315, 6.0087823894942991 52.23712025223537125, 6.00489035682850858 52.24483998316048883, 5.9935691725503073 52.24319451127517766, 5.98719265208021589 52.23346356985273076, 5.97806651390466737 52.23514574388340748, 5.97754729928834561 52.23080262617080649, 5.97505744043649223 52.23101833144475137, 5.97578245834462951 52.23525424816389062, 5.97545089082752234 52.23914338664538093, 5.97779491390384976 52.24535927364391341, 5.97779491390384976 52.24535927364391341)))</t>
  </si>
  <si>
    <t>MultiPolygon (((5.99000639870340112 52.22563563164271727, 5.99657081234425871 52.23097238626586147, 6.00190327780900912 52.2286178908229104, 6.00817452957922615 52.22374699555484767, 5.99993827225448584 52.21988594586584043, 5.99443330726735191 52.22329737429971175, 5.99000639870340112 52.22563563164271727, 5.99000639870340112 52.22563563164271727)))</t>
  </si>
  <si>
    <t>MultiPolygon (((5.98719265208021589 52.23346356985273076, 5.98836397348660743 52.23312685454544635, 5.98914375057735437 52.23446910994982773, 5.9916605396590823 52.23386580153406555, 5.99641424045498894 52.23110800750785643, 5.99657081234425871 52.23097238626586147, 5.99000639870340112 52.22563563164271727, 5.98298613676532476 52.22930534305789507, 5.97843780881028053 52.23066307486835314, 5.97754729928834561 52.23080262617080649, 5.97806651390466737 52.23514574388340748, 5.98719265208021589 52.23346356985273076, 5.98719265208021589 52.23346356985273076)))</t>
  </si>
  <si>
    <t>MultiPolygon (((5.99443330726735191 52.22329737429971175, 5.99993827225448584 52.21988594586584043, 5.98813990190060963 52.21437722049994079, 5.98355358369901147 52.21734698939569341, 5.99443330726735191 52.22329737429971175, 5.99443330726735191 52.22329737429971175)))</t>
  </si>
  <si>
    <t>MultiPolygon (((5.97843780881028053 52.23066307486835314, 5.98298613676532476 52.22930534305789507, 5.99000639870340112 52.22563563164271727, 5.99443330726735191 52.22329737429971175, 5.98355358369901147 52.21734698939569341, 5.97853310643931657 52.21983592384166428, 5.97430641657567563 52.2208349692041196, 5.97628296413210514 52.22354950362910131, 5.97843780881028053 52.23066307486835314, 5.97843780881028053 52.23066307486835314)))</t>
  </si>
  <si>
    <t>MultiPolygon (((5.97283418503020158 52.22100744883518075, 5.97430641657567563 52.2208349692041196, 5.97853310643931657 52.21983592384166428, 5.98355358369901147 52.21734698939569341, 5.98813990190060963 52.21437722049994079, 5.98616209105622765 52.21386341830677225, 5.97022145155701089 52.21677153578516339, 5.97037616903005297 52.21716264526511253, 5.97283418503020158 52.22100744883518075, 5.97283418503020158 52.22100744883518075)))</t>
  </si>
  <si>
    <t>MultiPolygon (((6.01511064973579312 52.22700136626833256, 6.01735019610835842 52.22805195360442809, 6.02107204501650006 52.22060190319886885, 6.01862098842078375 52.21966539425035592, 6.01511064973579312 52.22700136626833256, 6.01511064973579312 52.22700136626833256)))</t>
  </si>
  <si>
    <t>MultiPolygon (((6.0189414455992587 52.19904097157638745, 6.01938684038531235 52.20095827740497185, 6.02401334262126475 52.20070790755558221, 6.03241235088496275 52.20299689113598873, 6.04158750145027934 52.19904275057800191, 6.04769216865187254 52.1980096809253169, 6.03645287109376927 52.1934336165938646, 6.0189414455992587 52.19904097157638745, 6.0189414455992587 52.19904097157638745)))</t>
  </si>
  <si>
    <t>MultiPolygon (((5.99493321758305964 52.21225303335263845, 5.99981009302989854 52.21133326104435923, 5.99891872863460751 52.20883020503078598, 5.99973040283772541 52.20552284284242006, 5.99260365036891152 52.20777407574281881, 5.98666585028813181 52.20875024897598138, 5.9795639157716316 52.20899300917719188, 5.98545837018402249 52.20943083410853802, 5.99493321758305964 52.21225303335263845, 5.99493321758305964 52.21225303335263845)))</t>
  </si>
  <si>
    <t>MultiPolygon (((5.99981009302989854 52.21133326104435923, 6.0213600053161711 52.20733827550709094, 6.01938684038531235 52.20095827740497185, 6.0189414455992587 52.19904097157638745, 5.99973040283772541 52.20552284284242006, 5.99891872863460751 52.20883020503078598, 5.99981009302989854 52.21133326104435923, 5.99981009302989854 52.21133326104435923)))</t>
  </si>
  <si>
    <t>MultiPolygon (((6.01862098842078375 52.21966539425035592, 6.02107204501650006 52.22060190319886885, 6.0229130849021475 52.21409826310987512, 6.0213600053161711 52.20733827550709094, 5.99981009302989854 52.21133326104435923, 6.00241202985274214 52.21461827027680869, 6.01862098842078375 52.21966539425035592, 6.01862098842078375 52.21966539425035592)))</t>
  </si>
  <si>
    <t>MultiPolygon (((6.00817452957922615 52.22374699555484767, 6.01511064973579312 52.22700136626833256, 6.01862098842078375 52.21966539425035592, 6.00241202985274214 52.21461827027680869, 6.00212684505503358 52.21764006268433178, 5.99993827225448584 52.21988594586584043, 6.00817452957922615 52.22374699555484767, 6.00817452957922615 52.22374699555484767)))</t>
  </si>
  <si>
    <t>MultiPolygon (((5.99993827225448584 52.21988594586584043, 6.00212684505503358 52.21764006268433178, 6.00241202985274214 52.21461827027680869, 5.99981009302989854 52.21133326104435923, 5.99493321758305964 52.21225303335263845, 5.98616209105622765 52.21386341830677225, 5.98813990190060963 52.21437722049994079, 5.99993827225448584 52.21988594586584043, 5.99993827225448584 52.21988594586584043)))</t>
  </si>
  <si>
    <t>MultiPolygon (((5.97022145155701089 52.21677153578516339, 5.98616209105622765 52.21386341830677225, 5.99493321758305964 52.21225303335263845, 5.98545837018402249 52.20943083410853802, 5.9795639157716316 52.20899300917719188, 5.97776107800996748 52.20905618776266977, 5.97516750779199057 52.21228873677079463, 5.96954110084853529 52.21408524712923338, 5.97022145155701089 52.21677153578516339, 5.97022145155701089 52.21677153578516339)))</t>
  </si>
  <si>
    <t>MultiPolygon (((5.98789360692200745 52.18716490614189496, 5.9853854273419147 52.18991273646862794, 5.98993112344863388 52.1907863583989311, 5.99334751587343018 52.18841054786099676, 5.99819370780834848 52.18172263616883555, 5.99171282847999009 52.18023814097921331, 5.98789360692200745 52.18716490614189496, 5.98789360692200745 52.18716490614189496)))</t>
  </si>
  <si>
    <t>MultiPolygon (((5.97776145526304603 52.20905319195519212, 5.97776107800996748 52.20905618776266977, 5.9795639157716316 52.20899300917719188, 5.98666585028813181 52.20875024897598138, 5.9849309725042632 52.20475475391427267, 5.9800023111297067 52.20448464955871515, 5.97834991747219835 52.20804630932548207, 5.97776145526304603 52.20905319195519212, 5.97776145526304603 52.20905319195519212)))</t>
  </si>
  <si>
    <t>MultiPolygon (((5.99123620349188268 52.20221793586964054, 5.99747825838013782 52.20211871943838133, 6.00067052861907335 52.20113382311068051, 6.00440258834172358 52.19738244363546897, 6.00768470300580226 52.19586666034140876, 6.00200465701791774 52.19144074220784546, 6.00034856912503933 52.1924951684377092, 5.99391581655685357 52.19415695454723902, 5.99151446892282014 52.19611911147374883, 5.99020537509976947 52.19949188130338058, 5.99123620349188268 52.20221793586964054, 5.99123620349188268 52.20221793586964054)))</t>
  </si>
  <si>
    <t>MultiPolygon (((5.98293270837743663 52.19363645702185295, 5.98635430126545831 52.19419954176402143, 5.99151446892282014 52.19611911147374883, 5.99391581655685357 52.19415695454723902, 6.00034856912503933 52.1924951684377092, 6.00200465701791774 52.19144074220784546, 6.00617145370898431 52.18348454178829599, 5.99819370780834848 52.18172263616883555, 5.99334751587343018 52.18841054786099676, 5.98993112344863388 52.1907863583989311, 5.9853854273419147 52.18991273646862794, 5.98293270837743663 52.19363645702185295, 5.98293270837743663 52.19363645702185295)))</t>
  </si>
  <si>
    <t>MultiPolygon (((6.00768470300580226 52.19586666034140876, 6.01099920011636524 52.19393048266606883, 6.01912884098732892 52.1949444045047386, 6.02266491021262773 52.18784465481909507, 6.01594027962969502 52.18567189961016339, 6.00617145370898431 52.18348454178829599, 6.00200465701791774 52.19144074220784546, 6.00768470300580226 52.19586666034140876, 6.00768470300580226 52.19586666034140876)))</t>
  </si>
  <si>
    <t>MultiPolygon (((5.99747825838013782 52.20211871943838133, 5.99973040283772541 52.20552284284242006, 6.0189414455992587 52.19904097157638745, 6.01912884098732892 52.1949444045047386, 6.01099920011636524 52.19393048266606883, 6.00768470300580226 52.19586666034140876, 6.00440258834172358 52.19738244363546897, 6.00067052861907335 52.20113382311068051, 5.99747825838013782 52.20211871943838133, 5.99747825838013782 52.20211871943838133)))</t>
  </si>
  <si>
    <t>MultiPolygon (((5.98666585028813181 52.20875024897598138, 5.99260365036891152 52.20777407574281881, 5.99973040283772541 52.20552284284242006, 5.99747825838013782 52.20211871943838133, 5.99123620349188268 52.20221793586964054, 5.98752382091315738 52.2045416106757898, 5.9849309725042632 52.20475475391427267, 5.98666585028813181 52.20875024897598138, 5.98666585028813181 52.20875024897598138)))</t>
  </si>
  <si>
    <t>MultiPolygon (((5.9800023111297067 52.20448464955871515, 5.9849309725042632 52.20475475391427267, 5.98752382091315738 52.2045416106757898, 5.99123620349188268 52.20221793586964054, 5.99020537509976947 52.19949188130338058, 5.99151446892282014 52.19611911147374883, 5.98635430126545831 52.19419954176402143, 5.98293270837743663 52.19363645702185295, 5.9800023111297067 52.20448464955871515, 5.9800023111297067 52.20448464955871515)))</t>
  </si>
  <si>
    <t>MultiPolygon (((5.98229085985574738 52.18599618794820572, 5.98789360692200745 52.18716490614189496, 5.99171282847999009 52.18023814097921331, 5.98232121340470613 52.17643409313431846, 5.98229085985574738 52.18599618794820572, 5.98229085985574738 52.18599618794820572)))</t>
  </si>
  <si>
    <t>MultiPolygon (((5.97836721056961728 52.19345058060448395, 5.98293270837743663 52.19363645702185295, 5.9853854273419147 52.18991273646862794, 5.98789360692200745 52.18716490614189496, 5.98229085985574738 52.18599618794820572, 5.97836721056961728 52.19345058060448395, 5.97836721056961728 52.19345058060448395)))</t>
  </si>
  <si>
    <t>MultiPolygon (((5.97569619843681732 52.20574865200432413, 5.97397137202027828 52.20818623957887183, 5.97834991747219835 52.20804630932548207, 5.9800023111297067 52.20448464955871515, 5.98293270837743663 52.19363645702185295, 5.97836721056961728 52.19345058060448395, 5.97789840544316053 52.19525556406954792, 5.97984145158663605 52.19995522893816542, 5.97569619843681732 52.20574865200432413, 5.97569619843681732 52.20574865200432413)))</t>
  </si>
  <si>
    <t>MultiPolygon (((5.96996040905438541 52.18535403301933684, 5.98229085985574738 52.18599618794820572, 5.98232121340470613 52.17643409313431846, 5.98228658222933873 52.17348554641394287, 5.97590423234477797 52.17382181277673681, 5.96862520344233793 52.17282197064295701, 5.96200584091754937 52.17265802611769487, 5.96207803428801775 52.17889908137529176, 5.96209911935123671 52.18509778985539072, 5.96996040905438541 52.18535403301933684, 5.96996040905438541 52.18535403301933684)))</t>
  </si>
  <si>
    <t>MultiPolygon (((5.9699224676148317 52.19416648903707312, 5.97133562426471798 52.19410894390991018, 5.97836721056961728 52.19345058060448395, 5.98229085985574738 52.18599618794820572, 5.96996040905438541 52.18535403301933684, 5.9699224676148317 52.19416648903707312, 5.9699224676148317 52.19416648903707312)))</t>
  </si>
  <si>
    <t>MultiPolygon (((5.96226400910394894 52.19455874825975883, 5.9699224676148317 52.19416648903707312, 5.96996040905438541 52.18535403301933684, 5.96209911935123671 52.18509778985539072, 5.96226400910394894 52.19455874825975883, 5.96226400910394894 52.19455874825975883)))</t>
  </si>
  <si>
    <t>MultiPolygon (((5.9693919834047815 52.20400350262546141, 5.97569619843681732 52.20574865200432413, 5.97984145158663605 52.19995522893816542, 5.97789840544316053 52.19525556406954792, 5.97836721056961728 52.19345058060448395, 5.97133562426471798 52.19410894390991018, 5.97157768906099751 52.19740775045919889, 5.97472127540461528 52.19726923809786001, 5.97470522270454119 52.19902478625789399, 5.97303711696155748 52.20112231834771421, 5.96957570640632262 52.2027041368439555, 5.9693919834047815 52.20400350262546141, 5.9693919834047815 52.20400350262546141)))</t>
  </si>
  <si>
    <t>MultiPolygon (((5.95913262700988344 52.20104999681866786, 5.9693919834047815 52.20400350262546141, 5.96957570640632262 52.2027041368439555, 5.97303711696155748 52.20112231834771421, 5.97470522270454119 52.19902478625789399, 5.97472127540461528 52.19726923809786001, 5.97157768906099751 52.19740775045919889, 5.97133562426471798 52.19410894390991018, 5.9699224676148317 52.19416648903707312, 5.96226400910394894 52.19455874825975883, 5.96192311764964966 52.19671054306665781, 5.95957096302661959 52.19899674400443956, 5.95920557427881281 52.20043752009586768, 5.95913262700988344 52.20104999681866786, 5.95913262700988344 52.20104999681866786)))</t>
  </si>
  <si>
    <t>MultiPolygon (((5.96915012363621944 52.20935367130689286, 5.97776145526304603 52.20905319195519212, 5.97834991747219835 52.20804630932548207, 5.97397137202027828 52.20818623957887183, 5.97569619843681732 52.20574865200432413, 5.9693919834047815 52.20400350262546141, 5.95913262700988344 52.20104999681866786, 5.95852868962910875 52.20537775573257733, 5.95784735443860036 52.20776628326993318, 5.95785150781700334 52.20776810124200296, 5.96282021156918596 52.20918925944324229, 5.96915012363621944 52.20935367130689286, 5.96915012363621944 52.20935367130689286)))</t>
  </si>
  <si>
    <t>MultiPolygon (((5.95374578446769664 52.18279355432228783, 5.95589996265604604 52.18507105955706749, 5.96209911935123671 52.18509778985539072, 5.96207803428801775 52.17889908137529176, 5.95544021385367728 52.17957156619065273, 5.95423778645211144 52.18055718128356801, 5.95380107352004284 52.18255581393474074, 5.95374578446769664 52.18279355432228783, 5.95374578446769664 52.18279355432228783)))</t>
  </si>
  <si>
    <t>MultiPolygon (((5.93015044051147644 52.19453973102977073, 5.93380572951209295 52.19629105554142257, 5.93764116648236318 52.19145002149843293, 5.93969500094815928 52.19081662795927912, 5.94448501752115721 52.19057503346553517, 5.94138356467635553 52.18759508202766995, 5.94141057516543558 52.18838675468074229, 5.93757186688489913 52.18880122644753783, 5.93423136524533223 52.18876851740619571, 5.93402515584480827 52.18825662302342749, 5.93175646982813376 52.18860192987015978, 5.92837337349399629 52.19057990243823753, 5.93195223921789072 52.19183475667251315, 5.93015044051147644 52.19453973102977073, 5.93015044051147644 52.19453973102977073)))</t>
  </si>
  <si>
    <t>MultiPolygon (((5.95784735443860036 52.20776628326993318, 5.95852868962910875 52.20537775573257733, 5.95362314822199146 52.20373188371107176, 5.94780325199582371 52.20055966723540308, 5.94607330274100754 52.20215146502805936, 5.95199595861022157 52.20499268806050708, 5.95784735443860036 52.20776628326993318, 5.95784735443860036 52.20776628326993318)))</t>
  </si>
  <si>
    <t>MultiPolygon (((5.94359946435918829 52.18186268180824072, 5.95380107352004284 52.18255581393474074, 5.95423778645211144 52.18055718128356801, 5.95544021385367728 52.17957156619065273, 5.96207803428801775 52.17889908137529176, 5.96200584091754937 52.17265802611769487, 5.95468112160189911 52.17357372026043549, 5.94932977240234706 52.17508125600337365, 5.9378212978518361 52.17878501803148339, 5.93668103250466395 52.17900284784580833, 5.93916385749129905 52.18012511927055641, 5.94447848981510152 52.1806295010656811, 5.94359946435918829 52.18186268180824072, 5.94359946435918829 52.18186268180824072)))</t>
  </si>
  <si>
    <t>MultiPolygon (((5.94607330274100754 52.20215146502805936, 5.94780325199582371 52.20055966723540308, 5.94953167744880496 52.1986792146100953, 5.94448501752115721 52.19057503346553517, 5.93969500094815928 52.19081662795927912, 5.93764116648236318 52.19145002149843293, 5.93380572951209295 52.19629105554142257, 5.94607330274100754 52.20215146502805936, 5.94607330274100754 52.20215146502805936)))</t>
  </si>
  <si>
    <t>MultiPolygon (((5.94448501752115721 52.19057503346553517, 5.94998059640456489 52.18990603468763112, 5.95374578446769664 52.18279355432228783, 5.95380107352004284 52.18255581393474074, 5.94359946435918829 52.18186268180824072, 5.94138356467635553 52.18759508202766995, 5.94448501752115721 52.19057503346553517, 5.94448501752115721 52.19057503346553517)))</t>
  </si>
  <si>
    <t>MultiPolygon (((5.94998059640456489 52.18990603468763112, 5.95710770162309355 52.19322876889690832, 5.96226400910394894 52.19455874825975883, 5.96209911935123671 52.18509778985539072, 5.95589996265604604 52.18507105955706749, 5.95374578446769664 52.18279355432228783, 5.94998059640456489 52.18990603468763112, 5.94998059640456489 52.18990603468763112)))</t>
  </si>
  <si>
    <t>MultiPolygon (((5.94953167744880496 52.1986792146100953, 5.95920557427881281 52.20043752009586768, 5.95957096302661959 52.19899674400443956, 5.96192311764964966 52.19671054306665781, 5.96226400910394894 52.19455874825975883, 5.95710770162309355 52.19322876889690832, 5.94998059640456489 52.18990603468763112, 5.94448501752115721 52.19057503346553517, 5.94953167744880496 52.1986792146100953, 5.94953167744880496 52.1986792146100953)))</t>
  </si>
  <si>
    <t>MultiPolygon (((5.95852868962910875 52.20537775573257733, 5.95913262700988344 52.20104999681866786, 5.95920557427881281 52.20043752009586768, 5.94953167744880496 52.1986792146100953, 5.94780325199582371 52.20055966723540308, 5.95362314822199146 52.20373188371107176, 5.95852868962910875 52.20537775573257733, 5.95852868962910875 52.20537775573257733)))</t>
  </si>
  <si>
    <t>MultiPolygon (((5.91518374257859136 52.18216578463616173, 5.93668103250466395 52.17900284784580833, 5.9378212978518361 52.17878501803148339, 5.93412350823666568 52.17686233616214508, 5.93260368500948854 52.17812922977395829, 5.9301645305199493 52.17869310499601454, 5.92493410981206559 52.17565144143924272, 5.92044993201592362 52.17703995279900653, 5.91769350309052911 52.17716259619447783, 5.91060204706307868 52.17609854455125173, 5.90705082888759758 52.17730856299470332, 5.9119787420616321 52.1788009467075895, 5.91466540456642598 52.18079854788826566, 5.91518374257859136 52.18216578463616173, 5.91518374257859136 52.18216578463616173)))</t>
  </si>
  <si>
    <t>MultiPolygon (((5.92837337349399629 52.19057990243823753, 5.93175646982813376 52.18860192987015978, 5.93402515584480827 52.18825662302342749, 5.93423136524533223 52.18876851740619571, 5.93757186688489913 52.18880122644753783, 5.94141057516543558 52.18838675468074229, 5.94138356467635553 52.18759508202766995, 5.94359946435918829 52.18186268180824072, 5.94447848981510152 52.1806295010656811, 5.93916385749129905 52.18012511927055641, 5.93668103250466395 52.17900284784580833, 5.91518374257859136 52.18216578463616173, 5.916786522467258 52.1849434195334112, 5.91896059736694724 52.18680171456772854, 5.92837337349399629 52.19057990243823753, 5.92837337349399629 52.19057990243823753)))</t>
  </si>
  <si>
    <t>MultiPolygon (((5.90093247309792712 52.22880730793546178, 5.9296476345400162 52.22720203537861039, 5.93059258707936188 52.22333788414636047, 5.922331795196218 52.22349978024269745, 5.9223841397961845 52.21688504470665748, 5.91968342958244609 52.21668425765572863, 5.9230060653570531 52.21458069120490109, 5.92693574264278222 52.21388178290631998, 5.92855354917662503 52.21282589458836298, 5.92359182419967656 52.21136022301494961, 5.9238557216290344 52.20850681661488579, 5.92449880509111182 52.2068020266543158, 5.91172394605438356 52.20496792455112711, 5.89620305765375718 52.20285622621840105, 5.89270948411605477 52.20882610185099537, 5.90389817676898243 52.21706072818169986, 5.90327515819765569 52.22451313912026194, 5.90093247309792712 52.22880730793546178, 5.90093247309792712 52.22880730793546178)))</t>
  </si>
  <si>
    <t>MultiPolygon (((5.9238557216290344 52.20850681661488579, 5.93026516194897457 52.20736216137697738, 5.93539493040604427 52.20791301127876238, 5.94607330274100754 52.20215146502805936, 5.93380572951209295 52.19629105554142257, 5.93015044051147644 52.19453973102977073, 5.92640447561760642 52.19272687936388166, 5.92031502839614632 52.19390542947109424, 5.91897685342784197 52.19284270947684945, 5.91664374346150002 52.19396206073730582, 5.91976665037971106 52.19643947561162634, 5.92271627021636604 52.19503273805393917, 5.92336284771965893 52.19703772625491212, 5.91289784758973891 52.19976822324640153, 5.91172394605438356 52.20496792455112711, 5.92449880509111182 52.2068020266543158, 5.9238557216290344 52.20850681661488579, 5.9238557216290344 52.20850681661488579)))</t>
  </si>
  <si>
    <t>MultiPolygon (((5.9312269915751834 52.21042473616500956, 5.94280193801249634 52.2119336080258023, 5.9471697878468115 52.21502327628154916, 5.95021243940081579 52.20705641456513746, 5.95199595861022157 52.20499268806050708, 5.94607330274100754 52.20215146502805936, 5.93539493040604427 52.20791301127876238, 5.93026516194897457 52.20736216137697738, 5.9312269915751834 52.21042473616500956, 5.9312269915751834 52.21042473616500956)))</t>
  </si>
  <si>
    <t>MultiPolygon (((5.9296476345400162 52.22720203537861039, 5.93888653022496626 52.22674883764840814, 5.94579450021339007 52.22746101100070604, 5.93324169439821603 52.21573061979870545, 5.9312269915751834 52.21042473616500956, 5.93026516194897457 52.20736216137697738, 5.9238557216290344 52.20850681661488579, 5.92359182419967656 52.21136022301494961, 5.92855354917662503 52.21282589458836298, 5.92693574264278222 52.21388178290631998, 5.9230060653570531 52.21458069120490109, 5.91968342958244609 52.21668425765572863, 5.9223841397961845 52.21688504470665748, 5.922331795196218 52.22349978024269745, 5.93059258707936188 52.22333788414636047, 5.9296476345400162 52.22720203537861039, 5.9296476345400162 52.22720203537861039)))</t>
  </si>
  <si>
    <t>MultiPolygon (((5.94579450021339007 52.22746101100070604, 5.94617350620855056 52.22737976590297393, 5.94622027601089531 52.2202904193489843, 5.94727822607662748 52.21507874457770981, 5.9471697878468115 52.21502327628154916, 5.94280193801249634 52.2119336080258023, 5.9312269915751834 52.21042473616500956, 5.93324169439821603 52.21573061979870545, 5.94579450021339007 52.22746101100070604, 5.94579450021339007 52.22746101100070604)))</t>
  </si>
  <si>
    <t>MultiPolygon (((5.94622027601089531 52.2202904193489843, 5.95471417398887493 52.21992962242725866, 5.95390589901909717 52.21687014482395739, 5.95227541210736799 52.21718465526480912, 5.94727822607662748 52.21507874457770981, 5.94622027601089531 52.2202904193489843, 5.94622027601089531 52.2202904193489843)))</t>
  </si>
  <si>
    <t>MultiPolygon (((5.94727822607662748 52.21507874457770981, 5.95227541210736799 52.21718465526480912, 5.95390589901909717 52.21687014482395739, 5.95505587245030199 52.2127887361426275, 5.95785150781700334 52.20776810124200296, 5.95784735443860036 52.20776628326993318, 5.95199595861022157 52.20499268806050708, 5.95021243940081579 52.20705641456513746, 5.9471697878468115 52.21502327628154916, 5.94727822607662748 52.21507874457770981, 5.94727822607662748 52.21507874457770981)))</t>
  </si>
  <si>
    <t>MultiPolygon (((5.97037616903005297 52.21716264526511253, 5.97022145155701089 52.21677153578516339, 5.96954110084853529 52.21408524712923338, 5.97516750779199057 52.21228873677079463, 5.97776107800996748 52.20905618776266977, 5.97776145526304603 52.20905319195519212, 5.96915012363621944 52.20935367130689286, 5.96451917461844516 52.21668315064930965, 5.97037616903005297 52.21716264526511253, 5.97037616903005297 52.21716264526511253)))</t>
  </si>
  <si>
    <t>MultiPolygon (((5.95471417398887493 52.21992962242725866, 5.95565258957937793 52.21973775011884555, 5.96260820701957517 52.21637438531410425, 5.96451917461844516 52.21668315064930965, 5.96915012363621944 52.20935367130689286, 5.96282021156918596 52.20918925944324229, 5.95785150781700334 52.20776810124200296, 5.95505587245030199 52.2127887361426275, 5.95390589901909717 52.21687014482395739, 5.95471417398887493 52.21992962242725866, 5.95471417398887493 52.21992962242725866)))</t>
  </si>
  <si>
    <t>MultiPolygon (((6.47606439946600876 51.90197250804912699, 6.47861733241948556 51.90281178314359067, 6.48394863276638223 51.90246756569050746, 6.48646941596013082 51.90323266306038619, 6.48778252088306395 51.90441557638420988, 6.51128886387051864 51.9106287752101565, 6.518779825282496 51.91155023806284419, 6.52394198323494656 51.90927080928483406, 6.51911646457034788 51.90715979480512487, 6.52541604014674625 51.90207751714100937, 6.52480692151905295 51.89500934014613165, 6.51695352540196371 51.89118450354985868, 6.51544032238644988 51.88482427316703394, 6.50982102982830124 51.88052235216174068, 6.50871393068039072 51.87809340411195791, 6.51158633780028584 51.87553336051549024, 6.5044842014628621 51.87542825632719001, 6.49757012331534778 51.87626156214630413, 6.49853440913768843 51.87384955939996445, 6.49395492849424549 51.87270738724686225, 6.4891529919764519 51.87752656565051979, 6.4834995911056934 51.87741631639402584, 6.48420748498798538 51.87896844436585297, 6.4819009684041502 51.88341539163504024, 6.48060892482439588 51.88426264193766002, 6.47917018267115541 51.88924249350127837, 6.47999400459938624 51.89433633406081015, 6.47606439946600876 51.90197250804912699, 6.47606439946600876 51.90197250804912699),(6.49362314179878819 51.89457172828257114, 6.49129829329997055 51.89465960318032955, 6.49335988718360735 51.89306977662865705, 6.49159329966295839 51.88987153414849729, 6.48797634485973429 51.88985873835675022, 6.4882814571311016 51.88744385064787679, 6.49121690152850839 51.88742640350872648, 6.49713641841241696 51.88939427709832586, 6.49522864419041213 51.89348026196402941, 6.49362314179878819 51.89457172828257114, 6.49362314179878819 51.89457172828257114)))</t>
  </si>
  <si>
    <t>MultiPolygon (((6.48032541459236455 51.8705663680159077, 6.47734630066215722 51.86887035244916433, 6.47581749111038896 51.86536964639190472, 6.47237198865708407 51.86215991015063054, 6.46815441344133557 51.85957350941863808, 6.46473500814581747 51.85516237553472507, 6.46438372510401482 51.8552872884941678, 6.468127068120606 51.86034683320025351, 6.46840211293551715 51.86417626951207893, 6.47128548535766601 51.86452598552052251, 6.47186709391455572 51.86607564896712574, 6.47183479907663806 51.86896255112124265, 6.47432509025802982 51.86945631439375859, 6.47531421847040178 51.87066062251637533, 6.47787264894639758 51.87175825363166837, 6.48032541459236455 51.8705663680159077)),((6.49395492849424549 51.87270738724686225, 6.49853440913768843 51.87384955939996445, 6.49757012331534778 51.87626156214630413, 6.5044842014628621 51.87542825632719001, 6.51158633780028584 51.87553336051549024, 6.51457767984707292 51.87312577683029957, 6.51154752859821606 51.87085978366827987, 6.50447064951799803 51.86855559042239605, 6.50319311268385913 51.86763360834812175, 6.50106068638785484 51.86800009924324684, 6.50149717773680536 51.86839333590923218, 6.50020159832377864 51.86818435194083321, 6.49961281709586114 51.86954029295536373, 6.49747580670484837 51.87026834532407804, 6.48960955524887328 51.87022017431947063, 6.48839500045669038 51.87139005706443839, 6.48286195821836753 51.87036755600306037, 6.48030089219961347 51.87103157195354441, 6.47846787650324263 51.87230910566429998, 6.48097482048069562 51.87407435886252927, 6.4834995911056934 51.87741631639402584, 6.4891529919764519 51.87752656565051979, 6.49395492849424549 51.87270738724686225)))</t>
  </si>
  <si>
    <t>MultiPolygon (((6.49362314179878819 51.89457172828257114, 6.49522864419041213 51.89348026196402941, 6.49713641841241696 51.88939427709832586, 6.49121690152850839 51.88742640350872648, 6.4882814571311016 51.88744385064787679, 6.48797634485973429 51.88985873835675022, 6.49159329966295839 51.88987153414849729, 6.49335988718360735 51.89306977662865705, 6.49129829329997055 51.89465960318032955, 6.49362314179878819 51.89457172828257114, 6.49362314179878819 51.89457172828257114)))</t>
  </si>
  <si>
    <t>MultiPolygon (((6.47787264894639758 51.87175825363166837, 6.47797907990454469 51.87185195782486602, 6.4806847824997833 51.87054276212531079, 6.48493701857038563 51.86644446148477527, 6.48246570422192558 51.86188562815428327, 6.48254531455290728 51.85884225920966628, 6.48397782621316399 51.85756008064985423, 6.48251234769725126 51.85683604784304634, 6.48087997411399996 51.85693460927775789, 6.47823301760294967 51.85687993149510078, 6.4770535642755398 51.85665960057116308, 6.47389514610455841 51.85547446599342436, 6.47250780363806744 51.853823020237229, 6.46473500814581747 51.85516237553472507, 6.46815441344133557 51.85957350941863808, 6.47237198865708407 51.86215991015063054, 6.47581749111038896 51.86536964639190472, 6.47734630066215722 51.86887035244916433, 6.48032541459236455 51.8705663680159077, 6.47787264894639758 51.87175825363166837)))</t>
  </si>
  <si>
    <t>MultiPolygon (((6.47797907990454469 51.87185195782486602, 6.47846787650324263 51.87230910566429998, 6.48030089219961347 51.87103157195354441, 6.48286195821836753 51.87036755600306037, 6.48839500045669038 51.87139005706443839, 6.48960955524887328 51.87022017431947063, 6.49747580670484837 51.87026834532407804, 6.49961281709586114 51.86954029295536373, 6.50020159832377864 51.86818435194083321, 6.50149717773680536 51.86839333590923218, 6.49236951694368436 51.86598116968279015, 6.48812057768205452 51.86380445477328749, 6.48493701857038563 51.86644446148477527, 6.4806847824997833 51.87054276212531079, 6.47797907990454469 51.87185195782486602, 6.47797907990454469 51.87185195782486602)))</t>
  </si>
  <si>
    <t>MultiPolygon (((6.50149717773680536 51.86839333590923218, 6.50106068638785484 51.86800009924324684, 6.50220789906649355 51.86470524071600607, 6.50029098239737646 51.86227238771410697, 6.48792260872710269 51.85906144937480633, 6.48397782621316399 51.85756008064985423, 6.48254531455290728 51.85884225920966628, 6.48246570422192558 51.86188562815428327, 6.48493701857038563 51.86644446148477527, 6.48812057768205452 51.86380445477328749, 6.49236951694368436 51.86598116968279015, 6.50149717773680536 51.86839333590923218, 6.50149717773680536 51.86839333590923218)))</t>
  </si>
  <si>
    <t>MultiPolygon (((6.57654093515107441 51.92902824984861354, 6.58071630035436428 51.92846733553924565, 6.58095737368008571 51.92947711235940034, 6.58405214819030693 51.92912211210620654, 6.58536290834379212 51.92861052940845923, 6.5857890757143176 51.92666697136325382, 6.58636612996915005 51.9250020883444563, 6.58969823945688038 51.92152504259116341, 6.57515996442854789 51.92122938647419517, 6.57393543156392912 51.92320391139363522, 6.57654093515107441 51.92902824984861354, 6.57654093515107441 51.92902824984861354)))</t>
  </si>
  <si>
    <t>MultiPolygon (((6.5857890757143176 51.92666697136325382, 6.5890078449228433 51.92657943971574497, 6.59395473638867635 51.92523120174944751, 6.59948414311732989 51.92543194789080729, 6.59863065952109107 51.92319109397742949, 6.59489490896028929 51.92230718569915382, 6.58969823945688038 51.92152504259116341, 6.58636612996915005 51.9250020883444563, 6.5857890757143176 51.92666697136325382, 6.5857890757143176 51.92666697136325382)))</t>
  </si>
  <si>
    <t>MultiPolygon (((6.56108751300532145 51.92848012364036947, 6.5614448768147966 51.92839581174962404, 6.56565110798497908 51.92717632477030776, 6.56715746346981355 51.92198548475128206, 6.56696213755229241 51.92202028943574987, 6.55370317951788106 51.92445440386685362, 6.55443794052325401 51.92620953651312732, 6.55759121780114995 51.92841094026723425, 6.56108751300532145 51.92848012364036947, 6.56108751300532145 51.92848012364036947)))</t>
  </si>
  <si>
    <t>MultiPolygon (((6.57099898139092176 51.93006635922668579, 6.57447523314417914 51.93157331817680955, 6.57885879469399271 51.93247930201387419, 6.59368619137158074 51.93273674979189991, 6.59501713276578805 51.93202837502980174, 6.59445636393093615 51.92913931344558875, 6.59677982992070167 51.92789426975953404, 6.60036769653198352 51.92806611920541116, 6.59948414311732989 51.92543194789080729, 6.59395473638867635 51.92523120174944751, 6.5890078449228433 51.92657943971574497, 6.5857890757143176 51.92666697136325382, 6.58536290834379212 51.92861052940845923, 6.58405214819030693 51.92912211210620654, 6.58095737368008571 51.92947711235940034, 6.58071630035436428 51.92846733553924565, 6.57654093515107441 51.92902824984861354, 6.57099898139092176 51.93006635922668579, 6.57099898139092176 51.93006635922668579)))</t>
  </si>
  <si>
    <t>MultiPolygon (((6.59489490896028929 51.92230718569915382, 6.59863065952109107 51.92319109397742949, 6.59695347828698608 51.91831058301295343, 6.59476234912792325 51.9156002159104375, 6.58667973348051916 51.91013225411253273, 6.58524726843635388 51.91006805629073284, 6.58063901760005621 51.91457810169137588, 6.59330468247376889 51.91975437982809183, 6.59489490896028929 51.92230718569915382, 6.59489490896028929 51.92230718569915382)))</t>
  </si>
  <si>
    <t>MultiPolygon (((6.56696213755229241 51.92202028943574987, 6.56715746346981355 51.92198548475128206, 6.57515996442854789 51.92122938647419517, 6.58969823945688038 51.92152504259116341, 6.59489490896028929 51.92230718569915382, 6.59330468247376889 51.91975437982809183, 6.58063901760005621 51.91457810169137588, 6.57458940063486796 51.91256494830609114, 6.56963256647770333 51.90776046499928498, 6.56580472317778074 51.90746914059113948, 6.56419497706177513 51.908489774035246, 6.56617857325063259 51.9096547709854903, 6.56560273485024926 51.91080433741846889, 6.56664899872616648 51.91102631829151903, 6.56934474817792768 51.91432484802334812, 6.56877505250169946 51.91528592053604285, 6.56470992108751705 51.91737996329432292, 6.56389710838279772 51.92063733180541618, 6.56696213755229241 51.92202028943574987, 6.56696213755229241 51.92202028943574987)))</t>
  </si>
  <si>
    <t>MultiPolygon (((6.57099898139092176 51.93006635922668579, 6.57654093515107441 51.92902824984861354, 6.57393543156392912 51.92320391139363522, 6.57515996442854789 51.92122938647419517, 6.56715746346981355 51.92198548475128206, 6.56565110798497908 51.92717632477030776, 6.5614448768147966 51.92839581174962404, 6.56837758521454518 51.92880177036838774, 6.57099898139092176 51.93006635922668579, 6.57099898139092176 51.93006635922668579)))</t>
  </si>
  <si>
    <t>MultiPolygon (((6.61483061861528476 51.94484395146633915, 6.61914363066522604 51.94683709193922283, 6.6231369852949582 51.94616309543529553, 6.62536226748360146 51.94377852227997039, 6.62695029021288207 51.94418024190855476, 6.62906406821929561 51.94103235997572909, 6.62309183015051151 51.93964968441068919, 6.61457546932385476 51.94016538372319758, 6.61316080889454838 51.93974796939165373, 6.61281904762833239 51.94350431750808639, 6.61483061861528476 51.94484395146633915, 6.61483061861528476 51.94484395146633915)))</t>
  </si>
  <si>
    <t>MultiPolygon (((6.63373984355427115 51.94586408400796529, 6.63432394115344337 51.9450131842476992, 6.63370597663562567 51.93971521386038148, 6.63200792147278406 51.93781689562884907, 6.63422338134540457 51.93737151316229017, 6.63415270448844741 51.93529988632950989, 6.63918030407404114 51.93246627952104433, 6.62994717571143877 51.93052634835408554, 6.62402168629411303 51.93112856956731349, 6.62308919755783254 51.93018121526649367, 6.62386056132565582 51.92907660476382858, 6.61711688916955065 51.92753698834690113, 6.61305937712829728 51.93260968777966724, 6.60827888241855188 51.93369147038092137, 6.61339116884277001 51.93830373178906967, 6.61316080889454838 51.93974796939165373, 6.61457546932385476 51.94016538372319758, 6.62309183015051151 51.93964968441068919, 6.62906406821929561 51.94103235997572909, 6.62695029021288207 51.94418024190855476, 6.63373984355427115 51.94586408400796529, 6.63373984355427115 51.94586408400796529)))</t>
  </si>
  <si>
    <t>MultiPolygon (((6.59885870808057273 51.94479027444387498, 6.61409690781874815 51.94540439836980994, 6.61483061861528476 51.94484395146633915, 6.61281904762833239 51.94350431750808639, 6.61316080889454838 51.93974796939165373, 6.61339116884277001 51.93830373178906967, 6.60827888241855188 51.93369147038092137, 6.60674091155623877 51.93253438944488209, 6.60457176179839234 51.92878737158218172, 6.60036769653198352 51.92806611920541116, 6.59843107512438909 51.94104887836870432, 6.59885870808057273 51.94479027444387498, 6.59885870808057273 51.94479027444387498)))</t>
  </si>
  <si>
    <t>MultiPolygon (((6.60427601887292592 51.9702761635142565, 6.62872085131148747 51.96728146745500965, 6.63392839570940929 51.96566957027835798, 6.6389157776106309 51.96254701263005416, 6.63922578572716748 51.95939749914941075, 6.62907127171315569 51.95009202522729908, 6.63306837524521686 51.94768514764022171, 6.63373984355427115 51.94586408400796529, 6.62695029021288207 51.94418024190855476, 6.62536226748360146 51.94377852227997039, 6.6231369852949582 51.94616309543529553, 6.61914363066522604 51.94683709193922283, 6.61483061861528476 51.94484395146633915, 6.61409690781874815 51.94540439836980994, 6.59885870808057273 51.94479027444387498, 6.59936109962414363 51.95007445275742697, 6.6026664058706146 51.952885458773153, 6.59792511354580036 51.9579522659177897, 6.59751932280944242 51.96142710999036751, 6.60046865254356252 51.96339652390505393, 6.60427601887292592 51.9702761635142565, 6.60427601887292592 51.9702761635142565)))</t>
  </si>
  <si>
    <t>MultiPolygon (((6.64597378850615428 51.92960560681284221, 6.64694383698735702 51.92939238020348824, 6.64948361395348098 51.92890658837445983, 6.64805131341722344 51.92752233143731644, 6.64658363780130124 51.92727203605731034, 6.64484702471028754 51.92853616616149992, 6.64597378850615428 51.92960560681284221, 6.64597378850615428 51.92960560681284221)))</t>
  </si>
  <si>
    <t>MultiPolygon (((6.63918030407404114 51.93246627952104433, 6.64597378850615428 51.92960560681284221, 6.64484702471028754 51.92853616616149992, 6.64658363780130124 51.92727203605731034, 6.64805131341722344 51.92752233143731644, 6.64948361395348098 51.92890658837445983, 6.6512926195820512 51.92854228170433117, 6.65325788782237026 51.92911160650314173, 6.65365315085065934 51.93026695256999403, 6.65664884970265636 51.93017988593195611, 6.65760123278391536 51.92844903540177626, 6.65787363408666444 51.92910596004244184, 6.65900400651094238 51.92901938225923431, 6.6590718945383971 51.92584292556996672, 6.65798531565198548 51.92602803807961465, 6.65803059506447603 51.92433178986910747, 6.66067859842550991 51.92222822408657379, 6.66217857187638085 51.92053774433868796, 6.66172097481833969 51.92035100496298838, 6.66312657068350056 51.91979368222509095, 6.66284343846982452 51.91850967187269816, 6.66076675889379111 51.91836883924646173, 6.66161340095557097 51.9169058335438578, 6.6605876807977733 51.91670619383624086, 6.66100980861729663 51.91560337866727082, 6.66294268650647403 51.91573658065350827, 6.66428556184063225 51.91648084344733149, 6.66699271770153779 51.9143058291844639, 6.66873338866483856 51.91386339037777731, 6.65463199055309929 51.90894020871240855, 6.63771705327687656 51.9044546720179909, 6.6341737221324264 51.9010053783887102, 6.6276954470281213 51.90085752213983739, 6.62530991865520935 51.90194187696125283, 6.61963521021805512 51.90066365347522037, 6.61810297991578622 51.90326304223417253, 6.61065438192795529 51.91035122722966122, 6.59695347828698608 51.91831058301295343, 6.59863065952109107 51.92319109397742949, 6.59948414311732989 51.92543194789080729, 6.60036769653198352 51.92806611920541116, 6.60457176179839234 51.92878737158218172, 6.60674091155623877 51.93253438944488209, 6.60827888241855188 51.93369147038092137, 6.61305937712829728 51.93260968777966724, 6.61711688916955065 51.92753698834690113, 6.62386056132565582 51.92907660476382858, 6.62308919755783254 51.93018121526649367, 6.62402168629411303 51.93112856956731349, 6.62994717571143877 51.93052634835408554, 6.63918030407404114 51.93246627952104433, 6.63918030407404114 51.93246627952104433)))</t>
  </si>
  <si>
    <t>MultiPolygon (((6.56168751256159677 51.94987380940790445, 6.56761260366565391 51.948727855629798, 6.56868737971095484 51.94764891270117602, 6.57489914369992068 51.94774773544521906, 6.58249353990260655 51.94880873622114592, 6.59446276917026619 51.94494160466722121, 6.59885870808057273 51.94479027444387498, 6.59843107512438909 51.94104887836870432, 6.60036769653198352 51.92806611920541116, 6.59677982992070167 51.92789426975953404, 6.59445636393093615 51.92913931344558875, 6.59501713276578805 51.93202837502980174, 6.59368619137158074 51.93273674979189991, 6.57885879469399271 51.93247930201387419, 6.57447523314417914 51.93157331817680955, 6.57099898139092176 51.93006635922668579, 6.56837758521454518 51.92880177036838774, 6.5614448768147966 51.92839581174962404, 6.56108751300532145 51.92848012364036947, 6.56144075978380314 51.93041597840407775, 6.54795477710941043 51.93079419163998267, 6.54071964328783562 51.93267016481024001, 6.53594494723418151 51.93786743713099696, 6.53656092511798725 51.93838119365373274, 6.53566513932553139 51.94013642718665835, 6.54481248076726008 51.94699652226636744, 6.54803473953473958 51.94612517109854366, 6.55029876875804362 51.94679233825240772, 6.55556478302690238 51.94616073656347055, 6.5604616951900665 51.9504522135047111, 6.56168751256159677 51.94987380940790445, 6.56168751256159677 51.94987380940790445)))</t>
  </si>
  <si>
    <t>MultiPolygon (((6.54738532968742781 51.97276676510939097, 6.5545282644860805 51.97375766433591338, 6.55480964220529216 51.96757424131420322, 6.56624762886719449 51.96309604486435774, 6.56716698263888521 51.96022426767868296, 6.56144761932843945 51.95411757773585748, 6.56168751256159677 51.94987380940790445, 6.5604616951900665 51.9504522135047111, 6.55556478302690238 51.94616073656347055, 6.55029876875804362 51.94679233825240772, 6.54803473953473958 51.94612517109854366, 6.54481248076726008 51.94699652226636744, 6.53566513932553139 51.94013642718665835, 6.53143204416975198 51.94849037966172745, 6.51861382011924029 51.95346769852886126, 6.51983224018889551 51.95556266249585065, 6.53282898200684237 51.96235348008142552, 6.52726941431148866 51.96602355563645403, 6.54738532968742781 51.97276676510939097, 6.54738532968742781 51.97276676510939097)))</t>
  </si>
  <si>
    <t>MultiPolygon (((6.50345355938453551 51.94402280985546128, 6.5047805588803751 51.94598432311394731, 6.51718602329150176 51.94800762330215349, 6.51864176175211796 51.95117125789603563, 6.51861382011924029 51.95346769852886126, 6.53143204416975198 51.94849037966172745, 6.53566513932553139 51.94013642718665835, 6.53656092511798725 51.93838119365373274, 6.53594494723418151 51.93786743713099696, 6.54071964328783562 51.93267016481024001, 6.54362060791264355 51.92943058611046325, 6.5396139167201186 51.92480396675925647, 6.53861466861774865 51.92152472099541427, 6.53603949875514711 51.92150992534217835, 6.53343165130316272 51.91228280559614205, 6.52891280267741791 51.91101368830609886, 6.5288677393257224 51.91022960934066077, 6.52709690734643377 51.90257470770731629, 6.52541604014674625 51.90207751714100937, 6.51911646457034788 51.90715979480512487, 6.52394198323494656 51.90927080928483406, 6.518779825282496 51.91155023806284419, 6.51128886387051864 51.9106287752101565, 6.48778252088306395 51.90441557638420988, 6.48646941596013082 51.90323266306038619, 6.48394863276638223 51.90246756569050746, 6.47861733241948556 51.90281178314359067, 6.47606439946600876 51.90197250804912699, 6.47235182293650624 51.9073533130867375, 6.48271010096708711 51.91025987472899317, 6.48866861902813863 51.91273170786121227, 6.4871125555982605 51.91408589505701343, 6.49117476568165497 51.91564133342975396, 6.49065927623746042 51.91717104769312385, 6.49257656908682801 51.91740971459075382, 6.49323361261274812 51.92021742211264268, 6.49235902228616801 51.92593000629388911, 6.49451894944793917 51.92712083437698567, 6.49708941155620412 51.92959958359226391, 6.49557993288917856 51.93028759819829077, 6.50312750632040082 51.93931313215576751, 6.50097911433589726 51.9395042828080733, 6.50296602410550673 51.94128457831947543, 6.50345355938453551 51.94402280985546128, 6.50345355938453551 51.94402280985546128),(6.51510563583426627 51.92555564243150457, 6.51258150656674761 51.92531344005933391, 6.51226231207060735 51.92255073227516959, 6.51861939140353108 51.92249596876065709, 6.51722194133958244 51.92438303705762337, 6.51510563583426627 51.92555564243150457, 6.51510563583426627 51.92555564243150457)))</t>
  </si>
  <si>
    <t>MultiPolygon (((6.54071964328783562 51.93267016481024001, 6.54795477710941043 51.93079419163998267, 6.56144075978380314 51.93041597840407775, 6.56108751300532145 51.92848012364036947, 6.55759121780114995 51.92841094026723425, 6.55443794052325401 51.92620953651312732, 6.55370317951788106 51.92445440386685362, 6.56696213755229241 51.92202028943574987, 6.56389710838279772 51.92063733180541618, 6.56470992108751705 51.91737996329432292, 6.56877505250169946 51.91528592053604285, 6.56934474817792768 51.91432484802334812, 6.56664899872616648 51.91102631829151903, 6.56560273485024926 51.91080433741846889, 6.5540636790814446 51.90820164250563806, 6.55068482374996375 51.91264958397724172, 6.5471445239516779 51.91254445197429845, 6.55089781799424031 51.90703353477190518, 6.5457024470165015 51.90517097309991357, 6.54165212104679128 51.90463443175688241, 6.5361361272530738 51.90534120634648474, 6.53407721923908102 51.90267270075734274, 6.53063251169941328 51.9037935082199553, 6.53132870432314228 51.90895839416146629, 6.53066796838561636 51.91020234786333987, 6.5288677393257224 51.91022960934066077, 6.52891280267741791 51.91101368830609886, 6.53343165130316272 51.91228280559614205, 6.53603949875514711 51.92150992534217835, 6.53861466861774865 51.92152472099541427, 6.5396139167201186 51.92480396675925647, 6.54362060791264355 51.92943058611046325, 6.54071964328783562 51.93267016481024001, 6.54071964328783562 51.93267016481024001)))</t>
  </si>
  <si>
    <t>MultiPolygon (((6.51510563583426627 51.92555564243150457, 6.51722194133958244 51.92438303705762337, 6.51861939140353108 51.92249596876065709, 6.51226231207060735 51.92255073227516959, 6.51258150656674761 51.92531344005933391, 6.51510563583426627 51.92555564243150457, 6.51510563583426627 51.92555564243150457)))</t>
  </si>
  <si>
    <t>MultiPolygon (((6.53950058085454167 51.89126802063437793, 6.54379332248945911 51.88997189868386073, 6.545102084044645 51.88898252157937208, 6.5444078726659205 51.88716469955615906, 6.54231733138535887 51.88636607455963201, 6.53984555894055131 51.88833797445322915, 6.53950058085454167 51.89126802063437793, 6.53950058085454167 51.89126802063437793)))</t>
  </si>
  <si>
    <t>MultiPolygon (((6.52541604014674625 51.90207751714100937, 6.52709690734643377 51.90257470770731629, 6.5288677393257224 51.91022960934066077, 6.53066796838561636 51.91020234786333987, 6.53132870432314228 51.90895839416146629, 6.53063251169941328 51.9037935082199553, 6.53407721923908102 51.90267270075734274, 6.5361361272530738 51.90534120634648474, 6.54165212104679128 51.90463443175688241, 6.5457024470165015 51.90517097309991357, 6.55089781799424031 51.90703353477190518, 6.5471445239516779 51.91254445197429845, 6.55068482374996375 51.91264958397724172, 6.5540636790814446 51.90820164250563806, 6.55260492063694766 51.90764083609931134, 6.5565082376857422 51.90161753368602859, 6.56270038789556498 51.90186929644680447, 6.56225444600289354 51.90053585551218163, 6.56490098584343507 51.89561861061299908, 6.56676798188131361 51.89462849593373761, 6.56921143409565289 51.89478631888123061, 6.56913012821291709 51.88810936646488869, 6.56386999631587642 51.88548906866596155, 6.56277843221456436 51.88441134788804732, 6.56086476738263347 51.88401564207918426, 6.5609768723920503 51.88248275064053416, 6.56033709489985828 51.88219545173357261, 6.55881246168494503 51.88252656841630994, 6.55727966789362338 51.88177775955421112, 6.55586287321747907 51.88180468675760437, 6.55532887634457673 51.88343766545067837, 6.55271722745185947 51.88405128659267262, 6.55242554295854962 51.88619141920529643, 6.54836300647616376 51.88534665567920712, 6.54989765476096863 51.88338999847263722, 6.54925050758771476 51.88314293875841088, 6.54750524395127442 51.88332063358429735, 6.54529184656863006 51.88463187720469705, 6.54415063282924425 51.88460979446392685, 6.53989861012504914 51.88091618743236211, 6.52920548009385993 51.87681595890542496, 6.52988593734531175 51.87598794433085914, 6.52447672181245508 51.87405097391127384, 6.52457248943545487 51.87369224536588064, 6.51828860396199339 51.87311715240035426, 6.51560908832289254 51.87352138320208184, 6.51457767984707292 51.87312577683029957, 6.51158633780028584 51.87553336051549024, 6.50871393068039072 51.87809340411195791, 6.50982102982830124 51.88052235216174068, 6.51544032238644988 51.88482427316703394, 6.51695352540196371 51.89118450354985868, 6.52480692151905295 51.89500934014613165, 6.52541604014674625 51.90207751714100937, 6.52541604014674625 51.90207751714100937),(6.53950058085454167 51.89126802063437793, 6.53984555894055131 51.88833797445322915, 6.54231733138535887 51.88636607455963201, 6.5444078726659205 51.88716469955615906, 6.545102084044645 51.88898252157937208, 6.54379332248945911 51.88997189868386073, 6.53950058085454167 51.89126802063437793, 6.53950058085454167 51.89126802063437793)))</t>
  </si>
  <si>
    <t>MultiPolygon (((6.58063901760005621 51.91457810169137588, 6.58524726843635388 51.91006805629073284, 6.58667973348051916 51.91013225411253273, 6.59476234912792325 51.9156002159104375, 6.59695347828698608 51.91831058301295343, 6.61065438192795529 51.91035122722966122, 6.61810297991578622 51.90326304223417253, 6.61963521021805512 51.90066365347522037, 6.60432131612168938 51.89725854528409599, 6.58577994326382488 51.89408197655858856, 6.56913012821291709 51.88810936646488869, 6.56921143409565289 51.89478631888123061, 6.56676798188131361 51.89462849593373761, 6.56490098584343507 51.89561861061299908, 6.56225444600289354 51.90053585551218163, 6.56270038789556498 51.90186929644680447, 6.5565082376857422 51.90161753368602859, 6.55260492063694766 51.90764083609931134, 6.5540636790814446 51.90820164250563806, 6.56560273485024926 51.91080433741846889, 6.56617857325063259 51.9096547709854903, 6.56419497706177513 51.908489774035246, 6.56580472317778074 51.90746914059113948, 6.56963256647770333 51.90776046499928498, 6.57458940063486796 51.91256494830609114, 6.58063901760005621 51.91457810169137588, 6.58063901760005621 51.91457810169137588)))</t>
  </si>
  <si>
    <t>MultiPolygon (((6.5545282644860805 51.97375766433591338, 6.55935236067802929 51.97436406328067449, 6.5696836207952316 51.97215794990018622, 6.57510420080701152 51.97322456272107871, 6.5894415802724442 51.97170941322686133, 6.59174320881406928 51.97212538496612666, 6.59254114773825961 51.97084142299615905, 6.59843313684548161 51.97114320259144193, 6.60427601887292592 51.9702761635142565, 6.60046865254356252 51.96339652390505393, 6.59751932280944242 51.96142710999036751, 6.59792511354580036 51.9579522659177897, 6.6026664058706146 51.952885458773153, 6.59936109962414363 51.95007445275742697, 6.59885870808057273 51.94479027444387498, 6.59446276917026619 51.94494160466722121, 6.58249353990260655 51.94880873622114592, 6.57489914369992068 51.94774773544521906, 6.56868737971095484 51.94764891270117602, 6.56761260366565391 51.948727855629798, 6.56168751256159677 51.94987380940790445, 6.56144761932843945 51.95411757773585748, 6.56716698263888521 51.96022426767868296, 6.56624762886719449 51.96309604486435774, 6.55480964220529216 51.96757424131420322, 6.5545282644860805 51.97375766433591338, 6.5545282644860805 51.97375766433591338),(6.58850712653198922 51.95650537334863373, 6.58765552491962403 51.9567020702277631, 6.58674639297353792 51.95526324771424242, 6.59175494732055434 51.95483012766425901, 6.59218588073327627 51.95534545838794571, 6.58850712653198922 51.95650537334863373, 6.58850712653198922 51.95650537334863373)))</t>
  </si>
  <si>
    <t>MultiPolygon (((6.58850712653198922 51.95650537334863373, 6.59218588073327627 51.95534545838794571, 6.59175494732055434 51.95483012766425901, 6.58674639297353792 51.95526324771424242, 6.58765552491962403 51.9567020702277631, 6.58850712653198922 51.95650537334863373, 6.58850712653198922 51.95650537334863373)))</t>
  </si>
  <si>
    <t>MultiPolygon (((6.48799274758470013 52.34349990349775084, 6.48814477307371096 52.34359546653029582, 6.4942987594415893 52.33999060513566803, 6.50238592546734306 52.34080616683230147, 6.50641901327480099 52.3398341245195553, 6.50956060126318903 52.33657387527616578, 6.50986003840343308 52.33240491640471959, 6.51707740439900629 52.32877789950046576, 6.52388797487570038 52.32678349386999628, 6.52467136514332235 52.32563022334534963, 6.52412033725162299 52.32401154552447053, 6.52313763024497995 52.32383358119582084, 6.51806008058824204 52.32440754981805497, 6.5179084929610358 52.32517443474942809, 6.49932727737154714 52.32352166217087586, 6.49512517874333639 52.32389278424811607, 6.46818948833463114 52.32646224556003034, 6.48646762902561314 52.34256157706263934, 6.48799274758470013 52.34349990349775084, 6.48799274758470013 52.34349990349775084)))</t>
  </si>
  <si>
    <t>MultiPolygon (((6.51234939360722276 52.36191945517552426, 6.51243914487510089 52.36256945369135707, 6.52983779398310826 52.36163905106766236, 6.52945456399034629 52.35736793815657109, 6.53416476281155933 52.3534770270063845, 6.54164156638660277 52.34955811106784296, 6.53695994554570792 52.34561735110314373, 6.55766783153503852 52.34208601065907374, 6.55005479929945444 52.3354385951387826, 6.54949908936751068 52.32906675558658094, 6.54779417115668672 52.327546476197071, 6.54927998351467533 52.32053071701577807, 6.54851717826859137 52.32006151988549192, 6.54508913382812807 52.31837510713641848, 6.53965175683188082 52.31580314795424869, 6.5362970793122992 52.3155189265631364, 6.53254041805447105 52.31720361092997962, 6.53129285845730223 52.31874149654722572, 6.52467136514332235 52.32563022334534963, 6.52388797487570038 52.32678349386999628, 6.51707740439900629 52.32877789950046576, 6.50986003840343308 52.33240491640471959, 6.50956060126318903 52.33657387527616578, 6.50641901327480099 52.3398341245195553, 6.50238592546734306 52.34080616683230147, 6.4942987594415893 52.33999060513566803, 6.48814477307371096 52.34359546653029582, 6.48660869755453984 52.34520866736147582, 6.48913361606295425 52.34595474578497942, 6.49079511151027688 52.34935535504781257, 6.49597786293644219 52.3499545014445502, 6.5011721665280211 52.35285266612432764, 6.50583939030269587 52.35245014411981401, 6.50666320653597463 52.35527638645959314, 6.50841040161620032 52.35520693570808248, 6.51887255804219112 52.35516113595421928, 6.52079278991854316 52.36141489211804156, 6.51234939360722276 52.36191945517552426, 6.51234939360722276 52.36191945517552426)))</t>
  </si>
  <si>
    <t>MultiPolygon (((6.55766783153503852 52.34208601065907374, 6.56335679808705308 52.33829487779229339, 6.56473661773524331 52.33914123126513829, 6.57562211534847663 52.33803744499764576, 6.57564025132462415 52.33674545214825002, 6.59455446877561702 52.3388953865188995, 6.59595224974780603 52.33914093319797445, 6.5913120207670719 52.33540242304214019, 6.58976258761986688 52.33426765924838264, 6.58911971230046767 52.33068581707801314, 6.58762377622679729 52.32826596911881722, 6.58789014892797731 52.32352014069392254, 6.58494488960200552 52.32179809462915898, 6.58041582702919925 52.3205074058899271, 6.57760635598932453 52.31818972359248932, 6.57385724855410913 52.31648532441073485, 6.56939475236729642 52.31860918064872834, 6.55836556034688201 52.31992058754761388, 6.54851717826859137 52.32006151988549192, 6.54927998351467533 52.32053071701577807, 6.54779417115668672 52.327546476197071, 6.54949908936751068 52.32906675558658094, 6.55005479929945444 52.3354385951387826, 6.55766783153503852 52.34208601065907374, 6.55766783153503852 52.34208601065907374)))</t>
  </si>
  <si>
    <t>MultiPolygon (((6.58763691872551771 52.30493078267811313, 6.59647814594608928 52.30808638100331365, 6.60018778748058832 52.30731580776780021, 6.61279622429737657 52.31256720583966313, 6.61491416060404003 52.31121843433547269, 6.61400844364263829 52.30984185849327872, 6.61605364484522873 52.30992721201476314, 6.6167820152427943 52.30910180471195048, 6.6111038867047256 52.30752640480498172, 6.61874746033969785 52.30617548917083326, 6.63178233097902492 52.30177990966697621, 6.62606625201986965 52.28997394757922024, 6.61213146726734458 52.27691949660604109, 6.60539766547449769 52.27072052174518291, 6.59514841591858225 52.27119855107201118, 6.58696424867812969 52.27037030618114954, 6.58561982235185361 52.27370164597212465, 6.58905079601197574 52.27995712638183079, 6.58808960719271397 52.28278285448811147, 6.58684409651319047 52.28377610362600336, 6.58548905323770928 52.28543139053817157, 6.58516911618820799 52.29030812493162017, 6.58287585566277755 52.29916428950465246, 6.58687859367828388 52.29949422924406122, 6.59058761270990523 52.30126687716777667, 6.59054530763110602 52.3034433819224418, 6.58763691872551771 52.30493078267811313)))</t>
  </si>
  <si>
    <t>MultiPolygon (((6.56567735815225184 52.28422939987733287, 6.57322756403998021 52.28392350700541868, 6.57837243859016674 52.28370281550642318, 6.58684409651319047 52.28377610362600336, 6.58808960719271397 52.28278285448811147, 6.58905079601197574 52.27995712638183079, 6.58561982235185361 52.27370164597212465, 6.58696424867812969 52.27037030618114954, 6.57409934716421596 52.26931728788149911, 6.5681181264981916 52.27018844138381581, 6.56225255861983836 52.27435889714790562, 6.55400864575932829 52.28331295993437777, 6.55343851577182424 52.28392909086966966, 6.56567735815225184 52.28422939987733287, 6.56567735815225184 52.28422939987733287)))</t>
  </si>
  <si>
    <t>MultiPolygon (((6.54904104656035901 52.31251536247820866, 6.56398610866409093 52.30973025421815237, 6.56460105335995792 52.30481837242891885, 6.57073362857671572 52.30384479677125853, 6.57166223346640077 52.30298692336574362, 6.56771481760630671 52.29436596443488838, 6.56839019269436442 52.29275026956062078, 6.56394412267840366 52.29286287527991561, 6.56379468642876063 52.28959787377645796, 6.56567735815225184 52.28422939987733287, 6.55343851577182424 52.28392909086966966, 6.549962791706605 52.28780196968333627, 6.55229104171384602 52.29494734419620272, 6.55337762245516231 52.29492464031731203, 6.55324453147243258 52.29918884419238623, 6.55102485213867602 52.30857395482443195, 6.54904104656035901 52.31251536247820866, 6.54904104656035901 52.31251536247820866)))</t>
  </si>
  <si>
    <t>MultiPolygon (((6.54508913382812807 52.31837510713641848, 6.54851717826859137 52.32006151988549192, 6.55836556034688201 52.31992058754761388, 6.56939475236729642 52.31860918064872834, 6.57385724855410913 52.31648532441073485, 6.57760635598932453 52.31818972359248932, 6.58054880349700078 52.31885470566358265, 6.58304763758285727 52.3176306150834094, 6.58535239877241541 52.31411973515895397, 6.58519430852867327 52.30798750761893956, 6.58763691872551771 52.30493078267811313, 6.59054530763110602 52.3034433819224418, 6.59058761270990523 52.30126687716777667, 6.58687859367828388 52.29949422924406122, 6.58287585566277755 52.29916428950465246, 6.57907053504925887 52.30317677913966889, 6.57166223346640077 52.30298692336574362, 6.57073362857671572 52.30384479677125853, 6.56460105335995792 52.30481837242891885, 6.56398610866409093 52.30973025421815237, 6.54904104656035901 52.31251536247820866, 6.54508913382812807 52.31837510713641848, 6.54508913382812807 52.31837510713641848)))</t>
  </si>
  <si>
    <t>MultiPolygon (((6.5913120207670719 52.33540242304214019, 6.59344040273074405 52.3344009871357656, 6.59939646088540322 52.33484513206487065, 6.60551093860430338 52.33449612448475818, 6.61727636634704108 52.32827992318193111, 6.61902026546470257 52.32614513640313447, 6.6125056968350906 52.31978351949407369, 6.60829322044183076 52.31590085717733274, 6.60476276947048291 52.31222533496394078, 6.60922158860168008 52.31247216078376994, 6.61013642027268578 52.31333907734062905, 6.61279622429737657 52.31256720583966313, 6.60018778748058832 52.30731580776780021, 6.59647814594608928 52.30808638100331365, 6.58763691872551771 52.30493078267811313, 6.58519430852867327 52.30798750761893956, 6.58535239877241541 52.31411973515895397, 6.58304763758285727 52.3176306150834094, 6.58054880349700078 52.31885470566358265, 6.57760635598932453 52.31818972359248932, 6.58041582702919925 52.3205074058899271, 6.58494488960200552 52.32179809462915898, 6.58789014892797731 52.32352014069392254, 6.58762377622679729 52.32826596911881722, 6.58911971230046767 52.33068581707801314, 6.58976258761986688 52.33426765924838264, 6.5913120207670719 52.33540242304214019)))</t>
  </si>
  <si>
    <t>MultiPolygon (((6.56839019269436442 52.29275026956062078, 6.56947312760130231 52.29290488660661396, 6.56992422391258302 52.28602767238805171, 6.57363777560369122 52.28626509845278036, 6.57322756403998021 52.28392350700541868, 6.56567735815225184 52.28422939987733287, 6.56379468642876063 52.28959787377645796, 6.56394412267840366 52.29286287527991561, 6.56839019269436442 52.29275026956062078, 6.56839019269436442 52.29275026956062078)))</t>
  </si>
  <si>
    <t>MultiPolygon (((6.57907053504925887 52.30317677913966889, 6.58287585566277755 52.29916428950465246, 6.58516911618820799 52.29030812493162017, 6.58548905323770928 52.28543139053817157, 6.58684409651319047 52.28377610362600336, 6.57837243859016674 52.28370281550642318, 6.57754730053188386 52.29021716304856682, 6.58043384002372544 52.2947632299784857, 6.58108584084584258 52.29780179873814205, 6.5787203028163761 52.30056548763052149, 6.57710305462953482 52.30104918352387244, 6.57907053504925887 52.30317677913966889, 6.57907053504925887 52.30317677913966889)))</t>
  </si>
  <si>
    <t>MultiPolygon (((6.57166223346640077 52.30298692336574362, 6.57907053504925887 52.30317677913966889, 6.57710305462953482 52.30104918352387244, 6.5787203028163761 52.30056548763052149, 6.58108584084584258 52.29780179873814205, 6.58043384002372544 52.2947632299784857, 6.57769504258951354 52.29545852903174108, 6.57497229768054137 52.29522356886425172, 6.56947312760130231 52.29290488660661396, 6.56839019269436442 52.29275026956062078, 6.56771481760630671 52.29436596443488838, 6.57166223346640077 52.30298692336574362, 6.57166223346640077 52.30298692336574362)))</t>
  </si>
  <si>
    <t>MultiPolygon (((6.56947312760130231 52.29290488660661396, 6.57497229768054137 52.29522356886425172, 6.57769504258951354 52.29545852903174108, 6.58043384002372544 52.2947632299784857, 6.57754730053188386 52.29021716304856682, 6.57837243859016674 52.28370281550642318, 6.57322756403998021 52.28392350700541868, 6.57363777560369122 52.28626509845278036, 6.56992422391258302 52.28602767238805171, 6.56947312760130231 52.29290488660661396, 6.56947312760130231 52.29290488660661396)))</t>
  </si>
  <si>
    <t>MultiPolygon (((6.57595193556487079 52.41751349818893146, 6.58130905027822877 52.40968042458598575, 6.59685473409388567 52.38664060489173835, 6.59457639326491218 52.38537811729439397, 6.59364896930532218 52.38254892008419006, 6.56976810153715274 52.380365033539384, 6.57034615002299027 52.37901268338978866, 6.56641793254396422 52.37921283555640883, 6.56066811977210751 52.37950649112501367, 6.55861655805839749 52.37662890553041706, 6.53637255623266444 52.38259952643766582, 6.51941146294508744 52.38116475422230423, 6.51525964779819411 52.38118838617280204, 6.51378983118490495 52.38170209440944802, 6.50853877085559418 52.39215224010810346, 6.51022457668141818 52.39531689981395601, 6.51601321952990453 52.40612813845058326, 6.57595193556487079 52.41751349818893146, 6.57595193556487079 52.41751349818893146),(6.56672712586674834 52.39700503843067025, 6.56217469383444474 52.40247814364918355, 6.55692547658955771 52.39574954460050549, 6.56301416880591049 52.39214135711306142, 6.56444786425785942 52.39285263643140667, 6.56672712586674834 52.39700503843067025, 6.56672712586674834 52.39700503843067025)))</t>
  </si>
  <si>
    <t>MultiPolygon (((6.56672712586674834 52.39700503843067025, 6.56444786425785942 52.39285263643140667, 6.56301416880591049 52.39214135711306142, 6.55692547658955771 52.39574954460050549, 6.56217469383444474 52.40247814364918355, 6.56672712586674834 52.39700503843067025, 6.56672712586674834 52.39700503843067025)))</t>
  </si>
  <si>
    <t>MultiPolygon (((6.51378983118490495 52.38170209440944802, 6.51525964779819411 52.38118838617280204, 6.51941146294508744 52.38116475422230423, 6.53637255623266444 52.38259952643766582, 6.55861655805839749 52.37662890553041706, 6.56066811977210751 52.37950649112501367, 6.56641793254396422 52.37921283555640883, 6.57344436367572627 52.36553332754570533, 6.57526114032789266 52.36095066611041204, 6.52983779398310826 52.36163905106766236, 6.51243914487510089 52.36256945369135707, 6.49905862854916982 52.36356192886492522, 6.49607786133980358 52.36794289550285697, 6.4955162825129289 52.37618035203418287, 6.51260653467177253 52.38183956637460881, 6.51378983118490495 52.38170209440944802, 6.51378983118490495 52.38170209440944802)))</t>
  </si>
  <si>
    <t>MultiPolygon (((6.5808016292987741 52.36093282261697368, 6.58329080295784763 52.36101554680976022, 6.57733047290413975 52.35873303929808031, 6.57385315902198464 52.35579279493087768, 6.55766783153503852 52.34208601065907374, 6.53695994554570792 52.34561735110314373, 6.54164156638660277 52.34955811106784296, 6.53416476281155933 52.3534770270063845, 6.52945456399034629 52.35736793815657109, 6.52983779398310826 52.36163905106766236, 6.57526114032789266 52.36095066611041204, 6.5808016292987741 52.36093282261697368, 6.5808016292987741 52.36093282261697368)))</t>
  </si>
  <si>
    <t>MultiPolygon (((6.57385315902198464 52.35579279493087768, 6.57796479348061425 52.35424956986629752, 6.5869611342590515 52.35311426056033923, 6.58720337574062498 52.35070969623368597, 6.58016971130218131 52.34671946772132856, 6.58171540221744689 52.34542554235306255, 6.58319231104041513 52.34570920413616335, 6.58917526615299121 52.34481712574739021, 6.59302763674589887 52.34151959086135975, 6.59455446877561702 52.3388953865188995, 6.57564025132462415 52.33674545214825002, 6.57562211534847663 52.33803744499764576, 6.56473661773524331 52.33914123126513829, 6.56335679808705308 52.33829487779229339, 6.55766783153503852 52.34208601065907374, 6.57385315902198464 52.35579279493087768, 6.57385315902198464 52.35579279493087768)))</t>
  </si>
  <si>
    <t>MultiPolygon (((6.60190790532337335 52.35313936918144861, 6.61240332431217315 52.35573666835097129, 6.61020239379123531 52.35430850148757287, 6.60824425869215037 52.34911199472029608, 6.60467337965314982 52.34489774357035685, 6.59770479877281968 52.34289998533873245, 6.59895785299267601 52.34015798724814772, 6.60551093860430338 52.33449612448475818, 6.59939646088540322 52.33484513206487065, 6.59344040273074405 52.3344009871357656, 6.5913120207670719 52.33540242304214019, 6.59595224974780603 52.33914093319797445, 6.59455446877561702 52.3388953865188995, 6.59302763674589887 52.34151959086135975, 6.58917526615299121 52.34481712574739021, 6.58319231104041513 52.34570920413616335, 6.58171540221744689 52.34542554235306255, 6.58016971130218131 52.34671946772132856, 6.58720337574062498 52.35070969623368597, 6.5904730296479288 52.34808480302008604, 6.60141815177703872 52.34882254257907164, 6.60211743196985612 52.34902775731279689, 6.60190790532337335 52.35313936918144861)))</t>
  </si>
  <si>
    <t>MultiPolygon (((6.59685473409388567 52.38664060489173835, 6.59885119932196229 52.38365830018241098, 6.60936750720198773 52.36654556089907686, 6.61092629901389905 52.36597044127847767, 6.60674792094064411 52.36544532157122944, 6.60443847824486419 52.37181214413715225, 6.59749569682442072 52.37374675323646045, 6.59464456289038115 52.37144395621536574, 6.5950813500007035 52.36523325781750771, 6.59248313652686946 52.36523391108697467, 6.58713140193201596 52.36697363531751392, 6.58142945331063434 52.36571001987778828, 6.57344436367572627 52.36553332754570533, 6.56641793254396422 52.37921283555640883, 6.57034615002299027 52.37901268338978866, 6.56976810153715274 52.380365033539384, 6.59364896930532218 52.38254892008419006, 6.59457639326491218 52.38537811729439397, 6.59685473409388567 52.38664060489173835)))</t>
  </si>
  <si>
    <t>MultiPolygon (((6.5869611342590515 52.35311426056033923, 6.58698964736367643 52.3531112344084093, 6.5970601025610085 52.35237498737379269, 6.60190790532337335 52.35313936918144861, 6.60211743196985612 52.34902775731279689, 6.60141815177703872 52.34882254257907164, 6.5904730296479288 52.34808480302008604, 6.58720337574062498 52.35070969623368597, 6.5869611342590515 52.35311426056033923, 6.5869611342590515 52.35311426056033923)))</t>
  </si>
  <si>
    <t>MultiPolygon (((6.59938754071792566 52.36529652223850917, 6.5950813500007035 52.36523325781750771, 6.59464456289038115 52.37144395621536574, 6.59749569682442072 52.37374675323646045, 6.60443847824486419 52.37181214413715225, 6.60674792094064411 52.36544532157122944, 6.59938754071792566 52.36529652223850917, 6.59938754071792566 52.36529652223850917)))</t>
  </si>
  <si>
    <t>MultiPolygon (((6.57344436367572627 52.36553332754570533, 6.58142945331063434 52.36571001987778828, 6.58523855396900704 52.36338929390306873, 6.58054879052184827 52.36234655657658976, 6.5808016292987741 52.36093282261697368, 6.57526114032789266 52.36095066611041204, 6.57344436367572627 52.36553332754570533, 6.57344436367572627 52.36553332754570533)))</t>
  </si>
  <si>
    <t>MultiPolygon (((6.60674792094064411 52.36544532157122944, 6.61092629901389905 52.36597044127847767, 6.61341004673098798 52.36510457393358564, 6.61537657081252828 52.36284471338350954, 6.61537659128681366 52.36284465744239469, 6.59974340012552751 52.36193287730188217, 6.59938754071792566 52.36529652223850917, 6.60674792094064411 52.36544532157122944)))</t>
  </si>
  <si>
    <t>MultiPolygon (((6.59974340012552751 52.36193287730188217, 6.61537659128681366 52.36284465744239469, 6.61493277722216355 52.35889285121550785, 6.61405270142148982 52.35626876300805321, 6.59359454855504623 52.35724252164057191, 6.59437779116880218 52.36163803566782349, 6.59974340012552751 52.36193287730188217)))</t>
  </si>
  <si>
    <t>MultiPolygon (((6.59359454855504623 52.35724252164057191, 6.61405270142148982 52.35626876300805321, 6.61240332431217315 52.35573666835097129, 6.60190790532337335 52.35313936918144861, 6.5970601025610085 52.35237498737379269, 6.58698964736367643 52.3531112344084093, 6.58794540957444408 52.3537641552553481, 6.5920777120253149 52.35711865762824146, 6.59359454855504623 52.35724252164057191, 6.59359454855504623 52.35724252164057191)))</t>
  </si>
  <si>
    <t>MultiPolygon (((6.58329080295784763 52.36101554680976022, 6.58517450383687919 52.36112036177332385, 6.58673667851214351 52.35737797820902983, 6.58686280375338562 52.35412007042270943, 6.58794540957444408 52.3537641552553481, 6.58698964736367643 52.3531112344084093, 6.5869611342590515 52.35311426056033923, 6.57796479348061425 52.35424956986629752, 6.57385315902198464 52.35579279493087768, 6.57733047290413975 52.35873303929808031, 6.58329080295784763 52.36101554680976022, 6.58329080295784763 52.36101554680976022)))</t>
  </si>
  <si>
    <t>MultiPolygon (((6.5950813500007035 52.36523325781750771, 6.59938754071792566 52.36529652223850917, 6.59974340012552751 52.36193287730188217, 6.59437779116880218 52.36163803566782349, 6.58517450383687919 52.36112036177332385, 6.58329080295784763 52.36101554680976022, 6.5808016292987741 52.36093282261697368, 6.58054879052184827 52.36234655657658976, 6.58523855396900704 52.36338929390306873, 6.58142945331063434 52.36571001987778828, 6.58713140193201596 52.36697363531751392, 6.59248313652686946 52.36523391108697467, 6.5950813500007035 52.36523325781750771, 6.5950813500007035 52.36523325781750771)))</t>
  </si>
  <si>
    <t>MultiPolygon (((6.58517450383687919 52.36112036177332385, 6.59437779116880218 52.36163803566782349, 6.59359454855504623 52.35724252164057191, 6.5920777120253149 52.35711865762824146, 6.58794540957444408 52.3537641552553481, 6.58686280375338562 52.35412007042270943, 6.58673667851214351 52.35737797820902983, 6.58517450383687919 52.36112036177332385, 6.58517450383687919 52.36112036177332385)))</t>
  </si>
  <si>
    <t>MultiPolygon (((5.6370624115445942 52.65830974057953995, 5.64283114209122694 52.6605511241413069, 5.65001517548861631 52.65431081708585737, 5.64886531539338321 52.6495509053527968, 5.63613078433133907 52.64961181495839071, 5.63627852961266296 52.64721965701903628, 5.64110066245603292 52.64254774005843984, 5.63044248762270172 52.63840273811258896, 5.62989105702973802 52.63771668963607198, 5.61591387669706421 52.65062894705791052, 5.61677659637106697 52.65146856672149767, 5.62111850481045305 52.64993819834877087, 5.6273712862886951 52.64975272332966938, 5.62771160927925784 52.6575572729078516, 5.63306513715520296 52.65759097191313742, 5.6370624115445942 52.65830974057953995, 5.6370624115445942 52.65830974057953995)))</t>
  </si>
  <si>
    <t>MultiPolygon (((5.62697391830339111 52.6717554266081649, 5.64158849830428899 52.67801481510851147, 5.65537914606335335 52.66595042234063584, 5.64283114209122694 52.6605511241413069, 5.6370624115445942 52.65830974057953995, 5.63020190663643749 52.66444468640754906, 5.63383424582719794 52.66600543695867032, 5.62697391830339111 52.6717554266081649, 5.62697391830339111 52.6717554266081649)))</t>
  </si>
  <si>
    <t>MultiPolygon (((5.62281275446512119 52.67026572879465363, 5.62697391830339111 52.6717554266081649, 5.63383424582719794 52.66600543695867032, 5.63020190663643749 52.66444468640754906, 5.6370624115445942 52.65830974057953995, 5.63306513715520296 52.65759097191313742, 5.62771160927925784 52.6575572729078516, 5.6249847141319238 52.65804834118044653, 5.62511350646503683 52.66119241626292791, 5.62579842126934793 52.66407138025405033, 5.62470395154212 52.66433728456953389, 5.62281275446512119 52.67026572879465363, 5.62281275446512119 52.67026572879465363)))</t>
  </si>
  <si>
    <t>MultiPolygon (((5.60430978415518588 52.68323690788004399, 5.60431016974564855 52.68231010889478938, 5.60692916068590197 52.6824164834169224, 5.60952862937892949 52.68042013866539719, 5.61262327117380355 52.68134598028778726, 5.62580282787840069 52.68260680497045456, 5.64371677653477555 52.68261444545842664, 5.64158849830428899 52.67801481510851147, 5.62697391830339111 52.6717554266081649, 5.62281275446512119 52.67026572879465363, 5.61528164212239123 52.67003608568354878, 5.60955381726946989 52.67018988932435519, 5.60593433560797205 52.66957594179434921, 5.59311471370718838 52.66988539922733281, 5.59331955071588283 52.67628055074493432, 5.59431178278053043 52.67627449147266105, 5.59455059604765026 52.68329994931852411, 5.60430978415518588 52.68323690788004399, 5.60430978415518588 52.68323690788004399)))</t>
  </si>
  <si>
    <t>MultiPolygon (((5.60593433560797205 52.66957594179434921, 5.60955381726946989 52.67018988932435519, 5.61528164212239123 52.67003608568354878, 5.61232625125033113 52.66528872268262518, 5.60845075477600385 52.66239879940964386, 5.60280398016987125 52.66125015219125061, 5.59899691932234322 52.66423675210717903, 5.59956217212672502 52.66721746009719141, 5.60240787056027223 52.66873816434947742, 5.60593433560797205 52.66957594179434921, 5.60593433560797205 52.66957594179434921)))</t>
  </si>
  <si>
    <t>MultiPolygon (((5.61528164212239123 52.67003608568354878, 5.62281275446512119 52.67026572879465363, 5.62470395154212 52.66433728456953389, 5.62579842126934793 52.66407138025405033, 5.62511350646503683 52.66119241626292791, 5.62473362130465571 52.66192252803534046, 5.61552031435962373 52.66204842947988141, 5.61390173453748531 52.66131627933460635, 5.61232625125033113 52.66528872268262518, 5.61528164212239123 52.67003608568354878, 5.61528164212239123 52.67003608568354878)))</t>
  </si>
  <si>
    <t>MultiPolygon (((5.61232625125033113 52.66528872268262518, 5.61390173453748531 52.66131627933460635, 5.61376230904644125 52.65823905452498366, 5.61057089007861798 52.65824621986553211, 5.60592248798690829 52.66056340590655083, 5.60317105482572941 52.66070717535463785, 5.60280398016987125 52.66125015219125061, 5.60845075477600385 52.66239879940964386, 5.61232625125033113 52.66528872268262518, 5.61232625125033113 52.66528872268262518)))</t>
  </si>
  <si>
    <t>MultiPolygon (((5.59923329579865214 52.66087742784682746, 5.60317105482572941 52.66070717535463785, 5.60592248798690829 52.66056340590655083, 5.61057089007861798 52.65824621986553211, 5.61376230904644125 52.65823905452498366, 5.6249847141319238 52.65804834118044653, 5.62771160927925784 52.6575572729078516, 5.6273712862886951 52.64975272332966938, 5.62111850481045305 52.64993819834877087, 5.61677659637106697 52.65146856672149767, 5.61591387669706421 52.65062894705791052, 5.60151519267422859 52.65690586458195099, 5.60206325526427928 52.66022416276421581, 5.60012553823890347 52.66015304323618551, 5.60017780248242047 52.65890089444570066, 5.5973530829008471 52.65880039829146142, 5.5966264738844167 52.65923041552117212, 5.59839991739581144 52.65939799390841358, 5.59833698322239925 52.66039446408883151, 5.59923329579865214 52.66087742784682746, 5.59923329579865214 52.66087742784682746)))</t>
  </si>
  <si>
    <t>MultiPolygon (((5.59311471370718838 52.66988539922733281, 5.60593433560797205 52.66957594179434921, 5.60240787056027223 52.66873816434947742, 5.59956217212672502 52.66721746009719141, 5.59899691932234322 52.66423675210717903, 5.59272747995418573 52.66307470729838514, 5.59311471370718838 52.66988539922733281, 5.59311471370718838 52.66988539922733281)))</t>
  </si>
  <si>
    <t>MultiPolygon (((5.61390173453748531 52.66131627933460635, 5.61552031435962373 52.66204842947988141, 5.62473362130465571 52.66192252803534046, 5.62511350646503683 52.66119241626292791, 5.6249847141319238 52.65804834118044653, 5.61376230904644125 52.65823905452498366, 5.61390173453748531 52.66131627933460635, 5.61390173453748531 52.66131627933460635)))</t>
  </si>
  <si>
    <t>MultiPolygon (((5.59272747995418573 52.66307470729838514, 5.59899691932234322 52.66423675210717903, 5.60280398016987125 52.66125015219125061, 5.60317105482572941 52.66070717535463785, 5.59923329579865214 52.66087742784682746, 5.59321003521100302 52.6606231281997097, 5.59564018007986164 52.66029481959581915, 5.59755045422539066 52.6567824831960678, 5.5948047351175374 52.65967063266479187, 5.59147192228193912 52.66098727172298766, 5.59272747995418573 52.66307470729838514, 5.59272747995418573 52.66307470729838514)))</t>
  </si>
  <si>
    <t>MultiPolygon (((6.78106219546805988 52.38261065974048591, 6.78024545610299167 52.38476155336200435, 6.79472576021575225 52.38990594888782937, 6.80210743358608116 52.3937856248909668, 6.80600161150922922 52.39403030646248283, 6.80589682296007759 52.39351105997036484, 6.81352136059294278 52.39511465735647988, 6.81564607120759458 52.39265421229671915, 6.8185294159303913 52.39435589846112151, 6.82026250225563668 52.39365178455712879, 6.82680279544408908 52.38439573097951296, 6.82538082640186783 52.38375880249522254, 6.82903681610336211 52.37476485074371624, 6.8289857133504368 52.37400507701124752, 6.82151622059874807 52.36765902252420801, 6.81738722435128164 52.36501892005992431, 6.80683342483479148 52.3622174682267314, 6.79760171996448914 52.36129685789074273, 6.78339444034612615 52.36010609056562259, 6.7829629125965667 52.36096586412656961, 6.78432815396905475 52.36105396356084896, 6.78433518302475402 52.36169938538418478, 6.78254595151526551 52.38009964974694554, 6.78106219546805988 52.38261065974048591, 6.78106219546805988 52.38261065974048591),(6.80858567642433155 52.38421590336336209, 6.8069106531464767 52.38520763407403535, 6.79919692192560898 52.38208306079100396, 6.80298964488630986 52.37913438706678448, 6.80818028037234324 52.37747835817687303, 6.81243736617418971 52.38000975396615644, 6.80858567642433155 52.38421590336336209, 6.80858567642433155 52.38421590336336209)))</t>
  </si>
  <si>
    <t>MultiPolygon (((6.80858567642433155 52.38421590336336209, 6.81243736617418971 52.38000975396615644, 6.80818028037234324 52.37747835817687303, 6.80298964488630986 52.37913438706678448, 6.79919692192560898 52.38208306079100396, 6.8069106531464767 52.38520763407403535, 6.80858567642433155 52.38421590336336209, 6.80858567642433155 52.38421590336336209)))</t>
  </si>
  <si>
    <t>MultiPolygon (((6.86234693927240968 52.40765573975593838, 6.86259798673894039 52.40294195918968967, 6.863567341360576 52.38863775619793017, 6.86358453781689803 52.36373119988508051, 6.85567369006082394 52.36028773725844587, 6.85178900389788303 52.36216867888155946, 6.83579282107913055 52.36262470864440388, 6.81738722435128164 52.36501892005992431, 6.82151622059874807 52.36765902252420801, 6.8289857133504368 52.37400507701124752, 6.82903681610336211 52.37476485074371624, 6.82538082640186783 52.38375880249522254, 6.82680279544408908 52.38439573097951296, 6.82026250225563668 52.39365178455712879, 6.8185294159303913 52.39435589846112151, 6.81605779285611568 52.39457901533148032, 6.81529794981468839 52.39584941755398262, 6.81583359076937345 52.39641907739063953, 6.82849958415848413 52.39817369291380089, 6.83434516498523692 52.40015097840163349, 6.84882790584049861 52.40239104613264232, 6.84914692626869748 52.40404188571628197, 6.86017444941098908 52.40746477266370817, 6.86234693927240968 52.40765573975593838, 6.86234693927240968 52.40765573975593838),(6.84472915484278488 52.39564605207536374, 6.84379731122060875 52.39608814035567974, 6.83582893535534186 52.39317186531474846, 6.84116949031344124 52.39029935788912695, 6.84143533614450305 52.38550140795447163, 6.84608533231210981 52.38667930566557374, 6.85144292208811656 52.38671371132807053, 6.8538241167473215 52.3884856475705476, 6.85128463066637838 52.39153114735929506, 6.84780344347994774 52.39302921678241631, 6.84472915484278488 52.39564605207536374, 6.84472915484278488 52.39564605207536374)))</t>
  </si>
  <si>
    <t>MultiPolygon (((6.8515070514561911 52.41457197641762633, 6.85659200591023499 52.41045107755518018, 6.86234693927240968 52.40765573975593838, 6.86017444941098908 52.40746477266370817, 6.84914692626869748 52.40404188571628197, 6.84882790584049861 52.40239104613264232, 6.83434516498523692 52.40015097840163349, 6.82849958415848413 52.39817369291380089, 6.81583359076937345 52.39641907739063953, 6.81716747301786352 52.39818808063608913, 6.81661290385266216 52.40326611085599495, 6.82183239547003417 52.40488218885719363, 6.82276082127511607 52.40717738989022223, 6.82138429527643275 52.41001400425514589, 6.83162787398864335 52.41357740192417225, 6.8515070514561911 52.41457197641762633, 6.8515070514561911 52.41457197641762633)))</t>
  </si>
  <si>
    <t>MultiPolygon (((6.84472915484278488 52.39564605207536374, 6.84780344347994774 52.39302921678241631, 6.85128463066637838 52.39153114735929506, 6.8538241167473215 52.3884856475705476, 6.85144292208811656 52.38671371132807053, 6.84608533231210981 52.38667930566557374, 6.84143533614450305 52.38550140795447163, 6.84116949031344124 52.39029935788912695, 6.83582893535534186 52.39317186531474846, 6.84379731122060875 52.39608814035567974, 6.84472915484278488 52.39564605207536374, 6.84472915484278488 52.39564605207536374)))</t>
  </si>
  <si>
    <t>MultiPolygon (((6.82244739300997249 52.45982328607827583, 6.83178802372242 52.45996122045454513, 6.84473344876057865 52.4591884184868249, 6.85429758760897556 52.45970625643425933, 6.85254158129900937 52.44991376272378147, 6.85395751730478864 52.45013410379241492, 6.85273232177005198 52.44621155998103035, 6.84941061236032489 52.4422526249481038, 6.84902157596030214 52.44004985434715849, 6.84366156333509501 52.43910464293111318, 6.83647997844175759 52.43579948544604008, 6.83557066078194087 52.43730891159854224, 6.83132585765773204 52.43699135563378633, 6.82130682589491322 52.43458191599901852, 6.82114864538277121 52.4331043502856744, 6.80750742033265333 52.43049738369890633, 6.79404325827165323 52.4280963031910332, 6.79064746442218947 52.43081436136984053, 6.78847524995309204 52.43257207611708992, 6.78568978681551283 52.43670745776790199, 6.80298712756528179 52.44525608082434331, 6.82124400412370058 52.45274427440651266, 6.82244739300997249 52.45982328607827583, 6.82244739300997249 52.45982328607827583)))</t>
  </si>
  <si>
    <t>MultiPolygon (((6.83647997844175759 52.43579948544604008, 6.84366156333509501 52.43910464293111318, 6.84902157596030214 52.44004985434715849, 6.84980587604838842 52.43667558078180235, 6.85229983284100808 52.43346555835021405, 6.8518049549723905 52.42891354309745111, 6.8534777793991255 52.42707072481646691, 6.8515070514561911 52.41457197641762633, 6.83162787398864335 52.41357740192417225, 6.82138429527643275 52.41001400425514589, 6.82276082127511607 52.40717738989022223, 6.82183239547003417 52.40488218885719363, 6.81661290385266216 52.40326611085599495, 6.81114264307656558 52.41592184141209287, 6.8085934593705888 52.41793166459978437, 6.80788641078834722 52.42224039306476158, 6.80221393707032895 52.42159286041548683, 6.80409851861667914 52.4249778789363674, 6.80196852308712074 52.42486120823893003, 6.80750742033265333 52.43049738369890633, 6.82114864538277121 52.4331043502856744, 6.82121257272594583 52.43243925589409571, 6.82951580063341535 52.43226456733159324, 6.83488519226941627 52.43020918893603266, 6.83685814155645932 52.43041679941266153, 6.83840212864460373 52.43260743183702033, 6.83647997844175759 52.43579948544604008, 6.83647997844175759 52.43579948544604008)))</t>
  </si>
  <si>
    <t>MultiPolygon (((6.84902157596030214 52.44004985434715849, 6.84941061236032489 52.4422526249481038, 6.85273232177005198 52.44621155998103035, 6.85395751730478864 52.45013410379241492, 6.8618160404623616 52.45135797195753469, 6.8890621246710797 52.4465450907425037, 6.90607958616206119 52.44224300075534018, 6.94165749069228788 52.43542573669729023, 6.94730037275633094 52.436621414542671, 6.9492238153089616 52.43286512438869096, 6.94723876211745761 52.43283629724899697, 6.93877584321748486 52.43272250656082889, 6.92852534753210758 52.43414835952537345, 6.92437790770740769 52.43412972296307117, 6.89691026320299727 52.43278871343515135, 6.89119139762016442 52.432028213243143, 6.8534777793991255 52.42707072481646691, 6.8518049549723905 52.42891354309745111, 6.85229983284100808 52.43346555835021405, 6.84980587604838842 52.43667558078180235, 6.84902157596030214 52.44004985434715849, 6.84902157596030214 52.44004985434715849)))</t>
  </si>
  <si>
    <t>MultiPolygon (((6.82114864538277121 52.4331043502856744, 6.82130682589491322 52.43458191599901852, 6.83132585765773204 52.43699135563378633, 6.83557066078194087 52.43730891159854224, 6.83647997844175759 52.43579948544604008, 6.83840212864460373 52.43260743183702033, 6.83685814155645932 52.43041679941266153, 6.83488519226941627 52.43020918893603266, 6.82951580063341535 52.43226456733159324, 6.82121257272594583 52.43243925589409571, 6.82114864538277121 52.4331043502856744, 6.82114864538277121 52.4331043502856744)))</t>
  </si>
  <si>
    <t>MultiPolygon (((6.71067850129370935 52.47118453104442182, 6.71770668588553033 52.47813155024854126, 6.72045929503926409 52.47717936211380163, 6.72377140519897143 52.47701748288110934, 6.75273443507518945 52.46411084134565783, 6.75714012206948489 52.46320219979952526, 6.75026906786312075 52.45534093820910471, 6.75115314782146303 52.45471140007831679, 6.74803202260515889 52.45178023013120594, 6.74437156211881206 52.44573894688263493, 6.73403714714542456 52.44268112193272913, 6.73363203748382944 52.44584799956265186, 6.72732312777302699 52.44624845218335452, 6.71853690366731371 52.44278890717536967, 6.71674279046329303 52.44480618544940143, 6.71321016155188666 52.44286746701242663, 6.69847324751363082 52.45071746572065052, 6.69611603165657332 52.45127829296461641, 6.69657763184449628 52.45173455086972325, 6.69757616646204568 52.45164494426107638, 6.69942087690981936 52.45381153518591333, 6.69891699008855657 52.45679518259775165, 6.70159466691262296 52.46116270102446322, 6.70672782031009262 52.4667507071122543, 6.71331320151251632 52.45837227088709653, 6.71733497481931074 52.45941676802523546, 6.72030770368802965 52.45884124662719472, 6.72233965243902531 52.45990597465097238, 6.72280056583497831 52.46147910026958527, 6.72156010666809944 52.46308684096034369, 6.72192536462222634 52.46685338561796641, 6.71707943770972715 52.47068132164749699, 6.71313505666728005 52.470150252990166, 6.71067850129370935 52.47118453104442182, 6.71067850129370935 52.47118453104442182)))</t>
  </si>
  <si>
    <t>MultiPolygon (((6.70672782031009262 52.4667507071122543, 6.71008252734997956 52.4705992189072532, 6.71067850129370935 52.47118453104442182, 6.71313505666728005 52.470150252990166, 6.71707943770972715 52.47068132164749699, 6.72192536462222634 52.46685338561796641, 6.72156010666809944 52.46308684096034369, 6.72280056583497831 52.46147910026958527, 6.72233965243902531 52.45990597465097238, 6.72030770368802965 52.45884124662719472, 6.71733497481931074 52.45941676802523546, 6.71331320151251632 52.45837227088709653, 6.70672782031009262 52.4667507071122543, 6.70672782031009262 52.4667507071122543)))</t>
  </si>
  <si>
    <t>MultiPolygon (((6.68932244995987801 52.44704564949092429, 6.69224963799012773 52.44742720994844376, 6.69483235341178595 52.45081117943308158, 6.69611603165657332 52.45127829296461641, 6.69847324751363082 52.45071746572065052, 6.71321016155188666 52.44286746701242663, 6.71674279046329303 52.44480618544940143, 6.71853690366731371 52.44278890717536967, 6.72732312777302699 52.44624845218335452, 6.73363203748382944 52.44584799956265186, 6.73403714714542456 52.44268112193272913, 6.74437156211881206 52.44573894688263493, 6.74803202260515889 52.45178023013120594, 6.74920814897134669 52.45089398610971898, 6.75484005409871369 52.45251362133732442, 6.76116473971247967 52.44455552332531312, 6.76208255779848955 52.4445943119507163, 6.76410509883481659 52.43830775486808449, 6.76501243380650052 52.43839776510786521, 6.76497050012460122 52.4349772537807155, 6.76905015645049168 52.43525416547283413, 6.77224060428421559 52.43005576123628941, 6.77721277550682721 52.43063374067561, 6.77755140601780237 52.4293814721632927, 6.77722351780401855 52.42694491125134704, 6.76981936083337121 52.42617400467195665, 6.76752331469572965 52.42355279688040071, 6.76658274931948522 52.41917984067647751, 6.76380076053327173 52.41836110103720614, 6.76143391922973258 52.41358220813562951, 6.76212822086074006 52.41335954529843377, 6.75978674511969935 52.40976232975337723, 6.75264468717480959 52.40894885112040669, 6.75558937121159797 52.40820644152790919, 6.74482114177750613 52.40530657481373566, 6.74412530703975754 52.40274212372614215, 6.73914382105842069 52.40107161372504407, 6.73782211214478988 52.39802046037670635, 6.73269749978310195 52.39431820597319955, 6.73189259051902589 52.39258609009830536, 6.73001229605221063 52.39449138941078843, 6.72544304852632902 52.3965925298267976, 6.71998027322083225 52.39558198782457055, 6.71088269826140138 52.39525963131939079, 6.70751132452641041 52.39419898950971799, 6.69863530341625069 52.39374107104791278, 6.67557677246124115 52.41301849949176983, 6.67544224588612867 52.41394208257448639, 6.66967305266233623 52.41736749721713551, 6.67255130517162964 52.42208462084635556, 6.67507456284763823 52.42285227763009914, 6.67654861156956692 52.42365478946914692, 6.67423544736903729 52.42435472178645739, 6.67420798171307261 52.42489653724279464, 6.67533047122571332 52.42701749550146673, 6.67788734296665609 52.42799329405013964, 6.67726816332022821 52.42987035779848526, 6.67351859246777934 52.43449469540005481, 6.67258688263378019 52.43903477378032818, 6.67333394483958475 52.4414509979210095, 6.67644106662318926 52.44414102553449908, 6.67777758993205062 52.44414906193961912, 6.68296222346225033 52.4462723014909713, 6.68932244995987801 52.44704564949092429),(6.73471170191976043 52.43072853329844918, 6.73223504898551983 52.4302381560666646, 6.72475386748995163 52.41994475952428445, 6.72100573612096852 52.41877351138100494, 6.72182561153857794 52.41565274435612309, 6.73126471884954114 52.41664134294214961, 6.74079447875010196 52.41681060356771127, 6.74160069375033899 52.41745558535230032, 6.74288262222908585 52.42038748604426956, 6.74268062507534616 52.42329591572013925, 6.739474188503495 52.42556426313372242, 6.7372057868001356 52.42933303081332497, 6.73471170191976043 52.43072853329844918)))</t>
  </si>
  <si>
    <t>MultiPolygon (((6.73471170191976043 52.43072853329844918, 6.7372057868001356 52.42933303081332497, 6.739474188503495 52.42556426313372242, 6.74268062507534616 52.42329591572013925, 6.74288262222908585 52.42038748604426956, 6.74160069375033899 52.41745558535230032, 6.74079447875010196 52.41681060356771127, 6.73126471884954114 52.41664134294214961, 6.72182561153857794 52.41565274435612309, 6.72100573612096852 52.41877351138100494, 6.72475386748995163 52.41994475952428445, 6.73223504898551983 52.4302381560666646, 6.73471170191976043 52.43072853329844918, 6.73471170191976043 52.43072853329844918)))</t>
  </si>
  <si>
    <t>MultiPolygon (((6.69863530341625069 52.39374107104791278, 6.70751132452641041 52.39419898950971799, 6.71088269826140138 52.39525963131939079, 6.71998027322083225 52.39558198782457055, 6.72544304852632902 52.3965925298267976, 6.73001229605221063 52.39449138941078843, 6.73189259051902589 52.39258609009830536, 6.74192425704109688 52.39031359669657206, 6.74459336983054936 52.39121334333037794, 6.74751598209454251 52.39074300243495941, 6.73068942955499683 52.38532627603687786, 6.7303459147729523 52.3834891913781675, 6.72648695954817999 52.3808624564209353, 6.72986482420962684 52.3790039879185727, 6.72809040468161079 52.37516798070259227, 6.71901937468881272 52.37172720849239482, 6.72304264275966901 52.36790747674690749, 6.71602075230551954 52.36586944598774807, 6.71534986722774363 52.36732578194200016, 6.71270995009105498 52.37395665172522996, 6.71266377486251287 52.37426413454983987, 6.71346529747571541 52.37648907192283332, 6.70823361793035566 52.37689525766366927, 6.7070833048665115 52.37718449078965932, 6.70672848484521111 52.37736673446146796, 6.71047982799988318 52.38024168184987417, 6.71239003025017666 52.38011946764523685, 6.72750232975995743 52.3850523012785132, 6.72870579054526896 52.38642544229310971, 6.72787323964242301 52.388716297603942, 6.72209195928088743 52.38900466584960469, 6.70813999607995726 52.38270541376350309, 6.70659613184686521 52.38206927597005347, 6.70520127870342453 52.38332439873033763, 6.7028057120770983 52.38255993754670214, 6.70104074198514166 52.3856473324556049, 6.69788164308821354 52.39127403229996105, 6.69863530341625069 52.39374107104791278)))</t>
  </si>
  <si>
    <t>MultiPolygon (((6.7028057120770983 52.38255993754670214, 6.70520127870342453 52.38332439873033763, 6.70659613184686521 52.38206927597005347, 6.70813999607995726 52.38270541376350309, 6.71047982799988318 52.38024168184987417, 6.70672848484521111 52.37736673446146796, 6.70530273651226771 52.37813180463351159, 6.7028057120770983 52.38255993754670214, 6.7028057120770983 52.38255993754670214)))</t>
  </si>
  <si>
    <t>MultiPolygon (((6.70813999607995726 52.38270541376350309, 6.72209195928088743 52.38900466584960469, 6.72787323964242301 52.388716297603942, 6.72870579054526896 52.38642544229310971, 6.72750232975995743 52.3850523012785132, 6.71239003025017666 52.38011946764523685, 6.71047982799988318 52.38024168184987417, 6.70813999607995726 52.38270541376350309, 6.70813999607995726 52.38270541376350309)))</t>
  </si>
  <si>
    <t>MultiPolygon (((6.74751598209454251 52.39074300243495941, 6.77733835065380763 52.38593729643375951, 6.77677595731253835 52.38486778505245667, 6.7789657796704974 52.38250948823494468, 6.78106219546805988 52.38261065974048591, 6.78254595151526551 52.38009964974694554, 6.78433518302475402 52.36169938538418478, 6.78432815396905475 52.36105396356084896, 6.7829629125965667 52.36096586412656961, 6.78339444034612615 52.36010609056562259, 6.77832238578617297 52.35021210926944235, 6.77397860603629987 52.34656327496399797, 6.76263436159348252 52.3434370994858611, 6.76057718147044362 52.34194281279813765, 6.75903535255931054 52.33206059951326239, 6.75377220160862635 52.33004426030066725, 6.75067916536031465 52.3296653472390858, 6.74760884231545699 52.33248013088451245, 6.74368493339073716 52.33610946548994747, 6.73449726246708291 52.33935478228875127, 6.7208456619462007 52.34120753596721443, 6.71364140191332748 52.34226635281036266, 6.70974089206106949 52.34343458354815937, 6.71200680777543823 52.34539895738778625, 6.71471668704892366 52.34631510962869783, 6.71428752640176896 52.34695350017564408, 6.7205631898132312 52.35232912666585747, 6.71969337296564806 52.3612889672362698, 6.71804938682225128 52.36216537353093514, 6.71602075230551954 52.36586944598774807, 6.72304264275966901 52.36790747674690749, 6.71901937468881272 52.37172720849239482, 6.72809040468161079 52.37516798070259227, 6.72986482420962684 52.3790039879185727, 6.72648695954817999 52.3808624564209353, 6.7303459147729523 52.3834891913781675, 6.73068942955499683 52.38532627603687786, 6.74751598209454251 52.39074300243495941),(6.7689404461310545 52.37695592789570043, 6.76858350839238287 52.37728481147496495, 6.74510659623399977 52.3721911209879849, 6.74837261716636228 52.3689409899353393, 6.75823122428048517 52.36748870252518628, 6.76910593440509611 52.36696509527288868, 6.77120046172110523 52.36783121344149805, 6.77286361681033089 52.36948987598051986, 6.76957936457667575 52.37267349535651562, 6.7689404461310545 52.37695592789570043)))</t>
  </si>
  <si>
    <t>MultiPolygon (((6.7689404461310545 52.37695592789570043, 6.76957936457667575 52.37267349535651562, 6.77286361681033089 52.36948987598051986, 6.77120046172110523 52.36783121344149805, 6.76910593440509611 52.36696509527288868, 6.75823122428048517 52.36748870252518628, 6.74837261716636228 52.3689409899353393, 6.74510659623399977 52.3721911209879849, 6.76858350839238287 52.37728481147496495, 6.7689404461310545 52.37695592789570043, 6.7689404461310545 52.37695592789570043)))</t>
  </si>
  <si>
    <t>MultiPolygon (((6.77755140601780237 52.4293814721632927, 6.7858309950164637 52.429731461160479, 6.79064746442218947 52.43081436136984053, 6.79404325827165323 52.4280963031910332, 6.80750742033265333 52.43049738369890633, 6.80196852308712074 52.42486120823893003, 6.80409851861667914 52.4249778789363674, 6.80221393707032895 52.42159286041548683, 6.80788641078834722 52.42224039306476158, 6.8085934593705888 52.41793166459978437, 6.81114264307656558 52.41592184141209287, 6.81661290385266216 52.40326611085599495, 6.81716747301786352 52.39818808063608913, 6.81583359076937345 52.39641907739063953, 6.81529794981468839 52.39584941755398262, 6.81605779285611568 52.39457901533148032, 6.8185294159303913 52.39435589846112151, 6.81564607120759458 52.39265421229671915, 6.81352136059294278 52.39511465735647988, 6.80589682296007759 52.39351105997036484, 6.80600161150922922 52.39403030646248283, 6.80210743358608116 52.3937856248909668, 6.79472576021575225 52.38990594888782937, 6.78024545610299167 52.38476155336200435, 6.78106219546805988 52.38261065974048591, 6.7789657796704974 52.38250948823494468, 6.77677595731253835 52.38486778505245667, 6.77733835065380763 52.38593729643375951, 6.74751598209454251 52.39074300243495941, 6.74459336983054936 52.39121334333037794, 6.74192425704109688 52.39031359669657206, 6.73189259051902589 52.39258609009830536, 6.73269749978310195 52.39431820597319955, 6.73782211214478988 52.39802046037670635, 6.73914382105842069 52.40107161372504407, 6.74412530703975754 52.40274212372614215, 6.74482114177750613 52.40530657481373566, 6.75558937121159797 52.40820644152790919, 6.75264468717480959 52.40894885112040669, 6.75978674511969935 52.40976232975337723, 6.76212822086074006 52.41335954529843377, 6.76143391922973258 52.41358220813562951, 6.76380076053327173 52.41836110103720614, 6.76658274931948522 52.41917984067647751, 6.76752331469572965 52.42355279688040071, 6.76981936083337121 52.42617400467195665, 6.77722351780401855 52.42694491125134704, 6.77755140601780237 52.4293814721632927, 6.77755140601780237 52.4293814721632927),(6.78250935893451068 52.41574133810614455, 6.7751346774079142 52.41589794550625214, 6.76290380174555139 52.4087966740837814, 6.76660007579726752 52.40421637397040655, 6.77171693228869565 52.39973338611601861, 6.77687370581958248 52.39716316258635942, 6.777830370565888 52.39828731012739382, 6.78251636305332717 52.39912139771484334, 6.78409023933903654 52.39864815941677989, 6.79127906407025517 52.39940749454098068, 6.79138293627047673 52.40374892459564649, 6.79723657586644148 52.4059228788550584, 6.79732020604046383 52.40842225389285147, 6.79627224099311 52.41029427946405406, 6.79385767421706976 52.41013297646561142, 6.79145011039882807 52.41245085514282209, 6.79186545092796834 52.41558128952672035, 6.78250935893451068 52.41574133810614455, 6.78250935893451068 52.41574133810614455)))</t>
  </si>
  <si>
    <t>MultiPolygon (((6.75714012206948489 52.46320219979952526, 6.77458659232124027 52.4596006897797551, 6.82244739300997249 52.45982328607827583, 6.82124400412370058 52.45274427440651266, 6.80298712756528179 52.44525608082434331, 6.78568978681551283 52.43670745776790199, 6.78847524995309204 52.43257207611708992, 6.79064746442218947 52.43081436136984053, 6.7858309950164637 52.429731461160479, 6.77755140601780237 52.4293814721632927, 6.77721277550682721 52.43063374067561, 6.77224060428421559 52.43005576123628941, 6.76905015645049168 52.43525416547283413, 6.76497050012460122 52.4349772537807155, 6.76501243380650052 52.43839776510786521, 6.76410509883481659 52.43830775486808449, 6.76208255779848955 52.4445943119507163, 6.76116473971247967 52.44455552332531312, 6.75484005409871369 52.45251362133732442, 6.74920814897134669 52.45089398610971898, 6.74803202260515889 52.45178023013120594, 6.75115314782146303 52.45471140007831679, 6.75026906786312075 52.45534093820910471, 6.75714012206948489 52.46320219979952526, 6.75714012206948489 52.46320219979952526)))</t>
  </si>
  <si>
    <t>MultiPolygon (((6.78250935893451068 52.41574133810614455, 6.79186545092796834 52.41558128952672035, 6.79145011039882807 52.41245085514282209, 6.79385767421706976 52.41013297646561142, 6.79627224099311 52.41029427946405406, 6.79732020604046383 52.40842225389285147, 6.79723657586644148 52.4059228788550584, 6.79138293627047673 52.40374892459564649, 6.79127906407025517 52.39940749454098068, 6.78409023933903654 52.39864815941677989, 6.78251636305332717 52.39912139771484334, 6.777830370565888 52.39828731012739382, 6.77687370581958248 52.39716316258635942, 6.77171693228869565 52.39973338611601861, 6.76660007579726752 52.40421637397040655, 6.76290380174555139 52.4087966740837814, 6.7751346774079142 52.41589794550625214, 6.78250935893451068 52.41574133810614455, 6.78250935893451068 52.41574133810614455)))</t>
  </si>
  <si>
    <t>MultiPolygon (((6.11841352756732348 52.6255995726793202, 6.11806910869958909 52.61624244768070469, 6.11446029602258534 52.61579977755545912, 6.11857355336961461 52.60838968399297499, 6.1163849289086718 52.6078206421961454, 6.12898760997560732 52.59613364553942461, 6.13667705735441604 52.5841626434536451, 6.14760199929609907 52.58512115975730694, 6.1474185459382058 52.58440824205246855, 6.13137787575850091 52.58124629317215692, 6.12746587897780692 52.58675663156618896, 6.12403152328721401 52.59128260747237249, 6.12550763975822576 52.59249182444332149, 6.12405685728830029 52.5940565724531055, 6.12052859658602433 52.59706943373916488, 6.1142448694828424 52.59999284473376946, 6.10584794664368502 52.60369631060312656, 6.10528277005857678 52.60343316198041919, 6.10306358745220567 52.60565213149921249, 6.10622977750771589 52.60703472929940716, 6.10370096590502165 52.61268550622857987, 6.10695085900825063 52.61483221844191149, 6.10641357283261055 52.61789437561478167, 6.10761434585554053 52.61797077302009029, 6.10747676253219307 52.61887277249407191, 6.10615856711769744 52.61889746434633253, 6.10587205303510494 52.62082840235618875, 6.10672730362019411 52.62084526305682175, 6.10666593791464951 52.62147448975827757, 6.10509396233834867 52.62149404718915235, 6.10393057906306602 52.62556941191408555, 6.09834789446396286 52.62555485540956823, 6.095916658717079 52.63094119603650967, 6.09723840574770914 52.63604363253504914, 6.09738264912743588 52.63618197823821987, 6.1160177520210004 52.63691422030297673, 6.11841352756732348 52.6255995726793202, 6.11841352756732348 52.6255995726793202)))</t>
  </si>
  <si>
    <t>MultiPolygon (((6.21658442616660345 52.68639284429752223, 6.2174257322339308 52.68551642489978093, 6.21840215388328854 52.68600454715030423, 6.21980680142934172 52.6857044672550785, 6.21871469434231638 52.68437727985371311, 6.22117038308344217 52.68347591959010856, 6.2209939523638571 52.68282761372564948, 6.22272066366162502 52.68268268076683825, 6.22490543200398516 52.68243115160583301, 6.22718207920128997 52.68125262395940211, 6.22769847217922834 52.68172556647906646, 6.22823132152447378 52.68128635287255435, 6.22869167793589895 52.68164882826938111, 6.23066308056256002 52.68118554899585604, 6.23265087932229367 52.68148643297868716, 6.23406082911157622 52.68023773530276088, 6.23292521491488394 52.67987050372583724, 6.23284313212622454 52.67910935371723014, 6.23680771343734008 52.67802881866844444, 6.23707454947695084 52.67754764204565987, 6.24050384597706387 52.67772866282831501, 6.24349897873817472 52.67878550377682245, 6.24836511611593881 52.67561679518582451, 6.24896575680241284 52.67390111747602077, 6.24733772469181847 52.67277560279669046, 6.24920065535430069 52.67139681840892251, 6.25061239816859882 52.67186717778901794, 6.25026986615771829 52.67109574972921848, 6.25200145325963419 52.66988137234593381, 6.25425608448557391 52.67019787423080146, 6.25473558614396996 52.66957878380394931, 6.25507912122174847 52.67007200483694618, 6.25591166460983672 52.66960163547071971, 6.25741964572012765 52.6704075743045621, 6.25817624914510873 52.66981836486876034, 6.26053513785361204 52.67047782498568864, 6.2654885935789979 52.66913909875018618, 6.26550119620084356 52.66798774281844686, 6.26164788535043115 52.66721557542839349, 6.26190002183921735 52.66659527335227153, 6.25080418823706729 52.6620927946131161, 6.25074524188141112 52.6672977838093459, 6.23795541378634866 52.66962419439183662, 6.22778375710303411 52.671386164544721, 6.1992512091109262 52.67115220300549083, 6.19647751622170251 52.68086575604888822, 6.20168151982424476 52.68462028061631486, 6.20393662521665146 52.6846669662635847, 6.20498485664392163 52.68416104734924943, 6.20646336814024213 52.68485852581203943, 6.21018114533623056 52.68522420342413426, 6.21249957568072375 52.6846329309141197, 6.21211374142063644 52.68530839976669, 6.21374356625264568 52.68565283950407263, 6.21409568149647118 52.68631558987109997, 6.21658442616660345 52.68639284429752223)))</t>
  </si>
  <si>
    <t>MultiPolygon (((6.31474831792064251 52.62779140726244265, 6.3030636864535019 52.59714114877214541, 6.28930225255568054 52.59549059648620783, 6.28707845081455918 52.59520707845872067, 6.2863265218010751 52.59621178671515906, 6.28334859777080723 52.59572380675941616, 6.28382603211011403 52.59479518969085632, 6.28127331375278253 52.59450521664228972, 6.27489816433699055 52.59370478811833749, 6.2747762507882836 52.59478754578486104, 6.27068479360068043 52.59498285810656171, 6.2591304294345802 52.59359371865821942, 6.25831086807014803 52.59202049720102679, 6.23573949337747457 52.58900039240116087, 6.22405453235602035 52.58754898330710148, 6.23246835832664647 52.60016519475320962, 6.23952813876773504 52.61090147516717508, 6.24209906753752097 52.61540822174765708, 6.24096185502454226 52.62369754816192113, 6.24427283558928359 52.62239664322454757, 6.24872816842976242 52.625859719774148, 6.27094424783160154 52.61512609407876795, 6.27696937201442928 52.61756814774245328, 6.28318845635154855 52.61137026200931643, 6.28688586144051076 52.6103789616667683, 6.29497009818772568 52.6119180941667608, 6.29311764978732491 52.6183330733853154, 6.29641028256737023 52.62252505761748722, 6.30124789915791439 52.62470590438370266, 6.30227475688258032 52.62678957392189005, 6.30551652997469958 52.62805231554902718, 6.31474831792064251 52.62779140726244265, 6.31474831792064251 52.62779140726244265)))</t>
  </si>
  <si>
    <t>MultiPolygon (((6.32252931668311113 52.67043781742093245, 6.32693816679115262 52.6692069465636763, 6.32871146521805272 52.66673853113868375, 6.32800444600020917 52.66613165602943525, 6.32929012171675165 52.66539845829516509, 6.32851681330292504 52.66537810578287804, 6.3276203506465194 52.66371766644418528, 6.32585725416034261 52.66280981283296825, 6.32587133546826497 52.66115453018068848, 6.32722459520049263 52.660446807063785, 6.32588363516164343 52.6597087689083807, 6.32634017165461859 52.65895816597221568, 6.3277977120824378 52.65869274594000871, 6.32624157543748478 52.65735319853708774, 6.3241752629260839 52.65201567810981231, 6.31474831792064251 52.62779140726244265, 6.30551652997469958 52.62805231554902718, 6.30227475688258032 52.62678957392189005, 6.30124789915791439 52.62470590438370266, 6.29641028256737023 52.62252505761748722, 6.29311764978732491 52.6183330733853154, 6.29497009818772568 52.6119180941667608, 6.28688586144051076 52.6103789616667683, 6.28318845635154855 52.61137026200931643, 6.27696937201442928 52.61756814774245328, 6.27094424783160154 52.61512609407876795, 6.24872816842976242 52.625859719774148, 6.24427283558928359 52.62239664322454757, 6.24096185502454226 52.62369754816192113, 6.26204023998377846 52.63405596214649051, 6.26293188679419899 52.63520428888578095, 6.26223275710257443 52.63644718523288191, 6.26395988927546021 52.63786431114514386, 6.26737758792080868 52.6388546361799996, 6.25080418823706729 52.6620927946131161, 6.26190002183921735 52.66659527335227153, 6.26164788535043115 52.66721557542839349, 6.26550119620084356 52.66798774281844686, 6.26589550073520662 52.6667802888660006, 6.27006711864071598 52.66479411548928624, 6.27333890929619287 52.6649101601524805, 6.27451330319994138 52.66689796281045943, 6.27625393466022441 52.66731311349204248, 6.27735039937678163 52.66893050498762108, 6.27790535193455668 52.66853935894348382, 6.27905639425339857 52.66905125691683764, 6.2827049028582671 52.66821929708568462, 6.28453086250321658 52.66715302335816773, 6.28411606993562355 52.66116760802388796, 6.28794384200343082 52.65759453473634721, 6.28861136245244712 52.65426099790101233, 6.29139679241284888 52.65424152957109527, 6.29140532994055146 52.65753088450998121, 6.29307891652326568 52.65733923724381071, 6.29636505766490995 52.65821655148425151, 6.29747181077051543 52.66070744641221069, 6.29017480034655918 52.66216963033452458, 6.28905617588349752 52.66324916190038152, 6.2919468650095034 52.6624373146645155, 6.29554777795593079 52.66232221252587209, 6.29519562492584139 52.66357751374168572, 6.29756299362644523 52.66636943418599515, 6.29968887355443385 52.66583072375247809, 6.299676185312026 52.66649693663593013, 6.30228807662638779 52.66642672274257109, 6.30188938789846187 52.66699686407891789, 6.30262176908111549 52.66734623302775731, 6.30582584018916226 52.66623925016585872, 6.30967037382155915 52.66675293159789106, 6.31165969895821899 52.66733871442144022, 6.31208046600044259 52.66805545919332587, 6.31410320446629481 52.66805816884362912, 6.31387525525931714 52.66868842229453662, 6.31482176213568547 52.66875079397735959, 6.31495706677823421 52.66942457250510046, 6.31681629386114185 52.66949348253275076, 6.31674021328590296 52.66989528755993888, 6.31896057766908115 52.6697212398554484, 6.31958716659444342 52.67039797519046118, 6.32252931668311113 52.67043781742093245, 6.32252931668311113 52.67043781742093245)))</t>
  </si>
  <si>
    <t>MultiPolygon (((6.28748692972557599 52.6634526009249484, 6.2882696682752206 52.6638873897735138, 6.28905617588349752 52.66324916190038152, 6.29017480034655918 52.66216963033452458, 6.29747181077051543 52.66070744641221069, 6.29636505766490995 52.65821655148425151, 6.29307891652326568 52.65733923724381071, 6.29140532994055146 52.65753088450998121, 6.29139679241284888 52.65424152957109527, 6.28861136245244712 52.65426099790101233, 6.28794384200343082 52.65759453473634721, 6.28411606993562355 52.66116760802388796, 6.28453086250321658 52.66715302335816773, 6.28549072671817832 52.66699179000144682, 6.28505251301941747 52.66539435294090765, 6.28722618304143221 52.66418064527548637, 6.28748692972557599 52.6634526009249484)))</t>
  </si>
  <si>
    <t>MultiPolygon (((6.16492473481139402 52.68888951156147016, 6.16635212235410268 52.68894517494626939, 6.16819556888039333 52.68813587662755538, 6.16965089908872422 52.68612077048649667, 6.16897250914563333 52.68553331199313305, 6.16299611354854093 52.68006181924256026, 6.17013226726844266 52.67793605958009096, 6.183146848169641 52.67506327446665182, 6.18193292384692228 52.67686820315921636, 6.18420808333759631 52.6772078325194002, 6.18054820277147687 52.68158787360473383, 6.18587068916534033 52.68250351349261962, 6.18786218502020535 52.67961374826101206, 6.19144446357036848 52.67931984915522037, 6.19205477147822059 52.67642647195285832, 6.19422977285941911 52.6766295847396222, 6.19447483062867921 52.67882504686098599, 6.19647751622170251 52.68086575604888822, 6.1992512091109262 52.67115220300549083, 6.20328558474369096 52.65864196220649518, 6.19867590554904524 52.658012100775899, 6.18080985746522682 52.65637567638245997, 6.16656985855942619 52.64938166095288352, 6.13687376326386413 52.6554385822655675, 6.11134898562962281 52.65500813775368272, 6.10383259466521899 52.65614053651503923, 6.10429128921784514 52.65711978054365261, 6.1063895470961489 52.65679524596738759, 6.10808277973639058 52.65845106546881027, 6.12027132418665598 52.66508959000123014, 6.11956608639549682 52.66793686841844391, 6.12226672575859521 52.66843189491963528, 6.12301193927567766 52.66952197354393661, 6.12539980570123799 52.67027353720253302, 6.12756957117591838 52.67193716428025141, 6.13108398296489909 52.67180435533686023, 6.13283429211402442 52.67342435244005117, 6.13598761779935753 52.67463436788253972, 6.13542763466066443 52.67683727934944926, 6.13612948127939806 52.67725713307125091, 6.14484000478657411 52.68007265046167475, 6.15008886752397821 52.68296789996762897, 6.15369155939286205 52.68624885679533065, 6.15479009213778649 52.68820618467641026, 6.1544984892243555 52.69041057729049271, 6.15897604170188373 52.69215417824357672, 6.16257986541430558 52.69106115113194733, 6.16492473481139402 52.68888951156147016)))</t>
  </si>
  <si>
    <t>MultiPolygon (((6.19867590554904524 52.658012100775899, 6.20076792727127835 52.64926205305336282, 6.19586910044020822 52.64676468379189345, 6.18193030838430158 52.64012544890724143, 6.17095818306179389 52.64843525177793992, 6.16656985855942619 52.64938166095288352, 6.18080985746522682 52.65637567638245997, 6.19867590554904524 52.658012100775899, 6.19867590554904524 52.658012100775899)))</t>
  </si>
  <si>
    <t>MultiPolygon (((6.19134177761343096 52.63319125720139624, 6.19710577165973842 52.63592557959203333, 6.19866640949282388 52.63460192604448906, 6.20369576360083741 52.63711991052241501, 6.20509466801645893 52.6315504334915687, 6.21178210323899016 52.63470199126609117, 6.22243163662926069 52.62685280619917449, 6.22494497649118017 52.627363665868927, 6.23107534143983166 52.63046934995533377, 6.23411365304318288 52.63177656062176624, 6.23949456112493639 52.62769403597334872, 6.24096185502454226 52.62369754816192113, 6.24209906753752097 52.61540822174765708, 6.23952813876773504 52.61090147516717508, 6.21396102728859123 52.61806291877130093, 6.20886178040981562 52.62215866822968735, 6.20635129097011173 52.62192716218972777, 6.19589959540119306 52.62977908498349677, 6.19134177761343096 52.63319125720139624, 6.19134177761343096 52.63319125720139624)))</t>
  </si>
  <si>
    <t>MultiPolygon (((6.20464732342547087 52.6569960594789066, 6.21396327437866436 52.66023085496547651, 6.22086620764492171 52.6615731710822601, 6.24193745755646567 52.66342774666124882, 6.24558065278480523 52.65983967226461004, 6.25080418823706729 52.6620927946131161, 6.26737758792080868 52.6388546361799996, 6.26395988927546021 52.63786431114514386, 6.26223275710257443 52.63644718523288191, 6.26293188679419899 52.63520428888578095, 6.26204023998377846 52.63405596214649051, 6.24096185502454226 52.62369754816192113, 6.23949456112493639 52.62769403597334872, 6.23411365304318288 52.63177656062176624, 6.22025575429346045 52.64550963455780419, 6.23766902410080348 52.6520684806140622, 6.23226667589960215 52.65955140360988196, 6.21847060068995727 52.65627923190215398, 6.20993518602535666 52.65287227932473968, 6.20464732342547087 52.6569960594789066, 6.20464732342547087 52.6569960594789066)))</t>
  </si>
  <si>
    <t>MultiPolygon (((6.1992512091109262 52.67115220300549083, 6.22778375710303411 52.671386164544721, 6.23795541378634866 52.66962419439183662, 6.25074524188141112 52.6672977838093459, 6.25080418823706729 52.6620927946131161, 6.24558065278480523 52.65983967226461004, 6.24193745755646567 52.66342774666124882, 6.22086620764492171 52.6615731710822601, 6.21396327437866436 52.66023085496547651, 6.20464732342547087 52.6569960594789066, 6.20328558474369096 52.65864196220649518, 6.1992512091109262 52.67115220300549083, 6.1992512091109262 52.67115220300549083)))</t>
  </si>
  <si>
    <t>MultiPolygon (((6.10383259466521899 52.65614053651503923, 6.11134898562962281 52.65500813775368272, 6.13687376326386413 52.6554385822655675, 6.16656985855942619 52.64938166095288352, 6.15657006147019281 52.63517737407457275, 6.15842485434934783 52.62166626009815218, 6.16567196589587052 52.61994733515431477, 6.17488287032131211 52.61964228037345492, 6.17535291178660906 52.61492280500557683, 6.17837313567143731 52.59750906580557483, 6.17559711176915638 52.59736490703181744, 6.17704859733324874 52.5877216288325755, 6.14760199929609907 52.58512115975730694, 6.13667705735441604 52.5841626434536451, 6.12898760997560732 52.59613364553942461, 6.1163849289086718 52.6078206421961454, 6.11857355336961461 52.60838968399297499, 6.11446029602258534 52.61579977755545912, 6.11806910869958909 52.61624244768070469, 6.11841352756732348 52.6255995726793202, 6.1160177520210004 52.63691422030297673, 6.09738264912743588 52.63618197823821987, 6.10193203166958753 52.64062020845351952, 6.10299942710836429 52.64674461640839098, 6.10412447822535231 52.64692895936634187, 6.1044709347647208 52.64792571198720594, 6.10383259466521899 52.65614053651503923, 6.10383259466521899 52.65614053651503923)))</t>
  </si>
  <si>
    <t>MultiPolygon (((6.16656985855942619 52.64938166095288352, 6.17095818306179389 52.64843525177793992, 6.18193030838430158 52.64012544890724143, 6.18477786536857899 52.63795388732161484, 6.17439764790169665 52.63289016077276017, 6.17734992774841274 52.63072088947902927, 6.17207472332354357 52.62812421849906741, 6.17914710901159037 52.62405288963632444, 6.17488287032131211 52.61964228037345492, 6.16567196589587052 52.61994733515431477, 6.15842485434934783 52.62166626009815218, 6.15657006147019281 52.63517737407457275, 6.16656985855942619 52.64938166095288352, 6.16656985855942619 52.64938166095288352)))</t>
  </si>
  <si>
    <t>MultiPolygon (((6.19305935111415096 52.61357966815378973, 6.19707652608220272 52.61635812821565139, 6.18971302301320847 52.61985843981750577, 6.19346642574787687 52.62226329311177153, 6.18797899987187883 52.62471353350196779, 6.19589959540119306 52.62977908498349677, 6.20635129097011173 52.62192716218972777, 6.20886178040981562 52.62215866822968735, 6.21396102728859123 52.61806291877130093, 6.23952813876773504 52.61090147516717508, 6.23246835832664647 52.60016519475320962, 6.22577975419095608 52.60044712473159478, 6.21549497434211062 52.59913605661573399, 6.206868037412832 52.60622329812570541, 6.20166955821380661 52.60954314393825371, 6.19305935111415096 52.61357966815378973, 6.19305935111415096 52.61357966815378973)))</t>
  </si>
  <si>
    <t>MultiPolygon (((6.206868037412832 52.60622329812570541, 6.21549497434211062 52.59913605661573399, 6.22577975419095608 52.60044712473159478, 6.23246835832664647 52.60016519475320962, 6.22405453235602035 52.58754898330710148, 6.20213771461707353 52.58494850304466439, 6.19509365750249064 52.5841109781134719, 6.19360734397904178 52.58432261877086944, 6.19356236231252133 52.58433293366351791, 6.206868037412832 52.60622329812570541, 6.206868037412832 52.60622329812570541)))</t>
  </si>
  <si>
    <t>MultiPolygon (((6.18477786536857899 52.63795388732161484, 6.19134177761343096 52.63319125720139624, 6.19589959540119306 52.62977908498349677, 6.18797899987187883 52.62471353350196779, 6.19346642574787687 52.62226329311177153, 6.18971302301320847 52.61985843981750577, 6.19707652608220272 52.61635812821565139, 6.19305935111415096 52.61357966815378973, 6.18539160903213059 52.61617320064184611, 6.17488287032131211 52.61964228037345492, 6.17914710901159037 52.62405288963632444, 6.17207472332354357 52.62812421849906741, 6.17734992774841274 52.63072088947902927, 6.17439764790169665 52.63289016077276017, 6.18477786536857899 52.63795388732161484, 6.18477786536857899 52.63795388732161484)))</t>
  </si>
  <si>
    <t>MultiPolygon (((6.19305935111415096 52.61357966815378973, 6.20166955821380661 52.60954314393825371, 6.206868037412832 52.60622329812570541, 6.19356236231252133 52.58433293366351791, 6.18268725106559636 52.58780907294417517, 6.17704859733324874 52.5877216288325755, 6.17559711176915638 52.59736490703181744, 6.17837313567143731 52.59750906580557483, 6.17535291178660906 52.61492280500557683, 6.18258091016668487 52.61303881217220635, 6.18943936080304535 52.61204262477601645, 6.18774530277056023 52.61527996250650574, 6.18539160903213059 52.61617320064184611, 6.19305935111415096 52.61357966815378973, 6.19305935111415096 52.61357966815378973)))</t>
  </si>
  <si>
    <t>MultiPolygon (((6.17488287032131211 52.61964228037345492, 6.18539160903213059 52.61617320064184611, 6.18774530277056023 52.61527996250650574, 6.18943936080304535 52.61204262477601645, 6.18258091016668487 52.61303881217220635, 6.17535291178660906 52.61492280500557683, 6.17488287032131211 52.61964228037345492, 6.17488287032131211 52.61964228037345492)))</t>
  </si>
  <si>
    <t>MultiPolygon (((6.21178210323899016 52.63470199126609117, 6.22097002947683198 52.63897112995867644, 6.23107534143983166 52.63046934995533377, 6.22494497649118017 52.627363665868927, 6.22243163662926069 52.62685280619917449, 6.21178210323899016 52.63470199126609117, 6.21178210323899016 52.63470199126609117)))</t>
  </si>
  <si>
    <t>MultiPolygon (((6.19867590554904524 52.658012100775899, 6.20328558474369096 52.65864196220649518, 6.20464732342547087 52.6569960594789066, 6.20993518602535666 52.65287227932473968, 6.21290085509301537 52.65041697095419693, 6.20493033107035963 52.64685912923610545, 6.20193336055515854 52.64556754686895346, 6.20076792727127835 52.64926205305336282, 6.19867590554904524 52.658012100775899, 6.19867590554904524 52.658012100775899)))</t>
  </si>
  <si>
    <t>MultiPolygon (((6.20783028378854063 52.64524387538785533, 6.21190561684494558 52.64502159700986539, 6.21347038585184386 52.64643074214759366, 6.214472314607006 52.64597243706472796, 6.21754331915048386 52.64340544348841178, 6.216522240213604 52.64289982037038129, 6.22097002947683198 52.63897112995867644, 6.21178210323899016 52.63470199126609117, 6.20509466801645893 52.6315504334915687, 6.20369576360083741 52.63711991052241501, 6.20303573998239521 52.64087388711460136, 6.20854687365909719 52.64326422043457399, 6.20783028378854063 52.64524387538785533, 6.20783028378854063 52.64524387538785533)))</t>
  </si>
  <si>
    <t>MultiPolygon (((6.214472314607006 52.64597243706472796, 6.21630436058527014 52.64705248571330998, 6.21812476558199911 52.64588685664104872, 6.21904502559699601 52.64625255522312131, 6.22025575429346045 52.64550963455780419, 6.23411365304318288 52.63177656062176624, 6.23107534143983166 52.63046934995533377, 6.22097002947683198 52.63897112995867644, 6.216522240213604 52.64289982037038129, 6.21754331915048386 52.64340544348841178, 6.214472314607006 52.64597243706472796, 6.214472314607006 52.64597243706472796)))</t>
  </si>
  <si>
    <t>MultiPolygon (((6.20993518602535666 52.65287227932473968, 6.21847060068995727 52.65627923190215398, 6.23226667589960215 52.65955140360988196, 6.23766902410080348 52.6520684806140622, 6.22025575429346045 52.64550963455780419, 6.21904502559699601 52.64625255522312131, 6.21290085509301537 52.65041697095419693, 6.20993518602535666 52.65287227932473968, 6.20993518602535666 52.65287227932473968)))</t>
  </si>
  <si>
    <t>MultiPolygon (((6.19586910044020822 52.64676468379189345, 6.20303573998239521 52.64087388711460136, 6.20369576360083741 52.63711991052241501, 6.19866640949282388 52.63460192604448906, 6.19710577165973842 52.63592557959203333, 6.19134177761343096 52.63319125720139624, 6.18477786536857899 52.63795388732161484, 6.18193030838430158 52.64012544890724143, 6.19586910044020822 52.64676468379189345, 6.19586910044020822 52.64676468379189345)))</t>
  </si>
  <si>
    <t>MultiPolygon (((6.19586910044020822 52.64676468379189345, 6.20076792727127835 52.64926205305336282, 6.20193336055515854 52.64556754686895346, 6.20493033107035963 52.64685912923610545, 6.20783028378854063 52.64524387538785533, 6.20854687365909719 52.64326422043457399, 6.20303573998239521 52.64087388711460136, 6.19586910044020822 52.64676468379189345, 6.19586910044020822 52.64676468379189345)))</t>
  </si>
  <si>
    <t>MultiPolygon (((6.20493033107035963 52.64685912923610545, 6.21290085509301537 52.65041697095419693, 6.21904502559699601 52.64625255522312131, 6.21812476558199911 52.64588685664104872, 6.21630436058527014 52.64705248571330998, 6.214472314607006 52.64597243706472796, 6.21347038585184386 52.64643074214759366, 6.21190561684494558 52.64502159700986539, 6.20783028378854063 52.64524387538785533, 6.20493033107035963 52.64685912923610545, 6.20493033107035963 52.64685912923610545)))</t>
  </si>
  <si>
    <t>MultiPolygon (((6.37161715854899136 52.57543584068658049, 6.3739017628233352 52.57573914993808728, 6.37705035529941977 52.57716025743165034, 6.38695502519403036 52.57831430941858031, 6.40201277872933794 52.57958817248420047, 6.40279925946191764 52.57705965726873387, 6.40987710750817197 52.57892766462992284, 6.41501516620132772 52.57001250124417879, 6.38845068873305255 52.56688768081318841, 6.37884591890700658 52.56626119790178109, 6.37814165005873601 52.56718338172712635, 6.37419873530713144 52.5672836387765301, 6.36948150784902456 52.57368014734986872, 6.37263435907894671 52.57422414006396849, 6.37161715854899136 52.57543584068658049, 6.37161715854899136 52.57543584068658049)))</t>
  </si>
  <si>
    <t>MultiPolygon (((6.42739275744955307 52.57118458371315484, 6.4322673025688184 52.57090224907834397, 6.43390686891871777 52.56807642799073932, 6.43313749606705354 52.56551687358579983, 6.43151425210743799 52.56388049321530076, 6.4271407335925117 52.56149060719254607, 6.42581422935001534 52.5613616253720437, 6.42291281505544021 52.56531964988240446, 6.41783309067663943 52.56455583658880215, 6.41424227722703488 52.56076985591625572, 6.40378931819237263 52.55233466075659265, 6.40253372323467751 52.55441465963628644, 6.38936021797857201 52.55187543373960324, 6.37524856407590779 52.54937959737763009, 6.3679660449126585 52.54730061127114027, 6.35758328549528517 52.5461139581451846, 6.35494191560161781 52.54364327542769075, 6.35137353942467975 52.54273444270606319, 6.33575373226274774 52.5704001786145696, 6.34010020234528859 52.57131734218484809, 6.34147193154206068 52.56904451004555057, 6.3478081911802926 52.57067502087555511, 6.35579812404362432 52.56775098422257031, 6.37419873530713144 52.5672836387765301, 6.37814165005873601 52.56718338172712635, 6.37884591890700658 52.56626119790178109, 6.38845068873305255 52.56688768081318841, 6.41501516620132772 52.57001250124417879, 6.42739275744955307 52.57118458371315484, 6.42739275744955307 52.57118458371315484),(6.39548895743550805 52.56321406883380831, 6.39482511114790064 52.56340329063430516, 6.39353787593642497 52.56244776106468208, 6.39382188588806866 52.56069097030409409, 6.39602387417381024 52.56028357034399789, 6.39747822140488953 52.56054458402424956, 6.39661508162362225 52.56317583682016448, 6.39548895743550805 52.56321406883380831, 6.39548895743550805 52.56321406883380831)))</t>
  </si>
  <si>
    <t>MultiPolygon (((6.39548895743550805 52.56321406883380831, 6.39661508162362225 52.56317583682016448, 6.39747822140488953 52.56054458402424956, 6.39602387417381024 52.56028357034399789, 6.39382188588806866 52.56069097030409409, 6.39353787593642497 52.56244776106468208, 6.39482511114790064 52.56340329063430516, 6.39548895743550805 52.56321406883380831, 6.39548895743550805 52.56321406883380831)))</t>
  </si>
  <si>
    <t>MultiPolygon (((6.36152382412460415 52.59185425317107132, 6.37403576596707211 52.5915878980122784, 6.39251617913226777 52.5912628019840227, 6.399478455640776 52.59138972028173242, 6.40264454062017041 52.59140281570366682, 6.40987710750817197 52.57892766462992284, 6.40279925946191764 52.57705965726873387, 6.40201277872933794 52.57958817248420047, 6.38695502519403036 52.57831430941858031, 6.37705035529941977 52.57716025743165034, 6.3739017628233352 52.57573914993808728, 6.37161715854899136 52.57543584068658049, 6.36414467723404975 52.58396936271446975, 6.36152382412460415 52.59185425317107132, 6.36152382412460415 52.59185425317107132)))</t>
  </si>
  <si>
    <t>MultiPolygon (((6.3234125127222347 52.59252716578114928, 6.36152382412460415 52.59185425317107132, 6.36414467723404975 52.58396936271446975, 6.37161715854899136 52.57543584068658049, 6.37263435907894671 52.57422414006396849, 6.36948150784902456 52.57368014734986872, 6.37419873530713144 52.5672836387765301, 6.35579812404362432 52.56775098422257031, 6.3478081911802926 52.57067502087555511, 6.34147193154206068 52.56904451004555057, 6.34010020234528859 52.57131734218484809, 6.33575373226274774 52.5704001786145696, 6.33381307438542951 52.57385994058208922, 6.32580603979341216 52.58825718649797665, 6.3234125127222347 52.59252716578114928, 6.3234125127222347 52.59252716578114928)))</t>
  </si>
  <si>
    <t>MultiPolygon (((6.33836564215241438 52.52176168697747016, 6.34363993631467071 52.51994649267105331, 6.34623047114334149 52.52055025915543496, 6.35758038747167653 52.52095169229232852, 6.36141391198971284 52.51766033180122406, 6.37274309540312256 52.5133039383046949, 6.37681458162151404 52.51284593622661134, 6.38129638832680612 52.51369286527867786, 6.38644145959561982 52.51384865033217864, 6.38978692674502469 52.51250751969478614, 6.38729521914868315 52.50676658269957642, 6.38407929778544769 52.50404695490899343, 6.37247555982521963 52.4901837283969428, 6.36952841270904013 52.48656291393688633, 6.3695941293855256 52.48532429223779161, 6.36000031748865879 52.48485337750803836, 6.35757396736521052 52.47921010775024087, 6.3531039967326457 52.48020754837153845, 6.35025951936738586 52.4824419147200345, 6.34686080567017985 52.4835323859882763, 6.34363011195536064 52.48287127090152637, 6.33458226022634641 52.50707774249167414, 6.33680191043386642 52.50763500603177647, 6.33489912689493462 52.50968500189309651, 6.33561055658553673 52.51043727757306101, 6.33220002696453133 52.51245822719243961, 6.33367252317724994 52.51557335218122091, 6.33200690610560901 52.51777995770802221, 6.3315156886940569 52.52207477775045419, 6.33836564215241438 52.52176168697747016, 6.33836564215241438 52.52176168697747016),(6.34488593504676324 52.50965377335048601, 6.34577583310839888 52.50822306985170229, 6.35026034389329386 52.50888644476270883, 6.35549670718615989 52.50836064697492844, 6.35563361275393834 52.50741716914069457, 6.35773897532143906 52.50738309825915451, 6.35875836058220489 52.50829367176079643, 6.35683645058155733 52.51324992126433955, 6.35517555703508386 52.51357661466398241, 6.35293556423362826 52.51370468873752628, 6.34611325907756907 52.51226495657703452, 6.34488593504676324 52.50965377335048601, 6.34488593504676324 52.50965377335048601)))</t>
  </si>
  <si>
    <t>MultiPolygon (((6.35517555703508386 52.51357661466398241, 6.35683645058155733 52.51324992126433955, 6.35875836058220489 52.50829367176079643, 6.35773897532143906 52.50738309825915451, 6.35563361275393834 52.50741716914069457, 6.35549670718615989 52.50836064697492844, 6.35026034389329386 52.50888644476270883, 6.34577583310839888 52.50822306985170229, 6.34488593504676324 52.50965377335048601, 6.34611325907756907 52.51226495657703452, 6.35293556423362826 52.51370468873752628, 6.35517555703508386 52.51357661466398241, 6.35517555703508386 52.51357661466398241)))</t>
  </si>
  <si>
    <t>MultiPolygon (((6.47486832616018049 52.56888981840485542, 6.48835560123076505 52.569000982563729, 6.49673891048911489 52.57161182355866913, 6.50493866571971679 52.57588537635759707, 6.52182668624996786 52.56058567433581175, 6.52668401033066203 52.55169002456687366, 6.49643985582900907 52.5440120609342145, 6.48888413084313687 52.5424234042776348, 6.48159206092849072 52.54175979087464299, 6.4804057767167027 52.54737141339512618, 6.47844925779658976 52.55381751014728309, 6.47521907722937851 52.55519615406825551, 6.47559255466660666 52.55989772422141471, 6.47412152525817142 52.56627759593953897, 6.47486832616018049 52.56888981840485542, 6.47486832616018049 52.56888981840485542)))</t>
  </si>
  <si>
    <t>MultiPolygon (((6.52668401033066203 52.55169002456687366, 6.52769800817423373 52.54983518214687166, 6.52999567660368641 52.54462272519602095, 6.53104981181819788 52.53514709810581707, 6.5340705103090766 52.52844395372702735, 6.53489265129907348 52.52891847299925132, 6.53628889888416786 52.52882533242799923, 6.53699516887367693 52.52794330439908776, 6.54177167618292632 52.52634790283645572, 6.54104722021835006 52.52409546721034417, 6.54205894812860489 52.5225792217292593, 6.53978293616100359 52.52406926167030576, 6.53673236398200075 52.5245959473347952, 6.52504796792030817 52.52152724642940029, 6.52224609383121123 52.51904876691690305, 6.51958906130054849 52.51458050243572728, 6.51602884187159059 52.51300387752602461, 6.51040469797626908 52.51355435521768555, 6.50742692147064439 52.51601538294161031, 6.50355736967874876 52.52244723576534113, 6.49886377719335684 52.52764110305147227, 6.49219305610788133 52.53074557172217141, 6.48805884052493109 52.53100272717144037, 6.48596080030806821 52.53054497688050617, 6.48392087582858245 52.53184194235730331, 6.48159206092849072 52.54175979087464299, 6.48888413084313687 52.5424234042776348, 6.49643985582900907 52.5440120609342145, 6.52668401033066203 52.55169002456687366, 6.52668401033066203 52.55169002456687366)))</t>
  </si>
  <si>
    <t>MultiPolygon (((6.45327331527546022 52.46648928343043394, 6.45235536839071155 52.46451665612157456, 6.45154532720255425 52.46474181339145559, 6.45040570888800602 52.46689127408684783, 6.44837518302306467 52.4664686613875233, 6.44752877998286156 52.4649453610948413, 6.44545870125114639 52.46585919377810114, 6.44144340587261954 52.46496123656334731, 6.43995088491179768 52.46250020837697292, 6.43579568608554808 52.46368687922049645, 6.43401242851249044 52.46380041584102116, 6.43234146447555233 52.46314485182325171, 6.42851661169391075 52.46369993598135295, 6.42856126202484734 52.466069276499816, 6.42414719794294342 52.46475510854456559, 6.42226631281600735 52.46576975213799443, 6.41466662372145269 52.46557774374855398, 6.40927019256474129 52.4641956691744511, 6.40588973932208994 52.46458913900688259, 6.40597640370455768 52.46599615938445282, 6.40323325791948328 52.46698858765461182, 6.39027970345976915 52.46635272522379267, 6.39876468063287174 52.47426090473899052, 6.40484925673548577 52.47795206898187104, 6.41230851826555437 52.47928339087694383, 6.4195447986090155 52.48475471000319459, 6.42351697032297064 52.48624558862569245, 6.42598746865240322 52.48809529353732728, 6.42532776684849072 52.48978674229473285, 6.43075894402275416 52.49181032817856618, 6.4343732894668797 52.49149963530500429, 6.43628950485065499 52.48937998918550107, 6.43445243272031586 52.4843922121329598, 6.43571388031131164 52.48183869464332219, 6.44040653347099656 52.47905295410659221, 6.45323654752259834 52.47663802245208586, 6.45444815256871696 52.4748111380389588, 6.45364510197220387 52.47131620723929757, 6.45247911846046307 52.47100222158512395, 6.4526442499500396 52.46949014094008135, 6.4506792847022707 52.4688002983443198, 6.45073393526758476 52.46793621161315713, 6.45327331527546022 52.46648928343043394)))</t>
  </si>
  <si>
    <t>MultiPolygon (((6.40588973932208994 52.46458913900688259, 6.40927019256474129 52.4641956691744511, 6.41466662372145269 52.46557774374855398, 6.42226631281600735 52.46576975213799443, 6.42414719794294342 52.46475510854456559, 6.42119869544292055 52.46025125899723207, 6.41651408799656053 52.45714146370053044, 6.41686598042528278 52.45495296395093021, 6.40952163452503321 52.45475092160233999, 6.40871699582523746 52.45337316387768567, 6.41145423206441212 52.44958161981327294, 6.41457894689098396 52.44737651976386417, 6.41757551125980452 52.44939723113181174, 6.41817198380726861 52.44898569343635586, 6.41747198580456235 52.44794303759098852, 6.42223211375133385 52.44591448566071534, 6.42262901416454923 52.44627620385647049, 6.41972577914603981 52.44968735220697198, 6.42185559656717864 52.4519098200762599, 6.42319020121156115 52.45642563880069531, 6.42851661169391075 52.46369993598135295, 6.43234146447555233 52.46314485182325171, 6.43401242851249044 52.46380041584102116, 6.43579568608554808 52.46368687922049645, 6.43995088491179768 52.46250020837697292, 6.44144340587261954 52.46496123656334731, 6.44545870125114639 52.46585919377810114, 6.44752877998286156 52.4649453610948413, 6.44994291652430185 52.46193506793402861, 6.45137701509598482 52.46152504648171799, 6.45009830074975188 52.46125641764557201, 6.44742363428691601 52.46169815081695731, 6.44562804563577618 52.46091895467323951, 6.44459741576933443 52.45903833232998181, 6.44601764371260799 52.45750911142449269, 6.44295984839362212 52.45692977933750001, 6.44218315568846389 52.45631142325505891, 6.44178176316055495 52.45524998115259052, 6.44438194001098719 52.45461547889051701, 6.44251576079607435 52.45007067978924198, 6.43820950354085042 52.44788701126177699, 6.43868669194058985 52.44588768256691935, 6.43756337869794759 52.44482827052470242, 6.43840835551875568 52.44402502464286897, 6.42989983590482428 52.43930479891922403, 6.39031513210373259 52.42814451802502163, 6.38057274362027194 52.42981614378928867, 6.38415004765557814 52.43943468214215642, 6.38115779020311358 52.44019895600271042, 6.37640658090230339 52.44745306332390555, 6.37567810657843292 52.44776213784833629, 6.37315445013198101 52.44685685222934524, 6.37212462865527574 52.44826114681713847, 6.37330693671407111 52.44866843797043998, 6.37134670840583617 52.44989763074086397, 6.37364721763638364 52.45103515750010104, 6.39027970345976915 52.46635272522379267, 6.40323325791948328 52.46698858765461182, 6.40597640370455768 52.46599615938445282, 6.40588973932208994 52.46458913900688259, 6.40588973932208994 52.46458913900688259)))</t>
  </si>
  <si>
    <t>MultiPolygon (((6.42414719794294342 52.46475510854456559, 6.42856126202484734 52.466069276499816, 6.42851661169391075 52.46369993598135295, 6.42319020121156115 52.45642563880069531, 6.42185559656717864 52.4519098200762599, 6.41972577914603981 52.44968735220697198, 6.42262901416454923 52.44627620385647049, 6.42223211375133385 52.44591448566071534, 6.41747198580456235 52.44794303759098852, 6.41817198380726861 52.44898569343635586, 6.41757551125980452 52.44939723113181174, 6.41457894689098396 52.44737651976386417, 6.41145423206441212 52.44958161981327294, 6.40871699582523746 52.45337316387768567, 6.40952163452503321 52.45475092160233999, 6.41686598042528278 52.45495296395093021, 6.41651408799656053 52.45714146370053044, 6.42119869544292055 52.46025125899723207, 6.42414719794294342 52.46475510854456559, 6.42414719794294342 52.46475510854456559)))</t>
  </si>
  <si>
    <t>MultiPolygon (((6.38729521914868315 52.50676658269957642, 6.39860479765521539 52.50759466628350935, 6.40004705007510566 52.50505505251815208, 6.40962134353892576 52.50111124479827396, 6.41219260625437304 52.49891331741574874, 6.41645370232376866 52.49518423361940478, 6.41784654386676756 52.49132556184513021, 6.41917797747217289 52.49013738341184876, 6.42265324713079 52.48944519880829773, 6.42374618888313087 52.48783075441927082, 6.42351697032297064 52.48624558862569245, 6.4195447986090155 52.48475471000319459, 6.41406310083125053 52.484665662577342, 6.41628637487537823 52.48258070304974154, 6.41059783146522122 52.4793545174469287, 6.40469795238682771 52.47860248906822278, 6.40271054142741125 52.47755334967755658, 6.39387241843325604 52.47608207489444254, 6.39211514145175652 52.47961351993255619, 6.39512773204111973 52.4803091562124493, 6.39115592907362107 52.48433346932353061, 6.38416582648778697 52.48051510963464494, 6.37633324302194637 52.48008416542683818, 6.37264900697499304 52.48544200885861954, 6.3695941293855256 52.48532429223779161, 6.36952841270904013 52.48656291393688633, 6.37247555982521963 52.4901837283969428, 6.38407929778544769 52.50404695490899343, 6.38729521914868315 52.50676658269957642, 6.38729521914868315 52.50676658269957642)))</t>
  </si>
  <si>
    <t>MultiPolygon (((6.34400917313968638 52.48071714824596512, 6.34363011195536064 52.48287127090152637, 6.34686080567017985 52.4835323859882763, 6.35025951936738586 52.4824419147200345, 6.3531039967326457 52.48020754837153845, 6.35757396736521052 52.47921010775024087, 6.36000031748865879 52.48485337750803836, 6.3695941293855256 52.48532429223779161, 6.37264900697499304 52.48544200885861954, 6.37633324302194637 52.48008416542683818, 6.38416582648778697 52.48051510963464494, 6.39115592907362107 52.48433346932353061, 6.39512773204111973 52.4803091562124493, 6.39211514145175652 52.47961351993255619, 6.39387241843325604 52.47608207489444254, 6.40271054142741125 52.47755334967755658, 6.40469795238682771 52.47860248906822278, 6.41059783146522122 52.4793545174469287, 6.41628637487537823 52.48258070304974154, 6.41406310083125053 52.484665662577342, 6.4195447986090155 52.48475471000319459, 6.41230851826555437 52.47928339087694383, 6.40484925673548577 52.47795206898187104, 6.39876468063287174 52.47426090473899052, 6.39027970345976915 52.46635272522379267, 6.37364721763638364 52.45103515750010104, 6.37134670840583617 52.44989763074086397, 6.37330693671407111 52.44866843797043998, 6.37212462865527574 52.44826114681713847, 6.37106118970895352 52.44971119008290117, 6.37849428513734207 52.4564168241937665, 6.34261626312759663 52.45690540369194821, 6.3433155603692839 52.46885768118736593, 6.34400917313968638 52.48071714824596512, 6.34400917313968638 52.48071714824596512)))</t>
  </si>
  <si>
    <t>MultiPolygon (((6.5724658518183583 52.50827329920686282, 6.5728563237600115 52.50809328151468947, 6.57883157313229816 52.50553355186004723, 6.57688759788787713 52.50531719552982679, 6.58384046913692433 52.50236098803312501, 6.58423712014288576 52.50125376687262957, 6.58786642523426647 52.50162563284866479, 6.58853087381278346 52.50132215768977062, 6.60964354052242964 52.49250482628256265, 6.60017034794340685 52.48515417585776532, 6.59518811972047114 52.48030329628956281, 6.57299061693987507 52.4842715404030713, 6.56528907612432455 52.48565409292456252, 6.55446346012077985 52.48759328849146044, 6.53436084303452347 52.48897824082259689, 6.50978749901747999 52.49066645977294598, 6.51571526053173589 52.49221085198868764, 6.51872631710824901 52.49210483022509521, 6.5184765741298536 52.49470602428982602, 6.52030405344913788 52.4951508057477696, 6.52169159874111504 52.49438196208214436, 6.53061465751983583 52.49641102770990386, 6.53833452525355696 52.49699494016812196, 6.53866478126472117 52.49602746878703385, 6.55124043343907392 52.50036659214141821, 6.55449551521695017 52.49972333847647832, 6.56145208135493174 52.50082380693370254, 6.56700470725342011 52.50248697665933406, 6.57019099983192589 52.50695106276155855, 6.5724658518183583 52.50827329920686282),(6.57859306521181164 52.495924144384432, 6.576882413903963 52.49549811287555912, 6.57080770400138903 52.49608625129525308, 6.5688688941274469 52.49421529563287692, 6.56839028958993332 52.49363933865869569, 6.57211938050415689 52.49300137027436364, 6.57281105891793427 52.49159366604367705, 6.57119311840241682 52.48995115474077977, 6.57219992884992354 52.48929046856327574, 6.57859306521181164 52.495924144384432)))</t>
  </si>
  <si>
    <t>MultiPolygon (((6.57883157313229816 52.50553355186004723, 6.58464909738045723 52.50304835674052129, 6.58786642523426647 52.50162563284866479, 6.58423712014288576 52.50125376687262957, 6.58384046913692433 52.50236098803312501, 6.57688759788787713 52.50531719552982679, 6.57883157313229816 52.50553355186004723, 6.57883157313229816 52.50553355186004723)))</t>
  </si>
  <si>
    <t>MultiPolygon (((6.57859306521181164 52.495924144384432, 6.57219992884992354 52.48929046856327574, 6.57119311840241682 52.48995115474077977, 6.57281105891793427 52.49159366604367705, 6.57211938050415689 52.49300137027436364, 6.56839028958993332 52.49363933865869569, 6.5688688941274469 52.49421529563287692, 6.57080770400138903 52.49608625129525308, 6.576882413903963 52.49549811287555912, 6.57859306521181164 52.495924144384432, 6.57859306521181164 52.495924144384432)))</t>
  </si>
  <si>
    <t>MultiPolygon (((6.54205894812860489 52.5225792217292593, 6.5427929121415378 52.5212002226332686, 6.54124530524516068 52.51903612868026272, 6.54457575344089726 52.5190679537981211, 6.54664963048171433 52.51851919195380702, 6.54594545015713791 52.51715368122132332, 6.5454632980816676 52.51647718275766863, 6.54567139849207003 52.51603617193726592, 6.5501720931623737 52.5149440265599452, 6.55349826052424955 52.51250632848323363, 6.55453180630082954 52.51247090417265895, 6.55667796191484253 52.51326049030748067, 6.55518673231473503 52.51587104094171821, 6.5567811339893165 52.51644863525745421, 6.55916053472644212 52.51924984303709465, 6.56104958907338087 52.51979175252851206, 6.56525852046649305 52.51850779459524432, 6.56707805555199808 52.51690347081488142, 6.56571564629756033 52.51476768503304271, 6.56400429512304751 52.51446964291549335, 6.56093955666552198 52.51548205228825594, 6.56001917679525803 52.51464438591230532, 6.56135106326500761 52.51289569235197519, 6.56649879240547474 52.51160012396876908, 6.5724658518183583 52.50827329920686282, 6.57019099983192589 52.50695106276155855, 6.56700470725342011 52.50248697665933406, 6.56145208135493174 52.50082380693370254, 6.55449551521695017 52.49972333847647832, 6.55124043343907392 52.50036659214141821, 6.53866478126472117 52.49602746878703385, 6.53833452525355696 52.49699494016812196, 6.53061465751983583 52.49641102770990386, 6.52169159874111504 52.49438196208214436, 6.52030405344913788 52.4951508057477696, 6.5184765741298536 52.49470602428982602, 6.51581408183949762 52.49398722715297794, 6.51241857527623758 52.49449313495517799, 6.51516399111791067 52.49850407838560074, 6.5124212436278377 52.49746225209371175, 6.50803644567224548 52.49835211140186431, 6.51041223167275795 52.50515867184495988, 6.5064650843607339 52.50527816811015924, 6.50527509990069941 52.50663758405135439, 6.50471855566641199 52.51167607624430644, 6.50742692147064439 52.51601538294161031, 6.51040469797626908 52.51355435521768555, 6.51602884187159059 52.51300387752602461, 6.51958906130054849 52.51458050243572728, 6.52224609383121123 52.51904876691690305, 6.52504796792030817 52.52152724642940029, 6.53673236398200075 52.5245959473347952, 6.53978293616100359 52.52406926167030576, 6.54205894812860489 52.5225792217292593, 6.54205894812860489 52.5225792217292593)))</t>
  </si>
  <si>
    <t>MultiPolygon (((6.44491031659748881 52.56929658448135712, 6.45052799228305229 52.56918751089156672, 6.47486832616018049 52.56888981840485542, 6.47412152525817142 52.56627759593953897, 6.47559255466660666 52.55989772422141471, 6.47521907722937851 52.55519615406825551, 6.47844925779658976 52.55381751014728309, 6.4804057767167027 52.54737141339512618, 6.47799046773835929 52.54528444688430255, 6.45793139861243848 52.54424267956294159, 6.44372334535463676 52.54151178365874841, 6.43583374006125108 52.53988487880597802, 6.4336105035781177 52.54101212000929877, 6.42471808479927198 52.55613607723222458, 6.43405529689148725 52.55922304839585735, 6.43244390229117169 52.56192663111115593, 6.4457415778566558 52.56323521012330247, 6.44130927811270571 52.56833661225616794, 6.44360213669282089 52.56837274738693111, 6.44491031659748881 52.56929658448135712, 6.44491031659748881 52.56929658448135712)))</t>
  </si>
  <si>
    <t>MultiPolygon (((6.4804057767167027 52.54737141339512618, 6.48159206092849072 52.54175979087464299, 6.48392087582858245 52.53184194235730331, 6.48596080030806821 52.53054497688050617, 6.48107360852882941 52.52871718616777486, 6.47069014494944916 52.52246622290856237, 6.4611449006757411 52.51992978366467213, 6.45086681649493787 52.51533375680233462, 6.44887810754070934 52.51507540077509617, 6.44368247441838804 52.51590193829687081, 6.44406406614202432 52.51959829622676779, 6.4477271471543931 52.52082640649175715, 6.44543962194910502 52.52386911430546235, 6.43951704021463023 52.52807070163597558, 6.43923624887791579 52.53040086730535307, 6.44175901007819807 52.53041122131221385, 6.44541884500931417 52.52932015281544409, 6.44504756097358023 52.5365105878454699, 6.44372334535463676 52.54151178365874841, 6.45793139861243848 52.54424267956294159, 6.47799046773835929 52.54528444688430255, 6.4804057767167027 52.54737141339512618, 6.4804057767167027 52.54737141339512618)))</t>
  </si>
  <si>
    <t>MultiPolygon (((6.43583374006125108 52.53988487880597802, 6.44372334535463676 52.54151178365874841, 6.44504756097358023 52.5365105878454699, 6.43725252934838998 52.53505343732687294, 6.43744151411765397 52.53451278645152911, 6.43534528872815681 52.53418582858479624, 6.43313739020263675 52.53919898329850469, 6.43583374006125108 52.53988487880597802, 6.43583374006125108 52.53988487880597802)))</t>
  </si>
  <si>
    <t>MultiPolygon (((6.43534528872815681 52.53418582858479624, 6.43744151411765397 52.53451278645152911, 6.43725252934838998 52.53505343732687294, 6.44504756097358023 52.5365105878454699, 6.44541884500931417 52.52932015281544409, 6.44175901007819807 52.53041122131221385, 6.43923624887791579 52.53040086730535307, 6.43689030156308206 52.53007890109247313, 6.43528883750489289 52.53398724500824812, 6.43534528872815681 52.53418582858479624, 6.43534528872815681 52.53418582858479624)))</t>
  </si>
  <si>
    <t>MultiPolygon (((6.42621993965528393 52.52199267391474535, 6.42583286591012648 52.52333198359436039, 6.42492214383259963 52.52329541868669338, 6.42522704528156741 52.52468431479310595, 6.4268726912317593 52.52445455232279414, 6.42821736900572738 52.52123064685032006, 6.42621993965528393 52.52199267391474535, 6.42621993965528393 52.52199267391474535)))</t>
  </si>
  <si>
    <t>MultiPolygon (((6.43455371336232584 52.5338951930570488, 6.43528883750489289 52.53398724500824812, 6.43689030156308206 52.53007890109247313, 6.43725961726276452 52.52899408909404144, 6.43382350536829328 52.52884492734184363, 6.43352549460646017 52.52930327052509085, 6.43455371336232584 52.5338951930570488, 6.43455371336232584 52.5338951930570488)))</t>
  </si>
  <si>
    <t>MultiPolygon (((6.42317483734214267 52.53558255345744499, 6.42594462470524874 52.53648010008284785, 6.42641948184316369 52.53392141038738572, 6.42625007154797601 52.53009855848048204, 6.42349056810652819 52.52905862474938203, 6.42257123140132435 52.53456333704095016, 6.42317483734214267 52.53558255345744499, 6.42317483734214267 52.53558255345744499)))</t>
  </si>
  <si>
    <t>MultiPolygon (((6.42641948184316369 52.53392141038738572, 6.43455371336232584 52.5338951930570488, 6.43352549460646017 52.52930327052509085, 6.42625007154797601 52.53009855848048204, 6.42641948184316369 52.53392141038738572, 6.42641948184316369 52.53392141038738572)))</t>
  </si>
  <si>
    <t>MultiPolygon (((6.41393063550226916 52.53278370977572109, 6.42317483734214267 52.53558255345744499, 6.42257123140132435 52.53456333704095016, 6.42349056810652819 52.52905862474938203, 6.42155138422072103 52.52891662323723665, 6.41983149970374356 52.52937480809967496, 6.41393063550226916 52.53278370977572109, 6.41393063550226916 52.53278370977572109)))</t>
  </si>
  <si>
    <t>MultiPolygon (((6.42594462470524874 52.53648010008284785, 6.43313739020263675 52.53919898329850469, 6.43534528872815681 52.53418582858479624, 6.43528883750489289 52.53398724500824812, 6.43455371336232584 52.5338951930570488, 6.42641948184316369 52.53392141038738572, 6.42594462470524874 52.53648010008284785, 6.42594462470524874 52.53648010008284785)))</t>
  </si>
  <si>
    <t>MultiPolygon (((6.43382350536829328 52.52884492734184363, 6.43725961726276452 52.52899408909404144, 6.43906159872358863 52.52374175579554816, 6.43061768403313661 52.52187328966591195, 6.43001251027933218 52.52331283296030051, 6.43021803033978845 52.52425959392822818, 6.43375566131622634 52.52489742705648723, 6.43382350536829328 52.52884492734184363, 6.43382350536829328 52.52884492734184363)))</t>
  </si>
  <si>
    <t>MultiPolygon (((6.43001251027933218 52.52331283296030051, 6.43061768403313661 52.52187328966591195, 6.43906159872358863 52.52374175579554816, 6.43988503507377619 52.52417610096443212, 6.44022500743424242 52.52201042425257782, 6.42834539118215353 52.51805612696789893, 6.42408910441085634 52.51761365074375476, 6.425376106737823 52.52060980061384754, 6.42621993965528393 52.52199267391474535, 6.42821736900572738 52.52123064685032006, 6.42909528392596297 52.52190417932495592, 6.4287115138646822 52.52315559499659514, 6.43001251027933218 52.52331283296030051, 6.43001251027933218 52.52331283296030051)))</t>
  </si>
  <si>
    <t>MultiPolygon (((6.40830195801515057 52.5293652898015182, 6.4093379575326983 52.52770186777512151, 6.40841150447877439 52.5268766596241008, 6.40907751482453492 52.52624960951514765, 6.41356452104920205 52.52550114502913203, 6.41545661497651842 52.52636821717323556, 6.41770354836168266 52.52517962756373748, 6.41496008606782198 52.52326183356775857, 6.41246179121776283 52.51984418267252153, 6.40117691837594638 52.52311968103273898, 6.40830195801515057 52.5293652898015182, 6.40830195801515057 52.5293652898015182)))</t>
  </si>
  <si>
    <t>MultiPolygon (((6.4108425022080695 52.53348970674447571, 6.41118565160777809 52.53422833587823959, 6.41393063550226916 52.53278370977572109, 6.41983149970374356 52.52937480809967496, 6.41770354836168266 52.52517962756373748, 6.41545661497651842 52.52636821717323556, 6.41356452104920205 52.52550114502913203, 6.40907751482453492 52.52624960951514765, 6.40841150447877439 52.5268766596241008, 6.4093379575326983 52.52770186777512151, 6.40830195801515057 52.5293652898015182, 6.4108425022080695 52.53348970674447571, 6.4108425022080695 52.53348970674447571)))</t>
  </si>
  <si>
    <t>MultiPolygon (((6.40741082232949122 52.5083322632812326, 6.42153699877370077 52.51028798164374223, 6.42651735681336245 52.51044127933772643, 6.42607454212993989 52.50625593725350626, 6.42364634468491502 52.50233936930520429, 6.42184970012052947 52.50073595893504574, 6.41930592625926355 52.50168628552772532, 6.41964617433591567 52.50327258217425452, 6.41416431132061238 52.50362368588866957, 6.40894871746447592 52.5050108889658631, 6.40689090408369832 52.50717914315905688, 6.40741082232949122 52.5083322632812326, 6.40741082232949122 52.5083322632812326)))</t>
  </si>
  <si>
    <t>MultiPolygon (((6.41962712248254608 52.51757142915913334, 6.42373680466437857 52.51705630626172905, 6.43093670629759373 52.51648394972279021, 6.43061331231070188 52.51512430367164086, 6.42690851423434051 52.51141475017365678, 6.42727905224255291 52.51041606811062223, 6.42651735681336245 52.51044127933772643, 6.42153699877370077 52.51028798164374223, 6.40741082232949122 52.5083322632812326, 6.40828788374559011 52.51110651490689918, 6.40732203871501405 52.51105964027293282, 6.4067945545575844 52.51367620050429252, 6.41382901401334937 52.51472839784269553, 6.41980946310198952 52.5171392933021508, 6.41962712248254608 52.51757142915913334, 6.41962712248254608 52.51757142915913334)))</t>
  </si>
  <si>
    <t>MultiPolygon (((6.43093670629759373 52.51648394972279021, 6.43818416758207945 52.51777258754981403, 6.44368247441838804 52.51590193829687081, 6.44887810754070934 52.51507540077509617, 6.45086681649493787 52.51533375680233462, 6.4611449006757411 52.51992978366467213, 6.45964428748596653 52.5164197403015649, 6.45943051006026714 52.51235926660303477, 6.4616617221973387 52.50973023832380449, 6.42727905224255291 52.51041606811062223, 6.42690851423434051 52.51141475017365678, 6.43061331231070188 52.51512430367164086, 6.43093670629759373 52.51648394972279021, 6.43093670629759373 52.51648394972279021)))</t>
  </si>
  <si>
    <t>MultiPolygon (((6.38936021797857201 52.55187543373960324, 6.40253372323467751 52.55441465963628644, 6.40378931819237263 52.55233466075659265, 6.41424227722703488 52.56076985591625572, 6.41783309067663943 52.56455583658880215, 6.42291281505544021 52.56531964988240446, 6.42332958903541318 52.56111729953831002, 6.42241090650945523 52.55820551429984278, 6.41157663428347213 52.53712959185440212, 6.41118565160777809 52.53422833587823959, 6.4108425022080695 52.53348970674447571, 6.40623361766170785 52.54292254749208269, 6.39767159858814782 52.54065938207322972, 6.38936021797857201 52.55187543373960324, 6.38936021797857201 52.55187543373960324)))</t>
  </si>
  <si>
    <t>MultiPolygon (((6.4322673025688184 52.57090224907834397, 6.43965694079094675 52.56935863038699353, 6.44491031659748881 52.56929658448135712, 6.44360213669282089 52.56837274738693111, 6.44130927811270571 52.56833661225616794, 6.4457415778566558 52.56323521012330247, 6.43244390229117169 52.56192663111115593, 6.43405529689148725 52.55922304839585735, 6.42471808479927198 52.55613607723222458, 6.4336105035781177 52.54101212000929877, 6.43583374006125108 52.53988487880597802, 6.43313739020263675 52.53919898329850469, 6.42594462470524874 52.53648010008284785, 6.42317483734214267 52.53558255345744499, 6.41393063550226916 52.53278370977572109, 6.41118565160777809 52.53422833587823959, 6.41157663428347213 52.53712959185440212, 6.42241090650945523 52.55820551429984278, 6.42332958903541318 52.56111729953831002, 6.42291281505544021 52.56531964988240446, 6.42581422935001534 52.5613616253720437, 6.4271407335925117 52.56149060719254607, 6.43151425210743799 52.56388049321530076, 6.43313749606705354 52.56551687358579983, 6.43390686891871777 52.56807642799073932, 6.4322673025688184 52.57090224907834397, 6.4322673025688184 52.57090224907834397)))</t>
  </si>
  <si>
    <t>MultiPolygon (((6.38936021797857201 52.55187543373960324, 6.39767159858814782 52.54065938207322972, 6.40623361766170785 52.54292254749208269, 6.4108425022080695 52.53348970674447571, 6.40830195801515057 52.5293652898015182, 6.40117691837594638 52.52311968103273898, 6.41246179121776283 52.51984418267252153, 6.41331563168020402 52.5189020934603974, 6.40510976836432544 52.51767999193745595, 6.39723042267962327 52.51802050693423496, 6.38973523812179245 52.51547513173979809, 6.38396520673590206 52.514746838762143, 6.38129638832680612 52.51369286527867786, 6.37681458162151404 52.51284593622661134, 6.37274309540312256 52.5133039383046949, 6.36141391198971284 52.51766033180122406, 6.35758038747167653 52.52095169229232852, 6.34623047114334149 52.52055025915543496, 6.34827384530362515 52.5223589335552532, 6.35135126084131851 52.52369816146213566, 6.35326678413047485 52.52289860472350114, 6.36154884372295903 52.52453078430217204, 6.3607225871109474 52.52688016693869599, 6.35836803012272522 52.52910584293123719, 6.35137353942467975 52.54273444270606319, 6.35494191560161781 52.54364327542769075, 6.35758328549528517 52.5461139581451846, 6.3679660449126585 52.54730061127114027, 6.37524856407590779 52.54937959737763009, 6.38936021797857201 52.55187543373960324, 6.38936021797857201 52.55187543373960324)))</t>
  </si>
  <si>
    <t>MultiPolygon (((6.42651735681336245 52.51044127933772643, 6.42727905224255291 52.51041606811062223, 6.4616617221973387 52.50973023832380449, 6.4680826633753794 52.50918908680172592, 6.47546395885383141 52.50277210756335933, 6.44304734520832323 52.49493999386332632, 6.4472611726169422 52.49297670788307357, 6.44593209049241711 52.4904474567652386, 6.43824412337210994 52.49163907023854847, 6.43628950485065499 52.48937998918550107, 6.4343732894668797 52.49149963530500429, 6.43075894402275416 52.49181032817856618, 6.42532776684849072 52.48978674229473285, 6.42598746865240322 52.48809529353732728, 6.42351697032297064 52.48624558862569245, 6.42374618888313087 52.48783075441927082, 6.42265324713079 52.48944519880829773, 6.41917797747217289 52.49013738341184876, 6.41784654386676756 52.49132556184513021, 6.41645370232376866 52.49518423361940478, 6.41219260625437304 52.49891331741574874, 6.417054801028371 52.50091231907283884, 6.41943487441717675 52.50106254036475661, 6.41930592625926355 52.50168628552772532, 6.42184970012052947 52.50073595893504574, 6.42364634468491502 52.50233936930520429, 6.42607454212993989 52.50625593725350626, 6.42651735681336245 52.51044127933772643, 6.42651735681336245 52.51044127933772643)))</t>
  </si>
  <si>
    <t>MultiPolygon (((6.48504094266276976 52.4903988839811646, 6.48988061389393156 52.48602725835819172, 6.49666676350960692 52.48659825317809435, 6.49742757987938635 52.48129246431324901, 6.49480890766522467 52.48100208633918129, 6.4957896735348859 52.47925619354814586, 6.49250400754474466 52.47925863417641779, 6.48857595358589379 52.47686220772826005, 6.47840512492060494 52.4776045005182894, 6.47244244602655261 52.47568832526307148, 6.46545151716999822 52.47511546259190851, 6.46150440740964704 52.47334066492371818, 6.4616214294096439 52.47225893296693044, 6.46071357284695402 52.47195425719947792, 6.46144938795002144 52.47136270107237976, 6.45868242870918774 52.46997465132768923, 6.45426013023848366 52.46931905933268325, 6.45291243893003852 52.47004781192477907, 6.45364510197220387 52.47131620723929757, 6.45444815256871696 52.4748111380389588, 6.45323654752259834 52.47663802245208586, 6.44040653347099656 52.47905295410659221, 6.43571388031131164 52.48183869464332219, 6.43445243272031586 52.4843922121329598, 6.43628950485065499 52.48937998918550107, 6.43824412337210994 52.49163907023854847, 6.44593209049241711 52.4904474567652386, 6.4472611726169422 52.49297670788307357, 6.44304734520832323 52.49493999386332632, 6.47546395885383141 52.50277210756335933, 6.48504094266276976 52.4903988839811646, 6.48504094266276976 52.4903988839811646)))</t>
  </si>
  <si>
    <t>MultiPolygon (((6.4611449006757411 52.51992978366467213, 6.47069014494944916 52.52246622290856237, 6.48107360852882941 52.52871718616777486, 6.48596080030806821 52.53054497688050617, 6.48805884052493109 52.53100272717144037, 6.49219305610788133 52.53074557172217141, 6.49886377719335684 52.52764110305147227, 6.50355736967874876 52.52244723576534113, 6.50742692147064439 52.51601538294161031, 6.50471855566641199 52.51167607624430644, 6.50527509990069941 52.50663758405135439, 6.5064650843607339 52.50527816811015924, 6.51041223167275795 52.50515867184495988, 6.50803644567224548 52.49835211140186431, 6.5124212436278377 52.49746225209371175, 6.51516399111791067 52.49850407838560074, 6.51241857527623758 52.49449313495517799, 6.51581408183949762 52.49398722715297794, 6.5184765741298536 52.49470602428982602, 6.51872631710824901 52.49210483022509521, 6.51571526053173589 52.49221085198868764, 6.50978749901747999 52.49066645977294598, 6.50546875131645752 52.49096261412964282, 6.50377316342752199 52.48172168176893138, 6.49742757987938635 52.48129246431324901, 6.49666676350960692 52.48659825317809435, 6.48988061389393156 52.48602725835819172, 6.48504094266276976 52.4903988839811646, 6.47546395885383141 52.50277210756335933, 6.4680826633753794 52.50918908680172592, 6.4616617221973387 52.50973023832380449, 6.45943051006026714 52.51235926660303477, 6.45964428748596653 52.5164197403015649, 6.4611449006757411 52.51992978366467213)))</t>
  </si>
  <si>
    <t>MultiPolygon (((6.42625007154797601 52.53009855848048204, 6.43352549460646017 52.52930327052509085, 6.43382350536829328 52.52884492734184363, 6.43375566131622634 52.52489742705648723, 6.43021803033978845 52.52425959392822818, 6.43001251027933218 52.52331283296030051, 6.4287115138646822 52.52315559499659514, 6.42909528392596297 52.52190417932495592, 6.42821736900572738 52.52123064685032006, 6.4268726912317593 52.52445455232279414, 6.42522704528156741 52.52468431479310595, 6.42294933287635672 52.52872231397113012, 6.42155138422072103 52.52891662323723665, 6.42349056810652819 52.52905862474938203, 6.42625007154797601 52.53009855848048204, 6.42625007154797601 52.53009855848048204)))</t>
  </si>
  <si>
    <t>MultiPolygon (((6.41331563168020402 52.5189020934603974, 6.41578062572115471 52.5180348364995595, 6.41962712248254608 52.51757142915913334, 6.41980946310198952 52.5171392933021508, 6.41382901401334937 52.51472839784269553, 6.4067945545575844 52.51367620050429252, 6.40732203871501405 52.51105964027293282, 6.40828788374559011 52.51110651490689918, 6.40741082232949122 52.5083322632812326, 6.40689090408369832 52.50717914315905688, 6.40894871746447592 52.5050108889658631, 6.41416431132061238 52.50362368588866957, 6.41964617433591567 52.50327258217425452, 6.41930592625926355 52.50168628552772532, 6.41943487441717675 52.50106254036475661, 6.417054801028371 52.50091231907283884, 6.41219260625437304 52.49891331741574874, 6.40962134353892576 52.50111124479827396, 6.40004705007510566 52.50505505251815208, 6.39860479765521539 52.50759466628350935, 6.38729521914868315 52.50676658269957642, 6.38978692674502469 52.51250751969478614, 6.38644145959561982 52.51384865033217864, 6.38129638832680612 52.51369286527867786, 6.38396520673590206 52.514746838762143, 6.38973523812179245 52.51547513173979809, 6.39723042267962327 52.51802050693423496, 6.40510976836432544 52.51767999193745595, 6.41331563168020402 52.5189020934603974, 6.41331563168020402 52.5189020934603974)))</t>
  </si>
  <si>
    <t>MultiPolygon (((6.41983149970374356 52.52937480809967496, 6.42155138422072103 52.52891662323723665, 6.42294933287635672 52.52872231397113012, 6.42522704528156741 52.52468431479310595, 6.42492214383259963 52.52329541868669338, 6.42583286591012648 52.52333198359436039, 6.42621993965528393 52.52199267391474535, 6.425376106737823 52.52060980061384754, 6.42228785518045964 52.52107721386554573, 6.41628182357124999 52.51941731722284601, 6.41578062572115471 52.5180348364995595, 6.41331563168020402 52.5189020934603974, 6.41246179121776283 52.51984418267252153, 6.41496008606782198 52.52326183356775857, 6.41770354836168266 52.52517962756373748, 6.41983149970374356 52.52937480809967496, 6.41983149970374356 52.52937480809967496)))</t>
  </si>
  <si>
    <t>MultiPolygon (((6.43689030156308206 52.53007890109247313, 6.43923624887791579 52.53040086730535307, 6.43951704021463023 52.52807070163597558, 6.44543962194910502 52.52386911430546235, 6.4477271471543931 52.52082640649175715, 6.44406406614202432 52.51959829622676779, 6.44368247441838804 52.51590193829687081, 6.43818416758207945 52.51777258754981403, 6.43093670629759373 52.51648394972279021, 6.42373680466437857 52.51705630626172905, 6.42408910441085634 52.51761365074375476, 6.42834539118215353 52.51805612696789893, 6.44022500743424242 52.52201042425257782, 6.43988503507377619 52.52417610096443212, 6.43906159872358863 52.52374175579554816, 6.43725961726276452 52.52899408909404144, 6.43689030156308206 52.53007890109247313, 6.43689030156308206 52.53007890109247313)))</t>
  </si>
  <si>
    <t>MultiPolygon (((6.41578062572115471 52.5180348364995595, 6.41628182357124999 52.51941731722284601, 6.42228785518045964 52.52107721386554573, 6.425376106737823 52.52060980061384754, 6.42408910441085634 52.51761365074375476, 6.42373680466437857 52.51705630626172905, 6.41962712248254608 52.51757142915913334, 6.41578062572115471 52.5180348364995595, 6.41578062572115471 52.5180348364995595)))</t>
  </si>
  <si>
    <t>MultiPolygon (((6.9309693608256957 52.32945961118380751, 6.93044186981016708 52.33001220352754501, 6.93226128633409022 52.33120989847219562, 6.93190534322048624 52.33275560667659221, 6.93753101319334586 52.332836279364777, 6.93465595878228669 52.32271086647811131, 6.94279324728780889 52.32217159894130987, 6.94586151747372504 52.32099621940598411, 6.94494577605631491 52.31976389734079191, 6.95013910617377029 52.31935734365428203, 6.95019387919779064 52.31738906529606226, 6.94186394232455495 52.31784241155309445, 6.93797090059559807 52.32041911942454249, 6.93421846315644252 52.32097681295661573, 6.93419025465030359 52.32723082372018553, 6.9309693608256957 52.32945961118380751, 6.9309693608256957 52.32945961118380751)))</t>
  </si>
  <si>
    <t>MultiPolygon (((6.91279378326229477 52.3305709387016762, 6.91818913146096737 52.330799738775994, 6.92459938040554768 52.32999031531498701, 6.9309693608256957 52.32945961118380751, 6.93419025465030359 52.32723082372018553, 6.93421846315644252 52.32097681295661573, 6.9302579319803721 52.32073338779498783, 6.92463621717539723 52.31891940751163617, 6.92231383631052299 52.32140442379645151, 6.92016314717656122 52.3261777651389437, 6.91280097879471533 52.32991047289639397, 6.91279378326229477 52.3305709387016762, 6.91279378326229477 52.3305709387016762)))</t>
  </si>
  <si>
    <t>MultiPolygon (((6.88777872972501815 52.32205757396292256, 6.89474029810300593 52.32495391187870837, 6.89715828454558277 52.3282133612931446, 6.89814054748249728 52.3281458559616155, 6.90064600722712651 52.33346019165717422, 6.90622635896061432 52.33261131203928329, 6.91279378326229477 52.3305709387016762, 6.91280097879471533 52.32991047289639397, 6.92016314717656122 52.3261777651389437, 6.92231383631052299 52.32140442379645151, 6.92463621717539723 52.31891940751163617, 6.91779852579094356 52.3160291374617259, 6.91394154076088352 52.31702901755024726, 6.91091586008292769 52.31907706221886656, 6.90693782242739118 52.32037725654581806, 6.90550646900584297 52.32066427916916496, 6.89994625687158347 52.31917335086310317, 6.88777872972501815 52.32205757396292256, 6.88777872972501815 52.32205757396292256)))</t>
  </si>
  <si>
    <t>MultiPolygon (((6.88560472109974775 52.32125240678387001, 6.88633426365744761 52.32228212222396735, 6.88777872972501815 52.32205757396292256, 6.89994625687158347 52.31917335086310317, 6.90550646900584297 52.32066427916916496, 6.90693782242739118 52.32037725654581806, 6.91091586008292769 52.31907706221886656, 6.91394154076088352 52.31702901755024726, 6.91779852579094356 52.3160291374617259, 6.91064931871181898 52.30756277249739128, 6.89961575490832058 52.31104793395662256, 6.88892194512812139 52.31158243145426923, 6.88914884118862947 52.31502124654671348, 6.89010027319485019 52.31629448182882669, 6.8895080885464921 52.31759153944256724, 6.88433151693701539 52.31845235513372927, 6.88560472109974775 52.32125240678387001, 6.88560472109974775 52.32125240678387001)))</t>
  </si>
  <si>
    <t>MultiPolygon (((6.88433151693701539 52.31845235513372927, 6.8895080885464921 52.31759153944256724, 6.89010027319485019 52.31629448182882669, 6.88914884118862947 52.31502124654671348, 6.88892194512812139 52.31158243145426923, 6.89961575490832058 52.31104793395662256, 6.91064931871181898 52.30756277249739128, 6.90541583244231916 52.30421901509205895, 6.87967396169269474 52.29483994653017476, 6.87271959334495541 52.29736301574378388, 6.86529828096208838 52.29722132678835322, 6.85978137592001236 52.29867441422006635, 6.86073323692850146 52.30334456615120331, 6.861484477239288 52.30399913354818153, 6.86134934620988002 52.30636686296162452, 6.86357237175391166 52.30734818745161618, 6.86504116192506508 52.30679988891210996, 6.8671104969405512 52.30829689748124878, 6.86704982226258753 52.3103112618192938, 6.86836811504421707 52.31061177586738609, 6.86934039112908845 52.31211925937449081, 6.87093327541416521 52.31190207845622098, 6.87177081053056416 52.31260986526311285, 6.87699060085502634 52.31226220954055606, 6.87986862475066996 52.31901438029564844, 6.88433151693701539 52.31845235513372927, 6.88433151693701539 52.31845235513372927)))</t>
  </si>
  <si>
    <t>MultiPolygon (((6.91064931871181898 52.30756277249739128, 6.914222293188236 52.30680110714475006, 6.91842542406551431 52.3061352130628876, 6.92168158839647862 52.30400584321725432, 6.90874663574350834 52.30054933663022609, 6.89264513282947533 52.29453245049428034, 6.88793185379403994 52.29276223524465905, 6.88388979741506102 52.29395309715016538, 6.87990235356863078 52.29371917514210821, 6.87967396169269474 52.29483994653017476, 6.90541583244231916 52.30421901509205895, 6.91064931871181898 52.30756277249739128, 6.91064931871181898 52.30756277249739128)))</t>
  </si>
  <si>
    <t>MultiPolygon (((6.92168158839647862 52.30400584321725432, 6.93058089120519139 52.30596654337185925, 6.93143034860256346 52.30416843344117694, 6.93147097985343841 52.29957594257901121, 6.92992755849908448 52.28798920594584843, 6.91876922950405593 52.28903796933521164, 6.90191267346336357 52.29336432097701248, 6.89264513282947533 52.29453245049428034, 6.90874663574350834 52.30054933663022609, 6.92168158839647862 52.30400584321725432, 6.92168158839647862 52.30400584321725432)))</t>
  </si>
  <si>
    <t>MultiPolygon (((6.88793185379403994 52.29276223524465905, 6.89264513282947533 52.29453245049428034, 6.90191267346336357 52.29336432097701248, 6.91876922950405593 52.28903796933521164, 6.92992755849908448 52.28798920594584843, 6.93707542894169027 52.28861956602733585, 6.9391705055604822 52.28386937610876828, 6.91874626993790631 52.28360609711432971, 6.9135869408374937 52.28216813834614385, 6.91212714107899728 52.28550574747621482, 6.89449750788621696 52.29353812687359948, 6.88948027979644628 52.29246696857609322, 6.88793185379403994 52.29276223524465905, 6.88793185379403994 52.29276223524465905)))</t>
  </si>
  <si>
    <t>MultiPolygon (((6.94046838835115754 52.30679828967695499, 6.9494575822805924 52.30690845091841368, 6.94466607891707 52.30068614949843209, 6.94317682817950832 52.30009721654538168, 6.94187360711106116 52.29864634881760566, 6.94505727122087002 52.29526011616195547, 6.94634548282598807 52.29270677589968841, 6.94063192927809247 52.29038403196439333, 6.9359138263459803 52.29060179993266644, 6.93707542894169027 52.28861956602733585, 6.92992755849908448 52.28798920594584843, 6.93147097985343841 52.29957594257901121, 6.93143034860256346 52.30416843344117694, 6.93058089120519139 52.30596654337185925, 6.94046838835115754 52.30679828967695499, 6.94046838835115754 52.30679828967695499)))</t>
  </si>
  <si>
    <t>MultiPolygon (((6.94186394232455495 52.31784241155309445, 6.95019387919779064 52.31738906529606226, 6.94966412453759563 52.31602505159148109, 6.94842088440509986 52.31598561773058975, 6.94775357552263895 52.31409883740829514, 6.94865955970529292 52.31343825562215955, 6.95017560966510839 52.30849030691357626, 6.9494575822805924 52.30690845091841368, 6.94046838835115754 52.30679828967695499, 6.93788772877040127 52.30901036317666808, 6.93322881463715301 52.31089406562408328, 6.93343757799104843 52.31462064698190773, 6.934979893480965 52.3166550893684672, 6.94186394232455495 52.31784241155309445)))</t>
  </si>
  <si>
    <t>MultiPolygon (((6.9302579319803721 52.32073338779498783, 6.93421846315644252 52.32097681295661573, 6.93797090059559807 52.32041911942454249, 6.94186394232455495 52.31784241155309445, 6.934979893480965 52.3166550893684672, 6.93042767248964253 52.31567844346192686, 6.93120551583801259 52.31762920731728883, 6.9302579319803721 52.32073338779498783, 6.9302579319803721 52.32073338779498783)))</t>
  </si>
  <si>
    <t>MultiPolygon (((6.92463621717539723 52.31891940751163617, 6.9302579319803721 52.32073338779498783, 6.93120551583801259 52.31762920731728883, 6.93042767248964253 52.31567844346192686, 6.92663117146339324 52.31535662234585971, 6.92412238219491805 52.31389338599463912, 6.92429281480358583 52.31164912203752237, 6.914222293188236 52.30680110714475006, 6.91064931871181898 52.30756277249739128, 6.91779852579094356 52.3160291374617259, 6.92463621717539723 52.31891940751163617, 6.92463621717539723 52.31891940751163617)))</t>
  </si>
  <si>
    <t>MultiPolygon (((6.92429281480358583 52.31164912203752237, 6.92726140328419504 52.30973621947807572, 6.92738021080571542 52.30867022885195183, 6.92953774309031534 52.30899573606946262, 6.93322881463715301 52.31089406562408328, 6.93788772877040127 52.30901036317666808, 6.94046838835115754 52.30679828967695499, 6.93058089120519139 52.30596654337185925, 6.92168158839647862 52.30400584321725432, 6.91842542406551431 52.3061352130628876, 6.914222293188236 52.30680110714475006, 6.92429281480358583 52.31164912203752237, 6.92429281480358583 52.31164912203752237)))</t>
  </si>
  <si>
    <t>MultiPolygon (((6.93042767248964253 52.31567844346192686, 6.934979893480965 52.3166550893684672, 6.93343757799104843 52.31462064698190773, 6.93322881463715301 52.31089406562408328, 6.92953774309031534 52.30899573606946262, 6.92738021080571542 52.30867022885195183, 6.92726140328419504 52.30973621947807572, 6.92429281480358583 52.31164912203752237, 6.92412238219491805 52.31389338599463912, 6.92663117146339324 52.31535662234585971, 6.93042767248964253 52.31567844346192686, 6.93042767248964253 52.31567844346192686)))</t>
  </si>
  <si>
    <t>MultiPolygon (((5.77163854372887108 52.61966254319865044, 5.76835382071744451 52.62551140790105819, 5.77124889581514289 52.63804448316044216, 5.77132485755410229 52.64452033335555114, 5.76691423243574519 52.6461433074179368, 5.76009367555564378 52.64626182152191802, 5.76010905885056967 52.64816099806423466, 5.76163201383489909 52.64919311329676077, 5.77067385170948199 52.64917167780862428, 5.7706692271709672 52.64868199575129637, 5.77271095524472155 52.64867361985971428, 5.77455916937703151 52.65138282748139176, 5.77445483277217608 52.6576335327151881, 5.77513943683825559 52.65837770321080313, 5.77813356353867213 52.65844764577192194, 5.77986333533728214 52.65770655744472606, 5.78158489988251478 52.65632081927692809, 5.78160271853935281 52.6551560167022501, 5.77879718554814037 52.65343130629809565, 5.77866861543995736 52.64291034950558412, 5.77656412290453325 52.62615639234584819, 5.77442072313931742 52.62305920807484227, 5.77445036312359417 52.62011895395195182, 5.77324677510365447 52.6193436945324251, 5.77163854372887108 52.61966254319865044, 5.77163854372887108 52.61966254319865044)))</t>
  </si>
  <si>
    <t>MultiPolygon (((5.74880735674420063 52.83967958266816112, 5.78438214199708689 52.81747574468877104, 5.78737549197018541 52.80896901140739175, 5.75324510863421956 52.7930067705391437, 5.73178510266519314 52.78943988176855839, 5.70285150845998778 52.78981455169354575, 5.70265949923338056 52.78251248577478094, 5.69821600744407153 52.78255703663641896, 5.69802451115237485 52.77541187918767918, 5.69032249879627638 52.77548404625321155, 5.68951246398617716 52.78239277631085713, 5.68099868844531208 52.78284309394768314, 5.67960231029498708 52.78337907660068851, 5.68024436491859319 52.78457343629326459, 5.63359300277831743 52.80222205197619445, 5.65972139379166617 52.82766814192259375, 5.66340518501176504 52.83008661986639964, 5.66958723098250772 52.83173382278057773, 5.70981496205984218 52.83466442982532385, 5.7120285418552097 52.83569374175465327, 5.7130813657742161 52.83802724127794903, 5.72269907010370282 52.83607463316578645, 5.7286634382387609 52.83339800917856621, 5.72957399379298238 52.83372655529360884, 5.72724729043095859 52.83691619516283566, 5.72482388031273981 52.84362330654308693, 5.72468198639461079 52.84398224129240873, 5.7457189198390175 52.84023622777546336, 5.74880735674420063 52.83967958266816112, 5.74880735674420063 52.83967958266816112),(5.69063342620864177 52.80360468009959618, 5.69726762569689171 52.80114708553114156, 5.70265108265081277 52.804185810576584, 5.70287415284385091 52.8091125937469883, 5.69423972354015095 52.80828209559909681, 5.69250778031823224 52.80644204443380829, 5.69128891378918933 52.80644508081714861, 5.68734777504943079 52.80485169479985785, 5.69063342620864177 52.80360468009959618, 5.69063342620864177 52.80360468009959618)))</t>
  </si>
  <si>
    <t>MultiPolygon (((5.69128891378918933 52.80644508081714861, 5.69305037883933185 52.80583943338405817, 5.69063342620864177 52.80360468009959618, 5.68734777504943079 52.80485169479985785, 5.69128891378918933 52.80644508081714861, 5.69128891378918933 52.80644508081714861)))</t>
  </si>
  <si>
    <t>MultiPolygon (((5.69128891378918933 52.80644508081714861, 5.69250778031823224 52.80644204443380829, 5.69423972354015095 52.80828209559909681, 5.70287415284385091 52.8091125937469883, 5.70265108265081277 52.804185810576584, 5.69726762569689171 52.80114708553114156, 5.69063342620864177 52.80360468009959618, 5.69305037883933185 52.80583943338405817, 5.69128891378918933 52.80644508081714861, 5.69128891378918933 52.80644508081714861)))</t>
  </si>
  <si>
    <t>MultiPolygon (((5.63359300277831743 52.80222205197619445, 5.68024436491859319 52.78457343629326459, 5.67960231029498708 52.78337907660068851, 5.68099868844531208 52.78284309394768314, 5.68951246398617716 52.78239277631085713, 5.69032249879627638 52.77548404625321155, 5.69802451115237485 52.77541187918767918, 5.70247460361269987 52.77536425027712141, 5.70227996345442456 52.76810453764686315, 5.71117910320253497 52.76800853671042546, 5.71097116530495175 52.76029235445118815, 5.69621565604793645 52.76043420746690771, 5.69587703707609982 52.74574212512606408, 5.6086494689053632 52.74648077531471557, 5.60869828657237068 52.74789745576060085, 5.59487784330278526 52.74800055411400024, 5.59517196118025595 52.76262582780154986, 5.5965828717803312 52.76605810618564618, 5.63359300277831743 52.80222205197619445, 5.63359300277831743 52.80222205197619445),(5.66577819134619443 52.76102092581722758, 5.66956383785120188 52.76098829961725301, 5.66964218973635248 52.7644397536695493, 5.66520075398349832 52.76447676381251028, 5.66526938490661269 52.76741861720286408, 5.655765430491412 52.76508841358419488, 5.651888723998713 52.76133332151362509, 5.660890202497459 52.76105632165145209, 5.663300638892661 52.76097699183247869, 5.66577819134619443 52.76102092581722758, 5.66577819134619443 52.76102092581722758)))</t>
  </si>
  <si>
    <t>MultiPolygon (((5.660890202497459 52.76105632165145209, 5.66300880776276294 52.76285366117685527, 5.66300160425968446 52.76228577623602689, 5.66569362304807544 52.76225485737354859, 5.66577819134619443 52.76102092581722758, 5.663300638892661 52.76097699183247869, 5.660890202497459 52.76105632165145209, 5.660890202497459 52.76105632165145209)))</t>
  </si>
  <si>
    <t>MultiPolygon (((5.660890202497459 52.76105632165145209, 5.651888723998713 52.76133332151362509, 5.655765430491412 52.76508841358419488, 5.66526938490661269 52.76741861720286408, 5.66520075398349832 52.76447676381251028, 5.66964218973635248 52.7644397536695493, 5.66956383785120188 52.76098829961725301, 5.66577819134619443 52.76102092581722758, 5.66569362304807544 52.76225485737354859, 5.66300160425968446 52.76228577623602689, 5.66300880776276294 52.76285366117685527, 5.660890202497459 52.76105632165145209, 5.660890202497459 52.76105632165145209)))</t>
  </si>
  <si>
    <t>MultiPolygon (((5.59487784330278526 52.74800055411400024, 5.60869828657237068 52.74789745576060085, 5.6086494689053632 52.74648077531471557, 5.69587703707609982 52.74574212512606408, 5.69516444812478806 52.716430395856122, 5.69295949280187497 52.71645093609735966, 5.69284115911958111 52.70907020399516085, 5.6911578273285448 52.70908499617138432, 5.69098016356974146 52.70174091279945827, 5.68227445107891782 52.70180592528055286, 5.68224946433553146 52.70099664747375812, 5.65753501044634088 52.70124132396244931, 5.65755328867255791 52.70204730252328318, 5.59384650411804252 52.7021825847534231, 5.59487784330278526 52.74800055411400024, 5.59487784330278526 52.74800055411400024),(5.64079978729986919 52.71906136714264335, 5.64076044889090422 52.71712333810731366, 5.64537541358305539 52.71708643268618744, 5.64548286041235059 52.72202072944936191, 5.64517048226237161 52.72715201464147583, 5.64142754127789292 52.72720874452476636, 5.64144889994205023 52.72523466134985881, 5.63619851508644043 52.72527729216295, 5.63609672097261427 52.72058340695718215, 5.64083002548105572 52.72055150737902807, 5.64079978729986919 52.71906136714264335, 5.64079978729986919 52.71906136714264335)))</t>
  </si>
  <si>
    <t>MultiPolygon (((5.64079978729986919 52.71906136714264335, 5.64432031510222298 52.71902655253052927, 5.64548286041235059 52.72202072944936191, 5.64537541358305539 52.71708643268618744, 5.64076044889090422 52.71712333810731366, 5.64079978729986919 52.71906136714264335, 5.64079978729986919 52.71906136714264335)))</t>
  </si>
  <si>
    <t>MultiPolygon (((5.64079978729986919 52.71906136714264335, 5.64083002548105572 52.72055150737902807, 5.63609672097261427 52.72058340695718215, 5.63619851508644043 52.72527729216295, 5.64144889994205023 52.72523466134985881, 5.64142754127789292 52.72720874452476636, 5.64517048226237161 52.72715201464147583, 5.64548286041235059 52.72202072944936191, 5.64432031510222298 52.71902655253052927, 5.64079978729986919 52.71906136714264335, 5.64079978729986919 52.71906136714264335)))</t>
  </si>
  <si>
    <t>MultiPolygon (((5.65753501044634088 52.70124132396244931, 5.68224946433553146 52.70099664747375812, 5.68227445107891782 52.70180592528055286, 5.69098016356974146 52.70174091279945827, 5.70178551741619533 52.7013759917443565, 5.70694626856854015 52.69486261805418081, 5.71280740952711596 52.69013980534394648, 5.71499811841131411 52.69095163785620883, 5.72942749210631685 52.67843842729862303, 5.66828783365908695 52.65224028502449727, 5.66743571789534784 52.65298215615035815, 5.65906745778745535 52.64975232796765425, 5.65900884910340629 52.64247776122111588, 5.64110066245603292 52.64254774005843984, 5.63627852961266296 52.64721965701903628, 5.63613078433133907 52.64961181495839071, 5.64886531539338321 52.6495509053527968, 5.65001517548861631 52.65431081708585737, 5.64283114209122694 52.6605511241413069, 5.65537914606335335 52.66595042234063584, 5.64158849830428899 52.67801481510851147, 5.64371677653477555 52.68261444545842664, 5.62580282787840069 52.68260680497045456, 5.61262327117380355 52.68134598028778726, 5.60952862937892949 52.68042013866539719, 5.60692916068590197 52.6824164834169224, 5.60431016974564855 52.68231010889478938, 5.60430978415518588 52.68323690788004399, 5.59455059604765026 52.68329994931852411, 5.59431178278053043 52.67627449147266105, 5.59331955071588283 52.67628055074493432, 5.59384650411804252 52.7021825847534231, 5.65755328867255791 52.70204730252328318, 5.65753501044634088 52.70124132396244931, 5.65753501044634088 52.70124132396244931),(5.67779882021729509 52.68390085270037559, 5.67638720589802226 52.68119142890913054, 5.68090177813354025 52.67984968658743838, 5.68199042574028024 52.68034044994286802, 5.67779882021729509 52.68390085270037559, 5.67779882021729509 52.68390085270037559),(5.67225708327068912 52.68169843814962405, 5.67124390115285593 52.68189215098285416, 5.66521113890212558 52.67932177136533767, 5.67113125983219657 52.67419759624013409, 5.67305377796926003 52.67403479970342062, 5.68253262985565755 52.67820017310704372, 5.67930867151440211 52.68028715282603258, 5.67225708327068912 52.68169843814962405, 5.67225708327068912 52.68169843814962405)))</t>
  </si>
  <si>
    <t>MultiPolygon (((5.67779882021729509 52.68390085270037559, 5.68199042574028024 52.68034044994286802, 5.68090177813354025 52.67984968658743838, 5.67638720589802226 52.68119142890913054, 5.67779882021729509 52.68390085270037559, 5.67779882021729509 52.68390085270037559)))</t>
  </si>
  <si>
    <t>MultiPolygon (((5.67225708327068912 52.68169843814962405, 5.67930867151440211 52.68028715282603258, 5.68253262985565755 52.67820017310704372, 5.67305377796926003 52.67403479970342062, 5.67113125983219657 52.67419759624013409, 5.66521113890212558 52.67932177136533767, 5.67124390115285593 52.68189215098285416, 5.67225708327068912 52.68169843814962405, 5.67225708327068912 52.68169843814962405)))</t>
  </si>
  <si>
    <t>MultiPolygon (((5.72942749210631685 52.67843842729862303, 5.73968722170099799 52.66948774290447233, 5.75289593682449496 52.67553996795456328, 5.77530110125307594 52.67642311580350878, 5.77513943683825559 52.65837770321080313, 5.77445483277217608 52.6576335327151881, 5.77455916937703151 52.65138282748139176, 5.77271095524472155 52.64867361985971428, 5.7706692271709672 52.64868199575129637, 5.77067385170948199 52.64917167780862428, 5.76163201383489909 52.64919311329676077, 5.76010905885056967 52.64816099806423466, 5.76009367555564378 52.64626182152191802, 5.76691423243574519 52.6461433074179368, 5.77132485755410229 52.64452033335555114, 5.77124889581514289 52.63804448316044216, 5.76835382071744451 52.62551140790105819, 5.77163854372887108 52.61966254319865044, 5.77156240379344876 52.61276167213200239, 5.75011944166855926 52.61280790409490749, 5.74859413644719464 52.61226404671564438, 5.74570467355543979 52.61234417507231598, 5.74576431503144924 52.61122828427134834, 5.74988888528878039 52.61113061621608011, 5.75020033013313991 52.61074430391646217, 5.74543507461313929 52.61083271904548297, 5.74330212791557582 52.61241012572676823, 5.74159778075891314 52.61211859589813145, 5.73990704804628926 52.61284652462743594, 5.66332635774737003 52.61304590252019864, 5.65830283449868343 52.61372022346553479, 5.65356112824331003 52.61545990535744011, 5.65120933350529508 52.61476633072944509, 5.65003709792560205 52.61559374115326193, 5.65164463805949691 52.61697332357008605, 5.62989105702973802 52.63771668963607198, 5.63044248762270172 52.63840273811258896, 5.64110066245603292 52.64254774005843984, 5.65900884910340629 52.64247776122111588, 5.65906745778745535 52.64975232796765425, 5.66743571789534784 52.65298215615035815, 5.66828783365908695 52.65224028502449727, 5.72942749210631685 52.67843842729862303, 5.72942749210631685 52.67843842729862303),(5.71946853290837076 52.64695468633858866, 5.71943983368003472 52.64507693502546459, 5.71003214292854633 52.64510639684382198, 5.7109814920417783 52.64262052235622491, 5.71757358236197799 52.63985060103598812, 5.72066735790829295 52.63925502142177493, 5.73029095407280309 52.63918303828042866, 5.73031537242137112 52.64123096910463317, 5.72916759279113386 52.64122963781522913, 5.72917616367944138 52.64883064998658568, 5.72222503331180388 52.64883217792493042, 5.71946853290837076 52.64695468633858866, 5.71946853290837076 52.64695468633858866)))</t>
  </si>
  <si>
    <t>MultiPolygon (((5.71943983368003472 52.64507693502546459, 5.72173438533334 52.64370776789061779, 5.71758141496935934 52.64383664067444357, 5.71757358236197799 52.63985060103598812, 5.7109814920417783 52.64262052235622491, 5.71003214292854633 52.64510639684382198, 5.71943983368003472 52.64507693502546459, 5.71943983368003472 52.64507693502546459)))</t>
  </si>
  <si>
    <t>MultiPolygon (((5.71943983368003472 52.64507693502546459, 5.71946853290837076 52.64695468633858866, 5.72222503331180388 52.64883217792493042, 5.72917616367944138 52.64883064998658568, 5.72916759279113386 52.64122963781522913, 5.73031537242137112 52.64123096910463317, 5.73029095407280309 52.63918303828042866, 5.72066735790829295 52.63925502142177493, 5.71757358236197799 52.63985060103598812, 5.71758141496935934 52.64383664067444357, 5.72173438533334 52.64370776789061779, 5.71943983368003472 52.64507693502546459, 5.71943983368003472 52.64507693502546459)))</t>
  </si>
  <si>
    <t>MultiPolygon (((5.84300872721182074 52.61075061246084061, 5.86496360867092559 52.61561547450674681, 5.86783329492934591 52.61606999339529267, 5.86996374091271278 52.61562436887573568, 5.87043142970404919 52.61642144819038691, 5.88648108267380454 52.61983980820418338, 5.88808440248114895 52.61686292407399179, 5.84300872721182074 52.61075061246084061, 5.84300872721182074 52.61075061246084061)),((5.83178604578738558 52.61253881228724083, 5.77156240379344876 52.61276167213200239, 5.77163854372887108 52.61966254319865044, 5.77324677510365447 52.6193436945324251, 5.77445036312359417 52.62011895395195182, 5.77442072313931742 52.62305920807484227, 5.77656412290453325 52.62615639234584819, 5.77866861543995736 52.64291034950558412, 5.77879718554814037 52.65343130629809565, 5.78160271853935281 52.6551560167022501, 5.78158489988251478 52.65632081927692809, 5.77986333533728214 52.65770655744472606, 5.77813356353867213 52.65844764577192194, 5.77513943683825559 52.65837770321080313, 5.77530110125307594 52.67642311580350878, 5.79266465472122238 52.67716470418455543, 5.80962233031613451 52.68360868131750152, 5.81634945117594349 52.67709180684559556, 5.82010862641301863 52.67851518237849717, 5.82659580665425292 52.67221909085660059, 5.83771018843827783 52.67644531815091113, 5.86611853161985408 52.64872951642288967, 5.88036447145056584 52.63115289398572116, 5.88488429128124135 52.62280415375642662, 5.83178604578738558 52.61253881228724083),(5.82555261947550651 52.63341068469624418, 5.83301680863881966 52.63544805496287893, 5.83243061608396562 52.63602061367669904, 5.83587739751954437 52.63748712356146342, 5.83247777321341854 52.64080080362636949, 5.82766961998291233 52.63893466561922452, 5.8272546591981369 52.64048841585421457, 5.83123406971599856 52.64202416504556936, 5.82895523173770869 52.64424898499991201, 5.82433401219237723 52.64249290222034006, 5.82191212283228854 52.6448511575154896, 5.81622282863519402 52.64269319811320003, 5.82095808941518911 52.63809459069327801, 5.82555261947550651 52.63341068469624418, 5.82555261947550651 52.63341068469624418)))</t>
  </si>
  <si>
    <t>MultiPolygon (((5.82095808941518911 52.63809459069327801, 5.81622282863519402 52.64269319811320003, 5.82191212283228854 52.6448511575154896, 5.82433401219237723 52.64249290222034006, 5.82092276089344463 52.64120345176685589, 5.82095808941518911 52.63809459069327801, 5.82095808941518911 52.63809459069327801)))</t>
  </si>
  <si>
    <t>MultiPolygon (((5.82095808941518911 52.63809459069327801, 5.82092276089344463 52.64120345176685589, 5.82433401219237723 52.64249290222034006, 5.82895523173770869 52.64424898499991201, 5.83123406971599856 52.64202416504556936, 5.8272546591981369 52.64048841585421457, 5.82766961998291233 52.63893466561922452, 5.83247777321341854 52.64080080362636949, 5.83587739751954437 52.63748712356146342, 5.83243061608396562 52.63602061367669904, 5.83301680863881966 52.63544805496287893, 5.82555261947550651 52.63341068469624418, 5.82095808941518911 52.63809459069327801, 5.82095808941518911 52.63809459069327801)))</t>
  </si>
  <si>
    <t>MultiPolygon (((5.89629837436121651 52.61797469140962846, 5.88808440248114895 52.61686292407399179, 5.88648108267380454 52.61983980820418338, 5.88790745805016424 52.62037137836296807, 5.89288830291912635 52.61968981924654543, 5.89397770897268991 52.61850488450922825, 5.89629837436121651 52.61797469140962846, 5.89629837436121651 52.61797469140962846)),((6.01056259559448947 52.64244005224701795, 6.0087636580444963 52.64227437527830489, 6.00391208592222192 52.64353876537951749, 5.99926826102551392 52.64570114352731878, 5.99915103329894706 52.64777270343510196, 6.0026684021467176 52.64871149787784077, 6.00798663865856586 52.64797003027319278, 6.01020636111050877 52.64702945698408598, 6.01157924137853517 52.64498932467483172, 6.01056259559448947 52.64244005224701795, 6.01056259559448947 52.64244005224701795)),((5.9219209909610715 52.66781680885579675, 5.92690109745916338 52.66768564428605259, 5.93459346691204015 52.6697816161156922, 5.93514785260986688 52.66923380355425621, 5.93972586572615135 52.66883524716443077, 5.94010113267055484 52.67042656422994185, 5.94159351948175196 52.67051667628976475, 5.9540173264465226 52.6676740581230618, 5.95817250919958674 52.66780947459952245, 5.96179495740876231 52.66729648647636708, 5.9630542922890637 52.66639831216860301, 5.96685166772940878 52.66658018333188807, 5.9708140004392698 52.66518881739401792, 5.97954642097996381 52.66049557011485405, 5.98410827016533364 52.65717692256372118, 5.98186446230524815 52.65831406844220197, 5.98123806302635774 52.65809143543731352, 5.98382801180538593 52.65632586520224123, 5.98373671780652749 52.65560794896438779, 5.96825563935048553 52.64122122908869983, 5.96373130299647247 52.6387401854458119, 5.88488429128124135 52.62280415375642662, 5.88036447145056584 52.63115289398572116, 5.86611853161985408 52.64872951642288967, 5.83771018843827783 52.67644531815091113, 5.87847805293421821 52.69184535448960816, 5.89092487348440752 52.67967404490014616, 5.89501499015361574 52.67723397004703401, 5.9219209909610715 52.66781680885579675, 5.9219209909610715 52.66781680885579675),(5.90116256362303915 52.66672698176812162, 5.89979016514817367 52.66503258686621791, 5.90474870056088808 52.6647297354141557, 5.90489481905878399 52.66577754717842907, 5.90116256362303915 52.66672698176812162, 5.90116256362303915 52.66672698176812162),(5.89750958478672427 52.6646779427313021, 5.89306268402610556 52.66531007879067516, 5.89181925421410924 52.66430890914083562, 5.89218072640391632 52.66205117331231378, 5.89750958478672427 52.6646779427313021, 5.89750958478672427 52.6646779427313021),(5.89421958985954575 52.66237662787982998, 5.89804817469422105 52.65863493460940248, 5.90883941367860999 52.66122111689575291, 5.90664835945927891 52.6641870862268533, 5.89943247511664381 52.66465030614256904, 5.89421958985954575 52.66237662787982998, 5.89421958985954575 52.66237662787982998)))</t>
  </si>
  <si>
    <t>MultiPolygon (((5.90489481905878399 52.66577754717842907, 5.90474870056088808 52.6647297354141557, 5.89979016514817367 52.66503258686621791, 5.90116256362303915 52.66672698176812162, 5.90489481905878399 52.66577754717842907, 5.90489481905878399 52.66577754717842907)))</t>
  </si>
  <si>
    <t>MultiPolygon (((5.89306268402610556 52.66531007879067516, 5.89750958478672427 52.6646779427313021, 5.89218072640391632 52.66205117331231378, 5.89181925421410924 52.66430890914083562, 5.89306268402610556 52.66531007879067516, 5.89306268402610556 52.66531007879067516)))</t>
  </si>
  <si>
    <t>MultiPolygon (((5.89943247511664381 52.66465030614256904, 5.90664835945927891 52.6641870862268533, 5.90883941367860999 52.66122111689575291, 5.89804817469422105 52.65863493460940248, 5.89421958985954575 52.66237662787982998, 5.89943247511664381 52.66465030614256904, 5.89943247511664381 52.66465030614256904)))</t>
  </si>
  <si>
    <t>MultiPolygon (((5.921829484094145 52.75116970138942918, 5.93015052952085053 52.73958612680135616, 5.93555941864496184 52.7302517227055958, 5.94116975413286585 52.71755064861637408, 5.94255503130131491 52.71500199959305633, 5.95116137114300781 52.71191922171152555, 5.95209173853920692 52.71087622217952884, 5.9553155110032634 52.70726177305025573, 5.95483901027930163 52.70376762565697959, 5.95901166866440857 52.70386342352049525, 5.96482502689129745 52.69810442327128186, 5.96515542926316567 52.69356972280215956, 5.96210480017795863 52.69035067422250052, 5.95940014980621502 52.68995030930975787, 5.9527402796757638 52.68524002155838559, 5.95150880528850035 52.68495190244758675, 5.94951911296653435 52.68571345856469179, 5.94684787879745436 52.68400277252803932, 5.94470756530312361 52.68271257508818906, 5.94537696968999718 52.6823014198083257, 5.9401605389741432 52.67922320911421252, 5.9338702986652061 52.67551045850922975, 5.93275059001930405 52.67318892259255847, 5.93308401620596815 52.67126351616801117, 5.93459346691204015 52.6697816161156922, 5.92690109745916338 52.66768564428605259, 5.9219209909610715 52.66781680885579675, 5.89501499015361574 52.67723397004703401, 5.89092487348440752 52.67967404490014616, 5.87847805293421821 52.69184535448960816, 5.83771018843827783 52.67644531815091113, 5.82659580665425292 52.67221909085660059, 5.82010862641301863 52.67851518237849717, 5.81634945117594349 52.67709180684559556, 5.80962233031613451 52.68360868131750152, 5.816328491737349 52.68615840994121413, 5.81229329323391042 52.68630884027998462, 5.81416614505660245 52.70815861062111907, 5.82254363163881106 52.70792383976476003, 5.82314214423066634 52.71585997437954774, 5.82408542133171903 52.71768225351846127, 5.8278395380920367 52.72146483700483799, 5.83822264289026993 52.71766790630752553, 5.8393978892905567 52.71885417496003612, 5.84974190925100412 52.71507644006720739, 5.86210191946297865 52.72755562730957024, 5.87129812135169615 52.72949237339150841, 5.86904389558316808 52.73463666173745423, 5.90794806184151611 52.74092031915611045, 5.921829484094145 52.75116970138942918, 5.921829484094145 52.75116970138942918),(5.86762861352416021 52.71231444836656266, 5.86746704651838602 52.7129753129429659, 5.86405780499739482 52.71413243281641314, 5.85932165270796457 52.71423230223135192, 5.84506469090394543 52.70797179004826205, 5.85290887555111716 52.70772422480440156, 5.85365721366954617 52.70426014242017487, 5.86143233550593568 52.70403428506685373, 5.8652217246036189 52.70559315022531877, 5.86589530400152359 52.70494812145365415, 5.87773259456638186 52.70938439794593222, 5.87007590872814156 52.71221781555911434, 5.86834600425689956 52.71265752212394062, 5.86762861352416021 52.71231444836656266, 5.86762861352416021 52.71231444836656266)))</t>
  </si>
  <si>
    <t>MultiPolygon (((5.8652217246036189 52.70559315022531877, 5.86345819857240258 52.70651452649043023, 5.86671668138027513 52.70894815192824012, 5.86673909560594353 52.71130551591727453, 5.86762861352416021 52.71231444836656266, 5.86834600425689956 52.71265752212394062, 5.87007590872814156 52.71221781555911434, 5.87773259456638186 52.70938439794593222, 5.86589530400152359 52.70494812145365415, 5.8652217246036189 52.70559315022531877, 5.8652217246036189 52.70559315022531877)))</t>
  </si>
  <si>
    <t>MultiPolygon (((5.8652217246036189 52.70559315022531877, 5.86143233550593568 52.70403428506685373, 5.85365721366954617 52.70426014242017487, 5.85290887555111716 52.70772422480440156, 5.84506469090394543 52.70797179004826205, 5.85932165270796457 52.71423230223135192, 5.86405780499739482 52.71413243281641314, 5.86746704651838602 52.7129753129429659, 5.86762861352416021 52.71231444836656266, 5.86673909560594353 52.71130551591727453, 5.86671668138027513 52.70894815192824012, 5.86345819857240258 52.70651452649043023, 5.8652217246036189 52.70559315022531877, 5.8652217246036189 52.70559315022531877)))</t>
  </si>
  <si>
    <t>MultiPolygon (((5.81865649320588485 52.78763573340465598, 5.81879176350009697 52.78469664770391745, 5.82814652057837712 52.78554533929743542, 5.83605430970323358 52.78563509564427392, 5.8373105749794636 52.78502388788616173, 5.84161842299542933 52.78513837983388157, 5.84338994256841016 52.78446361798681608, 5.8502964907112327 52.78453079942575954, 5.86208329520024574 52.78102255340257187, 5.87993853515188558 52.77309156558359149, 5.88513655078320852 52.76930084938943111, 5.89255033434500231 52.76595969398952946, 5.89438282171364136 52.76513370030132677, 5.89608541708566136 52.7628220150552707, 5.89776186848241402 52.76213486877229286, 5.90005412724011524 52.76119525314109637, 5.90600944636322911 52.76132555739557262, 5.921829484094145 52.75116970138942918, 5.90794806184151611 52.74092031915611045, 5.86904389558316808 52.73463666173745423, 5.87129812135169615 52.72949237339150841, 5.86210191946297865 52.72755562730957024, 5.84974190925100412 52.71507644006720739, 5.8393978892905567 52.71885417496003612, 5.83822264289026993 52.71766790630752553, 5.8278395380920367 52.72146483700483799, 5.82408542133171903 52.71768225351846127, 5.80329899221015388 52.72517263949999489, 5.821459190985939 52.74370189710497669, 5.81092146081326977 52.74753457372605681, 5.81154967410008627 52.748175455957103, 5.80806778933453316 52.74810385241710264, 5.80779806302459178 52.75453158590399028, 5.80701667271660327 52.75459404366635852, 5.80470236431853071 52.76219213708222355, 5.81508520567881337 52.7633960398988151, 5.81818536217706761 52.7644796382137713, 5.81925290145113294 52.76534005347209444, 5.8157103582273999 52.76673007153990369, 5.81979256638693165 52.77037573570112983, 5.80877084331986193 52.77492943032289219, 5.81034009859651857 52.77632348246204685, 5.79879689650043861 52.7811256701359568, 5.79795697410238375 52.78072626630289221, 5.79520253756453041 52.7828307582474352, 5.81272548042160953 52.79118641355397301, 5.81865649320588485 52.78763573340465598, 5.81865649320588485 52.78763573340465598),(5.84724030598309508 52.74109549822368592, 5.85808193638345998 52.73675428128917275, 5.85864362196258082 52.73711231832137258, 5.85541497213713935 52.7445089332207786, 5.85268484567201863 52.74654406983984956, 5.84724030598309508 52.74109549822368592, 5.84724030598309508 52.74109549822368592)))</t>
  </si>
  <si>
    <t>MultiPolygon (((5.85268484567201863 52.74654406983984956, 5.85541497213713935 52.7445089332207786, 5.85864362196258082 52.73711231832137258, 5.85808193638345998 52.73675428128917275, 5.84724030598309508 52.74109549822368592, 5.85268484567201863 52.74654406983984956, 5.85268484567201863 52.74654406983984956)))</t>
  </si>
  <si>
    <t>MultiPolygon (((5.78737549197018541 52.80896901140739175, 5.78980667287415063 52.80369148551227454, 5.795177033982438 52.80652183738239103, 5.80347441019006727 52.79685870198061082, 5.81272548042160953 52.79118641355397301, 5.79520253756453041 52.7828307582474352, 5.79795697410238375 52.78072626630289221, 5.79879689650043861 52.7811256701359568, 5.81034009859651857 52.77632348246204685, 5.80877084331986193 52.77492943032289219, 5.81979256638693165 52.77037573570112983, 5.8157103582273999 52.76673007153990369, 5.81925290145113294 52.76534005347209444, 5.81818536217706761 52.7644796382137713, 5.81508520567881337 52.7633960398988151, 5.80470236431853071 52.76219213708222355, 5.80701667271660327 52.75459404366635852, 5.80779806302459178 52.75453158590399028, 5.80806778933453316 52.74810385241710264, 5.7723264382356998 52.74727441725384125, 5.76793966441877348 52.74668262444085798, 5.76799225164655738 52.74505598449964339, 5.69587703707609982 52.74574212512606408, 5.69621565604793645 52.76043420746690771, 5.71097116530495175 52.76029235445118815, 5.71117910320253497 52.76800853671042546, 5.70227996345442456 52.76810453764686315, 5.70247460361269987 52.77536425027712141, 5.69802451115237485 52.77541187918767918, 5.69821600744407153 52.78255703663641896, 5.70265949923338056 52.78251248577478094, 5.70285150845998778 52.78981455169354575, 5.73178510266519314 52.78943988176855839, 5.75324510863421956 52.7930067705391437, 5.78737549197018541 52.80896901140739175, 5.78737549197018541 52.80896901140739175),(5.75438030223198993 52.76507173544219143, 5.75759037180980737 52.76463009286221961, 5.76207387247925862 52.76533423394273115, 5.76128173371199015 52.76745622378745537, 5.75390442780156253 52.76664565328511713, 5.75304926846518772 52.76947366721953614, 5.75662722360382251 52.76986801585972842, 5.75578150366129382 52.77269316017294187, 5.74780645409570212 52.77111077055127453, 5.74967201038045239 52.76640894266879656, 5.75438030223198993 52.76507173544219143, 5.75438030223198993 52.76507173544219143)))</t>
  </si>
  <si>
    <t>MultiPolygon (((5.75438030223198993 52.76507173544219143, 5.75390442780156253 52.76664565328511713, 5.76128173371199015 52.76745622378745537, 5.76207387247925862 52.76533423394273115, 5.75759037180980737 52.76463009286221961, 5.75438030223198993 52.76507173544219143, 5.75438030223198993 52.76507173544219143)))</t>
  </si>
  <si>
    <t>MultiPolygon (((5.75438030223198993 52.76507173544219143, 5.74967201038045239 52.76640894266879656, 5.74780645409570212 52.77111077055127453, 5.75578150366129382 52.77269316017294187, 5.75662722360382251 52.76986801585972842, 5.75304926846518772 52.76947366721953614, 5.75390442780156253 52.76664565328511713, 5.75438030223198993 52.76507173544219143, 5.75438030223198993 52.76507173544219143)))</t>
  </si>
  <si>
    <t>MultiPolygon (((5.69587703707609982 52.74574212512606408, 5.76799225164655738 52.74505598449964339, 5.76793966441877348 52.74668262444085798, 5.7723264382356998 52.74727441725384125, 5.80806778933453316 52.74810385241710264, 5.81154967410008627 52.748175455957103, 5.81092146081326977 52.74753457372605681, 5.821459190985939 52.74370189710497669, 5.80329899221015388 52.72517263949999489, 5.82408542133171903 52.71768225351846127, 5.82314214423066634 52.71585997437954774, 5.82254363163881106 52.70792383976476003, 5.81416614505660245 52.70815861062111907, 5.81229329323391042 52.68630884027998462, 5.816328491737349 52.68615840994121413, 5.80962233031613451 52.68360868131750152, 5.79266465472122238 52.67716470418455543, 5.77530110125307594 52.67642311580350878, 5.75289593682449496 52.67553996795456328, 5.73968722170099799 52.66948774290447233, 5.72942749210631685 52.67843842729862303, 5.71499811841131411 52.69095163785620883, 5.71280740952711596 52.69013980534394648, 5.70694626856854015 52.69486261805418081, 5.70178551741619533 52.7013759917443565, 5.69098016356974146 52.70174091279945827, 5.6911578273285448 52.70908499617138432, 5.69284115911958111 52.70907020399516085, 5.69295949280187497 52.71645093609735966, 5.69516444812478806 52.716430395856122, 5.69587703707609982 52.74574212512606408, 5.69587703707609982 52.74574212512606408),(5.76132079617509874 52.72725878729074367, 5.76132550257727249 52.72810900652254418, 5.75523030844190231 52.72812130939563957, 5.75402192936948342 52.72736592509707521, 5.75393093286727453 52.72543037928427623, 5.76136196909282194 52.72568047513320977, 5.76132079617509874 52.72725878729074367, 5.76132079617509874 52.72725878729074367),(5.74170526938696657 52.72391407357889648, 5.74862448534238624 52.72414858220339795, 5.75315423803097836 52.72515103158524852, 5.75348255019597765 52.73075238059606562, 5.738015846306733 52.73093218741573907, 5.7178501249329603 52.73115118683825386, 5.71767391582933548 52.72412882226144148, 5.74170526938696657 52.72391407357889648, 5.74170526938696657 52.72391407357889648),(5.75392806009585911 52.72273747652668163, 5.75331674426353246 52.72363582159009354, 5.74179530156690898 52.72340259990309619, 5.72047948456145861 52.72384784877479547, 5.72009087714958664 52.71649052309940942, 5.72004031462076856 52.70848542919006263, 5.72009566199183617 52.70434978654936486, 5.72184037514630628 52.70120645748075816, 5.72538789797770864 52.69816687332166083, 5.72720675052024131 52.69870636153230237, 5.72897323743341413 52.69837011076815259, 5.72982165885564587 52.69777031489653041, 5.73917766222977921 52.70174766877902073, 5.7516226630105205 52.69101121402709254, 5.7447311299233883 52.68806438598356578, 5.74399417810630641 52.68869972429167348, 5.7391353719313436 52.68662352130442628, 5.73944681262025114 52.68566986936887275, 5.74142947512707558 52.68405652028305042, 5.75434916147587394 52.68862356608497777, 5.76059877005638832 52.69072122977645733, 5.75784924234493101 52.6992138250289841, 5.7602796653847923 52.69988589452813699, 5.77037013928819853 52.6998471392415766, 5.77043326233611786 52.70788038235725992, 5.76631010038327307 52.70779790969002221, 5.76706877617101821 52.71060910880039785, 5.77270152492707833 52.71065101239614137, 5.7728516966194352 52.70792271305752763, 5.79213405160478345 52.70851441151040007, 5.793127957034649 52.71562137386786162, 5.79139222701294543 52.71696962872471204, 5.78479657644898904 52.7186174071657021, 5.78340203825282817 52.71757707932730597, 5.77383719868214129 52.71765217927042357, 5.77411061906790035 52.71190071265103683, 5.77296934938783401 52.71091963615385367, 5.76706836734264972 52.7107071757734218, 5.76817385164520857 52.72271165696091089, 5.76330901982063981 52.7227206613116266, 5.75392806009585911 52.72273747652668163, 5.75392806009585911 52.72273747652668163)))</t>
  </si>
  <si>
    <t>MultiPolygon (((5.7516226630105205 52.69101121402709254, 5.75328069152565202 52.68958229485195233, 5.75434916147587394 52.68862356608497777, 5.74142947512707558 52.68405652028305042, 5.73944681262025114 52.68566986936887275, 5.7391353719313436 52.68662352130442628, 5.74399417810630641 52.68869972429167348, 5.7447311299233883 52.68806438598356578, 5.7516226630105205 52.69101121402709254, 5.7516226630105205 52.69101121402709254)))</t>
  </si>
  <si>
    <t>MultiPolygon (((5.74835897795479589 52.70539125262285296, 5.75531154913515497 52.70704217557782556, 5.75784924234493101 52.6992138250289841, 5.76059877005638832 52.69072122977645733, 5.75434916147587394 52.68862356608497777, 5.75328069152565202 52.68958229485195233, 5.7516226630105205 52.69101121402709254, 5.73917766222977921 52.70174766877902073, 5.74835897795479589 52.70539125262285296, 5.74835897795479589 52.70539125262285296)))</t>
  </si>
  <si>
    <t>MultiPolygon (((5.76706836734264972 52.7107071757734218, 5.77296934938783401 52.71091963615385367, 5.77411061906790035 52.71190071265103683, 5.77383719868214129 52.71765217927042357, 5.78340203825282817 52.71757707932730597, 5.78479657644898904 52.7186174071657021, 5.79139222701294543 52.71696962872471204, 5.793127957034649 52.71562137386786162, 5.79213405160478345 52.70851441151040007, 5.7728516966194352 52.70792271305752763, 5.77270152492707833 52.71065101239614137, 5.76706877617101821 52.71060910880039785, 5.76706836734264972 52.7107071757734218, 5.76706836734264972 52.7107071757734218)))</t>
  </si>
  <si>
    <t>MultiPolygon (((5.74170526938696657 52.72391407357889648, 5.71767391582933548 52.72412882226144148, 5.7178501249329603 52.73115118683825386, 5.738015846306733 52.73093218741573907, 5.74172063535803101 52.72484643806441795, 5.74170526938696657 52.72391407357889648, 5.74170526938696657 52.72391407357889648)))</t>
  </si>
  <si>
    <t>MultiPolygon (((5.74170526938696657 52.72391407357889648, 5.74172063535803101 52.72484643806441795, 5.738015846306733 52.73093218741573907, 5.75348255019597765 52.73075238059606562, 5.75315423803097836 52.72515103158524852, 5.74862448534238624 52.72414858220339795, 5.74170526938696657 52.72391407357889648, 5.74170526938696657 52.72391407357889648)))</t>
  </si>
  <si>
    <t>MultiPolygon (((5.76132079617509874 52.72725878729074367, 5.76136196909282194 52.72568047513320977, 5.75393093286727453 52.72543037928427623, 5.75402192936948342 52.72736592509707521, 5.75523030844190231 52.72812130939563957, 5.76132550257727249 52.72810900652254418, 5.76132079617509874 52.72725878729074367, 5.76132079617509874 52.72725878729074367)))</t>
  </si>
  <si>
    <t>MultiPolygon (((5.72009087714958664 52.71649052309940942, 5.72047948456145861 52.72384784877479547, 5.74179530156690898 52.72340259990309619, 5.74573260623310311 52.71822229454748054, 5.74180052386311335 52.71733996031559855, 5.74144864433722546 52.71577041737216263, 5.73283646264964464 52.71638046065267247, 5.72009087714958664 52.71649052309940942, 5.72009087714958664 52.71649052309940942)))</t>
  </si>
  <si>
    <t>MultiPolygon (((5.75531154913515497 52.70704217557782556, 5.76631010038327307 52.70779790969002221, 5.77043326233611786 52.70788038235725992, 5.77037013928819853 52.6998471392415766, 5.7602796653847923 52.69988589452813699, 5.75784924234493101 52.6992138250289841, 5.75531154913515497 52.70704217557782556, 5.75531154913515497 52.70704217557782556)))</t>
  </si>
  <si>
    <t>MultiPolygon (((5.72009087714958664 52.71649052309940942, 5.73283646264964464 52.71638046065267247, 5.73278554926248951 52.71127581882409885, 5.73272820758932067 52.70858279720935258, 5.72004031462076856 52.70848542919006263, 5.72009087714958664 52.71649052309940942, 5.72009087714958664 52.71649052309940942)))</t>
  </si>
  <si>
    <t>MultiPolygon (((5.73283646264964464 52.71638046065267247, 5.74144864433722546 52.71577041737216263, 5.7447557019834008 52.71207229894331192, 5.73982642320757108 52.71130678744945897, 5.73278554926248951 52.71127581882409885, 5.73283646264964464 52.71638046065267247, 5.73283646264964464 52.71638046065267247)))</t>
  </si>
  <si>
    <t>MultiPolygon (((5.73278554926248951 52.71127581882409885, 5.73982642320757108 52.71130678744945897, 5.7447557019834008 52.71207229894331192, 5.74617019311560462 52.7090208790122503, 5.74024161827616108 52.70788762330479926, 5.73272820758932067 52.70858279720935258, 5.73278554926248951 52.71127581882409885, 5.73278554926248951 52.71127581882409885)))</t>
  </si>
  <si>
    <t>MultiPolygon (((5.74617019311560462 52.7090208790122503, 5.74624911252521642 52.7088492282292691, 5.74835897795479589 52.70539125262285296, 5.73917766222977921 52.70174766877902073, 5.72982165885564587 52.69777031489653041, 5.72897323743341413 52.69837011076815259, 5.73730384035333429 52.70630669308011562, 5.74024161827616108 52.70788762330479926, 5.74617019311560462 52.7090208790122503, 5.74617019311560462 52.7090208790122503)))</t>
  </si>
  <si>
    <t>MultiPolygon (((5.72004031462076856 52.70848542919006263, 5.73272820758932067 52.70858279720935258, 5.74024161827616108 52.70788762330479926, 5.73730384035333429 52.70630669308011562, 5.72897323743341413 52.69837011076815259, 5.72720675052024131 52.69870636153230237, 5.72538789797770864 52.69816687332166083, 5.72184037514630628 52.70120645748075816, 5.72009566199183617 52.70434978654936486, 5.72004031462076856 52.70848542919006263, 5.72004031462076856 52.70848542919006263)))</t>
  </si>
  <si>
    <t>MultiPolygon (((5.75392806009585911 52.72273747652668163, 5.76330901982063981 52.7227206613116266, 5.76281001696212325 52.71231522682958115, 5.76393417502743066 52.71091108893075727, 5.75401513338963433 52.71015071316581668, 5.75392806009585911 52.72273747652668163, 5.75392806009585911 52.72273747652668163)))</t>
  </si>
  <si>
    <t>MultiPolygon (((5.76330901982063981 52.7227206613116266, 5.76817385164520857 52.72271165696091089, 5.76706836734264972 52.7107071757734218, 5.76393417502743066 52.71091108893075727, 5.76281001696212325 52.71231522682958115, 5.76330901982063981 52.7227206613116266, 5.76330901982063981 52.7227206613116266)))</t>
  </si>
  <si>
    <t>MultiPolygon (((5.74179530156690898 52.72340259990309619, 5.75331674426353246 52.72363582159009354, 5.75392806009585911 52.72273747652668163, 5.75401513338963433 52.71015071316581668, 5.74624911252521642 52.7088492282292691, 5.74617019311560462 52.7090208790122503, 5.7447557019834008 52.71207229894331192, 5.74144864433722546 52.71577041737216263, 5.74180052386311335 52.71733996031559855, 5.74573260623310311 52.71822229454748054, 5.74179530156690898 52.72340259990309619, 5.74179530156690898 52.72340259990309619)))</t>
  </si>
  <si>
    <t>MultiPolygon (((5.76393417502743066 52.71091108893075727, 5.76706836734264972 52.7107071757734218, 5.76706877617101821 52.71060910880039785, 5.76631010038327307 52.70779790969002221, 5.75531154913515497 52.70704217557782556, 5.74835897795479589 52.70539125262285296, 5.74624911252521642 52.7088492282292691, 5.75401513338963433 52.71015071316581668, 5.76393417502743066 52.71091108893075727, 5.76393417502743066 52.71091108893075727)))</t>
  </si>
  <si>
    <t>MultiPolygon (((6.97092354924422875 52.379846868987471, 6.98612001069147315 52.37196449788417141, 7.00782977539456198 52.36382506358540923, 7.03180366717688354 52.36768276329579663, 7.07220470764494102 52.37280252601752295, 7.07276327781906566 52.36680481288365741, 7.07211394675311578 52.3518907910899074, 7.05722668759648464 52.33883836741293294, 7.05490021836587555 52.34180878654509428, 7.05316344667394812 52.34257364666497381, 7.04861480742368141 52.34714796562342087, 7.04850312709836491 52.34845812791172648, 7.04155830568649588 52.34925927405766544, 7.03422441773068563 52.34800136553777605, 7.0296143795043653 52.34322994440444177, 7.02694184631802266 52.33884922294327424, 7.02301990661907105 52.33791185961256787, 7.01962481842789821 52.33875676981856628, 7.01865666115831477 52.33973047298933778, 7.01556743009217598 52.33608288478934867, 7.00955765100399208 52.33589098863280498, 7.00095170249481047 52.3369247802890456, 6.99262576059723617 52.33570498230911738, 6.98436718266816925 52.33587780302759285, 6.97089615445258293 52.34080319710377438, 6.96110434126692201 52.34681199997059764, 6.96597366213478608 52.34838639757829526, 6.97025918614526585 52.34876651423639515, 6.96266870567089136 52.36338662842975111, 6.97092354924422875 52.379846868987471, 6.97092354924422875 52.379846868987471),(6.99639686586491294 52.36043657297364007, 6.99548951261996077 52.36029628959838078, 6.99508595421522461 52.35895122994622142, 6.99631911286413999 52.35703688346490736, 6.99770488317665595 52.35635057289854899, 7.00236198185298608 52.35761808068901502, 7.00022204625452993 52.35963413884051221, 6.99639686586491294 52.36043657297364007, 6.99639686586491294 52.36043657297364007)))</t>
  </si>
  <si>
    <t>MultiPolygon (((6.99639686586491294 52.36043657297364007, 7.00022204625452993 52.35963413884051221, 7.00236198185298608 52.35761808068901502, 6.99770488317665595 52.35635057289854899, 6.99631911286413999 52.35703688346490736, 6.99508595421522461 52.35895122994622142, 6.99548951261996077 52.36029628959838078, 6.99639686586491294 52.36043657297364007, 6.99639686586491294 52.36043657297364007)))</t>
  </si>
  <si>
    <t>MultiPolygon (((7.04850312709836491 52.34845812791172648, 7.04861480742368141 52.34714796562342087, 7.05316344667394812 52.34257364666497381, 7.05490021836587555 52.34180878654509428, 7.05722668759648464 52.33883836741293294, 7.05623075008913325 52.33795388274631932, 7.05614759285130333 52.33495580461961083, 7.05491798419565264 52.33317728690052917, 7.05549272065250044 52.33216873410976433, 7.04717974704011407 52.32374444061888852, 7.04726036980930459 52.32126316024572077, 7.04811001857793862 52.31994867736496246, 7.04581049144016447 52.31645139658143506, 7.04636002111288828 52.31662167431176158, 7.04742072684895504 52.31520642873282156, 7.04341704849634986 52.31391559020813986, 7.04357022595375959 52.31347138589568146, 7.03868327421605677 52.31238013451174851, 7.04123750187260367 52.31105257184605506, 7.03949291762280804 52.30762678154295031, 7.0338368581055839 52.30250450967533027, 7.02645349874833425 52.29196776336776509, 7.02623918273057146 52.28732437408271494, 7.02603112704438271 52.28413339024603346, 7.02082711240404844 52.2846998341654583, 7.01575873151095308 52.28793431536346503, 7.01195637070539046 52.28682271098402623, 7.01197113321818311 52.28579315385933057, 7.00806787808353437 52.28442492998528479, 7.00509175994671462 52.28673470842502269, 6.99879170944553497 52.28673282508209041, 6.99503267398482542 52.28587154674926296, 6.98997534645129903 52.28323496020476568, 6.98868116020388985 52.28599896624598387, 6.98521384138232104 52.28615227485048678, 6.97963544488304244 52.28506792276624537, 6.97572919086137766 52.28688583719227267, 6.97300382285223197 52.28547988722545625, 6.97381277167561642 52.28426608187020008, 6.96619154782178462 52.28227859576661274, 6.96234626328333839 52.28272048823818352, 6.95969643528849868 52.28381560632507075, 6.94928209343439818 52.27948888831200236, 6.9409864659822551 52.28390348322848524, 6.9391705055604822 52.28386937610876828, 6.93707542894169027 52.28861956602733585, 6.9359138263459803 52.29060179993266644, 6.94063192927809247 52.29038403196439333, 6.94634548282598807 52.29270677589968841, 6.94505727122087002 52.29526011616195547, 6.94187360711106116 52.29864634881760566, 6.94317682817950832 52.30009721654538168, 6.94466607891707 52.30068614949843209, 6.9494575822805924 52.30690845091841368, 6.95017560966510839 52.30849030691357626, 6.94865955970529292 52.31343825562215955, 6.94775357552263895 52.31409883740829514, 6.94842088440509986 52.31598561773058975, 6.94966412453759563 52.31602505159148109, 6.95019387919779064 52.31738906529606226, 6.95013910617377029 52.31935734365428203, 6.94494577605631491 52.31976389734079191, 6.94586151747372504 52.32099621940598411, 6.94279324728780889 52.32217159894130987, 6.93465595878228669 52.32271086647811131, 6.93753101319334586 52.332836279364777, 6.94520225223458088 52.33272367095981537, 6.95358341881131103 52.33397347593660243, 6.95114081561139852 52.33795956581928266, 6.95284335818517363 52.34035023344722504, 6.96110434126692201 52.34681199997059764, 6.97089615445258293 52.34080319710377438, 6.98436718266816925 52.33587780302759285, 6.99262576059723617 52.33570498230911738, 7.00095170249481047 52.3369247802890456, 7.00955765100399208 52.33589098863280498, 7.01556743009217598 52.33608288478934867, 7.01865666115831477 52.33973047298933778, 7.01962481842789821 52.33875676981856628, 7.02301990661907105 52.33791185961256787, 7.02694184631802266 52.33884922294327424, 7.0296143795043653 52.34322994440444177, 7.03422441773068563 52.34800136553777605, 7.04155830568649588 52.34925927405766544, 7.04850312709836491 52.34845812791172648, 7.04850312709836491 52.34845812791172648),(6.98203209184630591 52.32156725983925583, 6.9774173819822396 52.31994137946268353, 6.97768922339859898 52.31905006922950463, 6.98662421178880333 52.31136653885711496, 6.98879694717641353 52.31175423142222058, 6.99043931420283382 52.30853064256040597, 7.00397478940651208 52.30915758409482663, 7.00876080356416864 52.31083947756933128, 7.00627290016572246 52.31343074533609183, 6.98727899821555898 52.31735929090842063, 6.98180839883085635 52.32066390353021035, 6.98203209184630591 52.32156725983925583, 6.98203209184630591 52.32156725983925583)))</t>
  </si>
  <si>
    <t>MultiPolygon (((6.98203209184630591 52.32156725983925583, 6.98180839883085635 52.32066390353021035, 6.98727899821555898 52.31735929090842063, 7.00627290016572246 52.31343074533609183, 7.00876080356416864 52.31083947756933128, 7.00397478940651208 52.30915758409482663, 6.99043931420283382 52.30853064256040597, 6.98879694717641353 52.31175423142222058, 6.98662421178880333 52.31136653885711496, 6.97768922339859898 52.31905006922950463, 6.9774173819822396 52.31994137946268353, 6.98203209184630591 52.32156725983925583, 6.98203209184630591 52.32156725983925583)))</t>
  </si>
  <si>
    <t>MultiPolygon (((7.04274757909451044 52.22877254857286999, 7.04031072291488513 52.22797386749049764, 7.04015929787751116 52.22921946221720901, 7.04330676199195427 52.23005827048428529, 7.04190804625539091 52.23196925172622684, 7.04384810565043384 52.23252219714065347, 7.04669483659719997 52.23007362511020801, 7.04274757909451044 52.22877254857286999, 7.04274757909451044 52.22877254857286999)),((7.06578950342524781 52.24123502817172238, 7.06128354225163068 52.23471106156100774, 7.04846075479873235 52.23065586924603565, 7.04460256864634982 52.23516184136978069, 7.04441149113920417 52.23612079300141886, 7.04667664374137459 52.23681718752165182, 7.03456060994597454 52.24437816504295995, 7.02750809031538637 52.24341677270147954, 7.02970245990556553 52.24126449571092934, 7.02820446508245933 52.23748679652292282, 7.02594079832679697 52.23599094635232376, 7.0292870402969525 52.23470053002772318, 7.03060757777257805 52.23548352426752217, 7.03797936352898734 52.22859828119663916, 7.03794567920991998 52.2274063578891159, 7.02639777053356607 52.2257144481338571, 7.0204498177022705 52.22593891668489618, 7.01929723472476574 52.22510273240325063, 7.0129389238976696 52.22726135933271507, 7.00800380560870284 52.22973101416741315, 7.00624258476540263 52.2305886657670726, 7.00592588205652333 52.23222165761810487, 7.00736072079363836 52.23654338440773159, 7.00686194471477908 52.24161373636573558, 7.01022165481838311 52.24474965254515268, 7.01458343900479431 52.24499564071363977, 7.01830577559679281 52.24748472891031525, 7.01758549700047762 52.25325998516741777, 7.01837713614754932 52.25517677777531844, 7.0205615269484003 52.25715966770289356, 7.02581367115660704 52.25736672521658477, 7.02911428752037537 52.25599929909057551, 7.03924366157948533 52.26089939677819274, 7.04239472086863927 52.25614402957545934, 7.06578950342524781 52.24123502817172238, 7.06578950342524781 52.24123502817172238)))</t>
  </si>
  <si>
    <t>MultiPolygon (((7.04846075479873235 52.23065586924603565, 7.04669483659719997 52.23007362511020801, 7.04384810565043384 52.23252219714065347, 7.04190804625539091 52.23196925172622684, 7.04330676199195427 52.23005827048428529, 7.04015929787751116 52.22921946221720901, 7.04031072291488513 52.22797386749049764, 7.03794567920991998 52.2274063578891159, 7.03797936352898734 52.22859828119663916, 7.03060757777257805 52.23548352426752217, 7.0292870402969525 52.23470053002772318, 7.02594079832679697 52.23599094635232376, 7.02820446508245933 52.23748679652292282, 7.02970245990556553 52.24126449571092934, 7.02750809031538637 52.24341677270147954, 7.03456060994597454 52.24437816504295995, 7.04667664374137459 52.23681718752165182, 7.04441149113920417 52.23612079300141886, 7.04460256864634982 52.23516184136978069, 7.04846075479873235 52.23065586924603565, 7.04846075479873235 52.23065586924603565)))</t>
  </si>
  <si>
    <t>MultiPolygon (((7.00737916258630467 52.22809461323350178, 7.00800380560870284 52.22973101416741315, 7.0129389238976696 52.22726135933271507, 7.01265258342538811 52.2268061319823218, 7.01122087945793915 52.22759146126575303, 7.00737916258630467 52.22809461323350178, 7.00737916258630467 52.22809461323350178)),((6.99524676860017358 52.23957622727562722, 6.99489484681237972 52.23879319449839898, 6.99312401862042332 52.23901873304785681, 6.99185430557535259 52.23851449610859277, 6.98893849586691385 52.23576925255706982, 6.99230500428026502 52.23615048578444231, 7.00454359360640666 52.24022749497107299, 7.0054711189863097 52.24221854170608026, 7.00686194471477908 52.24161373636573558, 7.00736072079363836 52.23654338440773159, 7.00592588205652333 52.23222165761810487, 7.00406243387043315 52.23298296115662964, 7.00517835689098778 52.23469914328002517, 7.00351885915702521 52.23523564965974941, 7.0021584376162922 52.23102308887543188, 7.00339905691796982 52.2304443852879956, 7.00488636376157192 52.23095125105443515, 7.00585111946963934 52.22829460432906501, 7.00347609616423483 52.22858967681801801, 6.99699909854553681 52.22705929274624026, 6.98911420619823964 52.22684306106623353, 6.98708738883145308 52.22543759844966615, 6.98500452782858794 52.22502104082956009, 6.98539068559595044 52.22356381020812677, 6.98287467151246322 52.22240575017364961, 6.98110005250281773 52.22073698627477967, 6.97666775674389683 52.2236491252340258, 6.9802532632035259 52.2259227047458694, 6.97861641929659005 52.22646797824785381, 6.97520702069004006 52.22461107122123991, 6.97029083467677957 52.2277429517969054, 6.96588952529273442 52.23041871185304785, 6.96495390356899158 52.23626213940364948, 6.96872250934114756 52.23642207378407676, 6.97161334737873251 52.23771516337411924, 6.97145289966949289 52.24019517982170413, 6.97322112632347668 52.2417225554072715, 6.9756501801002484 52.24255578229998775, 6.9813301073064471 52.24271458393184275, 6.99524676860017358 52.23957622727562722, 6.99524676860017358 52.23957622727562722)))</t>
  </si>
  <si>
    <t>MultiPolygon (((6.97643643775290556 52.22380246728439346, 6.97520702069004006 52.22461107122123991, 6.97861641929659005 52.22646797824785381, 6.9802532632035259 52.2259227047458694, 6.97666775674389683 52.2236491252340258, 6.97643643775290556 52.22380246728439346, 6.97643643775290556 52.22380246728439346)))</t>
  </si>
  <si>
    <t>MultiPolygon (((7.00592588205652333 52.23222165761810487, 7.00624258476540263 52.2305886657670726, 7.00800380560870284 52.22973101416741315, 7.00737916258630467 52.22809461323350178, 7.00585111946963934 52.22829460432906501, 7.00488636376157192 52.23095125105443515, 7.00339905691796982 52.2304443852879956, 7.0021584376162922 52.23102308887543188, 7.00351885915702521 52.23523564965974941, 7.00517835689098778 52.23469914328002517, 7.00406243387043315 52.23298296115662964, 7.00592588205652333 52.23222165761810487, 7.00592588205652333 52.23222165761810487)))</t>
  </si>
  <si>
    <t>MultiPolygon (((7.01022165481838311 52.24474965254515268, 7.00686194471477908 52.24161373636573558, 7.0054711189863097 52.24221854170608026, 7.00454359360640666 52.24022749497107299, 6.99230500428026502 52.23615048578444231, 6.98893849586691385 52.23576925255706982, 6.99185430557535259 52.23851449610859277, 6.99312401862042332 52.23901873304785681, 6.99489484681237972 52.23879319449839898, 6.99524676860017358 52.23957622727562722, 6.9813301073064471 52.24271458393184275, 6.9756501801002484 52.24255578229998775, 6.97322112632347668 52.2417225554072715, 6.97145289966949289 52.24019517982170413, 6.97161334737873251 52.23771516337411924, 6.96872250934114756 52.23642207378407676, 6.96495390356899158 52.23626213940364948, 6.97164559646162818 52.24406763315694491, 6.97302800874641182 52.24850339370365759, 6.97092250977439587 52.25831893120107452, 6.96912505167733975 52.26685909023046861, 6.96781556676674008 52.26816234897516011, 6.94928209343439818 52.27948888831200236, 6.95969643528849868 52.28381560632507075, 6.96234626328333839 52.28272048823818352, 6.96619154782178462 52.28227859576661274, 6.97381277167561642 52.28426608187020008, 6.97300382285223197 52.28547988722545625, 6.97572919086137766 52.28688583719227267, 6.97963544488304244 52.28506792276624537, 6.98521384138232104 52.28615227485048678, 6.98868116020388985 52.28599896624598387, 6.98997534645129903 52.28323496020476568, 6.99503267398482542 52.28587154674926296, 6.99879170944553497 52.28673282508209041, 7.00509175994671462 52.28673470842502269, 7.00806787808353437 52.28442492998528479, 7.01197113321818311 52.28579315385933057, 7.01195637070539046 52.28682271098402623, 7.01575873151095308 52.28793431536346503, 7.02082711240404844 52.2846998341654583, 7.02603112704438271 52.28413339024603346, 7.02623918273057146 52.28732437408271494, 7.02954750894244373 52.28152611475010758, 7.02961433829916338 52.28017971577758516, 7.02751978132174671 52.27798615317139763, 7.02858421233281749 52.27362713598142818, 7.0320626867884517 52.27166404453495119, 7.03924366157948533 52.26089939677819274, 7.02911428752037537 52.25599929909057551, 7.02581367115660704 52.25736672521658477, 7.0205615269484003 52.25715966770289356, 7.01837713614754932 52.25517677777531844, 7.01758549700047762 52.25325998516741777, 7.01830577559679281 52.24748472891031525, 7.01458343900479431 52.24499564071363977, 7.01022165481838311 52.24474965254515268),(7.01022165481838311 52.24474965254515268, 7.01501911127778932 52.24648072119310882, 7.01593607522501639 52.2486576090208743, 7.01586898920925695 52.25094475258497084, 7.01194448023151651 52.25158805026533315, 7.01715960227627811 52.25150634915443959, 7.01737278854906865 52.25298739736654596, 7.01588758838649351 52.25482905853847626, 7.01563886476994369 52.26209803762619543, 7.01343185003771197 52.26173912288587786, 7.01375206619422364 52.26476852479960655, 7.01677692301832234 52.26602504079603762, 7.01981204734970099 52.27125547986859289, 7.01708619360065455 52.27262246759195108, 7.00468418706936724 52.27171045313021125, 7.00264068973091014 52.27471279212984001, 6.99575069919361958 52.27342157428614655, 6.99742042879192194 52.27005314977431993, 6.99673397035433986 52.26925163386663797, 6.99387536615869809 52.26952153447213334, 6.99184883543111102 52.27047578242395076, 6.98865355515630871 52.2693610043878536, 6.98853464702927685 52.26880723258508965, 6.99097651915780105 52.26790027745507672, 6.99013867203764061 52.26485961668826263, 6.98812770739236822 52.26419056762565418, 6.98750629091458908 52.26473858723063159, 6.98537532512425674 52.26448211524287757, 6.98246818659915469 52.26160328413897105, 6.98261528737345394 52.26102785431925923, 6.98388257738048868 52.26093380005563915, 6.9898500094623337 52.26078702511496488, 6.99290084302698656 52.26126840113792582, 6.99468181317060189 52.26007165881897265, 6.99647630187972336 52.25733892648985801, 6.99563929185265287 52.2571111837573099, 6.9952378507028854 52.25484489784777509, 7.00059618122840011 52.251548442853327, 7.00034525043994016 52.25085618177757141, 7.00354646601276265 52.25010248513780908, 7.00775163103232401 52.24545523914414957, 7.01022165481838311 52.24474965254515268)))</t>
  </si>
  <si>
    <t>MultiPolygon (((7.00264068973091014 52.27471279212984001, 7.00468418706936724 52.27171045313021125, 7.01708619360065455 52.27262246759195108, 7.01981204734970099 52.27125547986859289, 7.01677692301832234 52.26602504079603762, 7.01375206619422364 52.26476852479960655, 7.01343185003771197 52.26173912288587786, 7.01563886476994369 52.26209803762619543, 7.01588758838649351 52.25482905853847626, 7.01737278854906865 52.25298739736654596, 7.01715960227627811 52.25150634915443959, 7.01194448023151651 52.25158805026533315, 7.00952950613972448 52.2517766570929254, 7.0094806967972012 52.25586944335948658, 7.0081918061675017 52.25874739323511875, 7.00320549770710699 52.26397467704465782, 7.00639145286226572 52.26863312971276088, 7.00264068973091014 52.27471279212984001, 7.00264068973091014 52.27471279212984001)))</t>
  </si>
  <si>
    <t>MultiPolygon (((7.00952950613972448 52.2517766570929254, 7.01194448023151651 52.25158805026533315, 7.01586898920925695 52.25094475258497084, 7.01593607522501639 52.2486576090208743, 7.01501911127778932 52.24648072119310882, 7.01022165481838311 52.24474965254515268, 7.00775163103232401 52.24545523914414957, 7.00354646601276265 52.25010248513780908, 7.00034525043994016 52.25085618177757141, 7.00141632826323956 52.25210459612006986, 7.00331917650245561 52.2516245954452927, 7.00952950613972448 52.2517766570929254, 7.00952950613972448 52.2517766570929254)))</t>
  </si>
  <si>
    <t>MultiPolygon (((7.00264068973091014 52.27471279212984001, 7.00639145286226572 52.26863312971276088, 7.00320549770710699 52.26397467704465782, 7.0081918061675017 52.25874739323511875, 7.0094806967972012 52.25586944335948658, 7.00952950613972448 52.2517766570929254, 7.00331917650245561 52.2516245954452927, 7.00141632826323956 52.25210459612006986, 7.00034525043994016 52.25085618177757141, 7.00059618122840011 52.251548442853327, 6.9952378507028854 52.25484489784777509, 6.99563929185265287 52.2571111837573099, 6.99647630187972336 52.25733892648985801, 6.99468181317060189 52.26007165881897265, 6.99290084302698656 52.26126840113792582, 6.9898500094623337 52.26078702511496488, 6.98388257738048868 52.26093380005563915, 6.98261528737345394 52.26102785431925923, 6.98246818659915469 52.26160328413897105, 6.98537532512425674 52.26448211524287757, 6.98750629091458908 52.26473858723063159, 6.98812770739236822 52.26419056762565418, 6.99013867203764061 52.26485961668826263, 6.99097651915780105 52.26790027745507672, 6.98853464702927685 52.26880723258508965, 6.98865355515630871 52.2693610043878536, 6.99184883543111102 52.27047578242395076, 6.99387536615869809 52.26952153447213334, 6.99673397035433986 52.26925163386663797, 6.99742042879192194 52.27005314977431993, 6.99575069919361958 52.27342157428614655, 7.00264068973091014 52.27471279212984001, 7.00264068973091014 52.27471279212984001)))</t>
  </si>
  <si>
    <t>MultiPolygon (((6.01288817361340389 52.58611404879451356, 6.03303753927702768 52.55940346816952058, 6.00361900605487708 52.55039149983197433, 6.00698493238226128 52.54553718615887448, 5.98383519897194827 52.53797621941490803, 5.95967468799811684 52.57055149791910509, 5.97893643802876262 52.57611921282995837, 5.9792382685839609 52.57566282192428275, 5.98126525971801204 52.5762382814823539, 5.9829406980700055 52.57751377043307883, 6.0126877377566279 52.58563638305206922, 6.01288817361340389 52.58611404879451356)))</t>
  </si>
  <si>
    <t>MultiPolygon (((6.03045427357069652 52.5380608755454972, 6.03008704362033487 52.53082420399112351, 6.03017053109357093 52.52675435692329131, 6.02483240889579452 52.52630823356874146, 6.02364303262207024 52.52736569183377213, 6.01897342998570828 52.52600642524196672, 6.01995442935999847 52.52755907578028172, 6.01958767102649706 52.52956096201638303, 6.01735675397371228 52.53118723393266976, 6.01343072616743513 52.5320822503762912, 6.00662446858168941 52.53180474106358844, 5.99960551992910851 52.53044364131436339, 5.99212220038254983 52.52632087917525183, 5.98789191205131477 52.53030634490490058, 5.99326818499452241 52.53543112085543498, 5.99322474744644484 52.53671768755069849, 5.9838605162187406 52.53757273320920262, 5.98383519897194827 52.53797621941490803, 6.00698493238226128 52.54553718615887448, 6.01965260376035971 52.54189427806974777, 6.03045427357069652 52.5380608755454972, 6.03045427357069652 52.5380608755454972)))</t>
  </si>
  <si>
    <t>MultiPolygon (((5.95718787862157306 52.53125461214277436, 5.95878746775633861 52.52038103849789508, 5.96340609994785886 52.5167925587270048, 5.96113654612448585 52.51379762581763089, 5.95883067973290537 52.50418507212247476, 5.96347804628987266 52.48909723246674019, 5.96555332706247476 52.4893322725952558, 5.96624149507903834 52.48428095771173219, 5.97180861848453581 52.48125211905445298, 5.96530901777050904 52.47644438898795727, 5.95830097258789682 52.48406300832554905, 5.95288150546642303 52.48443847401981088, 5.94988967289556214 52.48380855788585109, 5.94612201607290292 52.48203960214538455, 5.93687988626193963 52.4764990505704958, 5.93540970510709887 52.47739203147938269, 5.92555944460960582 52.47405758598178238, 5.92085187225612408 52.48255479728488382, 5.90955985408116469 52.49795457813762312, 5.90158112268959822 52.50567914334651221, 5.88727666187981402 52.51690619169189489, 5.88331868064477526 52.51923075051293921, 5.88260439710744709 52.51896121930575845, 5.87902257380968152 52.52166164034331786, 5.87776268493299536 52.52114849927688311, 5.87620539883144133 52.52202501997810913, 5.86580130297385427 52.51865806093850608, 5.86285595745167587 52.52176442672876533, 5.86281820715723256 52.52611730359736697, 5.87697973053654632 52.52434323362797386, 5.88861461150635623 52.52526034411319245, 5.89919440257705929 52.52707680296823867, 5.91178264754073357 52.52562730802125657, 5.92225674160773075 52.52631981000960337, 5.94103151279094988 52.52733287050966737, 5.95718787862157306 52.53125461214277436, 5.95718787862157306 52.53125461214277436)))</t>
  </si>
  <si>
    <t>MultiPolygon (((5.97134122864173822 52.59415730914313514, 5.97262358448326225 52.59145814262770102, 5.97300930310027578 52.59090270846107273, 5.94713360420246762 52.58608582483544325, 5.94521914435150212 52.58693655920071564, 5.94129824820477026 52.58624786342365098, 5.93687580332379028 52.58384212963150617, 5.93449044567342465 52.57932785851121338, 5.93489046986956392 52.57831398016604396, 5.93277653439034314 52.57813910076929886, 5.92871686974424961 52.58263541288337706, 5.92724910143289652 52.58531306039504472, 5.92757737113692329 52.58669362239818668, 5.93166678677861103 52.58544520509211395, 5.9363556436163849 52.58559000406130224, 5.9384248139550575 52.58754298733119015, 5.93741976979657515 52.59140265008171866, 5.93883768572450332 52.59296156374455222, 5.94211803240904679 52.59358082049528349, 5.95003756008129248 52.59341738912993236, 5.95607675673974324 52.59144982817655745, 5.96208377524483613 52.59096421975738878, 5.96866475474573743 52.59264114463240247, 5.97134122864173822 52.59415730914313514, 5.97134122864173822 52.59415730914313514)))</t>
  </si>
  <si>
    <t>MultiPolygon (((5.93252332064217391 52.54195343084856518, 5.94207756951297927 52.54768091949656394, 5.9468686080052322 52.54821051565056678, 5.94681842294887275 52.54448069682285194, 5.95276966439771815 52.54480757167956284, 5.95383804267697769 52.54593653619331661, 5.97062636472973551 52.53905426929243561, 5.9838605162187406 52.53757273320920262, 5.99322474744644484 52.53671768755069849, 5.99326818499452241 52.53543112085543498, 5.98789191205131477 52.53030634490490058, 5.99212220038254983 52.52632087917525183, 5.98826677529177598 52.52374284336032417, 5.9777449313700064 52.52049460774279765, 5.97270128259083233 52.51713256584658041, 5.96735140568468836 52.51617093902080313, 5.96340609994785886 52.5167925587270048, 5.95878746775633861 52.52038103849789508, 5.95718787862157306 52.53125461214277436, 5.95600632794684959 52.53360831794763186, 5.94920821189212035 52.53706226021077441, 5.94692651090790125 52.5380368604753869, 5.93586476753286174 52.54038365827748436, 5.93252332064217391 52.54195343084856518, 5.93252332064217391 52.54195343084856518),(5.96750654087742305 52.53732127647158023, 5.9660023474817363 52.53815042342527164, 5.96241407999118689 52.53512860678645069, 5.96184769489267019 52.52998696860177574, 5.96335518378864826 52.52766232531211443, 5.96546385055675721 52.52633977369315943, 5.97231008246109063 52.52616968216307924, 5.97398144282379917 52.52893632178442829, 5.96821127611213509 52.5287034073651995, 5.96541463058198129 52.53016107702707416, 5.96332376621149152 52.53243126397332929, 5.96750654087742305 52.53732127647158023, 5.96750654087742305 52.53732127647158023)))</t>
  </si>
  <si>
    <t>MultiPolygon (((5.96750654087742305 52.53732127647158023, 5.96332376621149152 52.53243126397332929, 5.96541463058198129 52.53016107702707416, 5.96821127611213509 52.5287034073651995, 5.97398144282379917 52.52893632178442829, 5.97231008246109063 52.52616968216307924, 5.96546385055675721 52.52633977369315943, 5.96335518378864826 52.52766232531211443, 5.96184769489267019 52.52998696860177574, 5.96241407999118689 52.53512860678645069, 5.9660023474817363 52.53815042342527164, 5.96750654087742305 52.53732127647158023, 5.96750654087742305 52.53732127647158023)))</t>
  </si>
  <si>
    <t>MultiPolygon (((6.01550998014299942 52.52277139425372354, 6.01506565376703772 52.51790915506755653, 6.01880712754765757 52.51387937933582606, 6.0278574958816904 52.50960619807541718, 6.0253464839023243 52.50657332563373814, 6.02285139876914588 52.5053318749146527, 6.01933754436774482 52.50482748352467866, 6.01508037331041301 52.50596278557387109, 6.01236744405626222 52.50593976624244164, 6.00760995494215866 52.50426003030027999, 6.00078839952877896 52.50014882409335826, 5.99172241528847405 52.49389879717978147, 5.98316165378341669 52.48897570912612309, 5.97180861848453581 52.48125211905445298, 5.96624149507903834 52.48428095771173219, 5.96555332706247476 52.4893322725952558, 5.96347804628987266 52.48909723246674019, 5.95883067973290537 52.50418507212247476, 5.96113654612448585 52.51379762581763089, 5.96340609994785886 52.5167925587270048, 5.96735140568468836 52.51617093902080313, 5.97270128259083233 52.51713256584658041, 5.9777449313700064 52.52049460774279765, 5.98826677529177598 52.52374284336032417, 5.99212220038254983 52.52632087917525183, 5.99960551992910851 52.53044364131436339, 6.00662446858168941 52.53180474106358844, 6.01343072616743513 52.5320822503762912, 6.01735675397371228 52.53118723393266976, 6.01958767102649706 52.52956096201638303, 6.01995442935999847 52.52755907578028172, 6.01897342998570828 52.52600642524196672, 6.01550998014299942 52.52277139425372354),(6.01045753651910442 52.52353496831143076, 6.00860194884540899 52.52279861547528128, 6.00417922869064302 52.52282730820747503, 6.00246976369046337 52.52108098726255037, 6.00597531080832958 52.51833645100239067, 6.00891077315803823 52.51818071952355638, 6.01109799881629225 52.51941656548161319, 6.0120749817402972 52.52291781775390689, 6.01045753651910442 52.52353496831143076)))</t>
  </si>
  <si>
    <t>MultiPolygon (((6.01045753651910442 52.52353496831143076, 6.0120749817402972 52.52291781775390689, 6.01109799881629225 52.51941656548161319, 6.00891077315803823 52.51818071952355638, 6.00597531080832958 52.51833645100239067, 6.00246976369046337 52.52108098726255037, 6.00417922869064302 52.52282730820747503, 6.00860194884540899 52.52279861547528128, 6.01045753651910442 52.52353496831143076, 6.01045753651910442 52.52353496831143076)))</t>
  </si>
  <si>
    <t>MultiPolygon (((5.93665902865699557 52.56523071972722505, 5.94029831902754868 52.56380381205700303, 5.93955830510221361 52.5614936918689466, 5.93933795356394523 52.56059417816563695, 5.9428767248862453 52.55794774050402651, 5.94249626062947733 52.55620368041865476, 5.92252482879285935 52.55952903341702864, 5.92260918296504535 52.55979496578722632, 5.92667222560504658 52.56062344486625904, 5.93601270698394057 52.56431875072379256, 5.93665902865699557 52.56523071972722505, 5.93665902865699557 52.56523071972722505)))</t>
  </si>
  <si>
    <t>MultiPolygon (((5.94828093795936041 52.56879048337859928, 5.94840496339169 52.56925754491528835, 5.95245468208013673 52.56863151451847216, 5.95967468799811684 52.57055149791910509, 5.98383519897194827 52.53797621941490803, 5.9838605162187406 52.53757273320920262, 5.97062636472973551 52.53905426929243561, 5.95383804267697769 52.54593653619331661, 5.95276966439771815 52.54480757167956284, 5.94681842294887275 52.54448069682285194, 5.9468686080052322 52.54821051565056678, 5.94501201971283777 52.55193999377574698, 5.94651825782143106 52.5521175280069599, 5.94437219109734194 52.55590752903649587, 5.9579335247073173 52.55366982649508856, 5.96280965912157335 52.55596199524765666, 5.96151356270022781 52.55728894978153676, 5.95910198086473031 52.55764680394543831, 5.95582065468544819 52.55989519270948307, 5.95561194595936971 52.56216956796600925, 5.95890063696040873 52.56477091916863742, 5.95507932493661762 52.56743342775044425, 5.9542964893774597 52.56744734667301344, 5.95305523420923244 52.56598395907936805, 5.94828093795936041 52.56879048337859928, 5.94828093795936041 52.56879048337859928)))</t>
  </si>
  <si>
    <t>MultiPolygon (((5.93955830510221361 52.5614936918689466, 5.94273596238294033 52.56242273120066244, 5.94888280479210163 52.56223078632966406, 5.95305523420923244 52.56598395907936805, 5.9542964893774597 52.56744734667301344, 5.95507932493661762 52.56743342775044425, 5.95890063696040873 52.56477091916863742, 5.95561194595936971 52.56216956796600925, 5.95582065468544819 52.55989519270948307, 5.95910198086473031 52.55764680394543831, 5.96151356270022781 52.55728894978153676, 5.96280965912157335 52.55596199524765666, 5.9579335247073173 52.55366982649508856, 5.94437219109734194 52.55590752903649587, 5.94249626062947733 52.55620368041865476, 5.9428767248862453 52.55794774050402651, 5.93933795356394523 52.56059417816563695, 5.93955830510221361 52.5614936918689466, 5.93955830510221361 52.5614936918689466)))</t>
  </si>
  <si>
    <t>MultiPolygon (((5.93489046986956392 52.57831398016604396, 5.93449044567342465 52.57932785851121338, 5.93687580332379028 52.58384212963150617, 5.94129824820477026 52.58624786342365098, 5.94521914435150212 52.58693655920071564, 5.94713360420246762 52.58608582483544325, 5.97300930310027578 52.59090270846107273, 5.9829406980700055 52.57751377043307883, 5.98126525971801204 52.5762382814823539, 5.9792382685839609 52.57566282192428275, 5.97893643802876262 52.57611921282995837, 5.95967468799811684 52.57055149791910509, 5.95245468208013673 52.56863151451847216, 5.94840496339169 52.56925754491528835, 5.94828093795936041 52.56879048337859928, 5.94673211343757124 52.57073896076799713, 5.94031902422582103 52.56892508031789646, 5.93782610744621753 52.56894727160176473, 5.93485223938149442 52.57329167036154871, 5.93742698605486652 52.57406985520837139, 5.93812825087651763 52.57625025000110952, 5.93768045258689448 52.57761170352533497, 5.93568549769792853 52.57756791597916646, 5.93489046986956392 52.57831398016604396, 5.93489046986956392 52.57831398016604396)))</t>
  </si>
  <si>
    <t>MultiPolygon (((5.92757737113692329 52.58669362239818668, 5.92724910143289652 52.58531306039504472, 5.92871686974424961 52.58263541288337706, 5.93277653439034314 52.57813910076929886, 5.93489046986956392 52.57831398016604396, 5.93568549769792853 52.57756791597916646, 5.93768045258689448 52.57761170352533497, 5.93812825087651763 52.57625025000110952, 5.93742698605486652 52.57406985520837139, 5.93485223938149442 52.57329167036154871, 5.93320754316701215 52.5741005744819816, 5.93079532819692634 52.57295068055651655, 5.92393951201713076 52.5674873923517012, 5.92032407990124199 52.56586417526145283, 5.92016262850140418 52.563056909549708, 5.91548883231648759 52.56225294957397409, 5.91944560603480774 52.57974237796594963, 5.91761342711867222 52.58202710243345024, 5.91304931257651667 52.58512005955578417, 5.9127776297813508 52.5862025706833478, 5.91809628502597018 52.58834301746288276, 5.92143622536288738 52.58819188789537691, 5.92757737113692329 52.58669362239818668, 5.92757737113692329 52.58669362239818668)))</t>
  </si>
  <si>
    <t>MultiPolygon (((5.9204684977756683 52.55864739042772271, 5.92252482879285935 52.55952903341702864, 5.94249626062947733 52.55620368041865476, 5.94437219109734194 52.55590752903649587, 5.94651825782143106 52.5521175280069599, 5.94501201971283777 52.55193999377574698, 5.9468686080052322 52.54821051565056678, 5.94207756951297927 52.54768091949656394, 5.93252332064217391 52.54195343084856518, 5.92989382580540525 52.54428660025919129, 5.9281747414183581 52.54771551937949425, 5.92640764293363276 52.55218942217560851, 5.92440985343797255 52.55521944534163481, 5.9204684977756683 52.55864739042772271, 5.9204684977756683 52.55864739042772271)))</t>
  </si>
  <si>
    <t>MultiPolygon (((5.93782610744621753 52.56894727160176473, 5.94031902422582103 52.56892508031789646, 5.94673211343757124 52.57073896076799713, 5.94828093795936041 52.56879048337859928, 5.95305523420923244 52.56598395907936805, 5.94888280479210163 52.56223078632966406, 5.94273596238294033 52.56242273120066244, 5.93955830510221361 52.5614936918689466, 5.94029831902754868 52.56380381205700303, 5.93665902865699557 52.56523071972722505, 5.93782610744621753 52.56894727160176473, 5.93782610744621753 52.56894727160176473)))</t>
  </si>
  <si>
    <t>MultiPolygon (((5.93485223938149442 52.57329167036154871, 5.93782610744621753 52.56894727160176473, 5.93665902865699557 52.56523071972722505, 5.93601270698394057 52.56431875072379256, 5.92667222560504658 52.56062344486625904, 5.92260918296504535 52.55979496578722632, 5.9236831925318123 52.56037907184164482, 5.92059272918823254 52.56175873182957758, 5.92016262850140418 52.563056909549708, 5.92032407990124199 52.56586417526145283, 5.92393951201713076 52.5674873923517012, 5.93079532819692634 52.57295068055651655, 5.93320754316701215 52.5741005744819816, 5.93485223938149442 52.57329167036154871, 5.93485223938149442 52.57329167036154871)))</t>
  </si>
  <si>
    <t>MultiPolygon (((5.98640156509783417 52.62501768640007782, 5.99174540698609004 52.6217475049712462, 5.99210566804011435 52.61898059659989713, 5.9909091657831679 52.61350875361946322, 5.98024299326101527 52.60508846687376661, 5.97667262536827959 52.59965146815050474, 5.97272014120486894 52.59553769232614684, 5.97134122864173822 52.59415730914313514, 5.96866475474573743 52.59264114463240247, 5.96208377524483613 52.59096421975738878, 5.95607675673974324 52.59144982817655745, 5.95003756008129248 52.59341738912993236, 5.9502378638678417 52.59470081888041193, 5.9475781835302266 52.59712810893456236, 5.94768169142633685 52.59975614145510292, 5.95824100572242976 52.60765716061921182, 5.95897308020603678 52.60886329076559065, 5.95655341707380792 52.62275150132748536, 5.95574533977992893 52.62289497099713742, 5.95842045595103187 52.62478657120222891, 5.96864385271716102 52.62309018175274389, 5.97521607240010511 52.62297391338297814, 5.98640156509783417 52.62501768640007782, 5.98640156509783417 52.62501768640007782)))</t>
  </si>
  <si>
    <t>MultiPolygon (((5.79629994964144579 52.59228537035507145, 5.79776330008821272 52.59074710394498453, 5.7923900902527059 52.59116499469784856, 5.78899589523246405 52.59225721162771094, 5.78768390292781199 52.59200332413676193, 5.78836226123210906 52.59049721918832176, 5.79077251396077397 52.58942874485824603, 5.79150350685868887 52.5880285738740838, 5.79033104689171818 52.58738991917628169, 5.78519534902219501 52.59190596582999433, 5.78683869001924922 52.59318423355185956, 5.79369203448713321 52.59347317891606366, 5.79629994964144579 52.59228537035507145, 5.79629994964144579 52.59228537035507145)),((5.80614737329504571 52.59608396893261073, 5.80727407843147603 52.59470599393552703, 5.80670205977030118 52.59059905233888088, 5.80849048978167826 52.59020189666753708, 5.80997014278538959 52.5907627932371895, 5.81182038021969216 52.59357163220598608, 5.81759806815275127 52.5916970957994252, 5.8079669566066201 52.58908585161280769, 5.80232021153532429 52.59213751858001018, 5.80041637372261665 52.5957395999557491, 5.80066461476707751 52.59683309127591144, 5.80172537647186637 52.59730702718761819, 5.80614737329504571 52.59608396893261073, 5.80614737329504571 52.59608396893261073)),((5.83390148538312303 52.60734335961902275, 5.83410026866072595 52.60551444952772471, 5.82765625848904367 52.60139852114668457, 5.82935878370535843 52.59332591693517145, 5.82379229401291276 52.59354055746995726, 5.8154997597281195 52.59757587298316395, 5.80987680038145005 52.59790526519408616, 5.80208415237915709 52.60312539417832056, 5.80193658525258193 52.6048340543848667, 5.80356290397038688 52.60603869619851736, 5.80811772735483878 52.6072899690781739, 5.81075172039431731 52.60685024817699684, 5.83390148538312303 52.60734335961902275, 5.83390148538312303 52.60734335961902275)),((5.95655341707380792 52.62275150132748536, 5.95897308020603678 52.60886329076559065, 5.95824100572242976 52.60765716061921182, 5.94768169142633685 52.59975614145510292, 5.9475781835302266 52.59712810893456236, 5.9502378638678417 52.59470081888041193, 5.95003756008129248 52.59341738912993236, 5.94211803240904679 52.59358082049528349, 5.93883768572450332 52.59296156374455222, 5.93741976979657515 52.59140265008171866, 5.9384248139550575 52.58754298733119015, 5.9363556436163849 52.58559000406130224, 5.93166678677861103 52.58544520509211395, 5.92757737113692329 52.58669362239818668, 5.92143622536288738 52.58819188789537691, 5.91809628502597018 52.58834301746288276, 5.9127776297813508 52.5862025706833478, 5.91304931257651667 52.58512005955578417, 5.91761342711867222 52.58202710243345024, 5.91944560603480774 52.57974237796594963, 5.91548883231648759 52.56225294957397409, 5.91064310077615307 52.56549606625120674, 5.90362038862020899 52.5677528655410029, 5.89555271517793056 52.56997839293075003, 5.87201896425296699 52.58121163544149823, 5.86612964803293568 52.58270915854186711, 5.85935312905267125 52.58280331801922358, 5.84993485421888959 52.58147947417100454, 5.83972078745199585 52.58225868560203509, 5.83851389996398762 52.58308265549160865, 5.82984171928592865 52.58375852317289656, 5.80680086092740044 52.58409675686421281, 5.81511423579915387 52.58835904237439252, 5.8201617536201109 52.58898575982754409, 5.81983892846898154 52.5879208149681574, 5.81414392860179596 52.58686442471790201, 5.81437511877237068 52.58493804722000675, 5.81743100915397982 52.58479434666025298, 5.82055056622756606 52.58660521171517388, 5.82785045072122276 52.5873250331330695, 5.8321582751486023 52.58635817466787898, 5.83986652982540821 52.58275696414912659, 5.84162556719775417 52.58381185345832876, 5.8360352387677219 52.58688670036860913, 5.83125701523585427 52.59127237411464506, 5.83568725142592104 52.5960824689798585, 5.83528492525882125 52.59717595557847858, 5.83214787569701176 52.59784777381523924, 5.83189151860902477 52.6003148042162465, 5.84064632086595381 52.61042973931034794, 5.84300872721182074 52.61075061246084061, 5.88808440248114895 52.61686292407399179, 5.89629837436121651 52.61797469140962846, 5.90591133970653104 52.6182874645442169, 5.90780116570406655 52.61584610038536169, 5.91769638760265515 52.61264103956784055, 5.92660822850229785 52.61330647157318197, 5.93141916900903166 52.61387501853383242, 5.94162611649790584 52.61758815094298569, 5.95092109131147939 52.61998719197717378, 5.9551005507628556 52.62138429097547032, 5.95574533977992893 52.62289497099713742, 5.95655341707380792 52.62275150132748536, 5.95655341707380792 52.62275150132748536)))</t>
  </si>
  <si>
    <t>MultiPolygon (((5.85935312905267125 52.58280331801922358, 5.8609502281943886 52.57634102210826654, 5.86398845057900608 52.57137993876785487, 5.88167227314119678 52.55493085616505056, 5.86884371920960568 52.54978844277509609, 5.86291973866908211 52.54619209502556032, 5.85772122099403614 52.54518140304541163, 5.85650821388668597 52.54585009067847778, 5.85857837753064192 52.54708250785660084, 5.85823746820620173 52.54752064990910299, 5.85735035992408459 52.5473904200749331, 5.85606312434162035 52.55189984796507474, 5.85541176729429846 52.55123126264408029, 5.85439708002368775 52.55157290750403121, 5.85455886063105435 52.55240234168633862, 5.85274111377228046 52.55284747050219352, 5.85282972994078676 52.55441949410761993, 5.8510080231089816 52.55742541052748606, 5.84774866126486881 52.55826767925466925, 5.84849949504755262 52.5592107235038597, 5.84202262874978473 52.56250966760512, 5.84075224260085069 52.56464014654923034, 5.83991783385965579 52.56971198393225109, 5.8321613576508966 52.57673501507141367, 5.82398156853252047 52.57983708140352519, 5.81932591580296599 52.58011455200520601, 5.81407571597409056 52.58256666785416655, 5.82821437483790383 52.58246247977611887, 5.83842505013647983 52.58170577446816196, 5.83972078745199585 52.58225868560203509, 5.84993485421888959 52.58147947417100454, 5.85935312905267125 52.58280331801922358, 5.85935312905267125 52.58280331801922358)))</t>
  </si>
  <si>
    <t>MultiPolygon (((5.8984458350618274 52.54219593869477478, 5.90977731204110945 52.53484231102389401, 5.91731380617440372 52.53071769963571569, 5.92225674160773075 52.52631981000960337, 5.91178264754073357 52.52562730802125657, 5.89919440257705929 52.52707680296823867, 5.88861461150635623 52.52526034411319245, 5.87697973053654632 52.52434323362797386, 5.86281820715723256 52.52611730359736697, 5.86188732056807105 52.52809537563490494, 5.86230283907465655 52.5315862831397169, 5.86000586389635458 52.53603671169295097, 5.86058471427445049 52.53738961495350424, 5.86255820937667682 52.5381340351682411, 5.86074554131204728 52.53853331617475675, 5.86040621293330588 52.53790010732843285, 5.85934778872442497 52.54227554588636195, 5.85695030455291565 52.54402718283331097, 5.85772122099403614 52.54518140304541163, 5.86291973866908211 52.54619209502556032, 5.86884371920960568 52.54978844277509609, 5.88167227314119678 52.55493085616505056, 5.88857019104943813 52.5490303647997834, 5.8984458350618274 52.54219593869477478, 5.8984458350618274 52.54219593869477478)))</t>
  </si>
  <si>
    <t>MultiPolygon (((5.93019151023879498 52.54107872259552181, 5.93252332064217391 52.54195343084856518, 5.93586476753286174 52.54038365827748436, 5.94692651090790125 52.5380368604753869, 5.94920821189212035 52.53706226021077441, 5.95600632794684959 52.53360831794763186, 5.95718787862157306 52.53125461214277436, 5.94103151279094988 52.52733287050966737, 5.92225674160773075 52.52631981000960337, 5.91731380617440372 52.53071769963571569, 5.92012739102386121 52.53304555322193181, 5.92089226640632127 52.53481983420126511, 5.92536840136671827 52.53817666691472255, 5.93019151023879498 52.54107872259552181, 5.93019151023879498 52.54107872259552181)))</t>
  </si>
  <si>
    <t>MultiPolygon (((5.91598937634384914 52.53717477299733218, 5.92536840136671827 52.53817666691472255, 5.92089226640632127 52.53481983420126511, 5.92012739102386121 52.53304555322193181, 5.91731380617440372 52.53071769963571569, 5.90977731204110945 52.53484231102389401, 5.91311435658482765 52.53668852421413504, 5.91598937634384914 52.53717477299733218, 5.91598937634384914 52.53717477299733218)))</t>
  </si>
  <si>
    <t>MultiPolygon (((5.91548883231648759 52.56225294957397409, 5.92016262850140418 52.563056909549708, 5.92059272918823254 52.56175873182957758, 5.9236831925318123 52.56037907184164482, 5.92260918296504535 52.55979496578722632, 5.92252482879285935 52.55952903341702864, 5.9204684977756683 52.55864739042772271, 5.91548883231648759 52.56225294957397409, 5.91548883231648759 52.56225294957397409)))</t>
  </si>
  <si>
    <t>MultiPolygon (((5.91424228517044348 52.54315409456033592, 5.91783232383218749 52.54404228671616295, 5.91931304503972289 52.54208765589999075, 5.92559257906286074 52.54361903999559757, 5.93019151023879498 52.54107872259552181, 5.92536840136671827 52.53817666691472255, 5.91598937634384914 52.53717477299733218, 5.91067407949248835 52.54065853213801773, 5.91424228517044348 52.54315409456033592, 5.91424228517044348 52.54315409456033592)))</t>
  </si>
  <si>
    <t>MultiPolygon (((5.90505156604484416 52.54684417759656156, 5.91424228517044348 52.54315409456033592, 5.91067407949248835 52.54065853213801773, 5.91598937634384914 52.53717477299733218, 5.91311435658482765 52.53668852421413504, 5.90977731204110945 52.53484231102389401, 5.8984458350618274 52.54219593869477478, 5.9010479840839194 52.54310670384369786, 5.90505156604484416 52.54684417759656156, 5.90505156604484416 52.54684417759656156)))</t>
  </si>
  <si>
    <t>MultiPolygon (((5.89390443335951364 52.56245508809847422, 5.90390804721709817 52.55693909877033576, 5.89762774603802153 52.55530989129253072, 5.88688772720209919 52.55599739600568654, 5.88926147677694178 52.55983312917781802, 5.89390443335951364 52.56245508809847422, 5.89390443335951364 52.56245508809847422)))</t>
  </si>
  <si>
    <t>MultiPolygon (((5.88688772720209919 52.55599739600568654, 5.89762774603802153 52.55530989129253072, 5.90390804721709817 52.55693909877033576, 5.91055528294149557 52.55198191370769933, 5.90505156604484416 52.54684417759656156, 5.9010479840839194 52.54310670384369786, 5.8984458350618274 52.54219593869477478, 5.88857019104943813 52.5490303647997834, 5.88167227314119678 52.55493085616505056, 5.88688772720209919 52.55599739600568654, 5.88688772720209919 52.55599739600568654)))</t>
  </si>
  <si>
    <t>MultiPolygon (((5.91239039504068575 52.55067559178626624, 5.91678236543027314 52.55140382172622537, 5.91564493954887904 52.54937412114934148, 5.92098961654517364 52.54707020343531809, 5.9281747414183581 52.54771551937949425, 5.92989382580540525 52.54428660025919129, 5.93252332064217391 52.54195343084856518, 5.93019151023879498 52.54107872259552181, 5.92559257906286074 52.54361903999559757, 5.91931304503972289 52.54208765589999075, 5.91783232383218749 52.54404228671616295, 5.91239039504068575 52.55067559178626624, 5.91239039504068575 52.55067559178626624)))</t>
  </si>
  <si>
    <t>MultiPolygon (((5.85935312905267125 52.58280331801922358, 5.86612964803293568 52.58270915854186711, 5.87201896425296699 52.58121163544149823, 5.89555271517793056 52.56997839293075003, 5.90362038862020899 52.5677528655410029, 5.89945814139665536 52.56487169472885768, 5.89597491190894551 52.56543713488617442, 5.89408786939646401 52.56389227833801669, 5.89390443335951364 52.56245508809847422, 5.88926147677694178 52.55983312917781802, 5.88688772720209919 52.55599739600568654, 5.88167227314119678 52.55493085616505056, 5.86398845057900608 52.57137993876785487, 5.8609502281943886 52.57634102210826654, 5.85935312905267125 52.58280331801922358, 5.85935312905267125 52.58280331801922358)))</t>
  </si>
  <si>
    <t>MultiPolygon (((5.91055528294149557 52.55198191370769933, 5.91239039504068575 52.55067559178626624, 5.91783232383218749 52.54404228671616295, 5.91424228517044348 52.54315409456033592, 5.90505156604484416 52.54684417759656156, 5.91055528294149557 52.55198191370769933, 5.91055528294149557 52.55198191370769933)))</t>
  </si>
  <si>
    <t>MultiPolygon (((5.91818125997237487 52.55273358037209164, 5.92347792787220762 52.55130275185210564, 5.92640764293363276 52.55218942217560851, 5.9281747414183581 52.54771551937949425, 5.92098961654517364 52.54707020343531809, 5.91564493954887904 52.54937412114934148, 5.91678236543027314 52.55140382172622537, 5.91818125997237487 52.55273358037209164, 5.91818125997237487 52.55273358037209164)))</t>
  </si>
  <si>
    <t>MultiPolygon (((5.89390443335951364 52.56245508809847422, 5.89408786939646401 52.56389227833801669, 5.89597491190894551 52.56543713488617442, 5.89945814139665536 52.56487169472885768, 5.89976871519128565 52.56238187051594224, 5.90773471346532997 52.55932812156945033, 5.90390804721709817 52.55693909877033576, 5.89390443335951364 52.56245508809847422, 5.89390443335951364 52.56245508809847422)))</t>
  </si>
  <si>
    <t>MultiPolygon (((5.90773471346532997 52.55932812156945033, 5.90950321768580356 52.56044204399690756, 5.91097892512870704 52.55773386257070001, 5.91818125997237487 52.55273358037209164, 5.91678236543027314 52.55140382172622537, 5.91239039504068575 52.55067559178626624, 5.91055528294149557 52.55198191370769933, 5.90390804721709817 52.55693909877033576, 5.90773471346532997 52.55932812156945033, 5.90773471346532997 52.55932812156945033)))</t>
  </si>
  <si>
    <t>MultiPolygon (((5.90362038862020899 52.5677528655410029, 5.91064310077615307 52.56549606625120674, 5.90950321768580356 52.56044204399690756, 5.90773471346532997 52.55932812156945033, 5.89976871519128565 52.56238187051594224, 5.89945814139665536 52.56487169472885768, 5.90362038862020899 52.5677528655410029, 5.90362038862020899 52.5677528655410029)))</t>
  </si>
  <si>
    <t>MultiPolygon (((5.91064310077615307 52.56549606625120674, 5.91548883231648759 52.56225294957397409, 5.9204684977756683 52.55864739042772271, 5.92440985343797255 52.55521944534163481, 5.92640764293363276 52.55218942217560851, 5.92347792787220762 52.55130275185210564, 5.91818125997237487 52.55273358037209164, 5.91097892512870704 52.55773386257070001, 5.90950321768580356 52.56044204399690756, 5.91064310077615307 52.56549606625120674, 5.91064310077615307 52.56549606625120674)))</t>
  </si>
  <si>
    <t>MultiPolygon (((6.71213972009115167 52.22602899571661794, 6.72734348289733131 52.22753667321637039, 6.73674366040498906 52.22736709853889181, 6.75139857041676539 52.22382887112060956, 6.75589296773512604 52.21739583586965239, 6.75962360523809824 52.21003479781084167, 6.76632375351909765 52.20313870281545832, 6.76680054164339317 52.19106489798402748, 6.76367783394585409 52.19189785155284511, 6.71238776634233236 52.20633143274621801, 6.70203913717113853 52.21682155121435187, 6.70323947984175827 52.21944210963806654, 6.71213972009115167 52.22602899571661794, 6.71213972009115167 52.22602899571661794),(6.74240272446121836 52.2155851497947836, 6.74165331122712352 52.21554386254385349, 6.73875132538399857 52.21206725417293626, 6.73859849468358352 52.20856849955418966, 6.74031169041052269 52.207765808576859, 6.74259634475163772 52.2080842314962581, 6.74733901965547389 52.21091617684775343, 6.74667129941705923 52.21264636617608801, 6.74368168515384969 52.21531293581050193, 6.74240272446121836 52.2155851497947836, 6.74240272446121836 52.2155851497947836)))</t>
  </si>
  <si>
    <t>MultiPolygon (((6.74749602868374065 52.28443569145195369, 6.75362789980296707 52.28410136713094403, 6.76193933659322521 52.28521996463729238, 6.772034789249612 52.27507765530368289, 6.76972338638574112 52.27495531945448448, 6.76575125633809726 52.27269143753214564, 6.76508797389200911 52.26647649873654444, 6.76386533220107289 52.26633447178858205, 6.74898105551694627 52.26528645343591961, 6.74791449792157216 52.26685416568926712, 6.74882069585462663 52.26708577665471722, 6.74939762974778823 52.26938495583603128, 6.74856419286994669 52.27016669570292606, 6.74936791332639086 52.27101633457010621, 6.74813481436811191 52.27604877397346428, 6.74576622333520959 52.28013081327600986, 6.74423221509312221 52.28171484550495762, 6.74360631067302396 52.28154731237164299, 6.74289762071543475 52.28309285347754809, 6.74288646020911298 52.28311347961944477, 6.74749602868374065 52.28443569145195369, 6.74749602868374065 52.28443569145195369)))</t>
  </si>
  <si>
    <t>MultiPolygon (((6.72359037611759369 52.25201142119345121, 6.72428142287595509 52.25270584261270557, 6.72937031790545337 52.2525494012771432, 6.74884451778264172 52.2517322001084068, 6.75436082220823497 52.25146873520186119, 6.75450765051837454 52.25102269666901833, 6.75762189383010181 52.24391431377033967, 6.76291813194238234 52.23829766343620662, 6.7683213325414755 52.23491183169632279, 6.76809686964337232 52.23478066644598528, 6.76519028604037231 52.23313757255199619, 6.76905533731538434 52.22701277186258295, 6.75589296773512604 52.21739583586965239, 6.75139857041676539 52.22382887112060956, 6.73674366040498906 52.22736709853889181, 6.72734348289733131 52.22753667321637039, 6.71213972009115167 52.22602899571661794, 6.71708784634920253 52.24098049736159766, 6.71879982639495044 52.23917610939186318, 6.71877430646604079 52.23786408738691733, 6.72082789681602222 52.23802179527636014, 6.72150873104279079 52.23915109585405503, 6.7200553884100831 52.24374224973599468, 6.71792671604553515 52.24351424385130827, 6.71961635225303144 52.24861669393200714, 6.72359037611759369 52.25201142119345121, 6.72359037611759369 52.25201142119345121)))</t>
  </si>
  <si>
    <t>MultiPolygon (((6.81749209496406827 52.25078354041877304, 6.8242980465805605 52.24651824767850172, 6.81953850570980968 52.24365705613372768, 6.81845157817367298 52.24100579111004095, 6.8137539329312542 52.22948268736966781, 6.80236279524718146 52.23208112220325461, 6.80432488448736716 52.23519837376656483, 6.80481938855533652 52.24087684539022547, 6.80377679103492206 52.24112532580024748, 6.80345620172685273 52.24622062280121781, 6.80370389223446903 52.24619327411529213, 6.81177300969910959 52.24529304959374088, 6.81498489794970386 52.24750260871723384, 6.81749209496406827 52.25078354041877304, 6.81749209496406827 52.25078354041877304)))</t>
  </si>
  <si>
    <t>MultiPolygon (((6.8233647932742425 52.27038315501924615, 6.83184684810334808 52.27345163467879274, 6.84027738319106593 52.26907696295834427, 6.8435145321124029 52.26659260415419794, 6.84335170647640378 52.2636965697399134, 6.84070110758065741 52.26207661765131718, 6.84028771578395922 52.26108594489266324, 6.84256212503337213 52.25390918603816459, 6.82705799276039116 52.24818155114433438, 6.8242980465805605 52.24651824767850172, 6.81749209496406827 52.25078354041877304, 6.80951493926323792 52.25576034181794682, 6.81189261249466593 52.25692675382359909, 6.82347912437687576 52.25489949182785665, 6.82807301077642581 52.2565074963099363, 6.82968646906455135 52.26083011325086858, 6.83158958118511617 52.26670399303530701, 6.8323488029514472 52.26647881039501442, 6.83317884649692786 52.26710636021987, 6.83408117241476987 52.26926172383073066, 6.82725659717432709 52.27071127361676872, 6.82509889261050873 52.27011126116565265, 6.82327638019809335 52.27034911879567858, 6.8233647932742425 52.27038315501924615, 6.8233647932742425 52.27038315501924615)))</t>
  </si>
  <si>
    <t>MultiPolygon (((6.78156624203312575 52.28501184419544501, 6.78259309479164596 52.28709509437653935, 6.78499549122019463 52.28872883723786913, 6.79551656005876303 52.28729488363583044, 6.80626178376335211 52.28339742522351941, 6.80559282206184779 52.28175528789807203, 6.80404451821672218 52.28167665634209982, 6.80345360502462437 52.28044258547108569, 6.80423788313186595 52.27994039290714312, 6.80242272135441617 52.27903493832846493, 6.79839069484302883 52.27858167749290885, 6.79671703210415945 52.28054339541351681, 6.79507871089402915 52.28117719278907316, 6.78575729224460389 52.28219286827410883, 6.78553673654289558 52.28402121093873944, 6.78379406532102003 52.28504165389935565, 6.78156624203312575 52.28501184419544501, 6.78156624203312575 52.28501184419544501)))</t>
  </si>
  <si>
    <t>MultiPolygon (((6.79000835953801651 52.29357630028354009, 6.79076380674184499 52.29428789795393584, 6.80188510816274938 52.29153721467930183, 6.8074612681059401 52.29003073440373583, 6.81026837532679874 52.28821750426707382, 6.81018133167453765 52.28643959751438786, 6.80626178376335211 52.28339742522351941, 6.79551656005876303 52.28729488363583044, 6.78499549122019463 52.28872883723786913, 6.79000835953801651 52.29357630028354009, 6.79000835953801651 52.29357630028354009)))</t>
  </si>
  <si>
    <t>MultiPolygon (((6.79410186300054786 52.30601667049866421, 6.7991717029455021 52.3027382959774485, 6.80357772125801041 52.30218488403685484, 6.80532699043765987 52.30023428394650153, 6.80370540655329314 52.30018872019640241, 6.79855729009985321 52.30030838302212715, 6.79668575287747068 52.29879473531857315, 6.79255056745812613 52.30038678818952746, 6.78838301326610072 52.30365140090285081, 6.78789219533113375 52.30497555070198956, 6.79410186300054786 52.30601667049866421, 6.79410186300054786 52.30601667049866421)),((6.8093347939833091 52.31036286109261368, 6.81225140206517121 52.31088728900463991, 6.82333619514794965 52.30875951971960092, 6.8256914567843241 52.30640012064129252, 6.82389559176563054 52.30442385881433864, 6.8180914949447482 52.30675937315162827, 6.81738345521097067 52.30615689361909659, 6.81036252915588225 52.30503416710310916, 6.80750045171065832 52.30556495706377262, 6.80134742058062169 52.30865104031575186, 6.80134755815815062 52.30865116990755581, 6.80322995011672305 52.31343683184829274, 6.80781587832926238 52.31309122526229771, 6.8093347939833091 52.31036286109261368, 6.8093347939833091 52.31036286109261368)))</t>
  </si>
  <si>
    <t>MultiPolygon (((6.74240272446121836 52.2155851497947836, 6.74368168515384969 52.21531293581050193, 6.74667129941705923 52.21264636617608801, 6.74733901965547389 52.21091617684775343, 6.74259634475163772 52.2080842314962581, 6.74031169041052269 52.207765808576859, 6.73859849468358352 52.20856849955418966, 6.73875132538399857 52.21206725417293626, 6.74165331122712352 52.21554386254385349, 6.74240272446121836 52.2155851497947836, 6.74240272446121836 52.2155851497947836)))</t>
  </si>
  <si>
    <t>MultiPolygon (((6.80750045171065832 52.30556495706377262, 6.81036252915588225 52.30503416710310916, 6.81738345521097067 52.30615689361909659, 6.8180914949447482 52.30675937315162827, 6.82389559176563054 52.30442385881433864, 6.82117007972950073 52.30248126107626661, 6.81998470675117208 52.30241940011068635, 6.81923710127618765 52.30144831726639154, 6.82050365208309106 52.29853536062987729, 6.80789560106966096 52.30038866422197685, 6.80532699043765987 52.30023428394650153, 6.80357772125801041 52.30218488403685484, 6.7991717029455021 52.3027382959774485, 6.79410186300054786 52.30601667049866421, 6.79745142614307341 52.30670081181079212, 6.79815709090879849 52.30763846996320865, 6.80134742058062169 52.30865104031575186, 6.80750045171065832 52.30556495706377262, 6.80750045171065832 52.30556495706377262)),((6.80322995011672305 52.31343683184829274, 6.80134755815815062 52.30865116990755581, 6.80188891228589831 52.31198468330298823, 6.80203883101837548 52.3135860798283332, 6.80322995011672305 52.31343683184829274, 6.80322995011672305 52.31343683184829274)))</t>
  </si>
  <si>
    <t>MultiPolygon (((6.79255056745812613 52.30038678818952746, 6.79668575287747068 52.29879473531857315, 6.79432383126244854 52.29600844944960869, 6.79076380674184499 52.29428789795393584, 6.79000835953801651 52.29357630028354009, 6.78060836070025363 52.29697029170639411, 6.785048611783842 52.29981272556010197, 6.79255056745812613 52.30038678818952746, 6.79255056745812613 52.30038678818952746)))</t>
  </si>
  <si>
    <t>MultiPolygon (((6.80370540655329314 52.30018872019640241, 6.80532699043765987 52.30023428394650153, 6.80789560106966096 52.30038866422197685, 6.82050365208309106 52.29853536062987729, 6.82306825750303858 52.2970970977080114, 6.8278903377539617 52.29552221889195351, 6.82617014724599169 52.29470047942950828, 6.82654498762704964 52.29282190061427116, 6.82813040379138148 52.29288922638119175, 6.82790393654390826 52.29146986487837268, 6.82199188014889479 52.29223491458895268, 6.82166658444181717 52.29096882447595362, 6.8129139137724346 52.29214394287018308, 6.80922361012726007 52.29543645590037215, 6.8073593111226316 52.298102570895459, 6.80370540655329314 52.30018872019640241, 6.80370540655329314 52.30018872019640241)))</t>
  </si>
  <si>
    <t>MultiPolygon (((6.79668575287747068 52.29879473531857315, 6.79855729009985321 52.30030838302212715, 6.80370540655329314 52.30018872019640241, 6.8073593111226316 52.298102570895459, 6.80922361012726007 52.29543645590037215, 6.80536059070244992 52.2937039393917118, 6.80344338450760144 52.29352847157300488, 6.79914394816206347 52.29430135182312256, 6.79432383126244854 52.29600844944960869, 6.79668575287747068 52.29879473531857315, 6.79668575287747068 52.29879473531857315)))</t>
  </si>
  <si>
    <t>MultiPolygon (((6.79076380674184499 52.29428789795393584, 6.79432383126244854 52.29600844944960869, 6.79914394816206347 52.29430135182312256, 6.80344338450760144 52.29352847157300488, 6.80536059070244992 52.2937039393917118, 6.80922361012726007 52.29543645590037215, 6.8129139137724346 52.29214394287018308, 6.81192765685495427 52.29249177914114455, 6.80188510816274938 52.29153721467930183, 6.79076380674184499 52.29428789795393584, 6.79076380674184499 52.29428789795393584)))</t>
  </si>
  <si>
    <t>MultiPolygon (((6.80188510816274938 52.29153721467930183, 6.81192765685495427 52.29249177914114455, 6.8129139137724346 52.29214394287018308, 6.82166658444181717 52.29096882447595362, 6.82062530939272449 52.28826432803228386, 6.8186753304977028 52.28477191292599713, 6.81451109612790162 52.28374624335565812, 6.81193248749663471 52.28130065829558504, 6.80626178376335211 52.28339742522351941, 6.81018133167453765 52.28643959751438786, 6.81026837532679874 52.28821750426707382, 6.8074612681059401 52.29003073440373583, 6.80188510816274938 52.29153721467930183, 6.80188510816274938 52.29153721467930183)))</t>
  </si>
  <si>
    <t>MultiPolygon (((6.75934064050622574 52.28802784299214323, 6.76322083919308525 52.2884055366287015, 6.7666827802538414 52.29051905768299946, 6.76709012918647979 52.29174669997067326, 6.77146278905656818 52.28715151117511084, 6.76193933659322521 52.28521996463729238, 6.75362789980296707 52.28410136713094403, 6.74749602868374065 52.28443569145195369, 6.75031964402608242 52.28512096487609995, 6.75296139672766316 52.2875612948039219, 6.75411988749955317 52.28713011780703113, 6.75934064050622574 52.28802784299214323, 6.75934064050622574 52.28802784299214323)))</t>
  </si>
  <si>
    <t>MultiPolygon (((6.77767499413439989 52.29509340619914326, 6.77998838499035728 52.29717317853191361, 6.78060836070025363 52.29697029170639411, 6.79000835953801651 52.29357630028354009, 6.78499549122019463 52.28872883723786913, 6.77889150693625098 52.2884219677150881, 6.77146278905656818 52.28715151117511084, 6.76709012918647979 52.29174669997067326, 6.7674805758540213 52.29229963688039362, 6.77013085865181274 52.29161545424542368, 6.77064755129792939 52.29221994780613159, 6.77344555231518086 52.29240004541037479, 6.77551632648564706 52.29315251070480031, 6.77767499413439989 52.29509340619914326, 6.77767499413439989 52.29509340619914326)))</t>
  </si>
  <si>
    <t>MultiPolygon (((6.77146278905656818 52.28715151117511084, 6.77889150693625098 52.2884219677150881, 6.78499549122019463 52.28872883723786913, 6.78259309479164596 52.28709509437653935, 6.78156624203312575 52.28501184419544501, 6.78075122675585096 52.27998810612668024, 6.77863212399438719 52.28034012648322459, 6.77146278905656818 52.28715151117511084, 6.77146278905656818 52.28715151117511084)))</t>
  </si>
  <si>
    <t>MultiPolygon (((6.78407759747567241 52.27290138799737207, 6.78902555035164479 52.26970040605424828, 6.79174471786909351 52.26686749349611461, 6.79007921590305585 52.26610119321787806, 6.7819789427705004 52.26549668092866341, 6.78112112163080916 52.26592542018945409, 6.781107314803414 52.26594028805710934, 6.77728707171928946 52.26979691118661009, 6.78407759747567241 52.27290138799737207, 6.78407759747567241 52.27290138799737207)))</t>
  </si>
  <si>
    <t>MultiPolygon (((6.772034789249612 52.27507765530368289, 6.77728707171928946 52.26979691118661009, 6.781107314803414 52.26594028805710934, 6.76893187664867391 52.26552107378279288, 6.76386533220107289 52.26633447178858205, 6.76508797389200911 52.26647649873654444, 6.76575125633809726 52.27269143753214564, 6.76972338638574112 52.27495531945448448, 6.772034789249612 52.27507765530368289, 6.772034789249612 52.27507765530368289)))</t>
  </si>
  <si>
    <t>MultiPolygon (((6.781107314803414 52.26594028805710934, 6.78112112163080916 52.26592542018945409, 6.78460769345944481 52.26331278709016459, 6.79021080556344803 52.262219712109939, 6.78090959106380797 52.26199200221241625, 6.75075225476474383 52.26115750048987962, 6.74898105551694627 52.26528645343591961, 6.76386533220107289 52.26633447178858205, 6.76893187664867391 52.26552107378279288, 6.781107314803414 52.26594028805710934, 6.781107314803414 52.26594028805710934)))</t>
  </si>
  <si>
    <t>MultiPolygon (((6.76193933659322521 52.28521996463729238, 6.77146278905656818 52.28715151117511084, 6.77863212399438719 52.28034012648322459, 6.7808839435058843 52.27814017726652196, 6.78175586239035955 52.27511476303262583, 6.78407759747567241 52.27290138799737207, 6.77728707171928946 52.26979691118661009, 6.772034789249612 52.27507765530368289, 6.76193933659322521 52.28521996463729238, 6.76193933659322521 52.28521996463729238)))</t>
  </si>
  <si>
    <t>MultiPolygon (((6.75450765051837454 52.25102269666901833, 6.76788111361436151 52.25013932354206503, 6.766139875840258 52.24828482923975059, 6.76553426642470956 52.24625775188959409, 6.76625612967936885 52.24475710223065761, 6.76291813194238234 52.23829766343620662, 6.75762189383010181 52.24391431377033967, 6.75450765051837454 52.25102269666901833, 6.75450765051837454 52.25102269666901833)))</t>
  </si>
  <si>
    <t>MultiPolygon (((6.77218486361222727 52.25415730982120976, 6.77119887305887058 52.25326364749930264, 6.76788111361436151 52.25013932354206503, 6.75450765051837454 52.25102269666901833, 6.75436082220823497 52.25146873520186119, 6.75777059165285632 52.2542751816133233, 6.75676600060176114 52.25469571186037854, 6.75835416495757624 52.25608556683985029, 6.76136261531521932 52.25702171093641368, 6.76928898056558026 52.25401605379954617, 6.77218486361222727 52.25415730982120976, 6.77218486361222727 52.25415730982120976)))</t>
  </si>
  <si>
    <t>MultiPolygon (((6.75075225476474383 52.26115750048987962, 6.78090959106380797 52.26199200221241625, 6.7810429444486191 52.26046520619993174, 6.77829759852659652 52.25929602775790528, 6.77656532380276122 52.25743960329898385, 6.77218486361222727 52.25415730982120976, 6.76928898056558026 52.25401605379954617, 6.76136261531521932 52.25702171093641368, 6.75835416495757624 52.25608556683985029, 6.75676600060176114 52.25469571186037854, 6.75777059165285632 52.2542751816133233, 6.75436082220823497 52.25146873520186119, 6.74884451778264172 52.2517322001084068, 6.75295951044964848 52.25236956094698115, 6.75075225476474383 52.26115750048987962, 6.75075225476474383 52.26115750048987962)))</t>
  </si>
  <si>
    <t>MultiPolygon (((6.77119887305887058 52.25326364749930264, 6.78682980204626674 52.25061347512408361, 6.78908489380501656 52.25076176179835841, 6.78916129788761147 52.24776517980289015, 6.78887827213665673 52.24779641391292984, 6.76788111361436151 52.25013932354206503, 6.77119887305887058 52.25326364749930264, 6.77119887305887058 52.25326364749930264)))</t>
  </si>
  <si>
    <t>MultiPolygon (((6.77656532380276122 52.25743960329898385, 6.78096028477281543 52.25540761162167058, 6.78466925343340588 52.25542120965037896, 6.78778617551151431 52.25668893713551455, 6.79019106082511215 52.25695890994405346, 6.78980388937393897 52.25187348322610603, 6.78908489380501656 52.25076176179835841, 6.78682980204626674 52.25061347512408361, 6.77119887305887058 52.25326364749930264, 6.77218486361222727 52.25415730982120976, 6.77656532380276122 52.25743960329898385, 6.77656532380276122 52.25743960329898385)))</t>
  </si>
  <si>
    <t>MultiPolygon (((6.79021080556344803 52.262219712109939, 6.79252232348559914 52.26191996110272697, 6.79019106082511215 52.25695890994405346, 6.78778617551151431 52.25668893713551455, 6.78466925343340588 52.25542120965037896, 6.78096028477281543 52.25540761162167058, 6.77656532380276122 52.25743960329898385, 6.77829759852659652 52.25929602775790528, 6.7810429444486191 52.26046520619993174, 6.78090959106380797 52.26199200221241625, 6.79021080556344803 52.262219712109939, 6.79021080556344803 52.262219712109939)))</t>
  </si>
  <si>
    <t>MultiPolygon (((6.76788111361436151 52.25013932354206503, 6.78887827213665673 52.24779641391292984, 6.78817028346205564 52.24570437358821806, 6.78857555510772936 52.24112722376209916, 6.78858147113523014 52.23522755865432288, 6.77443387962325438 52.23845631340747531, 6.7683213325414755 52.23491183169632279, 6.76291813194238234 52.23829766343620662, 6.76625612967936885 52.24475710223065761, 6.76553426642470956 52.24625775188959409, 6.766139875840258 52.24828482923975059, 6.76788111361436151 52.25013932354206503, 6.76788111361436151 52.25013932354206503)))</t>
  </si>
  <si>
    <t>MultiPolygon (((6.78857555510772936 52.24112722376209916, 6.79376965514030751 52.24238722767890408, 6.80377679103492206 52.24112532580024748, 6.80481938855533652 52.24087684539022547, 6.80432488448736716 52.23519837376656483, 6.80236279524718146 52.23208112220325461, 6.78858147113523014 52.23522755865432288, 6.78857555510772936 52.24112722376209916, 6.78857555510772936 52.24112722376209916)))</t>
  </si>
  <si>
    <t>MultiPolygon (((6.80951493926323792 52.25576034181794682, 6.81749209496406827 52.25078354041877304, 6.81498489794970386 52.24750260871723384, 6.81177300969910959 52.24529304959374088, 6.80370389223446903 52.24619327411529213, 6.80329249779421019 52.25077717444980863, 6.80951493926323792 52.25576034181794682, 6.80951493926323792 52.25576034181794682)))</t>
  </si>
  <si>
    <t>MultiPolygon (((6.80345890675488274 52.25954351015140986, 6.80951493926323792 52.25576034181794682, 6.80329249779421019 52.25077717444980863, 6.80087467501707277 52.25086559185869106, 6.8015632132197883 52.25381883579925812, 6.80269660985888525 52.25368311636690777, 6.80288723353487601 52.25423623305669452, 6.80154940979251244 52.25702692806977012, 6.80225170142569002 52.25790343506696445, 6.80425200598421842 52.25739023094934765, 6.80345890675488274 52.25954351015140986, 6.80345890675488274 52.25954351015140986)))</t>
  </si>
  <si>
    <t>MultiPolygon (((6.80087467501707277 52.25086559185869106, 6.80329249779421019 52.25077717444980863, 6.80370389223446903 52.24619327411529213, 6.80345620172685273 52.24622062280121781, 6.78916129788761147 52.24776517980289015, 6.78908489380501656 52.25076176179835841, 6.7998508268455824 52.25004378189806431, 6.80108381767862369 52.25022499739186088, 6.80087467501707277 52.25086559185869106, 6.80087467501707277 52.25086559185869106)))</t>
  </si>
  <si>
    <t>MultiPolygon (((6.78980388937393897 52.25187348322610603, 6.79279286025062046 52.25205365827657289, 6.79232789190312669 52.25348037901442666, 6.79358564293313272 52.25400350713085373, 6.8015632132197883 52.25381883579925812, 6.80087467501707277 52.25086559185869106, 6.80108381767862369 52.25022499739186088, 6.7998508268455824 52.25004378189806431, 6.78908489380501656 52.25076176179835841, 6.78980388937393897 52.25187348322610603, 6.78980388937393897 52.25187348322610603)))</t>
  </si>
  <si>
    <t>MultiPolygon (((6.79252232348559914 52.26191996110272697, 6.79584515451396953 52.26148898790168573, 6.79708547314214684 52.26132808468262425, 6.80345890675488274 52.25954351015140986, 6.80425200598421842 52.25739023094934765, 6.80225170142569002 52.25790343506696445, 6.80154940979251244 52.25702692806977012, 6.80288723353487601 52.25423623305669452, 6.80269660985888525 52.25368311636690777, 6.8015632132197883 52.25381883579925812, 6.79358564293313272 52.25400350713085373, 6.79232789190312669 52.25348037901442666, 6.79279286025062046 52.25205365827657289, 6.78980388937393897 52.25187348322610603, 6.79019106082511215 52.25695890994405346, 6.79252232348559914 52.26191996110272697, 6.79252232348559914 52.26191996110272697)))</t>
  </si>
  <si>
    <t>MultiPolygon (((6.78887827213665673 52.24779641391292984, 6.78916129788761147 52.24776517980289015, 6.80345620172685273 52.24622062280121781, 6.80377679103492206 52.24112532580024748, 6.79376965514030751 52.24238722767890408, 6.78857555510772936 52.24112722376209916, 6.78817028346205564 52.24570437358821806, 6.78887827213665673 52.24779641391292984, 6.78887827213665673 52.24779641391292984)))</t>
  </si>
  <si>
    <t>MultiPolygon (((6.81977855950784928 52.26901303531497689, 6.83158958118511617 52.26670399303530701, 6.82968646906455135 52.26083011325086858, 6.81841243950849307 52.26222769879080943, 6.81865896065778543 52.26281431605372774, 6.81257639470647369 52.26407743030999598, 6.810687595905633 52.2655331446483018, 6.81977855950784928 52.26901303531497689, 6.81977855950784928 52.26901303531497689)))</t>
  </si>
  <si>
    <t>MultiPolygon (((6.81841243950849307 52.26222769879080943, 6.82968646906455135 52.26083011325086858, 6.82807301077642581 52.2565074963099363, 6.82347912437687576 52.25489949182785665, 6.81189261249466593 52.25692675382359909, 6.81422984155975087 52.25818831527648456, 6.81841243950849307 52.26222769879080943, 6.81841243950849307 52.26222769879080943)))</t>
  </si>
  <si>
    <t>MultiPolygon (((6.80295005936153796 52.26257482580746228, 6.810687595905633 52.2655331446483018, 6.81257639470647369 52.26407743030999598, 6.81865896065778543 52.26281431605372774, 6.81841243950849307 52.26222769879080943, 6.81422984155975087 52.25818831527648456, 6.81189261249466593 52.25692675382359909, 6.80951493926323792 52.25576034181794682, 6.80345890675488274 52.25954351015140986, 6.79708547314214684 52.26132808468262425, 6.80295005936153796 52.26257482580746228, 6.80295005936153796 52.26257482580746228)))</t>
  </si>
  <si>
    <t>MultiPolygon (((6.81977855950784928 52.26901303531497689, 6.82327638019809335 52.27034911879567858, 6.82509889261050873 52.27011126116565265, 6.82725659717432709 52.27071127361676872, 6.83408117241476987 52.26926172383073066, 6.83317884649692786 52.26710636021987, 6.8323488029514472 52.26647881039501442, 6.83158958118511617 52.26670399303530701, 6.81977855950784928 52.26901303531497689, 6.81977855950784928 52.26901303531497689)))</t>
  </si>
  <si>
    <t>MultiPolygon (((6.84416974510718124 52.28526841828237082, 6.8477993760043212 52.28991593535494076, 6.85248862157698202 52.28487027089632022, 6.85030437573625584 52.28413149891473211, 6.85064528620310131 52.28297194823333172, 6.85201413527383352 52.28205950324144879, 6.84576073191068435 52.27975896995481975, 6.84666303897867845 52.27946028315498239, 6.84213584202233527 52.27780510095042388, 6.8366946429840354 52.27933806973339159, 6.84133779266099218 52.28116833099452521, 6.84061682814087391 52.28181049305892714, 6.84198381170221559 52.28235216546328701, 6.8428801283539995 52.28172660401603622, 6.84690391794295206 52.28331137368419945, 6.84416974510718124 52.28526841828237082, 6.84416974510718124 52.28526841828237082)))</t>
  </si>
  <si>
    <t>MultiPolygon (((6.8378637864861167 52.28638927553139837, 6.84416974510718124 52.28526841828237082, 6.84690391794295206 52.28331137368419945, 6.8428801283539995 52.28172660401603622, 6.84198381170221559 52.28235216546328701, 6.84061682814087391 52.28181049305892714, 6.84133779266099218 52.28116833099452521, 6.83595734743874406 52.28456651677059597, 6.8378637864861167 52.28638927553139837, 6.8378637864861167 52.28638927553139837)))</t>
  </si>
  <si>
    <t>MultiPolygon (((6.82546851841422431 52.28798025681867045, 6.82607616507803971 52.28900991509313911, 6.83123926830878148 52.28978309268812552, 6.8327262953869603 52.29087019584491003, 6.83674675282525968 52.28979674873944816, 6.836427659456632 52.28803921207202876, 6.8378637864861167 52.28638927553139837, 6.83595734743874406 52.28456651677059597, 6.8358261746767699 52.28465357402612312, 6.82546851841422431 52.28798025681867045, 6.82546851841422431 52.28798025681867045)))</t>
  </si>
  <si>
    <t>MultiPolygon (((6.8278903377539617 52.29552221889195351, 6.82840759393461116 52.2953508038337489, 6.82790194147875074 52.29486230712051764, 6.83118622676581122 52.29397924368412731, 6.83493148627264979 52.29414152060683563, 6.83663490735442547 52.29323809769844189, 6.83725839472172314 52.2928310171169457, 6.83639231659474955 52.29158176430350835, 6.83234735538190563 52.29175817391421788, 6.8327262953869603 52.29087019584491003, 6.83123926830878148 52.28978309268812552, 6.82607616507803971 52.28900991509313911, 6.82546851841422431 52.28798025681867045, 6.82435877082881959 52.2871742082622859, 6.82062530939272449 52.28826432803228386, 6.82166658444181717 52.29096882447595362, 6.82199188014889479 52.29223491458895268, 6.82790393654390826 52.29146986487837268, 6.82813040379138148 52.29288922638119175, 6.82654498762704964 52.29282190061427116, 6.82617014724599169 52.29470047942950828, 6.8278903377539617 52.29552221889195351, 6.8278903377539617 52.29552221889195351)))</t>
  </si>
  <si>
    <t>MultiPolygon (((6.8358261746767699 52.28465357402612312, 6.83595734743874406 52.28456651677059597, 6.84133779266099218 52.28116833099452521, 6.8366946429840354 52.27933806973339159, 6.83215846346326749 52.28223683943681976, 6.8358261746767699 52.28465357402612312, 6.8358261746767699 52.28465357402612312)))</t>
  </si>
  <si>
    <t>MultiPolygon (((6.82435877082881959 52.2871742082622859, 6.82546851841422431 52.28798025681867045, 6.8358261746767699 52.28465357402612312, 6.83215846346326749 52.28223683943681976, 6.82779762330310724 52.28282383751992057, 6.82768586688822676 52.28315428757878891, 6.82435877082881959 52.2871742082622859, 6.82435877082881959 52.2871742082622859)))</t>
  </si>
  <si>
    <t>MultiPolygon (((6.82062530939272449 52.28826432803228386, 6.82435877082881959 52.2871742082622859, 6.82768586688822676 52.28315428757878891, 6.8186753304977028 52.28477191292599713, 6.82062530939272449 52.28826432803228386, 6.82062530939272449 52.28826432803228386)))</t>
  </si>
  <si>
    <t>MultiPolygon (((6.82779762330310724 52.28282383751992057, 6.83215846346326749 52.28223683943681976, 6.8366946429840354 52.27933806973339159, 6.84213584202233527 52.27780510095042388, 6.83281674024637109 52.27645449524803922, 6.82327784350386235 52.27771156990031898, 6.82593594145151616 52.28202963177363927, 6.82779762330310724 52.28282383751992057, 6.82779762330310724 52.28282383751992057)))</t>
  </si>
  <si>
    <t>MultiPolygon (((6.8186753304977028 52.28477191292599713, 6.82768586688822676 52.28315428757878891, 6.82779762330310724 52.28282383751992057, 6.82593594145151616 52.28202963177363927, 6.82327784350386235 52.27771156990031898, 6.81230510377127363 52.2811704457541353, 6.81193248749663471 52.28130065829558504, 6.81451109612790162 52.28374624335565812, 6.8186753304977028 52.28477191292599713, 6.8186753304977028 52.28477191292599713)))</t>
  </si>
  <si>
    <t>MultiPolygon (((6.8327262953869603 52.29087019584491003, 6.83234735538190563 52.29175817391421788, 6.83639231659474955 52.29158176430350835, 6.83725839472172314 52.2928310171169457, 6.83663490735442547 52.29323809769844189, 6.83958996955842746 52.2933036203536048, 6.8432023963559665 52.29244830440621428, 6.84269815180602237 52.29174675069393885, 6.84637499230820712 52.29140197964184011, 6.8477993760043212 52.28991593535494076, 6.84416974510718124 52.28526841828237082, 6.8378637864861167 52.28638927553139837, 6.836427659456632 52.28803921207202876, 6.83674675282525968 52.28979674873944816, 6.8327262953869603 52.29087019584491003, 6.8327262953869603 52.29087019584491003)))</t>
  </si>
  <si>
    <t>MultiPolygon (((6.80802388270918346 52.27856745200575972, 6.81230510377127363 52.2811704457541353, 6.82327784350386235 52.27771156990031898, 6.83281674024637109 52.27645449524803922, 6.84213584202233527 52.27780510095042388, 6.84666303897867845 52.27946028315498239, 6.84757000482711131 52.27858384630218325, 6.84049156489497001 52.27631153482259663, 6.83784604788160255 52.2766322674709869, 6.83184684810334808 52.27345163467879274, 6.8233647932742425 52.27038315501924615, 6.82259957519558036 52.27502337403434751, 6.82223881905649332 52.27647185124354223, 6.81981389537317373 52.27717549356968618, 6.81653476312020068 52.27760074321084716, 6.81596444653745159 52.27659834338459177, 6.81717652854590828 52.27629715671046995, 6.8173280037224373 52.27561498620875113, 6.81479886735432405 52.27590311385100108, 6.80802388270918346 52.27856745200575972, 6.80802388270918346 52.27856745200575972)))</t>
  </si>
  <si>
    <t>MultiPolygon (((6.81580227016124862 52.27308065213550492, 6.82259957519558036 52.27502337403434751, 6.8233647932742425 52.27038315501924615, 6.82327638019809335 52.27034911879567858, 6.81977855950784928 52.26901303531497689, 6.81612685382905514 52.27148426092139744, 6.81580227016124862 52.27308065213550492, 6.81580227016124862 52.27308065213550492)))</t>
  </si>
  <si>
    <t>MultiPolygon (((6.80845385793370372 52.27088357580505829, 6.81580227016124862 52.27308065213550492, 6.81612685382905514 52.27148426092139744, 6.81977855950784928 52.26901303531497689, 6.810687595905633 52.2655331446483018, 6.80845385793370372 52.27088357580505829, 6.80845385793370372 52.27088357580505829)))</t>
  </si>
  <si>
    <t>MultiPolygon (((6.80200539887767697 52.2693218311961374, 6.80845385793370372 52.27088357580505829, 6.810687595905633 52.2655331446483018, 6.80295005936153796 52.26257482580746228, 6.80134444304676133 52.2675991388184471, 6.80015790828467992 52.26864348617706213, 6.80200539887767697 52.2693218311961374, 6.80200539887767697 52.2693218311961374)))</t>
  </si>
  <si>
    <t>MultiPolygon (((6.80726802662317976 52.27836491281595244, 6.80802388270918346 52.27856745200575972, 6.81479886735432405 52.27590311385100108, 6.8173280037224373 52.27561498620875113, 6.81717652854590828 52.27629715671046995, 6.81596444653745159 52.27659834338459177, 6.81653476312020068 52.27760074321084716, 6.81981389537317373 52.27717549356968618, 6.82223881905649332 52.27647185124354223, 6.82259957519558036 52.27502337403434751, 6.81580227016124862 52.27308065213550492, 6.80845385793370372 52.27088357580505829, 6.80200539887767697 52.2693218311961374, 6.80332488604675145 52.27277283098071337, 6.80244982655837838 52.27382271556498949, 6.80726802662317976 52.27836491281595244, 6.80726802662317976 52.27836491281595244)))</t>
  </si>
  <si>
    <t>MultiPolygon (((6.80626178376335211 52.28339742522351941, 6.81193248749663471 52.28130065829558504, 6.81230510377127363 52.2811704457541353, 6.80802388270918346 52.27856745200575972, 6.80726802662317976 52.27836491281595244, 6.80423788313186595 52.27994039290714312, 6.80345360502462437 52.28044258547108569, 6.80404451821672218 52.28167665634209982, 6.80559282206184779 52.28175528789807203, 6.80626178376335211 52.28339742522351941, 6.80626178376335211 52.28339742522351941)))</t>
  </si>
  <si>
    <t>MultiPolygon (((6.77863212399438719 52.28034012648322459, 6.78075122675585096 52.27998810612668024, 6.78618367652536314 52.27953172946359928, 6.78743925467606424 52.27758770450471104, 6.79278580904662554 52.27584232685507715, 6.79183262687678369 52.27472065362646703, 6.79139191958841693 52.27005463117465212, 6.79059122632552459 52.26935992597617542, 6.78902555035164479 52.26970040605424828, 6.78407759747567241 52.27290138799737207, 6.78175586239035955 52.27511476303262583, 6.7808839435058843 52.27814017726652196, 6.77863212399438719 52.28034012648322459, 6.77863212399438719 52.28034012648322459)))</t>
  </si>
  <si>
    <t>MultiPolygon (((6.79278580904662554 52.27584232685507715, 6.79651006231700627 52.27554379350200975, 6.80150424527850728 52.27449744020665889, 6.80244982655837838 52.27382271556498949, 6.80332488604675145 52.27277283098071337, 6.80200539887767697 52.2693218311961374, 6.80015790828467992 52.26864348617706213, 6.79524267940870708 52.26732992792385346, 6.79174471786909351 52.26686749349611461, 6.78902555035164479 52.26970040605424828, 6.79059122632552459 52.26935992597617542, 6.79139191958841693 52.27005463117465212, 6.79183262687678369 52.27472065362646703, 6.79278580904662554 52.27584232685507715, 6.79278580904662554 52.27584232685507715)))</t>
  </si>
  <si>
    <t>MultiPolygon (((6.78075122675585096 52.27998810612668024, 6.78156624203312575 52.28501184419544501, 6.78379406532102003 52.28504165389935565, 6.78553673654289558 52.28402121093873944, 6.78575729224460389 52.28219286827410883, 6.79507871089402915 52.28117719278907316, 6.79671703210415945 52.28054339541351681, 6.79839069484302883 52.27858167749290885, 6.80242272135441617 52.27903493832846493, 6.80423788313186595 52.27994039290714312, 6.80726802662317976 52.27836491281595244, 6.80244982655837838 52.27382271556498949, 6.80150424527850728 52.27449744020665889, 6.79651006231700627 52.27554379350200975, 6.79278580904662554 52.27584232685507715, 6.78743925467606424 52.27758770450471104, 6.78618367652536314 52.27953172946359928, 6.78075122675585096 52.27998810612668024, 6.78075122675585096 52.27998810612668024)))</t>
  </si>
  <si>
    <t>MultiPolygon (((6.79524267940870708 52.26732992792385346, 6.80015790828467992 52.26864348617706213, 6.80134444304676133 52.2675991388184471, 6.80295005936153796 52.26257482580746228, 6.79708547314214684 52.26132808468262425, 6.79584515451396953 52.26148898790168573, 6.79824713915670387 52.26520261570637871, 6.79524267940870708 52.26732992792385346, 6.79524267940870708 52.26732992792385346)))</t>
  </si>
  <si>
    <t>MultiPolygon (((6.78112112163080916 52.26592542018945409, 6.7819789427705004 52.26549668092866341, 6.79007921590305585 52.26610119321787806, 6.79252232348559914 52.26191996110272697, 6.79021080556344803 52.262219712109939, 6.78460769345944481 52.26331278709016459, 6.78112112163080916 52.26592542018945409, 6.78112112163080916 52.26592542018945409)))</t>
  </si>
  <si>
    <t>MultiPolygon (((6.79174471786909351 52.26686749349611461, 6.79524267940870708 52.26732992792385346, 6.79824713915670387 52.26520261570637871, 6.79584515451396953 52.26148898790168573, 6.79252232348559914 52.26191996110272697, 6.79007921590305585 52.26610119321787806, 6.79174471786909351 52.26686749349611461, 6.79174471786909351 52.26686749349611461)))</t>
  </si>
  <si>
    <t>MultiPolygon (((6.57278492931510527 52.44688801383883714, 6.57484435219352115 52.44757828318382309, 6.57622026599500753 52.44522052936587642, 6.58221083131429019 52.44117063705400739, 6.58283092490383659 52.43906078240424762, 6.57858807944308577 52.43717061592294471, 6.57278492931510527 52.44688801383883714)))</t>
  </si>
  <si>
    <t>MultiPolygon (((6.5377160904011733 52.43759550316744367, 6.53723291899478554 52.43532028144063872, 6.53974398415431146 52.43138670473896923, 6.53420839265092113 52.43213613046409449, 6.52803819107498651 52.43385144002351694, 6.52800042698596705 52.43555255631479639, 6.53047124964483494 52.43551169780863574, 6.53156665794062175 52.43437773192734142, 6.53603034159017593 52.43625890806239909, 6.53484860437159742 52.4376827241687522, 6.5377160904011733 52.43759550316744367, 6.5377160904011733 52.43759550316744367)))</t>
  </si>
  <si>
    <t>MultiPolygon (((6.38383028318702994 52.36259653594033381, 6.38525245163943467 52.36220893155392275, 6.38592629014382318 52.36122817287859732, 6.3854130497756918 52.35850400619813172, 6.38376376844855731 52.35741407067998665, 6.37812858630864454 52.35542196639630674, 6.37231026307464798 52.35815051502547846, 6.37208006800516902 52.36193366340245348, 6.38383028318702994 52.36259653594033381, 6.38383028318702994 52.36259653594033381)))</t>
  </si>
  <si>
    <t>MultiPolygon (((6.47996219535879003 52.37160598839125214, 6.48843111055246347 52.37168321218678102, 6.48821889665014595 52.36970338414827353, 6.48434671730324474 52.36890395961100353, 6.47996219535879003 52.37160598839125214, 6.47996219535879003 52.37160598839125214)))</t>
  </si>
  <si>
    <t>MultiPolygon (((6.47531778891325249 52.37967676034461562, 6.48245347170685271 52.37866914891583292, 6.48152968424199649 52.3767600941139051, 6.47862947224523555 52.37639047513916069, 6.47624175953794268 52.3752213906686066, 6.4731329986800521 52.37493842397132227, 6.4724671154650002 52.37721364607911312, 6.47531778891325249 52.37967676034461562, 6.47531778891325249 52.37967676034461562)))</t>
  </si>
  <si>
    <t>MultiPolygon (((6.47531778891325249 52.37967676034461562, 6.47586263638518478 52.38092979253399051, 6.48066874830081829 52.38184735675839221, 6.48095741726117058 52.3811395781770841, 6.4893930888204796 52.38265676772618917, 6.4901473957518574 52.37985898998115175, 6.48823831356627778 52.37933124882518143, 6.48473826550238552 52.3783734397422478, 6.48245347170685271 52.37866914891583292, 6.47531778891325249 52.37967676034461562, 6.47531778891325249 52.37967676034461562)))</t>
  </si>
  <si>
    <t>MultiPolygon (((6.48245347170685271 52.37866914891583292, 6.48473826550238552 52.3783734397422478, 6.48587286864983525 52.37710710550550886, 6.48552367159105803 52.3762842879348085, 6.48096137051056242 52.37271867213654275, 6.47942320917927184 52.3731360036456195, 6.47862947224523555 52.37639047513916069, 6.48152968424199649 52.3767600941139051, 6.48245347170685271 52.37866914891583292, 6.48245347170685271 52.37866914891583292)))</t>
  </si>
  <si>
    <t>MultiPolygon (((6.48473826550238552 52.3783734397422478, 6.48823831356627778 52.37933124882518143, 6.48923759266981559 52.3776237296506153, 6.4905351446268158 52.37794345974023003, 6.49155257547872111 52.371711521891541, 6.48843111055246347 52.37168321218678102, 6.47996219535879003 52.37160598839125214, 6.47942320917927184 52.3731360036456195, 6.48096137051056242 52.37271867213654275, 6.48552367159105803 52.3762842879348085, 6.48587286864983525 52.37710710550550886, 6.48473826550238552 52.3783734397422478, 6.48473826550238552 52.3783734397422478)))</t>
  </si>
  <si>
    <t>MultiPolygon (((6.47531778891325249 52.37967676034461562, 6.4724671154650002 52.37721364607911312, 6.47117434100755773 52.3773352404039656, 6.47063179665458232 52.37862615825520862, 6.4732171760286672 52.38327172623598926, 6.47535498494272321 52.3826748380319458, 6.47586263638518478 52.38092979253399051, 6.47531778891325249 52.37967676034461562, 6.47531778891325249 52.37967676034461562)))</t>
  </si>
  <si>
    <t>MultiPolygon (((6.47972590537133009 52.44115795223559928, 6.48034314302518766 52.44033274569059699, 6.5002292031268798 52.43829464788782246, 6.50204555032793774 52.42997177053771196, 6.50510036979873441 52.42701869234895895, 6.51139174453063951 52.40841984569468792, 6.51601321952990453 52.40612813845058326, 6.51022457668141818 52.39531689981395601, 6.48472729848211316 52.40242005539688108, 6.47073211904867129 52.40034803545879782, 6.46853795526782083 52.40416156092123856, 6.47146817800874885 52.40762708614206389, 6.47136827831398609 52.40992295833627423, 6.47119468546912646 52.41459460681591764, 6.4701025965907526 52.41604091896943629, 6.46549275605368301 52.41790086114236402, 6.4616363050649106 52.42095510969923566, 6.46388538271829116 52.42675084414792508, 6.46151419390879234 52.43037482633994273, 6.46439830897714884 52.43233377298667364, 6.46564538047831494 52.43104316023893574, 6.46795486014642851 52.43189355845631638, 6.46912651937257266 52.43600920511502039, 6.46833321837169528 52.43800836534956744, 6.47338478183676003 52.43859096701261535, 6.47505190180971368 52.44108350158268905, 6.47530936264827961 52.44100267516212455, 6.47972590537133009 52.44115795223559928)))</t>
  </si>
  <si>
    <t>MultiPolygon (((6.59638670005744387 52.45480781561877848, 6.59700334495486995 52.44940233302937571, 6.59814759359439318 52.43902936303938844, 6.58818987685672663 52.43415204435612509, 6.58494238505048557 52.43177259864213369, 6.57335095366148447 52.42331436258740496, 6.56470477991269519 52.44495503462255215, 6.56335547882806125 52.44582782599051995, 6.56632692648687488 52.44681831009637563, 6.5668391271093256 52.44627744833604766, 6.5705223672147719 52.44752203228495802, 6.57004784242677431 52.44807063234152622, 6.57104510490135763 52.44839559650656469, 6.57163286272056002 52.44650372009977701, 6.57278492931510527 52.44688801383883714, 6.57858807944308577 52.43717061592294471, 6.58283092490383659 52.43906078240424762, 6.58221083131429019 52.44117063705400739, 6.57622026599500753 52.44522052936587642, 6.57484435219352115 52.44757828318382309, 6.58359223637264623 52.45051493987185154, 6.59638670005744387 52.45480781561877848)))</t>
  </si>
  <si>
    <t>MultiPolygon (((6.54651466133883364 52.45057686626047655, 6.55534707800162852 52.44884437253956833, 6.55864130837647874 52.44886884692757434, 6.56335547882806125 52.44582782599051995, 6.56470477991269519 52.44495503462255215, 6.57335095366148447 52.42331436258740496, 6.57246948211744808 52.42331503850483898, 6.57595193556487079 52.41751349818893146, 6.51601321952990453 52.40612813845058326, 6.51139174453063951 52.40841984569468792, 6.50510036979873441 52.42701869234895895, 6.50204555032793774 52.42997177053771196, 6.5002292031268798 52.43829464788782246, 6.51090130246758214 52.43717339990575255, 6.51775636613655962 52.43779436363374202, 6.5185048233626226 52.43940208484759324, 6.52116255519385124 52.4402707232308245, 6.52450317510025712 52.43976040156734797, 6.52840374697482595 52.44066449733013258, 6.53052623940288512 52.44329870288078155, 6.53017089107578474 52.4449703889837906, 6.53103665078471796 52.44621810940587636, 6.53791400190658312 52.44975188837130986, 6.54299487449368922 52.45122640590746244, 6.54651466133883364 52.45057686626047655),(6.5377160904011733 52.43759550316744367, 6.53484860437159742 52.4376827241687522, 6.53603034159017593 52.43625890806239909, 6.53156665794062175 52.43437773192734142, 6.53047124964483494 52.43551169780863574, 6.52800042698596705 52.43555255631479639, 6.52803819107498651 52.43385144002351694, 6.53420839265092113 52.43213613046409449, 6.53974398415431146 52.43138670473896923, 6.53723291899478554 52.43532028144063872, 6.5377160904011733 52.43759550316744367)))</t>
  </si>
  <si>
    <t>MultiPolygon (((6.39447040521780075 52.39220688149746508, 6.41747787435302897 52.38885393208970953, 6.41874621580976523 52.38204919094869183, 6.41504698742084845 52.37972860825510679, 6.41213615570206663 52.3748509319183313, 6.41789950877586524 52.37309545806299127, 6.43179730505209513 52.37371223258440978, 6.44262516385721451 52.37486388902808443, 6.44311430304970312 52.37094897941473448, 6.44660851436851434 52.37101884911171368, 6.44685250749348082 52.36843987062743366, 6.4460739380290919 52.3684122712383413, 6.44591241447250685 52.36707220405875773, 6.44062642516292971 52.36766206203500218, 6.43814433781508555 52.36003417868639076, 6.42862410197916745 52.34946224485661759, 6.42878383547977261 52.34587560227489433, 6.42269625416473655 52.33935610550272344, 6.42509967748282751 52.33784119025906989, 6.42207042472972578 52.33343597639311895, 6.42122303041672104 52.32846388238714752, 6.4195573305594964 52.32673559933198959, 6.41677961432047095 52.32611248014156757, 6.41583601482674126 52.32499609350141867, 6.39764958939424311 52.32272613792950722, 6.3560156718717149 52.31821878454414332, 6.35483662672669247 52.31939936987688355, 6.3501772637973577 52.32406265552170765, 6.3453909344471553 52.32919590896275253, 6.34238794906220704 52.33316926696290494, 6.33620623885080914 52.34651610018144652, 6.33350186549652694 52.35139833687706812, 6.33593937839544363 52.35620872361460698, 6.34308213948906463 52.37003199050393931, 6.35726219641774026 52.37703058304909121, 6.38247465836465366 52.3806493188225275, 6.38864910938935893 52.38031259916225935, 6.39447040521780075 52.39220688149746508),(6.38383028318702994 52.36259653594033381, 6.37208006800516902 52.36193366340245348, 6.37231026307464798 52.35815051502547846, 6.37812858630864454 52.35542196639630674, 6.38376376844855731 52.35741407067998665, 6.3854130497756918 52.35850400619813172, 6.38592629014382318 52.36122817287859732, 6.38525245163943467 52.36220893155392275, 6.38383028318702994 52.36259653594033381)))</t>
  </si>
  <si>
    <t>MultiPolygon (((6.47073211904867129 52.40034803545879782, 6.48472729848211316 52.40242005539688108, 6.51022457668141818 52.39531689981395601, 6.50853877085559418 52.39215224010810346, 6.51378983118490495 52.38170209440944802, 6.51260653467177253 52.38183956637460881, 6.4955162825129289 52.37618035203418287, 6.49607786133980358 52.36794289550285697, 6.49905862854916982 52.36356192886492522, 6.51243914487510089 52.36256945369135707, 6.51234939360722276 52.36191945517552426, 6.49580099320491033 52.36300368946334061, 6.49452936189501795 52.36392127744733926, 6.48357136349348107 52.36469584996091697, 6.47454183245843584 52.36526538337389525, 6.47432097513908289 52.36645819036552751, 6.46968079458658263 52.37054437304575316, 6.46382922484401679 52.37343585183444361, 6.46304449959150507 52.37589372537196653, 6.46354216518129654 52.3793584951021387, 6.46636795802041231 52.38231822942654503, 6.46281643045853382 52.38693715071411816, 6.46274873000185401 52.39147543591422362, 6.4642474234975591 52.39293958123248274, 6.47285001757877065 52.39589284670912406, 6.4736309933286087 52.39743912369279144, 6.47073211904867129 52.40034803545879782, 6.47073211904867129 52.40034803545879782),(6.47586263638518478 52.38092979253399051, 6.47535498494272321 52.3826748380319458, 6.4732171760286672 52.38327172623598926, 6.47063179665458232 52.37862615825520862, 6.47117434100755773 52.3773352404039656, 6.4724671154650002 52.37721364607911312, 6.4731329986800521 52.37493842397132227, 6.47624175953794268 52.3752213906686066, 6.47862947224523555 52.37639047513916069, 6.47942320917927184 52.3731360036456195, 6.47996219535879003 52.37160598839125214, 6.48434671730324474 52.36890395961100353, 6.48821889665014595 52.36970338414827353, 6.48843111055246347 52.37168321218678102, 6.49155257547872111 52.371711521891541, 6.4905351446268158 52.37794345974023003, 6.48923759266981559 52.3776237296506153, 6.48823831356627778 52.37933124882518143, 6.4901473957518574 52.37985898998115175, 6.4893930888204796 52.38265676772618917, 6.48095741726117058 52.3811395781770841, 6.48066874830081829 52.38184735675839221, 6.47586263638518478 52.38092979253399051, 6.47586263638518478 52.38092979253399051)))</t>
  </si>
  <si>
    <t>MultiPolygon (((6.4485496355916565 52.46030744097445364, 6.45348957539183754 52.46002213454781327, 6.45735543084543551 52.45498582829389278, 6.46923279593669154 52.44499674201931327, 6.47368557643823461 52.44289614455570359, 6.47505190180971368 52.44108350158268905, 6.47338478183676003 52.43859096701261535, 6.46833321837169528 52.43800836534956744, 6.46912651937257266 52.43600920511502039, 6.46795486014642851 52.43189355845631638, 6.46564538047831494 52.43104316023893574, 6.46439830897714884 52.43233377298667364, 6.46151419390879234 52.43037482633994273, 6.46388538271829116 52.42675084414792508, 6.4616363050649106 52.42095510969923566, 6.46549275605368301 52.41790086114236402, 6.4701025965907526 52.41604091896943629, 6.47119468546912646 52.41459460681591764, 6.47136827831398609 52.40992295833627423, 6.46843797015559563 52.40717172448429295, 6.46137992384184034 52.407351771755458, 6.43744685424571639 52.40585331677687009, 6.4042364561516365 52.40495622835940992, 6.40136435000017645 52.40632752685962004, 6.40516950131631013 52.41554160167640219, 6.39031513210373259 52.42814451802502163, 6.42989983590482428 52.43930479891922403, 6.43840835551875568 52.44402502464286897, 6.43756337869794759 52.44482827052470242, 6.43868669194058985 52.44588768256691935, 6.43820950354085042 52.44788701126177699, 6.44251576079607435 52.45007067978924198, 6.44438194001098719 52.45461547889051701, 6.44178176316055495 52.45524998115259052, 6.44218315568846389 52.45631142325505891, 6.44295984839362212 52.45692977933750001, 6.44601764371260799 52.45750911142449269, 6.44459741576933443 52.45903833232998181, 6.44562804563577618 52.46091895467323951, 6.44742363428691601 52.46169815081695731, 6.45009830074975188 52.46125641764557201, 6.44876002860346276 52.46113084147805239, 6.4485496355916565 52.46030744097445364)))</t>
  </si>
  <si>
    <t>MultiPolygon (((6.497618097871249 52.35228468781607347, 6.50686811225184325 52.35660660091478036, 6.50841040161620032 52.35520693570808248, 6.50666320653597463 52.35527638645959314, 6.50583939030269587 52.35245014411981401, 6.5011721665280211 52.35285266612432764, 6.49597786293644219 52.3499545014445502, 6.49079511151027688 52.34935535504781257, 6.48913361606295425 52.34595474578497942, 6.48660869755453984 52.34520866736147582, 6.48814477307371096 52.34359546653029582, 6.48799274758470013 52.34349990349775084, 6.48322568599212978 52.34779924657478745, 6.48654102730132109 52.34841552558393829, 6.48573802467803873 52.35018945241735366, 6.48864275530442036 52.35145847914316164, 6.49248103232010099 52.35220489913860575, 6.49135154240018863 52.35021582118528727, 6.49471184609942664 52.350912078567859, 6.497618097871249 52.35228468781607347, 6.497618097871249 52.35228468781607347)))</t>
  </si>
  <si>
    <t>MultiPolygon (((6.44591241447250685 52.36707220405875773, 6.44662838345525202 52.36701713370144518, 6.44621740141488164 52.36545275901454488, 6.45006816896102642 52.36561198229809122, 6.4484130549359211 52.36104286462978763, 6.4544255344068926 52.36078458014466719, 6.45510199152955177 52.35725063962340187, 6.45685060830955582 52.35434644652174541, 6.45583996766185919 52.34974478770037365, 6.47012081218552204 52.35160527225147575, 6.4706454515091254 52.35163792194389742, 6.48072514561803192 52.3482560740233609, 6.48646762902561314 52.34256157706263934, 6.46818948833463114 52.32646224556003034, 6.46091986796437112 52.32005861362149091, 6.44754158563056823 52.32212886171970467, 6.42973294187839972 52.3250615831161241, 6.42189601302085755 52.32568999960826517, 6.41583601482674126 52.32499609350141867, 6.41677961432047095 52.32611248014156757, 6.4195573305594964 52.32673559933198959, 6.42122303041672104 52.32846388238714752, 6.42207042472972578 52.33343597639311895, 6.42509967748282751 52.33784119025906989, 6.42269625416473655 52.33935610550272344, 6.42878383547977261 52.34587560227489433, 6.42862410197916745 52.34946224485661759, 6.43814433781508555 52.36003417868639076, 6.44062642516292971 52.36766206203500218, 6.44591241447250685 52.36707220405875773, 6.44591241447250685 52.36707220405875773)))</t>
  </si>
  <si>
    <t>MultiPolygon (((6.40136435000017645 52.40632752685962004, 6.4042364561516365 52.40495622835940992, 6.43744685424571639 52.40585331677687009, 6.46137992384184034 52.407351771755458, 6.46843797015559563 52.40717172448429295, 6.47136827831398609 52.40992295833627423, 6.47146817800874885 52.40762708614206389, 6.46853795526782083 52.40416156092123856, 6.47073211904867129 52.40034803545879782, 6.4736309933286087 52.39743912369279144, 6.47285001757877065 52.39589284670912406, 6.4642474234975591 52.39293958123248274, 6.46274873000185401 52.39147543591422362, 6.46281643045853382 52.38693715071411816, 6.46636795802041231 52.38231822942654503, 6.46354216518129654 52.3793584951021387, 6.46304449959150507 52.37589372537196653, 6.46011498049554778 52.37648685828781936, 6.4527063630403374 52.37608961143348552, 6.45227939642915782 52.37783593193636023, 6.44921936687346786 52.37765432752745909, 6.44941979247488906 52.37488618813472385, 6.44262516385721451 52.37486388902808443, 6.43179730505209513 52.37371223258440978, 6.41789950877586524 52.37309545806299127, 6.41213615570206663 52.3748509319183313, 6.41504698742084845 52.37972860825510679, 6.41874621580976523 52.38204919094869183, 6.41747787435302897 52.38885393208970953, 6.39447040521780075 52.39220688149746508, 6.40136435000017645 52.40632752685962004, 6.40136435000017645 52.40632752685962004),(6.44741167403161608 52.39449541757262097, 6.44607373425206731 52.39410218562785104, 6.44364021732922865 52.39158884291816776, 6.44476971710970314 52.38988500299641515, 6.44351317920045119 52.38910886860981719, 6.44931225581223977 52.37977175953877662, 6.45227983019905338 52.38120769996082515, 6.45480240055392684 52.38131017978295034, 6.45902821117928649 52.38311488946538219, 6.45578892879315447 52.38726614256653136, 6.45695814898341602 52.39001727494231631, 6.45892195555142035 52.39016030178038363, 6.45824872903303859 52.39205568227681908, 6.45506712510524494 52.39343431015859665, 6.45499620488083981 52.39415427615301724, 6.44582698968235679 52.3993956782273429, 6.44321395647136708 52.40232174798196496, 6.44180173178813309 52.40244888173341309, 6.44741167403161608 52.39449541757262097, 6.44741167403161608 52.39449541757262097)))</t>
  </si>
  <si>
    <t>MultiPolygon (((6.4706454515091254 52.35163792194389742, 6.47095286788870627 52.35240723826147757, 6.47995530655891461 52.35244009999134107, 6.4817251278363992 52.35110403369250065, 6.48322568599212978 52.34779924657478745, 6.48799274758470013 52.34349990349775084, 6.48646762902561314 52.34256157706263934, 6.48072514561803192 52.3482560740233609, 6.4706454515091254 52.35163792194389742, 6.4706454515091254 52.35163792194389742)))</t>
  </si>
  <si>
    <t>MultiPolygon (((6.49580099320491033 52.36300368946334061, 6.51234939360722276 52.36191945517552426, 6.52079278991854316 52.36141489211804156, 6.51887255804219112 52.35516113595421928, 6.50841040161620032 52.35520693570808248, 6.50686811225184325 52.35660660091478036, 6.497618097871249 52.35228468781607347, 6.49047567038862372 52.35672329026859728, 6.48879451135367979 52.35909429894017109, 6.4904330920437463 52.36033662160851776, 6.49592999933511717 52.36224349816348678, 6.49580099320491033 52.36300368946334061, 6.49580099320491033 52.36300368946334061)))</t>
  </si>
  <si>
    <t>MultiPolygon (((6.4875646476139659 52.35889010477448124, 6.48879451135367979 52.35909429894017109, 6.49047567038862372 52.35672329026859728, 6.497618097871249 52.35228468781607347, 6.49471184609942664 52.350912078567859, 6.49135154240018863 52.35021582118528727, 6.49248103232010099 52.35220489913860575, 6.48864275530442036 52.35145847914316164, 6.48573802467803873 52.35018945241735366, 6.48654102730132109 52.34841552558393829, 6.48322568599212978 52.34779924657478745, 6.4817251278363992 52.35110403369250065, 6.47995530655891461 52.35244009999134107, 6.47966400453982416 52.35359931215343465, 6.48140376258808715 52.35775680417824418, 6.4875646476139659 52.35889010477448124, 6.4875646476139659 52.35889010477448124)))</t>
  </si>
  <si>
    <t>MultiPolygon (((6.47674173239813999 52.35746925235284976, 6.48140376258808715 52.35775680417824418, 6.47966400453982416 52.35359931215343465, 6.47995530655891461 52.35244009999134107, 6.47095286788870627 52.35240723826147757, 6.4706454515091254 52.35163792194389742, 6.47012081218552204 52.35160527225147575, 6.4674165058064963 52.35279907741459482, 6.46418545303601366 52.35712378676803525, 6.47007864711979419 52.35846665921543064, 6.47262088973744909 52.35858701388053049, 6.47284625937348412 52.35725706024897619, 6.47577951773448923 52.35677962324214718, 6.47700010095055223 52.35698659539350075, 6.47674173239813999 52.35746925235284976, 6.47674173239813999 52.35746925235284976)))</t>
  </si>
  <si>
    <t>MultiPolygon (((6.48357136349348107 52.36469584996091697, 6.49452936189501795 52.36392127744733926, 6.49580099320491033 52.36300368946334061, 6.49592999933511717 52.36224349816348678, 6.4904330920437463 52.36033662160851776, 6.48879451135367979 52.35909429894017109, 6.4875646476139659 52.35889010477448124, 6.48357136349348107 52.36469584996091697, 6.48357136349348107 52.36469584996091697)))</t>
  </si>
  <si>
    <t>MultiPolygon (((6.47454183245843584 52.36526538337389525, 6.48357136349348107 52.36469584996091697, 6.4875646476139659 52.35889010477448124, 6.48140376258808715 52.35775680417824418, 6.48089811039891561 52.36137884020284616, 6.47895759349388545 52.3625797832158284, 6.47561155018174883 52.36308692723259384, 6.47454183245843584 52.36526538337389525, 6.47454183245843584 52.36526538337389525)))</t>
  </si>
  <si>
    <t>MultiPolygon (((6.47156884886836092 52.36546160935171912, 6.47454183245843584 52.36526538337389525, 6.47561155018174883 52.36308692723259384, 6.47895759349388545 52.3625797832158284, 6.48089811039891561 52.36137884020284616, 6.48140376258808715 52.35775680417824418, 6.47674173239813999 52.35746925235284976, 6.47231741660209803 52.3611043449423974, 6.47114349876763129 52.36460685609037569, 6.47156884886836092 52.36546160935171912, 6.47156884886836092 52.36546160935171912)))</t>
  </si>
  <si>
    <t>MultiPolygon (((6.46431142200877051 52.36358502570104889, 6.47114349876763129 52.36460685609037569, 6.47231741660209803 52.3611043449423974, 6.47674173239813999 52.35746925235284976, 6.47700010095055223 52.35698659539350075, 6.47577951773448923 52.35677962324214718, 6.47284625937348412 52.35725706024897619, 6.47262088973744909 52.35858701388053049, 6.47007864711979419 52.35846665921543064, 6.46431142200877051 52.36358502570104889, 6.46431142200877051 52.36358502570104889)))</t>
  </si>
  <si>
    <t>MultiPolygon (((6.45510199152955177 52.35725063962340187, 6.4636528127974513 52.35789623366515855, 6.46418545303601366 52.35712378676803525, 6.4674165058064963 52.35279907741459482, 6.47012081218552204 52.35160527225147575, 6.45583996766185919 52.34974478770037365, 6.45685060830955582 52.35434644652174541, 6.45510199152955177 52.35725063962340187, 6.45510199152955177 52.35725063962340187)))</t>
  </si>
  <si>
    <t>MultiPolygon (((6.45371131246932261 52.36680737621894366, 6.45385950379289319 52.36679123681787473, 6.45559241965233177 52.3630019617647875, 6.46074272303625641 52.36104273148625055, 6.4636528127974513 52.35789623366515855, 6.45510199152955177 52.35725063962340187, 6.4544255344068926 52.36078458014466719, 6.4484130549359211 52.36104286462978763, 6.45006816896102642 52.36561198229809122, 6.44621740141488164 52.36545275901454488, 6.44662838345525202 52.36701713370144518, 6.45371131246932261 52.36680737621894366, 6.45371131246932261 52.36680737621894366)))</t>
  </si>
  <si>
    <t>MultiPolygon (((6.46074272303625641 52.36104273148625055, 6.46431142200877051 52.36358502570104889, 6.47007864711979419 52.35846665921543064, 6.46418545303601366 52.35712378676803525, 6.4636528127974513 52.35789623366515855, 6.46074272303625641 52.36104273148625055, 6.46074272303625641 52.36104273148625055)))</t>
  </si>
  <si>
    <t>MultiPolygon (((6.45385950379289319 52.36679123681787473, 6.46104707987072757 52.36629908735059047, 6.47156884886836092 52.36546160935171912, 6.47114349876763129 52.36460685609037569, 6.46431142200877051 52.36358502570104889, 6.46074272303625641 52.36104273148625055, 6.45559241965233177 52.3630019617647875, 6.45385950379289319 52.36679123681787473, 6.45385950379289319 52.36679123681787473)))</t>
  </si>
  <si>
    <t>MultiPolygon (((6.4527063630403374 52.37608961143348552, 6.46011498049554778 52.37648685828781936, 6.46304449959150507 52.37589372537196653, 6.46382922484401679 52.37343585183444361, 6.46968079458658263 52.37054437304575316, 6.47432097513908289 52.36645819036552751, 6.47454183245843584 52.36526538337389525, 6.47156884886836092 52.36546160935171912, 6.46104707987072757 52.36629908735059047, 6.45457329580142414 52.37306718305885056, 6.4527063630403374 52.37608961143348552, 6.4527063630403374 52.37608961143348552)))</t>
  </si>
  <si>
    <t>MultiPolygon (((6.44941979247488906 52.37488618813472385, 6.44921936687346786 52.37765432752745909, 6.45227939642915782 52.37783593193636023, 6.4527063630403374 52.37608961143348552, 6.45457329580142414 52.37306718305885056, 6.46104707987072757 52.36629908735059047, 6.45385950379289319 52.36679123681787473, 6.45371131246932261 52.36680737621894366, 6.44941979247488906 52.37488618813472385, 6.44941979247488906 52.37488618813472385)))</t>
  </si>
  <si>
    <t>MultiPolygon (((6.44262516385721451 52.37486388902808443, 6.44941979247488906 52.37488618813472385, 6.45371131246932261 52.36680737621894366, 6.44662838345525202 52.36701713370144518, 6.44591241447250685 52.36707220405875773, 6.4460739380290919 52.3684122712383413, 6.44685250749348082 52.36843987062743366, 6.44660851436851434 52.37101884911171368, 6.44311430304970312 52.37094897941473448, 6.44262516385721451 52.37486388902808443, 6.44262516385721451 52.37486388902808443)))</t>
  </si>
  <si>
    <t>MultiPolygon (((6.44741167403161608 52.39449541757262097, 6.4496325088041937 52.39226943323063779, 6.44589003215135214 52.38962835231479431, 6.44351317920045119 52.38910886860981719, 6.44476971710970314 52.38988500299641515, 6.44364021732922865 52.39158884291816776, 6.44607373425206731 52.39410218562785104, 6.44741167403161608 52.39449541757262097, 6.44741167403161608 52.39449541757262097)))</t>
  </si>
  <si>
    <t>MultiPolygon (((6.44351317920045119 52.38910886860981719, 6.44589003215135214 52.38962835231479431, 6.44949888900366997 52.38645730155702296, 6.45121124361170573 52.38619789228370394, 6.45227983019905338 52.38120769996082515, 6.44931225581223977 52.37977175953877662, 6.44351317920045119 52.38910886860981719, 6.44351317920045119 52.38910886860981719)))</t>
  </si>
  <si>
    <t>MultiPolygon (((6.45312050705961138 52.38708410217342504, 6.45578892879315447 52.38726614256653136, 6.45902821117928649 52.38311488946538219, 6.45480240055392684 52.38131017978295034, 6.45227983019905338 52.38120769996082515, 6.45121124361170573 52.38619789228370394, 6.45312050705961138 52.38708410217342504, 6.45312050705961138 52.38708410217342504)))</t>
  </si>
  <si>
    <t>MultiPolygon (((6.45343464563041369 52.39314132353838005, 6.45506712510524494 52.39343431015859665, 6.45824872903303859 52.39205568227681908, 6.45892195555142035 52.39016030178038363, 6.45695814898341602 52.39001727494231631, 6.45578892879315447 52.38726614256653136, 6.45312050705961138 52.38708410217342504, 6.45296038461565935 52.39160521313045393, 6.45411858466158517 52.39227703015223625, 6.45343464563041369 52.39314132353838005, 6.45343464563041369 52.39314132353838005)))</t>
  </si>
  <si>
    <t>MultiPolygon (((6.44741167403161608 52.39449541757262097, 6.44180173178813309 52.40244888173341309, 6.44321395647136708 52.40232174798196496, 6.44582698968235679 52.3993956782273429, 6.45499620488083981 52.39415427615301724, 6.45506712510524494 52.39343431015859665, 6.45343464563041369 52.39314132353838005, 6.4496325088041937 52.39226943323063779, 6.44741167403161608 52.39449541757262097, 6.44741167403161608 52.39449541757262097)))</t>
  </si>
  <si>
    <t>MultiPolygon (((6.4496325088041937 52.39226943323063779, 6.45343464563041369 52.39314132353838005, 6.45411858466158517 52.39227703015223625, 6.45296038461565935 52.39160521313045393, 6.45312050705961138 52.38708410217342504, 6.45121124361170573 52.38619789228370394, 6.44949888900366997 52.38645730155702296, 6.44589003215135214 52.38962835231479431, 6.4496325088041937 52.39226943323063779, 6.4496325088041937 52.39226943323063779)))</t>
  </si>
  <si>
    <t>MultiPolygon (((6.65809754803168818 52.54886115381332701, 6.67377569129885639 52.55479528770984388, 6.67762141297942513 52.55466918201344839, 6.68397565454333087 52.55289927313172882, 6.68087990565051282 52.5533174384948083, 6.69492248573454951 52.53477189577657924, 6.69007779079749909 52.53287997031893752, 6.68644920624908679 52.53043140347145368, 6.67654331364846776 52.51434226786721382, 6.6308181157012962 52.53611096039438877, 6.63520752005512637 52.54275851240093687, 6.63701316211329484 52.54813681366189826, 6.63803486342582438 52.5462692459612839, 6.64388494231811944 52.54396425146052962, 6.64802996299340787 52.54534162077181492, 6.65276263266050094 52.54795155815556029, 6.65809754803168818 52.54886115381332701, 6.65809754803168818 52.54886115381332701),(6.65907233674058396 52.53319123405482571, 6.65866364467186589 52.53370818605243642, 6.65612652565554708 52.53075799854241978, 6.66495074199135473 52.52863768203459927, 6.66680228094620553 52.53158955335593561, 6.65974376734019735 52.53347283517942401, 6.65907233674058396 52.53319123405482571, 6.65907233674058396 52.53319123405482571)))</t>
  </si>
  <si>
    <t>MultiPolygon (((6.65907233674058396 52.53319123405482571, 6.65974376734019735 52.53347283517942401, 6.66680228094620553 52.53158955335593561, 6.66495074199135473 52.52863768203459927, 6.65612652565554708 52.53075799854241978, 6.65866364467186589 52.53370818605243642, 6.65907233674058396 52.53319123405482571, 6.65907233674058396 52.53319123405482571)))</t>
  </si>
  <si>
    <t>MultiPolygon (((6.6196484258655417 52.57910570799365502, 6.620074022440952 52.57729983648990668, 6.62264308915024369 52.57628456866684274, 6.62420364104148707 52.57427850996318597, 6.61518625909517599 52.57295647144964335, 6.6153887216030034 52.57753525650161919, 6.61676086945186004 52.57856601227098281, 6.6196484258655417 52.57910570799365502, 6.6196484258655417 52.57910570799365502)))</t>
  </si>
  <si>
    <t>MultiPolygon (((6.5940874879246687 52.58029093470967297, 6.59660506868451257 52.58112203080646196, 6.59671867333564244 52.58273311115545567, 6.60376914211784971 52.58330294721111642, 6.60632923166742803 52.58671995490877293, 6.61037947885208865 52.58577345682487447, 6.61687180725031432 52.58840815982002681, 6.62238797425932724 52.58375106471007854, 6.60156561046044477 52.57504350360309076, 6.59025711128998815 52.56985019417633964, 6.59072359326807256 52.57214775437241627, 6.5887194900170396 52.57456660226446132, 6.58612383037937033 52.5733908905117886, 6.58542036977892931 52.57533100363807677, 6.5863066673079258 52.57666874123243161, 6.5940874879246687 52.58029093470967297, 6.5940874879246687 52.58029093470967297)))</t>
  </si>
  <si>
    <t>MultiPolygon (((6.6536789651351631 52.5859343047170924, 6.65905656302436455 52.58324504372507135, 6.64402296379274127 52.56945371157411984, 6.63298418600262618 52.56979905486019078, 6.62691747798432029 52.57125506350109845, 6.62919205893355734 52.57195795955016138, 6.63141143908550657 52.57451747903291306, 6.63478034529955885 52.57598076623888517, 6.6536789651351631 52.5859343047170924, 6.6536789651351631 52.5859343047170924)))</t>
  </si>
  <si>
    <t>MultiPolygon (((6.63232081068985835 52.58834834086651, 6.63466465128044369 52.59140247287508885, 6.63234172030618829 52.5933287883938263, 6.63388340040914049 52.59419663574775683, 6.63877745331188063 52.59416907784773798, 6.64398161117348263 52.59281717486680918, 6.64978973891625547 52.59266880678508471, 6.65129952420662818 52.59130320963735272, 6.6536789651351631 52.5859343047170924, 6.63478034529955885 52.57598076623888517, 6.6327733854041151 52.57853644560013606, 6.62819136726789448 52.58032680155709926, 6.63021765054585721 52.58225777587832539, 6.63232081068985835 52.58834834086651, 6.63232081068985835 52.58834834086651)))</t>
  </si>
  <si>
    <t>MultiPolygon (((6.60156561046044477 52.57504350360309076, 6.60713075418181184 52.57183321176056268, 6.60504099109674492 52.57012668314692405, 6.60291892813661541 52.56550966405023928, 6.59396509290325383 52.56383594880610133, 6.59204758479673902 52.55715457722890704, 6.58033330210099887 52.564805681952393, 6.57807328327340723 52.56629981726978684, 6.59025711128998815 52.56985019417633964, 6.60156561046044477 52.57504350360309076, 6.60156561046044477 52.57504350360309076)))</t>
  </si>
  <si>
    <t>MultiPolygon (((6.63117038195229824 52.58910538288499481, 6.63232081068985835 52.58834834086651, 6.63021765054585721 52.58225777587832539, 6.62819136726789448 52.58032680155709926, 6.62470254647208101 52.57914621315234172, 6.6196484258655417 52.57910570799365502, 6.61676086945186004 52.57856601227098281, 6.6153887216030034 52.57753525650161919, 6.61518625909517599 52.57295647144964335, 6.60713075418181184 52.57183321176056268, 6.60156561046044477 52.57504350360309076, 6.62238797425932724 52.58375106471007854, 6.62654096106472945 52.58573586022637159, 6.63117038195229824 52.58910538288499481, 6.63117038195229824 52.58910538288499481)))</t>
  </si>
  <si>
    <t>MultiPolygon (((6.60713075418181184 52.57183321176056268, 6.61518625909517599 52.57295647144964335, 6.61558910459318472 52.56926918406058036, 6.61821392352327553 52.56316379380702131, 6.61655752853132206 52.55986998564284107, 6.61535251858919437 52.55839630325776568, 6.61200940224329425 52.55648492305722641, 6.60323202686161448 52.5542958837101466, 6.60029998009742158 52.55279855018534363, 6.59939284242020996 52.5543748844131926, 6.59516819790240838 52.55510574368543075, 6.59204758479673902 52.55715457722890704, 6.59396509290325383 52.56383594880610133, 6.60291892813661541 52.56550966405023928, 6.60504099109674492 52.57012668314692405, 6.60713075418181184 52.57183321176056268, 6.60713075418181184 52.57183321176056268)))</t>
  </si>
  <si>
    <t>MultiPolygon (((6.62691747798432029 52.57125506350109845, 6.63298418600262618 52.56979905486019078, 6.64402296379274127 52.56945371157411984, 6.64063049128221383 52.55946610963303556, 6.65266744502990637 52.55233297298895678, 6.65809754803168818 52.54886115381332701, 6.65276263266050094 52.54795155815556029, 6.64802996299340787 52.54534162077181492, 6.64388494231811944 52.54396425146052962, 6.63803486342582438 52.5462692459612839, 6.63701316211329484 52.54813681366189826, 6.63852971094549549 52.55301982922141946, 6.62977465074035877 52.55623755573896005, 6.61655752853132206 52.55986998564284107, 6.61821392352327553 52.56316379380702131, 6.61558910459318472 52.56926918406058036, 6.62620019000591487 52.57008187472872152, 6.62691747798432029 52.57125506350109845, 6.62691747798432029 52.57125506350109845)))</t>
  </si>
  <si>
    <t>MultiPolygon (((6.6196484258655417 52.57910570799365502, 6.62470254647208101 52.57914621315234172, 6.62819136726789448 52.58032680155709926, 6.6327733854041151 52.57853644560013606, 6.63478034529955885 52.57598076623888517, 6.63141143908550657 52.57451747903291306, 6.62919205893355734 52.57195795955016138, 6.62691747798432029 52.57125506350109845, 6.62620019000591487 52.57008187472872152, 6.61558910459318472 52.56926918406058036, 6.61518625909517599 52.57295647144964335, 6.62420364104148707 52.57427850996318597, 6.62264308915024369 52.57628456866684274, 6.620074022440952 52.57729983648990668, 6.6196484258655417 52.57910570799365502, 6.6196484258655417 52.57910570799365502)))</t>
  </si>
  <si>
    <t>MultiPolygon (((6.65266744502990637 52.55233297298895678, 6.65686690523010416 52.5554727416856764, 6.66281385956324623 52.56244288207667381, 6.66980936684626702 52.56443896047247222, 6.67592376555906153 52.56477450878586666, 6.69111162589829434 52.56482608313123706, 6.69113665121809387 52.56199369359089957, 6.6928306909858799 52.55712916927039657, 6.69771524649152372 52.55676578230971074, 6.69755767868773155 52.55105726414718248, 6.68397565454333087 52.55289927313172882, 6.67762141297942513 52.55466918201344839, 6.67377569129885639 52.55479528770984388, 6.65809754803168818 52.54886115381332701, 6.65266744502990637 52.55233297298895678, 6.65266744502990637 52.55233297298895678)))</t>
  </si>
  <si>
    <t>MultiPolygon (((6.5140137775409741 52.64527201479478435, 6.51386146389878462 52.64629376771880942, 6.52928378070243198 52.65445275827837435, 6.5319297551156259 52.64413872532075089, 6.53774129887382482 52.63972592915771287, 6.53289899384803885 52.63793415778624762, 6.53318960307842111 52.63589013958085872, 6.53870224146513124 52.63638241577821475, 6.53941608481121328 52.63583784556744405, 6.54152043031521035 52.63695350564492514, 6.54733364068489188 52.6326481549879901, 6.54624566386656692 52.63211140102122698, 6.54867277952836435 52.63032757599678035, 6.54357584644499468 52.62769830838746543, 6.54315921048525517 52.62611221162049446, 6.55102192958807628 52.62131217771808167, 6.55357199028290349 52.62269778398231779, 6.55630984150641094 52.62073083187025446, 6.56053402155410748 52.62292502094343405, 6.56476851074091616 52.61980774655850723, 6.55867191985880371 52.61791978893637634, 6.53967220723952281 52.61391626851022352, 6.51880831345166811 52.61270014966502373, 6.51860419069338448 52.61408784075449319, 6.51824698397330593 52.61646819743373271, 6.51802188096595181 52.61798858461203565, 6.51786575989909078 52.61891792348843211, 6.5140137775409741 52.64527201479478435, 6.5140137775409741 52.64527201479478435)))</t>
  </si>
  <si>
    <t>MultiPolygon (((6.54895131240369111 52.63315478882176279, 6.56324961220576863 52.64051212650531397, 6.57128640195121427 52.64330862819508638, 6.58726040533220036 52.63163487787389982, 6.57077299726327535 52.6234988200573639, 6.57243783365963274 52.62226048077801721, 6.5659062586087078 52.61900868424505262, 6.56476851074091616 52.61980774655850723, 6.56053402155410748 52.62292502094343405, 6.5651458568296448 52.62532325310725412, 6.56076767394811622 52.62849458471092134, 6.56441454542234393 52.63060858505681949, 6.55830390573631483 52.63506124521295249, 6.55196265743816308 52.63163191567504384, 6.55048107660855194 52.63167026396998693, 6.54895131240369111 52.63315478882176279, 6.54895131240369111 52.63315478882176279)))</t>
  </si>
  <si>
    <t>MultiPolygon (((6.53774129887382482 52.63972592915771287, 6.54017025591522749 52.63792307939350223, 6.54152043031521035 52.63695350564492514, 6.53941608481121328 52.63583784556744405, 6.53870224146513124 52.63638241577821475, 6.53318960307842111 52.63589013958085872, 6.53289899384803885 52.63793415778624762, 6.53774129887382482 52.63972592915771287, 6.53774129887382482 52.63972592915771287)))</t>
  </si>
  <si>
    <t>MultiPolygon (((6.54733364068489188 52.6326481549879901, 6.54895131240369111 52.63315478882176279, 6.55048107660855194 52.63167026396998693, 6.55196265743816308 52.63163191567504384, 6.55830390573631483 52.63506124521295249, 6.56441454542234393 52.63060858505681949, 6.56076767394811622 52.62849458471092134, 6.5651458568296448 52.62532325310725412, 6.56053402155410748 52.62292502094343405, 6.55630984150641094 52.62073083187025446, 6.55357199028290349 52.62269778398231779, 6.55102192958807628 52.62131217771808167, 6.54315921048525517 52.62611221162049446, 6.54357584644499468 52.62769830838746543, 6.54867277952836435 52.63032757599678035, 6.54624566386656692 52.63211140102122698, 6.54733364068489188 52.6326481549879901, 6.54733364068489188 52.6326481549879901)))</t>
  </si>
  <si>
    <t>MultiPolygon (((6.58853087381278346 52.50132215768977062, 6.59276441014193981 52.50418147293569149, 6.60131655520080596 52.50049699402609349, 6.60308935236429395 52.50202920570154674, 6.59481554530505676 52.50556636527461052, 6.598633834587182 52.50814407325752597, 6.59970609682056608 52.50880873071918842, 6.6251437621172844 52.49794963605074116, 6.64540655612349251 52.50384561835401342, 6.65876928574173554 52.49521983044750328, 6.66328312677265178 52.49248650356435775, 6.65365903079851329 52.48783216335337443, 6.65457821032148722 52.4827152434677231, 6.64745961703227284 52.47861403920713741, 6.65110023141197892 52.47515677543059809, 6.64955560218895858 52.47308988452473244, 6.64154122649327672 52.4712438532698755, 6.64058444952486049 52.47310514597305797, 6.63562064925082939 52.47164722503359968, 6.63121680485233966 52.47197258753183036, 6.62682082561211594 52.47383125987133212, 6.62260703990184663 52.47147526613854751, 6.61605981391004594 52.46882955263541959, 6.61300138377632685 52.46560324783501983, 6.61142120250775278 52.46686491793702345, 6.60103502248788132 52.47947023166091896, 6.59518811972047114 52.48030329628956281, 6.60017034794340685 52.48515417585776532, 6.60964354052242964 52.49250482628256265, 6.58853087381278346 52.50132215768977062),(6.64030090164025744 52.48607850144063747, 6.63733469472218207 52.48736122844452723, 6.6318675535244207 52.48300091189700112, 6.63777426363845713 52.4791339491299027, 6.6439115579176562 52.48170288805025052, 6.64165304166324599 52.48548318962617287, 6.64030090164025744 52.48607850144063747)))</t>
  </si>
  <si>
    <t>MultiPolygon (((6.64030090164025744 52.48607850144063747, 6.64165304166324599 52.48548318962617287, 6.6439115579176562 52.48170288805025052, 6.63777426363845713 52.4791339491299027, 6.6318675535244207 52.48300091189700112, 6.63733469472218207 52.48736122844452723, 6.64030090164025744 52.48607850144063747, 6.64030090164025744 52.48607850144063747)))</t>
  </si>
  <si>
    <t>MultiPolygon (((6.54774589680689445 52.66397136141500823, 6.55282138971246297 52.66559496203509383, 6.58104958593629963 52.66947293692564358, 6.59828944727480771 52.65673681893625258, 6.57128640195121427 52.64330862819508638, 6.56324961220576863 52.64051212650531397, 6.54895131240369111 52.63315478882176279, 6.54733364068489188 52.6326481549879901, 6.54152043031521035 52.63695350564492514, 6.56332426528459933 52.64797455054276298, 6.56073520457487103 52.64990413265598335, 6.55818155250294943 52.64832461880668291, 6.55684114680498098 52.649270806923127, 6.53774129887382482 52.63972592915771287, 6.5319297551156259 52.64413872532075089, 6.52928378070243198 52.65445275827837435, 6.52938067357995333 52.65450731166291831, 6.54774589680689445 52.66397136141500823, 6.54774589680689445 52.66397136141500823)))</t>
  </si>
  <si>
    <t>MultiPolygon (((6.53774129887382482 52.63972592915771287, 6.55684114680498098 52.649270806923127, 6.55818155250294943 52.64832461880668291, 6.56073520457487103 52.64990413265598335, 6.56332426528459933 52.64797455054276298, 6.54152043031521035 52.63695350564492514, 6.54017025591522749 52.63792307939350223, 6.53774129887382482 52.63972592915771287, 6.53774129887382482 52.63972592915771287)))</t>
  </si>
  <si>
    <t>MultiPolygon (((6.5155126123534739 52.58104218191819257, 6.51615122066039731 52.58611651368064344, 6.52028663567398858 52.58735846092708499, 6.53139885270511744 52.59065213301240505, 6.5425544846001058 52.58913387347094215, 6.54602226453243485 52.59018702388519984, 6.55976382720286377 52.57826781279646866, 6.57807328327340723 52.56629981726978684, 6.58033330210099887 52.564805681952393, 6.55280962337524997 52.55708645291409198, 6.52769800817423373 52.54983518214687166, 6.52668401033066203 52.55169002456687366, 6.52182668624996786 52.56058567433581175, 6.50493866571971679 52.57588537635759707, 6.5155126123534739 52.58104218191819257, 6.5155126123534739 52.58104218191819257)))</t>
  </si>
  <si>
    <t>MultiPolygon (((6.58033330210099887 52.564805681952393, 6.59204758479673902 52.55715457722890704, 6.59516819790240838 52.55510574368543075, 6.59939284242020996 52.5543748844131926, 6.60029998009742158 52.55279855018534363, 6.59290919153940891 52.5461259524913018, 6.58603572155450578 52.54216694358173356, 6.58594273757536008 52.53966757356063511, 6.58637029215774206 52.5373434219146489, 6.58452118688220711 52.53400054287284604, 6.58129029585987091 52.53183630079658428, 6.57733647917220754 52.53052872860146749, 6.56518757377222251 52.54026844005063879, 6.55703433799931812 52.54921672299757063, 6.55306350058148901 52.55153032875811192, 6.55582233698964245 52.55309798747823891, 6.55280962337524997 52.55708645291409198, 6.58033330210099887 52.564805681952393, 6.58033330210099887 52.564805681952393)))</t>
  </si>
  <si>
    <t>MultiPolygon (((6.68029980878001606 52.57660559464014227, 6.69479901713770698 52.58966362476230927, 6.69692716262914711 52.59157561357068289, 6.75046925889192817 52.57093398897939096, 6.76665990390116256 52.56353272965964862, 6.76669202332630615 52.5616368954750115, 6.76404556647707622 52.56158429175557956, 6.7525335129860693 52.55904084267756105, 6.74010323471201112 52.56205347361814262, 6.73437131993280591 52.56176245107809564, 6.72591753238167289 52.56316100890806808, 6.72098163448591368 52.55301357971153919, 6.71999609616495519 52.55166975747580693, 6.71624098437150518 52.55020225996728556, 6.71626418417902116 52.54852481340227399, 6.69755767868773155 52.55105726414718248, 6.69771524649152372 52.55676578230971074, 6.6928306909858799 52.55712916927039657, 6.69113665121809387 52.56199369359089957, 6.69111162589829434 52.56482608313123706, 6.67592376555906153 52.56477450878586666, 6.68366314646570903 52.57374664572655121, 6.67989070625644477 52.57527852386377276, 6.68029980878001606 52.57660559464014227, 6.68029980878001606 52.57660559464014227)))</t>
  </si>
  <si>
    <t>MultiPolygon (((6.56525852046649305 52.51850779459524432, 6.56682915777681675 52.52023014947185686, 6.58024707317526136 52.51645625279486751, 6.59601696319312314 52.50937739315475739, 6.598633834587182 52.50814407325752597, 6.59481554530505676 52.50556636527461052, 6.60308935236429395 52.50202920570154674, 6.60131655520080596 52.50049699402609349, 6.59276441014193981 52.50418147293569149, 6.58853087381278346 52.50132215768977062, 6.58786642523426647 52.50162563284866479, 6.58464909738045723 52.50304835674052129, 6.57883157313229816 52.50553355186004723, 6.5728563237600115 52.50809328151468947, 6.58086399356532059 52.51225544891468644, 6.58161408873026677 52.51383136719681488, 6.57956018382694818 52.51479681175283787, 6.56649879240547474 52.51160012396876908, 6.56135106326500761 52.51289569235197519, 6.56001917679525803 52.51464438591230532, 6.56093955666552198 52.51548205228825594, 6.56400429512304751 52.51446964291549335, 6.56571564629756033 52.51476768503304271, 6.56707805555199808 52.51690347081488142, 6.56525852046649305 52.51850779459524432, 6.56525852046649305 52.51850779459524432)))</t>
  </si>
  <si>
    <t>MultiPolygon (((6.5724658518183583 52.50827329920686282, 6.56649879240547474 52.51160012396876908, 6.57956018382694818 52.51479681175283787, 6.58161408873026677 52.51383136719681488, 6.58086399356532059 52.51225544891468644, 6.5728563237600115 52.50809328151468947, 6.5724658518183583 52.50827329920686282, 6.5724658518183583 52.50827329920686282)))</t>
  </si>
  <si>
    <t>MultiPolygon (((6.62033662686631708 52.64042438257329337, 6.62986048143552864 52.63336246887661218, 6.62864999158830237 52.63222011203715311, 6.63327343068745101 52.628785228932351, 6.61305804188130963 52.61878900785904278, 6.60794012113614215 52.61302537568935378, 6.58407471564779012 52.61160027232799763, 6.58028384773852704 52.61133397410854684, 6.57953464251967191 52.61451004283444632, 6.57146087344149432 52.61368244327803012, 6.57067510348163886 52.61550953796284347, 6.5659062586087078 52.61900868424505262, 6.57243783365963274 52.62226048077801721, 6.57077299726327535 52.6234988200573639, 6.58726040533220036 52.63163487787389982, 6.59075238053320511 52.62930604348898811, 6.61007028573547917 52.63525542001977442, 6.62033662686631708 52.64042438257329337, 6.62033662686631708 52.64042438257329337)))</t>
  </si>
  <si>
    <t>MultiPolygon (((6.58407471564779012 52.61160027232799763, 6.60794012113614215 52.61302537568935378, 6.60475253081793756 52.60946529387926773, 6.60189027071801782 52.60990296497108432, 6.57337036405649489 52.60826188458813846, 6.5728499161694236 52.61013845074058537, 6.58441970313709035 52.6106799348426506, 6.58407471564779012 52.61160027232799763, 6.58407471564779012 52.61160027232799763)))</t>
  </si>
  <si>
    <t>MultiPolygon (((6.56476851074091616 52.61980774655850723, 6.5659062586087078 52.61900868424505262, 6.57067510348163886 52.61550953796284347, 6.57146087344149432 52.61368244327803012, 6.5699070580353105 52.61352310620699768, 6.57064274264854919 52.61007484849981353, 6.5728499161694236 52.61013845074058537, 6.57337036405649489 52.60826188458813846, 6.5663035766405109 52.60468976951298714, 6.55857044240367149 52.60444826987659894, 6.54909878265251244 52.60415178706995931, 6.54596655153846196 52.60685734877258568, 6.52901735657093507 52.60603015910812275, 6.52467409282469823 52.60955891851314448, 6.5233314400392084 52.60907354248197265, 6.51964413883588723 52.6091094698215116, 6.51880831345166811 52.61270014966502373, 6.53967220723952281 52.61391626851022352, 6.55867191985880371 52.61791978893637634, 6.56476851074091616 52.61980774655850723, 6.56476851074091616 52.61980774655850723)))</t>
  </si>
  <si>
    <t>MultiPolygon (((6.57146087344149432 52.61368244327803012, 6.57953464251967191 52.61451004283444632, 6.58028384773852704 52.61133397410854684, 6.58407471564779012 52.61160027232799763, 6.58441970313709035 52.6106799348426506, 6.5728499161694236 52.61013845074058537, 6.57064274264854919 52.61007484849981353, 6.5699070580353105 52.61352310620699768, 6.57146087344149432 52.61368244327803012, 6.57146087344149432 52.61368244327803012)))</t>
  </si>
  <si>
    <t>MultiPolygon (((6.6723783619326511 52.60249102962661993, 6.67521983102551797 52.60229274851324277, 6.6733795652340957 52.59894737988481239, 6.67608092334273007 52.59798800456950829, 6.68335039934724762 52.59293253124945267, 6.68599576177697941 52.5920964226050458, 6.68838567435920162 52.59209325294963122, 6.69479901713770698 52.58966362476230927, 6.68029980878001606 52.57660559464014227, 6.66448892936814818 52.57965485322678489, 6.65905656302436455 52.58324504372507135, 6.6536789651351631 52.5859343047170924, 6.65129952420662818 52.59130320963735272, 6.64978973891625547 52.59266880678508471, 6.65546529341519477 52.59446997312897309, 6.65749008937090547 52.59721495877903408, 6.6572980741503045 52.59936516585651134, 6.66395157391759252 52.59937417437267015, 6.66294355458496845 52.60101801686778344, 6.67109898021039793 52.59959112856756036, 6.6723783619326511 52.60249102962661993, 6.6723783619326511 52.60249102962661993)))</t>
  </si>
  <si>
    <t>MultiPolygon (((6.67654331364846776 52.51434226786721382, 6.68644920624908679 52.53043140347145368, 6.69007779079749909 52.53287997031893752, 6.69492248573454951 52.53477189577657924, 6.7053324783607211 52.52100755762000972, 6.69758462090521345 52.48629823858710353, 6.69348535675662326 52.48632710880877994, 6.67308698800904398 52.49362732616888394, 6.67216904817686984 52.49480558995365698, 6.67817694324109912 52.49776955864216887, 6.67821666442993234 52.49875865994744828, 6.67540510152338751 52.5015117805812821, 6.67383326322989401 52.50156444803093336, 6.66201557058990801 52.49790590336861129, 6.65876928574173554 52.49521983044750328, 6.64540655612349251 52.50384561835401342, 6.67694427925586353 52.51241970769543599, 6.67654331364846776 52.51434226786721382, 6.67654331364846776 52.51434226786721382)))</t>
  </si>
  <si>
    <t>MultiPolygon (((6.65876928574173554 52.49521983044750328, 6.66201557058990801 52.49790590336861129, 6.67383326322989401 52.50156444803093336, 6.67540510152338751 52.5015117805812821, 6.67821666442993234 52.49875865994744828, 6.67817694324109912 52.49776955864216887, 6.67216904817686984 52.49480558995365698, 6.67308698800904398 52.49362732616888394, 6.66930127797826344 52.4949807332800944, 6.66328312677265178 52.49248650356435775, 6.65876928574173554 52.49521983044750328, 6.65876928574173554 52.49521983044750328)))</t>
  </si>
  <si>
    <t>MultiPolygon (((6.65905656302436455 52.58324504372507135, 6.66448892936814818 52.57965485322678489, 6.68029980878001606 52.57660559464014227, 6.67989070625644477 52.57527852386377276, 6.68366314646570903 52.57374664572655121, 6.67592376555906153 52.56477450878586666, 6.66980936684626702 52.56443896047247222, 6.66281385956324623 52.56244288207667381, 6.65686690523010416 52.5554727416856764, 6.65266744502990637 52.55233297298895678, 6.64063049128221383 52.55946610963303556, 6.64402296379274127 52.56945371157411984, 6.65905656302436455 52.58324504372507135, 6.65905656302436455 52.58324504372507135)))</t>
  </si>
  <si>
    <t>MultiPolygon (((6.6860789967001546 52.65343094784266498, 6.7014149070274458 52.65022183439328529, 6.70833404032541569 52.64875886545701178, 6.70802498293614402 52.64772072108476664, 6.70552856226232663 52.64565205049611052, 6.70538314185123596 52.64332082857318085, 6.70206596156772427 52.6424663151799237, 6.70116870336050674 52.64166837270970944, 6.70217032478997243 52.64108364967002274, 6.70569791038865759 52.64089028800577807, 6.7065255074771235 52.63954214110800933, 6.70347402039117046 52.6361190444117284, 6.70349769377432825 52.63523255725014138, 6.70349919076230361 52.63522477136968547, 6.69914389623258089 52.63218176363651679, 6.69840569149388898 52.62906731545220396, 6.69914470035956633 52.62450189880938467, 6.69360992476005467 52.62405630395723222, 6.69097029013181288 52.62301753835148332, 6.69249660707337579 52.62048057336440365, 6.68490125180889994 52.61942528061182145, 6.68232329683331105 52.61679052770752918, 6.67389014355032462 52.61573085911544467, 6.6679923108962198 52.61290323353696863, 6.66060395342518863 52.61252290201574056, 6.65812791577719132 52.6117496054670255, 6.65678262073767257 52.61266655336602582, 6.66398737571196698 52.61913083254298584, 6.6764477978849186 52.62467399226495246, 6.68020280215356177 52.62555720811820947, 6.67982651770364289 52.62628778960886677, 6.67177770615524146 52.63342425624495746, 6.66897221317526601 52.63504174478680397, 6.666165300191353 52.63565710729231739, 6.65231805694061951 52.64588640744027259, 6.6860789967001546 52.65343094784266498, 6.6860789967001546 52.65343094784266498)))</t>
  </si>
  <si>
    <t>MultiPolygon (((6.70349919076230361 52.63522477136968547, 6.70350245306989212 52.63514475387330549, 6.70326645204300586 52.63435139187442502, 6.70452278124092338 52.63313943187963417, 6.70286511503520277 52.63067514160042748, 6.70091086143049264 52.62940079650992686, 6.70086041361446938 52.6283202394118419, 6.70200453114823169 52.62726705140486416, 6.70496567130079413 52.62730436560823222, 6.70715619427018606 52.62676512398932971, 6.708021520112327 52.62800712036538897, 6.71005311174488561 52.62782028103838883, 6.71014531629846189 52.62731492263987576, 6.71200467256153921 52.6268318672481854, 6.71424198778196413 52.62676727313013458, 6.71825060163479471 52.62338181890229549, 6.71865702325709879 52.62194653397973099, 6.72290960083004929 52.62037218438869246, 6.72728877474542841 52.61492788204037652, 6.72435345715662169 52.6083296482900451, 6.72375466250426879 52.60312877111473995, 6.72097340051585412 52.59835160739290671, 6.7207059227694339 52.59645276345180775, 6.72157386518777411 52.59487425111773007, 6.71994909283792818 52.5932619464642741, 6.71877263550403825 52.58864024377668756, 6.70556952985533083 52.59879460464205891, 6.69731717046282871 52.60963667017953327, 6.6917849409223118 52.61020061883611021, 6.68496775930650688 52.61198437894950075, 6.68880203186262179 52.61710748947798066, 6.69331277191782892 52.61906730316515279, 6.69249660707337579 52.62048057336440365, 6.69097029013181288 52.62301753835148332, 6.69360992476005467 52.62405630395723222, 6.69914470035956633 52.62450189880938467, 6.69840569149388898 52.62906731545220396, 6.69914389623258089 52.63218176363651679, 6.70349919076230361 52.63522477136968547, 6.70349919076230361 52.63522477136968547)))</t>
  </si>
  <si>
    <t>MultiPolygon (((6.52901735657093507 52.60603015910812275, 6.54596655153846196 52.60685734877258568, 6.54909878265251244 52.60415178706995931, 6.55857044240367149 52.60444826987659894, 6.57068730968903925 52.59405812238791356, 6.57805571573671166 52.58974197538854867, 6.58327014883639627 52.58527361264354028, 6.5940874879246687 52.58029093470967297, 6.5863066673079258 52.57666874123243161, 6.58542036977892931 52.57533100363807677, 6.58612383037937033 52.5733908905117886, 6.5887194900170396 52.57456660226446132, 6.59072359326807256 52.57214775437241627, 6.59025711128998815 52.56985019417633964, 6.57807328327340723 52.56629981726978684, 6.55976382720286377 52.57826781279646866, 6.54602226453243485 52.59018702388519984, 6.54776013834365589 52.59071369778467897, 6.52901735657093507 52.60603015910812275, 6.52901735657093507 52.60603015910812275)))</t>
  </si>
  <si>
    <t>MultiPolygon (((6.66294355458496845 52.60101801686778344, 6.66332007791002034 52.60640155782355265, 6.66823216623641635 52.60955501448533056, 6.67043359258254842 52.60820365068909155, 6.67332810924783093 52.60482879182568894, 6.6723783619326511 52.60249102962661993, 6.67109898021039793 52.59959112856756036, 6.66294355458496845 52.60101801686778344, 6.66294355458496845 52.60101801686778344)))</t>
  </si>
  <si>
    <t>MultiPolygon (((6.65812791577719132 52.6117496054670255, 6.66060395342518863 52.61252290201574056, 6.6679923108962198 52.61290323353696863, 6.67389014355032462 52.61573085911544467, 6.68232329683331105 52.61679052770752918, 6.68490125180889994 52.61942528061182145, 6.69249660707337579 52.62048057336440365, 6.69331277191782892 52.61906730316515279, 6.68880203186262179 52.61710748947798066, 6.68496775930650688 52.61198437894950075, 6.6917849409223118 52.61020061883611021, 6.69123617054745345 52.60802796076112031, 6.68767059623183435 52.60542866787147886, 6.68575737762342825 52.60467644077415628, 6.67540072109511762 52.60362160116088148, 6.67521983102551797 52.60229274851324277, 6.6723783619326511 52.60249102962661993, 6.67332810924783093 52.60482879182568894, 6.67043359258254842 52.60820365068909155, 6.66823216623641635 52.60955501448533056, 6.66332007791002034 52.60640155782355265, 6.66294355458496845 52.60101801686778344, 6.66395157391759252 52.59937417437267015, 6.6572980741503045 52.59936516585651134, 6.65389117841708355 52.60531821970842259, 6.65407225895156351 52.60878936738819789, 6.65812791577719132 52.6117496054670255, 6.65812791577719132 52.6117496054670255)))</t>
  </si>
  <si>
    <t>MultiPolygon (((6.52769800817423373 52.54983518214687166, 6.55280962337524997 52.55708645291409198, 6.55582233698964245 52.55309798747823891, 6.55306350058148901 52.55153032875811192, 6.55703433799931812 52.54921672299757063, 6.56518757377222251 52.54026844005063879, 6.57733647917220754 52.53052872860146749, 6.57205871807468078 52.52975833418386031, 6.5678439223031333 52.52794880397685517, 6.56674829888828171 52.52665642664119616, 6.56682915777681675 52.52023014947185686, 6.56525852046649305 52.51850779459524432, 6.56104958907338087 52.51979175252851206, 6.55916053472644212 52.51924984303709465, 6.5567811339893165 52.51644863525745421, 6.55518673231473503 52.51587104094171821, 6.55667796191484253 52.51326049030748067, 6.55453180630082954 52.51247090417265895, 6.55349826052424955 52.51250632848323363, 6.5501720931623737 52.5149440265599452, 6.54567139849207003 52.51603617193726592, 6.5454632980816676 52.51647718275766863, 6.54594545015713791 52.51715368122132332, 6.54664963048171433 52.51851919195380702, 6.54457575344089726 52.5190679537981211, 6.54124530524516068 52.51903612868026272, 6.5427929121415378 52.5212002226332686, 6.54205894812860489 52.5225792217292593, 6.54104722021835006 52.52409546721034417, 6.54177167618292632 52.52634790283645572, 6.53699516887367693 52.52794330439908776, 6.53628889888416786 52.52882533242799923, 6.53489265129907348 52.52891847299925132, 6.5340705103090766 52.52844395372702735, 6.53104981181819788 52.53514709810581707, 6.52999567660368641 52.54462272519602095, 6.52769800817423373 52.54983518214687166)))</t>
  </si>
  <si>
    <t>MultiPolygon (((6.67521983102551797 52.60229274851324277, 6.67540072109511762 52.60362160116088148, 6.68575737762342825 52.60467644077415628, 6.68767059623183435 52.60542866787147886, 6.69123617054745345 52.60802796076112031, 6.6917849409223118 52.61020061883611021, 6.69731717046282871 52.60963667017953327, 6.70556952985533083 52.59879460464205891, 6.71877263550403825 52.58864024377668756, 6.76665990390116256 52.56353272965964862, 6.75046925889192817 52.57093398897939096, 6.69692716262914711 52.59157561357068289, 6.69479901713770698 52.58966362476230927, 6.68838567435920162 52.59209325294963122, 6.68599576177697941 52.5920964226050458, 6.68335039934724762 52.59293253124945267, 6.67608092334273007 52.59798800456950829, 6.6733795652340957 52.59894737988481239, 6.67521983102551797 52.60229274851324277, 6.67521983102551797 52.60229274851324277)))</t>
  </si>
  <si>
    <t>MultiPolygon (((6.4699651694907061 52.62498568091196205, 6.47236873104970911 52.6245792610218075, 6.47420036437585811 52.62074498738537187, 6.47801618595870465 52.61863130233390251, 6.48058122169392714 52.6181547667323315, 6.48389550660296443 52.61907656697034241, 6.49153488469899553 52.61917028239175664, 6.50000991289120833 52.61796970557854536, 6.50465358825713658 52.61701529376870212, 6.5120268421640386 52.61364966585015424, 6.48403998364831224 52.611535444151869, 6.44442539170944784 52.60584127090323392, 6.43703159333085839 52.60476927484553045, 6.41576860927246972 52.60314326053150324, 6.43062325051824679 52.60866955146113355, 6.43290216929029235 52.60889724180761817, 6.44280210425245947 52.61421403069717684, 6.4423453519370808 52.61580356832003957, 6.44303286358433436 52.61619549638950843, 6.4534769753851009 52.6139556714539296, 6.46070752714536578 52.61699142760377157, 6.46403531872524972 52.62387578278694633, 6.4699651694907061 52.62498568091196205, 6.4699651694907061 52.62498568091196205)))</t>
  </si>
  <si>
    <t>MultiPolygon (((6.41576860927246972 52.60314326053150324, 6.43703159333085839 52.60476927484553045, 6.44442539170944784 52.60584127090323392, 6.44472757768598381 52.59810008120296487, 6.4473890708475885 52.58482630856138229, 6.45052799228305229 52.56918751089156672, 6.44491031659748881 52.56929658448135712, 6.43965694079094675 52.56935863038699353, 6.4322673025688184 52.57090224907834397, 6.42739275744955307 52.57118458371315484, 6.42896295001149021 52.57442648624472525, 6.42559608689900674 52.59314481237203154, 6.4188247495014652 52.59210306554228254, 6.41506967461179833 52.59658506203629003, 6.41576860927246972 52.60314326053150324, 6.41576860927246972 52.60314326053150324)))</t>
  </si>
  <si>
    <t>MultiPolygon (((6.47445598210558693 52.60010794505362952, 6.48003925803615388 52.60122400860082337, 6.48678763667177805 52.59508018103804261, 6.49523695620255381 52.5980990130803292, 6.5155126123534739 52.58104218191819257, 6.50493866571971679 52.57588537635759707, 6.49673891048911489 52.57161182355866913, 6.48835560123076505 52.569000982563729, 6.47486832616018049 52.56888981840485542, 6.45052799228305229 52.56918751089156672, 6.4473890708475885 52.58482630856138229, 6.45665429492505982 52.58548319412883387, 6.45626421738278644 52.58772347211574782, 6.46165292080897657 52.58813461036318415, 6.47143849190359877 52.58892060827006532, 6.47021428444128333 52.59509407436254236, 6.47517812909182222 52.59550225875735663, 6.47721397057270742 52.5964638591795719, 6.47445598210558693 52.60010794505362952, 6.47445598210558693 52.60010794505362952)))</t>
  </si>
  <si>
    <t>MultiPolygon (((6.48912611398631345 52.60621230526952985, 6.50028507875278283 52.60663515912099086, 6.50613997128203714 52.60770212288127823, 6.50948526942299122 52.60755128675342718, 6.51224782481927011 52.60525309571615793, 6.51607167496237416 52.60717709747522264, 6.52012734551750484 52.6036937577999808, 6.52473745364484969 52.60575656446670934, 6.52901735657093507 52.60603015910812275, 6.54776013834365589 52.59071369778467897, 6.54602226453243485 52.59018702388519984, 6.5425544846001058 52.58913387347094215, 6.53139885270511744 52.59065213301240505, 6.52028663567398858 52.58735846092708499, 6.51615122066039731 52.58611651368064344, 6.5155126123534739 52.58104218191819257, 6.49523695620255381 52.5980990130803292, 6.49761137788458054 52.59912406738681057, 6.48912611398631345 52.60621230526952985, 6.48912611398631345 52.60621230526952985)))</t>
  </si>
  <si>
    <t>MultiPolygon (((6.48602366392495888 52.60754589744896492, 6.48912611398631345 52.60621230526952985, 6.49761137788458054 52.59912406738681057, 6.49523695620255381 52.5980990130803292, 6.48678763667177805 52.59508018103804261, 6.48003925803615388 52.60122400860082337, 6.48095525135758432 52.60149242042547968, 6.48065262571509759 52.60220292651096941, 6.47712763891551635 52.60292551750170986, 6.47487478901126323 52.60676109202223216, 6.48602366392495888 52.60754589744896492, 6.48602366392495888 52.60754589744896492)))</t>
  </si>
  <si>
    <t>MultiPolygon (((6.5120268421640386 52.61364966585015424, 6.51860419069338448 52.61408784075449319, 6.51880831345166811 52.61270014966502373, 6.51964413883588723 52.6091094698215116, 6.5233314400392084 52.60907354248197265, 6.52467409282469823 52.60955891851314448, 6.52901735657093507 52.60603015910812275, 6.52473745364484969 52.60575656446670934, 6.52012734551750484 52.6036937577999808, 6.51607167496237416 52.60717709747522264, 6.51224782481927011 52.60525309571615793, 6.50948526942299122 52.60755128675342718, 6.50613997128203714 52.60770212288127823, 6.50028507875278283 52.60663515912099086, 6.48912611398631345 52.60621230526952985, 6.48602366392495888 52.60754589744896492, 6.48655962310851919 52.60977337827711864, 6.48403998364831224 52.611535444151869, 6.5120268421640386 52.61364966585015424, 6.5120268421640386 52.61364966585015424)))</t>
  </si>
  <si>
    <t>MultiPolygon (((6.45948961208881034 52.59981831356685689, 6.46896953870622848 52.60091919128533533, 6.4692278963936074 52.59969446764815615, 6.47445598210558693 52.60010794505362952, 6.47721397057270742 52.5964638591795719, 6.47517812909182222 52.59550225875735663, 6.47021428444128333 52.59509407436254236, 6.47143849190359877 52.58892060827006532, 6.46165292080897657 52.58813461036318415, 6.45948961208881034 52.59981831356685689, 6.45948961208881034 52.59981831356685689)))</t>
  </si>
  <si>
    <t>MultiPolygon (((6.44472757768598381 52.59810008120296487, 6.45948961208881034 52.59981831356685689, 6.46165292080897657 52.58813461036318415, 6.45626421738278644 52.58772347211574782, 6.45665429492505982 52.58548319412883387, 6.4473890708475885 52.58482630856138229, 6.44472757768598381 52.59810008120296487, 6.44472757768598381 52.59810008120296487)))</t>
  </si>
  <si>
    <t>MultiPolygon (((6.48403998364831224 52.611535444151869, 6.48655962310851919 52.60977337827711864, 6.48602366392495888 52.60754589744896492, 6.47487478901126323 52.60676109202223216, 6.47712763891551635 52.60292551750170986, 6.48065262571509759 52.60220292651096941, 6.48095525135758432 52.60149242042547968, 6.48003925803615388 52.60122400860082337, 6.47445598210558693 52.60010794505362952, 6.4692278963936074 52.59969446764815615, 6.46896953870622848 52.60091919128533533, 6.45948961208881034 52.59981831356685689, 6.44472757768598381 52.59810008120296487, 6.44442539170944784 52.60584127090323392, 6.48403998364831224 52.611535444151869, 6.48403998364831224 52.611535444151869)))</t>
  </si>
  <si>
    <t>MultiPolygon (((6.60380082696158688 52.67258534503983469, 6.61298013971222698 52.67383828522422107, 6.61452680150850281 52.67404927129501857, 6.629453215700436 52.6696882351800113, 6.64673921866380812 52.66463949893937979, 6.64295298010277513 52.66277968786977226, 6.6413763953735705 52.6639491754057758, 6.62903459944872253 52.65791271680425467, 6.63365129573567192 52.65448429378051287, 6.6341692820038265 52.65385171035507739, 6.60438528026298943 52.65223977609089445, 6.59828944727480771 52.65673681893625258, 6.58104958593629963 52.66947293692564358, 6.60380082696158688 52.67258534503983469, 6.60380082696158688 52.67258534503983469)))</t>
  </si>
  <si>
    <t>MultiPolygon (((6.64673921866380812 52.66463949893937979, 6.65565081734612818 52.66203366962817256, 6.6860789967001546 52.65343094784266498, 6.65231805694061951 52.64588640744027259, 6.64737136115994431 52.64346980540684484, 6.63342635930373437 52.64020788298072517, 6.62986048143552864 52.63336246887661218, 6.62033662686631708 52.64042438257329337, 6.61947897058977119 52.64105992637522036, 6.62618285327752421 52.64427424630018493, 6.62755153418668908 52.64327560315832244, 6.63216164126176189 52.64560823216595509, 6.62781932886650882 52.64891016315367267, 6.63044682593211654 52.65024470744322116, 6.64399279116606234 52.65148103984585504, 6.64804180890487917 52.6537831119234383, 6.64726045256406728 52.65459565593523195, 6.63886699228642208 52.65584408625041846, 6.63597211388342512 52.65574335149045737, 6.63365129573567192 52.65448429378051287, 6.62903459944872253 52.65791271680425467, 6.6413763953735705 52.6639491754057758, 6.64295298010277513 52.66277968786977226, 6.64673921866380812 52.66463949893937979, 6.64673921866380812 52.66463949893937979)))</t>
  </si>
  <si>
    <t>MultiPolygon (((6.60839299317729978 52.6492789068531124, 6.6119061035824096 52.64930251475657741, 6.61840250814474107 52.65068239696863373, 6.62259071068934535 52.65085978551839929, 6.62518039886545296 52.65075602375241459, 6.62781932886650882 52.64891016315367267, 6.63216164126176189 52.64560823216595509, 6.62755153418668908 52.64327560315832244, 6.62618285327752421 52.64427424630018493, 6.61947897058977119 52.64105992637522036, 6.60839299317729978 52.6492789068531124, 6.60839299317729978 52.6492789068531124)))</t>
  </si>
  <si>
    <t>MultiPolygon (((6.60438528026298943 52.65223977609089445, 6.6341692820038265 52.65385171035507739, 6.63365129573567192 52.65448429378051287, 6.63597211388342512 52.65574335149045737, 6.63886699228642208 52.65584408625041846, 6.64726045256406728 52.65459565593523195, 6.64804180890487917 52.6537831119234383, 6.64399279116606234 52.65148103984585504, 6.63044682593211654 52.65024470744322116, 6.62781932886650882 52.64891016315367267, 6.62518039886545296 52.65075602375241459, 6.62259071068934535 52.65085978551839929, 6.61840250814474107 52.65068239696863373, 6.6119061035824096 52.64930251475657741, 6.60839299317729978 52.6492789068531124, 6.60438528026298943 52.65223977609089445, 6.60438528026298943 52.65223977609089445)))</t>
  </si>
  <si>
    <t>MultiPolygon (((6.59828944727480771 52.65673681893625258, 6.60438528026298943 52.65223977609089445, 6.60839299317729978 52.6492789068531124, 6.61947897058977119 52.64105992637522036, 6.62033662686631708 52.64042438257329337, 6.61007028573547917 52.63525542001977442, 6.59075238053320511 52.62930604348898811, 6.58726040533220036 52.63163487787389982, 6.57128640195121427 52.64330862819508638, 6.59828944727480771 52.65673681893625258, 6.59828944727480771 52.65673681893625258)))</t>
  </si>
  <si>
    <t>MultiPolygon (((6.57337036405649489 52.60826188458813846, 6.60189027071801782 52.60990296497108432, 6.60475253081793756 52.60946529387926773, 6.60342172872463884 52.60761677626550181, 6.613680368347298 52.60206133932587846, 6.6216576691879574 52.5993752789055975, 6.6198800840359997 52.59845063563613365, 6.62063903546408117 52.59521714820565563, 6.62394490064361463 52.59086877326101472, 6.62452095252151363 52.59026048309088708, 6.63044033819022616 52.59113449814378782, 6.63117038195229824 52.58910538288499481, 6.62654096106472945 52.58573586022637159, 6.62238797425932724 52.58375106471007854, 6.61687180725031432 52.58840815982002681, 6.61037947885208865 52.58577345682487447, 6.60632923166742803 52.58671995490877293, 6.60376914211784971 52.58330294721111642, 6.59671867333564244 52.58273311115545567, 6.59660506868451257 52.58112203080646196, 6.5940874879246687 52.58029093470967297, 6.58327014883639627 52.58527361264354028, 6.57805571573671166 52.58974197538854867, 6.57068730968903925 52.59405812238791356, 6.55857044240367149 52.60444826987659894, 6.5663035766405109 52.60468976951298714, 6.57337036405649489 52.60826188458813846, 6.57337036405649489 52.60826188458813846)))</t>
  </si>
  <si>
    <t>MultiPolygon (((6.60029998009742158 52.55279855018534363, 6.60323202686161448 52.5542958837101466, 6.61200940224329425 52.55648492305722641, 6.61535251858919437 52.55839630325776568, 6.61655752853132206 52.55986998564284107, 6.62977465074035877 52.55623755573896005, 6.63852971094549549 52.55301982922141946, 6.63701316211329484 52.54813681366189826, 6.63520752005512637 52.54275851240093687, 6.6308181157012962 52.53611096039438877, 6.62739456637237367 52.53530698424498979, 6.62258748466132197 52.53516255740920826, 6.62090210250802791 52.53717259876225398, 6.58594273757536008 52.53966757356063511, 6.58603572155450578 52.54216694358173356, 6.59290919153940891 52.5461259524913018, 6.60029998009742158 52.55279855018534363, 6.60029998009742158 52.55279855018534363)))</t>
  </si>
  <si>
    <t>MultiPolygon (((6.58594273757536008 52.53966757356063511, 6.62090210250802791 52.53717259876225398, 6.62258748466132197 52.53516255740920826, 6.62739456637237367 52.53530698424498979, 6.6308181157012962 52.53611096039438877, 6.62483116839686037 52.53108712565653349, 6.62326983601908648 52.53212545716651505, 6.62096181825642383 52.53096085755520761, 6.61404980237450157 52.52935615217852217, 6.60394761314272483 52.5238832259450561, 6.61028980151190204 52.51888335338248481, 6.59601696319312314 52.50937739315475739, 6.58024707317526136 52.51645625279486751, 6.56682915777681675 52.52023014947185686, 6.56674829888828171 52.52665642664119616, 6.5678439223031333 52.52794880397685517, 6.57205871807468078 52.52975833418386031, 6.57733647917220754 52.53052872860146749, 6.58129029585987091 52.53183630079658428, 6.58452118688220711 52.53400054287284604, 6.58637029215774206 52.5373434219146489, 6.58594273757536008 52.53966757356063511, 6.58594273757536008 52.53966757356063511)))</t>
  </si>
  <si>
    <t>MultiPolygon (((6.62483116839686037 52.53108712565653349, 6.6308181157012962 52.53611096039438877, 6.67654331364846776 52.51434226786721382, 6.67694427925586353 52.51241970769543599, 6.64540655612349251 52.50384561835401342, 6.6251437621172844 52.49794963605074116, 6.59970609682056608 52.50880873071918842, 6.598633834587182 52.50814407325752597, 6.59601696319312314 52.50937739315475739, 6.61028980151190204 52.51888335338248481, 6.61849392137576498 52.52569942636398537, 6.62203482459447024 52.5241309718186784, 6.62492798000851835 52.52659555614627607, 6.62632303123251809 52.5260108630675191, 6.62836261797759629 52.52771738708068483, 6.62483116839686037 52.53108712565653349, 6.62483116839686037 52.53108712565653349)))</t>
  </si>
  <si>
    <t>MultiPolygon (((6.62483116839686037 52.53108712565653349, 6.62836261797759629 52.52771738708068483, 6.62632303123251809 52.5260108630675191, 6.62492798000851835 52.52659555614627607, 6.62203482459447024 52.5241309718186784, 6.61849392137576498 52.52569942636398537, 6.61028980151190204 52.51888335338248481, 6.60394761314272483 52.5238832259450561, 6.61404980237450157 52.52935615217852217, 6.62096181825642383 52.53096085755520761, 6.62326983601908648 52.53212545716651505, 6.62483116839686037 52.53108712565653349, 6.62483116839686037 52.53108712565653349)))</t>
  </si>
  <si>
    <t>MultiPolygon (((6.31474831792064251 52.62779140726244265, 6.3241752629260839 52.65201567810981231, 6.33243408888685266 52.65001507906703182, 6.33158447589780238 52.6490990367113767, 6.33612368078564536 52.6461439362936332, 6.33986591685805312 52.64518712265510914, 6.33781917179710241 52.64205491484675292, 6.3451712657808903 52.64056099878920492, 6.34267241742295251 52.6374847672887114, 6.34546767188700844 52.6365845960256209, 6.34637542503512542 52.63760704504821319, 6.35103190779573801 52.63618539917843009, 6.35807525670740947 52.63231866251250324, 6.35460521293066449 52.62956740687003077, 6.36302308901845315 52.62534756233298339, 6.36703472581455632 52.62202101011671118, 6.36415070803012917 52.62080967557749034, 6.36723418652527329 52.61877755505567222, 6.37378064753322615 52.61003011499796855, 6.37988178822106278 52.61076929614549869, 6.38067498817822454 52.60875456418713014, 6.38139522179070706 52.60404143052545578, 6.37666299622751342 52.60317076135691394, 6.37036328751752201 52.60418617373233019, 6.36401818425820398 52.60256158301791629, 6.36488006146069107 52.59989091896402158, 6.32204363424024063 52.59487736523308854, 6.31968068974516584 52.59917107428177729, 6.3030636864535019 52.59714114877214541, 6.31474831792064251 52.62779140726244265, 6.31474831792064251 52.62779140726244265)))</t>
  </si>
  <si>
    <t>MultiPolygon (((6.36640794129469345 52.63745336823753718, 6.36977788780885223 52.63500196247093754, 6.36860255819954268 52.63352582273299873, 6.369204207769533 52.6321915290108322, 6.3709816645613131 52.63166020083883723, 6.37227619403197654 52.62949897002476973, 6.37413722587531417 52.62900978963367038, 6.37520589471204246 52.6274081281615338, 6.37555033503856983 52.62615574557860754, 6.37361832511823501 52.62332641122792154, 6.37723935073849635 52.62001345382104489, 6.37605776371963451 52.61780972231828457, 6.37655195197006819 52.6168933419546434, 6.38025268662867351 52.61502141370954178, 6.3820482594154706 52.61564549611034636, 6.38408420403057875 52.61225014869452821, 6.38677818270629771 52.61361999242651422, 6.39152221461812697 52.61451941138813027, 6.39384557965928302 52.61723347061953859, 6.39603521339009795 52.61778796200853492, 6.40112350045988254 52.61625960092313647, 6.40372025480363938 52.61625421810090586, 6.40685831361519931 52.61778099546640419, 6.40589377231058155 52.6187088191864305, 6.40628887326396157 52.62056414076656097, 6.40950222682153203 52.62173325692099723, 6.41116415820294083 52.62082396153073205, 6.4120491077365438 52.61986852253038194, 6.41615018110330038 52.61866768539142214, 6.41880849576455503 52.61902319606992506, 6.42160958057911113 52.62304466138478176, 6.42688644070417059 52.624638413643261, 6.4260366604337511 52.62651255391241989, 6.42817648500895089 52.62818849918330244, 6.43132615157152898 52.62836956005492084, 6.43299222560299899 52.62776504533030675, 6.43380306437849647 52.62640920975026404, 6.43563930376455051 52.6215701188587559, 6.43560139949733667 52.62085314249438994, 6.4344714195111381 52.62045263820122898, 6.43493437016923053 52.61928554399555225, 6.4384102638270253 52.61707450501805283, 6.4423453519370808 52.61580356832003957, 6.44280210425245947 52.61421403069717684, 6.43290216929029235 52.60889724180761817, 6.43062325051824679 52.60866955146113355, 6.41576860927246972 52.60314326053150324, 6.40702248646284378 52.60239274581860514, 6.40414839928746726 52.60209097200089445, 6.40354082132091129 52.60684384921701451, 6.39439157755852605 52.60695839220691994, 6.39134820484648891 52.60662635704835566, 6.39085912883983021 52.6058471945569508, 6.38792616741164387 52.6053435796140505, 6.38311136385661815 52.60865093819479199, 6.38067498817822454 52.60875456418713014, 6.37988178822106278 52.61076929614549869, 6.37378064753322615 52.61003011499796855, 6.36723418652527329 52.61877755505567222, 6.36415070803012917 52.62080967557749034, 6.36703472581455632 52.62202101011671118, 6.36302308901845315 52.62534756233298339, 6.35460521293066449 52.62956740687003077, 6.35807525670740947 52.63231866251250324, 6.35103190779573801 52.63618539917843009, 6.34637542503512542 52.63760704504821319, 6.34546767188700844 52.6365845960256209, 6.34267241742295251 52.6374847672887114, 6.3451712657808903 52.64056099878920492, 6.33781917179710241 52.64205491484675292, 6.33986591685805312 52.64518712265510914, 6.33612368078564536 52.6461439362936332, 6.33158447589780238 52.6490990367113767, 6.33243408888685266 52.65001507906703182, 6.3241752629260839 52.65201567810981231, 6.32624157543748478 52.65735319853708774, 6.3277977120824378 52.65869274594000871, 6.33120077225264932 52.65716113568181811, 6.33400289704636776 52.65469886288426693, 6.34171961645923776 52.65368559352074129, 6.34359631394864731 52.65115780061452, 6.35172615044117439 52.64830455671665277, 6.35347664510829357 52.64628064613524572, 6.35944077885283843 52.6455186677086644, 6.36410233341178078 52.64314167714597659, 6.36390709011676403 52.63837603324270731, 6.36640794129469345 52.63745336823753718, 6.36640794129469345 52.63745336823753718)))</t>
  </si>
  <si>
    <t>MultiPolygon (((6.40702248646284378 52.60239274581860514, 6.41576860927246972 52.60314326053150324, 6.41506967461179833 52.59658506203629003, 6.4188247495014652 52.59210306554228254, 6.42559608689900674 52.59314481237203154, 6.42896295001149021 52.57442648624472525, 6.42739275744955307 52.57118458371315484, 6.41501516620132772 52.57001250124417879, 6.40987710750817197 52.57892766462992284, 6.40264454062017041 52.59140281570366682, 6.399478455640776 52.59138972028173242, 6.40975222710696357 52.59258222130978311, 6.40702248646284378 52.60239274581860514, 6.40702248646284378 52.60239274581860514)))</t>
  </si>
  <si>
    <t>MultiPolygon (((6.38139522179070706 52.60404143052545578, 6.38099897446488828 52.6017758466567571, 6.37503016288307922 52.60106198805409861, 6.37379715893998267 52.59969567921083922, 6.37448125783610031 52.59858156921013261, 6.37497462440889517 52.59705547093182787, 6.37299437503530708 52.59682866246370736, 6.37266800113836052 52.59612394768285526, 6.37403576596707211 52.5915878980122784, 6.36152382412460415 52.59185425317107132, 6.3234125127222347 52.59252716578114928, 6.32204363424024063 52.59487736523308854, 6.36488006146069107 52.59989091896402158, 6.36401818425820398 52.60256158301791629, 6.37036328751752201 52.60418617373233019, 6.37666299622751342 52.60317076135691394, 6.38139522179070706 52.60404143052545578, 6.38139522179070706 52.60404143052545578)))</t>
  </si>
  <si>
    <t>MultiPolygon (((6.40414839928746726 52.60209097200089445, 6.40702248646284378 52.60239274581860514, 6.40975222710696357 52.59258222130978311, 6.399478455640776 52.59138972028173242, 6.39251617913226777 52.5912628019840227, 6.39172078929709286 52.60062395343458519, 6.40414839928746726 52.60209097200089445, 6.40414839928746726 52.60209097200089445)))</t>
  </si>
  <si>
    <t>MultiPolygon (((6.38139522179070706 52.60404143052545578, 6.38067498817822454 52.60875456418713014, 6.38311136385661815 52.60865093819479199, 6.38792616741164387 52.6053435796140505, 6.39085912883983021 52.6058471945569508, 6.39134820484648891 52.60662635704835566, 6.39439157755852605 52.60695839220691994, 6.40354082132091129 52.60684384921701451, 6.40414839928746726 52.60209097200089445, 6.39172078929709286 52.60062395343458519, 6.37448125783610031 52.59858156921013261, 6.37379715893998267 52.59969567921083922, 6.37503016288307922 52.60106198805409861, 6.38099897446488828 52.6017758466567571, 6.38139522179070706 52.60404143052545578, 6.38139522179070706 52.60404143052545578)))</t>
  </si>
  <si>
    <t>MultiPolygon (((6.37448125783610031 52.59858156921013261, 6.39172078929709286 52.60062395343458519, 6.39251617913226777 52.5912628019840227, 6.37403576596707211 52.5915878980122784, 6.37266800113836052 52.59612394768285526, 6.37299437503530708 52.59682866246370736, 6.37497462440889517 52.59705547093182787, 6.37448125783610031 52.59858156921013261, 6.37448125783610031 52.59858156921013261)))</t>
  </si>
  <si>
    <t>MultiPolygon (((6.65389117841708355 52.60531821970842259, 6.6572980741503045 52.59936516585651134, 6.65749008937090547 52.59721495877903408, 6.65546529341519477 52.59446997312897309, 6.64978973891625547 52.59266880678508471, 6.64398161117348263 52.59281717486680918, 6.63877745331188063 52.59416907784773798, 6.63388340040914049 52.59419663574775683, 6.63234172030618829 52.5933287883938263, 6.63466465128044369 52.59140247287508885, 6.63232081068985835 52.58834834086651, 6.63117038195229824 52.58910538288499481, 6.63044033819022616 52.59113449814378782, 6.62452095252151363 52.59026048309088708, 6.62394490064361463 52.59086877326101472, 6.62063903546408117 52.59521714820565563, 6.6198800840359997 52.59845063563613365, 6.6216576691879574 52.5993752789055975, 6.62283105322814336 52.59964784550690098, 6.62362709399608285 52.59911448117436095, 6.62966812886217927 52.59979672762499803, 6.63222991081854474 52.59924131529851365, 6.65389117841708355 52.60531821970842259, 6.65389117841708355 52.60531821970842259)))</t>
  </si>
  <si>
    <t>MultiPolygon (((6.62986048143552864 52.63336246887661218, 6.63342635930373437 52.64020788298072517, 6.64737136115994431 52.64346980540684484, 6.65231805694061951 52.64588640744027259, 6.666165300191353 52.63565710729231739, 6.66897221317526601 52.63504174478680397, 6.67177770615524146 52.63342425624495746, 6.67982651770364289 52.62628778960886677, 6.65738070819463168 52.62173108017633893, 6.64906842366836948 52.62533935209121694, 6.64698883745485247 52.62274758571051336, 6.6403726933208489 52.62373379762073711, 6.63327343068745101 52.628785228932351, 6.62864999158830237 52.63222011203715311, 6.62986048143552864 52.63336246887661218, 6.62986048143552864 52.63336246887661218)))</t>
  </si>
  <si>
    <t>MultiPolygon (((6.63327343068745101 52.628785228932351, 6.6403726933208489 52.62373379762073711, 6.64698883745485247 52.62274758571051336, 6.64906842366836948 52.62533935209121694, 6.65738070819463168 52.62173108017633893, 6.67982651770364289 52.62628778960886677, 6.68020280215356177 52.62555720811820947, 6.6764477978849186 52.62467399226495246, 6.66398737571196698 52.61913083254298584, 6.65678262073767257 52.61266655336602582, 6.65812791577719132 52.6117496054670255, 6.65407225895156351 52.60878936738819789, 6.65389117841708355 52.60531821970842259, 6.63222991081854474 52.59924131529851365, 6.62966812886217927 52.59979672762499803, 6.62362709399608285 52.59911448117436095, 6.62283105322814336 52.59964784550690098, 6.6216576691879574 52.5993752789055975, 6.613680368347298 52.60206133932587846, 6.60342172872463884 52.60761677626550181, 6.60475253081793756 52.60946529387926773, 6.60794012113614215 52.61302537568935378, 6.61305804188130963 52.61878900785904278, 6.63327343068745101 52.628785228932351, 6.63327343068745101 52.628785228932351),(6.65116005318531123 52.61650203501736911, 6.65102204231517646 52.61703179333507308, 6.64682785990751679 52.61634518685810491, 6.64360020778786886 52.61457275966755276, 6.64329431934582093 52.61305956966739927, 6.64936867080611371 52.61191774516665731, 6.65338976593713571 52.61300354930341427, 6.65244978727226854 52.61651475034315695, 6.65116005318531123 52.61650203501736911, 6.65116005318531123 52.61650203501736911)))</t>
  </si>
  <si>
    <t>MultiPolygon (((6.65116005318531123 52.61650203501736911, 6.65244978727226854 52.61651475034315695, 6.65338976593713571 52.61300354930341427, 6.64936867080611371 52.61191774516665731, 6.64329431934582093 52.61305956966739927, 6.64360020778786886 52.61457275966755276, 6.64682785990751679 52.61634518685810491, 6.65102204231517646 52.61703179333507308, 6.65116005318531123 52.61650203501736911, 6.65116005318531123 52.61650203501736911)))</t>
  </si>
  <si>
    <t>MultiPolygon (((6.73585574190669778 52.15764351487904094, 6.73628953401193176 52.1577985523728529, 6.73969237247351494 52.15646812399179311, 6.74526492381825182 52.15557256107443607, 6.74540638667188297 52.15371041724059609, 6.74207753860534531 52.15277346780191436, 6.73573159206856431 52.15228214621139813, 6.73585574190669778 52.15764351487904094, 6.73585574190669778 52.15764351487904094)))</t>
  </si>
  <si>
    <t>MultiPolygon (((6.70427915964790344 52.19923553675986483, 6.71238776634233236 52.20633143274621801, 6.76367783394585409 52.19189785155284511, 6.75125603859896906 52.18862145959914045, 6.72700106637831841 52.18812631583986672, 6.72552847015783239 52.18934305191404377, 6.72359533948892718 52.18784751578227343, 6.72124078958590054 52.18833877693570145, 6.70958883393279137 52.19937461148168012, 6.70427915964790344 52.19923553675986483, 6.70427915964790344 52.19923553675986483)))</t>
  </si>
  <si>
    <t>MultiPolygon (((6.67564635149908625 52.19791305174729246, 6.68377610227527885 52.19729394121112875, 6.67464687154941672 52.19001958537040764, 6.67204995866860351 52.18551834763270136, 6.65788914021362643 52.17858849252719722, 6.65454979503198363 52.17617410867539007, 6.65195171451407763 52.17607361857617576, 6.64921178990063133 52.1728784829290575, 6.64504070049386808 52.17419425513303821, 6.64729407129776284 52.17689528220974893, 6.64275497596243003 52.18144711806464642, 6.64139136915968908 52.18090621122830441, 6.6401235568789021 52.18128051132369194, 6.63445381261403355 52.18595520816010236, 6.63080644161849087 52.18629855403865037, 6.62448445904729599 52.18887930116180485, 6.65308195784584822 52.19370069859683525, 6.6720504483809373 52.19818671759107076, 6.67564635149908625 52.19791305174729246, 6.67564635149908625 52.19791305174729246)))</t>
  </si>
  <si>
    <t>MultiPolygon (((6.68287749853174073 52.13413360179733758, 6.67255620369461511 52.12737029568558711, 6.66300345199467792 52.13000105559194708, 6.66840905904958436 52.13661468898021667, 6.67261301921872363 52.13930996138775242, 6.67439481478774699 52.14277446273566596, 6.67374823585967469 52.1482865997677365, 6.6713092189777301 52.15045811212224436, 6.67267881853960354 52.15050735292187056, 6.67381939102508515 52.15210362494998719, 6.67242870315033176 52.15303169500725033, 6.67309499304280518 52.15475329646825031, 6.6706101857938247 52.15642031856252459, 6.67391408434746403 52.15881439764383742, 6.67364033237731036 52.15986232645376219, 6.67314690576881819 52.16011888449002498, 6.67406668662821989 52.16124345886581892, 6.67278438617655212 52.16137906286265036, 6.67339735320101823 52.16323969849631936, 6.67197345740444092 52.16492723049695002, 6.67524389165458487 52.17008669398410348, 6.68367935137823643 52.16989090874082535, 6.68727110762068921 52.15950962558355997, 6.69120575295863595 52.15905887547754816, 6.69258925901297363 52.15789017733004584, 6.69423715859416202 52.1577202383839591, 6.70053034045606299 52.14900154409426136, 6.70184516365022898 52.14738011496049808, 6.69713402153025861 52.1463763420337969, 6.68287749853174073 52.13413360179733758)))</t>
  </si>
  <si>
    <t>MultiPolygon (((6.80559412656064389 52.16660647218584046, 6.81427733981625483 52.17086110535366572, 6.82799067994674491 52.17100654142355154, 6.86986529365528131 52.162693387075727, 6.88975025989700551 52.16120591785043104, 6.88045817580846197 52.15600954172527537, 6.88196032512934508 52.15597648834148714, 6.8733010490793891 52.1329738764936863, 6.87345851731854474 52.13028368363411857, 6.86708829762874196 52.128071311419788, 6.85547394582302427 52.12046209305974287, 6.84319856333559873 52.11919707406260471, 6.82271032213816575 52.11840425940398092, 6.7636259442992408 52.11876310862378148, 6.79438757632274104 52.14908967276075913, 6.80559412656064389 52.16660647218584046, 6.80559412656064389 52.16660647218584046),(6.83043894284686193 52.14863671849396098, 6.82956102439549273 52.14948887608368722, 6.82364615350409931 52.14595922926451266, 6.82426428003617058 52.14527470040529522, 6.83220884307434861 52.14208364119418349, 6.83872014511475967 52.14179943676724349, 6.83816598817348265 52.14461903483675087, 6.83560143554224986 52.14451853692182937, 6.83043894284686193 52.14863671849396098, 6.83043894284686193 52.14863671849396098)))</t>
  </si>
  <si>
    <t>MultiPolygon (((6.83043894284686193 52.14863671849396098, 6.83560143554224986 52.14451853692182937, 6.83816598817348265 52.14461903483675087, 6.83872014511475967 52.14179943676724349, 6.83220884307434861 52.14208364119418349, 6.82426428003617058 52.14527470040529522, 6.82364615350409931 52.14595922926451266, 6.82956102439549273 52.14948887608368722, 6.83043894284686193 52.14863671849396098, 6.83043894284686193 52.14863671849396098)))</t>
  </si>
  <si>
    <t>MultiPolygon (((6.68377610227527885 52.19729394121112875, 6.69749410318074023 52.1962479674761255, 6.70427915964790344 52.19923553675986483, 6.70958883393279137 52.19937461148168012, 6.72124078958590054 52.18833877693570145, 6.72770240132849029 52.18221513696349234, 6.72395184104253651 52.18022815382676782, 6.72266233876474484 52.17877193922112866, 6.72449842660655861 52.17324540178308467, 6.72908727537160001 52.17322756170470655, 6.72841893624478793 52.17051880775731121, 6.72044074717148643 52.16750356281898604, 6.71952307032170371 52.16785804202259413, 6.71781623339328959 52.16621519264323581, 6.71667793548034364 52.16333639035194381, 6.69961276624968516 52.15717682130341615, 6.69980121966109277 52.15668201709868157, 6.69864156653674403 52.15650895940201082, 6.69423715859416202 52.1577202383839591, 6.69258925901297363 52.15789017733004584, 6.69120575295863595 52.15905887547754816, 6.68727110762068921 52.15950962558355997, 6.68367935137823643 52.16989090874082535, 6.67524389165458487 52.17008669398410348, 6.67197345740444092 52.16492723049695002, 6.67133890456763901 52.16568319696681044, 6.64921178990063133 52.1728784829290575, 6.65195171451407763 52.17607361857617576, 6.65454979503198363 52.17617410867539007, 6.65788914021362643 52.17858849252719722, 6.67204995866860351 52.18551834763270136, 6.67464687154941672 52.19001958537040764, 6.68377610227527885 52.19729394121112875, 6.68377610227527885 52.19729394121112875),(6.70441816443030447 52.17885682413351134, 6.70376643184246923 52.17941691787566327, 6.69965696205550287 52.17840201398831823, 6.69628171860964727 52.17684201596549087, 6.70229186389867149 52.17349870750360452, 6.70608697251261265 52.17576199971910711, 6.70441816443030447 52.17885682413351134, 6.70441816443030447 52.17885682413351134)))</t>
  </si>
  <si>
    <t>MultiPolygon (((6.70441816443030447 52.17885682413351134, 6.70608697251261265 52.17576199971910711, 6.70229186389867149 52.17349870750360452, 6.69628171860964727 52.17684201596549087, 6.69965696205550287 52.17840201398831823, 6.70376643184246923 52.17941691787566327, 6.70441816443030447 52.17885682413351134, 6.70441816443030447 52.17885682413351134)))</t>
  </si>
  <si>
    <t>MultiPolygon (((6.76367783394585409 52.19189785155284511, 6.76680054164339317 52.19106489798402748, 6.77660008541808789 52.18430569339161451, 6.75787674923347481 52.16996782178766523, 6.75527813258336796 52.16803782067194817, 6.74744122920616629 52.16983636719664474, 6.74415705095351825 52.16749014127992723, 6.74081700155920149 52.16743834710323569, 6.73071014627303654 52.16792076166349545, 6.72841893624478793 52.17051880775731121, 6.72908727537160001 52.17322756170470655, 6.72449842660655861 52.17324540178308467, 6.72266233876474484 52.17877193922112866, 6.72395184104253651 52.18022815382676782, 6.72770240132849029 52.18221513696349234, 6.72124078958590054 52.18833877693570145, 6.72359533948892718 52.18784751578227343, 6.72552847015783239 52.18934305191404377, 6.72700106637831841 52.18812631583986672, 6.75125603859896906 52.18862145959914045, 6.76367783394585409 52.19189785155284511, 6.76367783394585409 52.19189785155284511)))</t>
  </si>
  <si>
    <t>MultiPolygon (((6.77660008541808789 52.18430569339161451, 6.78817262206463301 52.17629276021412466, 6.80559412656064389 52.16660647218584046, 6.79438757632274104 52.14908967276075913, 6.76233249139455417 52.1535084283359609, 6.76298460646130639 52.15778775807225287, 6.7616016144870752 52.160574195248536, 6.7598545883587331 52.16151142322132728, 6.76590362207722951 52.16484687400958364, 6.75787674923347481 52.16996782178766523, 6.77660008541808789 52.18430569339161451, 6.77660008541808789 52.18430569339161451)))</t>
  </si>
  <si>
    <t>MultiPolygon (((6.74637442382253472 52.15087818037258671, 6.74802310805130912 52.15194655815428604, 6.74988471072308194 52.15065311187036201, 6.75172155295238952 52.15041276342208931, 6.75956837778077002 52.15135432104646185, 6.76131717567583213 52.15195532450100302, 6.76233249139455417 52.1535084283359609, 6.79438757632274104 52.14908967276075913, 6.7636259442992408 52.11876310862378148, 6.76057233035214544 52.11877993364118566, 6.73950582076508198 52.11855641574528164, 6.73949303711965264 52.11810477170050149, 6.7162723611825923 52.11827040547652246, 6.71128986634686431 52.11970823859375912, 6.69781002044058038 52.12355366983165084, 6.6776905952531731 52.12595895166633397, 6.67255620369461511 52.12737029568558711, 6.68287749853174073 52.13413360179733758, 6.69713402153025861 52.1463763420337969, 6.70184516365022898 52.14738011496049808, 6.70053034045606299 52.14900154409426136, 6.70650554095391804 52.14958626211635107, 6.70958478170514461 52.14867366027846174, 6.71902421660444649 52.14982813137756779, 6.729207485872716 52.15073630363189494, 6.74022883380748183 52.14993927432403353, 6.74426011858985142 52.14997750289357015, 6.74637442382253472 52.15087818037258671)))</t>
  </si>
  <si>
    <t>MultiPolygon (((6.71667793548034364 52.16333639035194381, 6.71649931739993544 52.16288361842233456, 6.71462845047979329 52.16007925074506346, 6.71460665904334775 52.15888852570780898, 6.71525489959416788 52.15888122788889802, 6.71482787255397984 52.15440842665800858, 6.71050285908808331 52.15456434335136038, 6.70904074809466877 52.15047867988415931, 6.70650554095391804 52.14958626211635107, 6.70053034045606299 52.14900154409426136, 6.69423715859416202 52.1577202383839591, 6.69864156653674403 52.15650895940201082, 6.69980121966109277 52.15668201709868157, 6.69961276624968516 52.15717682130341615, 6.71667793548034364 52.16333639035194381, 6.71667793548034364 52.16333639035194381)))</t>
  </si>
  <si>
    <t>MultiPolygon (((6.70650554095391804 52.14958626211635107, 6.70904074809466877 52.15047867988415931, 6.71050285908808331 52.15456434335136038, 6.71482787255397984 52.15440842665800858, 6.71333153934926319 52.15058275536517129, 6.70955831458465379 52.14939082811361715, 6.70958478170514461 52.14867366027846174, 6.70650554095391804 52.14958626211635107, 6.70650554095391804 52.14958626211635107)))</t>
  </si>
  <si>
    <t>MultiPolygon (((6.71525489959416788 52.15888122788889802, 6.71924779889151047 52.15826880970701751, 6.72527589693729055 52.15798341368545721, 6.7281387207618204 52.15651153414545149, 6.73137015266096661 52.15637418388240576, 6.73278817626955117 52.1536236687954613, 6.7302695411567397 52.15379704833264185, 6.72785379555802265 52.15320794559801243, 6.72823813916060409 52.1521383787560282, 6.71888612906820359 52.15025048805775043, 6.71902421660444649 52.14982813137756779, 6.70958478170514461 52.14867366027846174, 6.70955831458465379 52.14939082811361715, 6.71333153934926319 52.15058275536517129, 6.71482787255397984 52.15440842665800858, 6.71525489959416788 52.15888122788889802, 6.71525489959416788 52.15888122788889802)))</t>
  </si>
  <si>
    <t>MultiPolygon (((6.72044074717148643 52.16750356281898604, 6.72841893624478793 52.17051880775731121, 6.73071014627303654 52.16792076166349545, 6.74081700155920149 52.16743834710323569, 6.73962377547413372 52.1641954846680207, 6.73858475331235063 52.16300652241866942, 6.73288261679678435 52.16125959316814686, 6.72986967566852634 52.16352320106754092, 6.72281637910113883 52.16658565506515544, 6.72044074717148643 52.16750356281898604, 6.72044074717148643 52.16750356281898604)))</t>
  </si>
  <si>
    <t>MultiPolygon (((6.72044074717148643 52.16750356281898604, 6.72281637910113883 52.16658565506515544, 6.7238113163616342 52.16349116572840927, 6.72163153651158396 52.1603719813180291, 6.72114318612823514 52.16010348026293997, 6.71649931739993544 52.16288361842233456, 6.71667793548034364 52.16333639035194381, 6.71781623339328959 52.16621519264323581, 6.71952307032170371 52.16785804202259413, 6.72044074717148643 52.16750356281898604, 6.72044074717148643 52.16750356281898604)))</t>
  </si>
  <si>
    <t>MultiPolygon (((6.71649931739993544 52.16288361842233456, 6.72114318612823514 52.16010348026293997, 6.71924779889151047 52.15826880970701751, 6.71525489959416788 52.15888122788889802, 6.71460665904334775 52.15888852570780898, 6.71462845047979329 52.16007925074506346, 6.71649931739993544 52.16288361842233456, 6.71649931739993544 52.16288361842233456)))</t>
  </si>
  <si>
    <t>MultiPolygon (((6.72163153651158396 52.1603719813180291, 6.72371750913412836 52.16031462378738581, 6.72527589693729055 52.15798341368545721, 6.71924779889151047 52.15826880970701751, 6.72114318612823514 52.16010348026293997, 6.72163153651158396 52.1603719813180291, 6.72163153651158396 52.1603719813180291)))</t>
  </si>
  <si>
    <t>MultiPolygon (((6.72281637910113883 52.16658565506515544, 6.72986967566852634 52.16352320106754092, 6.72574957103509874 52.16266579531986025, 6.72371750913412836 52.16031462378738581, 6.72163153651158396 52.1603719813180291, 6.7238113163616342 52.16349116572840927, 6.72281637910113883 52.16658565506515544, 6.72281637910113883 52.16658565506515544)))</t>
  </si>
  <si>
    <t>MultiPolygon (((6.74081700155920149 52.16743834710323569, 6.74415705095351825 52.16749014127992723, 6.75229083016371856 52.16581871437767859, 6.74845897928601435 52.16292527742722029, 6.74795359846237375 52.16262616030728339, 6.74473219521234846 52.1636232820841883, 6.73962377547413372 52.1641954846680207, 6.74081700155920149 52.16743834710323569, 6.74081700155920149 52.16743834710323569)))</t>
  </si>
  <si>
    <t>MultiPolygon (((6.73962377547413372 52.1641954846680207, 6.74473219521234846 52.1636232820841883, 6.74795359846237375 52.16262616030728339, 6.73628953401193176 52.1577985523728529, 6.73585574190669778 52.15764351487904094, 6.73288261679678435 52.16125959316814686, 6.73858475331235063 52.16300652241866942, 6.73962377547413372 52.1641954846680207, 6.73962377547413372 52.1641954846680207)))</t>
  </si>
  <si>
    <t>MultiPolygon (((6.72986967566852634 52.16352320106754092, 6.73288261679678435 52.16125959316814686, 6.73585574190669778 52.15764351487904094, 6.73137015266096661 52.15637418388240576, 6.7281387207618204 52.15651153414545149, 6.72527589693729055 52.15798341368545721, 6.72371750913412836 52.16031462378738581, 6.72574957103509874 52.16266579531986025, 6.72986967566852634 52.16352320106754092, 6.72986967566852634 52.16352320106754092)))</t>
  </si>
  <si>
    <t>MultiPolygon (((6.75274669243337744 52.15802894006592538, 6.7598545883587331 52.16151142322132728, 6.7616016144870752 52.160574195248536, 6.76298460646130639 52.15778775807225287, 6.76233249139455417 52.1535084283359609, 6.76131717567583213 52.15195532450100302, 6.75956837778077002 52.15135432104646185, 6.75172155295238952 52.15041276342208931, 6.74988471072308194 52.15065311187036201, 6.74802310805130912 52.15194655815428604, 6.75095953707647656 52.15488463654757822, 6.75274669243337744 52.15802894006592538, 6.75274669243337744 52.15802894006592538)))</t>
  </si>
  <si>
    <t>MultiPolygon (((6.74415705095351825 52.16749014127992723, 6.74744122920616629 52.16983636719664474, 6.75527813258336796 52.16803782067194817, 6.75229083016371856 52.16581871437767859, 6.74415705095351825 52.16749014127992723, 6.74415705095351825 52.16749014127992723)))</t>
  </si>
  <si>
    <t>MultiPolygon (((6.75527813258336796 52.16803782067194817, 6.75787674923347481 52.16996782178766523, 6.76590362207722951 52.16484687400958364, 6.7598545883587331 52.16151142322132728, 6.75274669243337744 52.15802894006592538, 6.75251699230391367 52.15832851804114512, 6.74845897928601435 52.16292527742722029, 6.75229083016371856 52.16581871437767859, 6.75527813258336796 52.16803782067194817, 6.75527813258336796 52.16803782067194817)))</t>
  </si>
  <si>
    <t>MultiPolygon (((6.73137015266096661 52.15637418388240576, 6.73585574190669778 52.15764351487904094, 6.73573159206856431 52.15228214621139813, 6.729207485872716 52.15073630363189494, 6.71902421660444649 52.14982813137756779, 6.71888612906820359 52.15025048805775043, 6.72823813916060409 52.1521383787560282, 6.72785379555802265 52.15320794559801243, 6.7302695411567397 52.15379704833264185, 6.73278817626955117 52.1536236687954613, 6.73137015266096661 52.15637418388240576, 6.73137015266096661 52.15637418388240576)))</t>
  </si>
  <si>
    <t>MultiPolygon (((6.73573159206856431 52.15228214621139813, 6.74207753860534531 52.15277346780191436, 6.74540638667188297 52.15371041724059609, 6.74637442382253472 52.15087818037258671, 6.74426011858985142 52.14997750289357015, 6.74022883380748183 52.14993927432403353, 6.729207485872716 52.15073630363189494, 6.73573159206856431 52.15228214621139813, 6.73573159206856431 52.15228214621139813)))</t>
  </si>
  <si>
    <t>MultiPolygon (((6.75251699230391367 52.15832851804114512, 6.75274669243337744 52.15802894006592538, 6.75095953707647656 52.15488463654757822, 6.74802310805130912 52.15194655815428604, 6.74637442382253472 52.15087818037258671, 6.74540638667188297 52.15371041724059609, 6.74526492381825182 52.15557256107443607, 6.75251699230391367 52.15832851804114512, 6.75251699230391367 52.15832851804114512)))</t>
  </si>
  <si>
    <t>MultiPolygon (((6.74795359846237375 52.16262616030728339, 6.74845897928601435 52.16292527742722029, 6.75251699230391367 52.15832851804114512, 6.74526492381825182 52.15557256107443607, 6.73969237247351494 52.15646812399179311, 6.73628953401193176 52.1577985523728529, 6.74795359846237375 52.16262616030728339, 6.74795359846237375 52.16262616030728339)))</t>
  </si>
  <si>
    <t>MultiPolygon (((6.7683213325414755 52.23491183169632279, 6.77443387962325438 52.23845631340747531, 6.78858147113523014 52.23522755865432288, 6.80236279524718146 52.23208112220325461, 6.8137539329312542 52.22948268736966781, 6.81845157817367298 52.24100579111004095, 6.8230543769154437 52.23987660080212692, 6.82860692491407661 52.23404976845586845, 6.8299812709140566 52.23075816787919479, 6.83792336581803628 52.22947624132577005, 6.83722775712655206 52.22423961216586008, 6.83347000098628143 52.22137210258174633, 6.83605332650990416 52.21721276823556934, 6.83167537049916529 52.21771650474241255, 6.8026859397354249 52.21581227055447272, 6.78841626732292802 52.22651929646012547, 6.76809686964337232 52.23478066644598528, 6.7683213325414755 52.23491183169632279, 6.7683213325414755 52.23491183169632279)))</t>
  </si>
  <si>
    <t>MultiPolygon (((6.75589296773512604 52.21739583586965239, 6.76905533731538434 52.22701277186258295, 6.76519028604037231 52.23313757255199619, 6.76809686964337232 52.23478066644598528, 6.78841626732292802 52.22651929646012547, 6.8026859397354249 52.21581227055447272, 6.81118768515945838 52.2110155132578555, 6.80813615286275908 52.21007694080473982, 6.80503168279089188 52.20844879434338281, 6.80142562742151569 52.20950643668503943, 6.80167629492083936 52.21043963022166423, 6.79781285269637969 52.21161378972508516, 6.79498268622932677 52.20990599845747226, 6.79024776371870242 52.21227141884536138, 6.78756304074927197 52.21101451652454273, 6.78781119823789947 52.20985590795326203, 6.78617273147101407 52.20683855166596032, 6.7867679000359713 52.20628230899045974, 6.78409555307363465 52.20572153720853237, 6.78645005572387028 52.20453080575867943, 6.78653027823670296 52.20300089878384142, 6.79060324553885231 52.20256980217780551, 6.79286770530207118 52.20337312115685791, 6.79876019752462302 52.20042732277440933, 6.80579422215331231 52.20077943874121473, 6.80895380646968551 52.20045280398777265, 6.80974216861553483 52.19945028352180572, 6.81323709010806322 52.2014308732505441, 6.813942657430899 52.20002173499523224, 6.81934277431939062 52.19866874935512868, 6.81396047416137662 52.19286353888983143, 6.8154760203444269 52.18810681368211135, 6.78817262206463301 52.17629276021412466, 6.77660008541808789 52.18430569339161451, 6.76680054164339317 52.19106489798402748, 6.76632375351909765 52.20313870281545832, 6.75962360523809824 52.21003479781084167, 6.75589296773512604 52.21739583586965239, 6.75589296773512604 52.21739583586965239)))</t>
  </si>
  <si>
    <t>MultiPolygon (((6.83855489448063736 52.21503748425667624, 6.84558915510009669 52.21730045955580835, 6.8510478529829486 52.21806906506796508, 6.85072586274222672 52.21659200307121296, 6.84824273104901859 52.2141829983108039, 6.84419800986786786 52.21281008810833413, 6.85428853470438515 52.20528459817361266, 6.85868660731537894 52.20211525568012689, 6.85293846142787189 52.20248481929451856, 6.83561267923844529 52.20453942656929769, 6.83248337044928 52.2024647274995317, 6.82862298513846522 52.19584028161604294, 6.82594521305593993 52.19337227037126326, 6.8154760203444269 52.18810681368211135, 6.81396047416137662 52.19286353888983143, 6.81934277431939062 52.19866874935512868, 6.813942657430899 52.20002173499523224, 6.81323709010806322 52.2014308732505441, 6.81062207923346996 52.20678599115129259, 6.8108736365442093 52.20834393965711229, 6.80813615286275908 52.21007694080473982, 6.81118768515945838 52.2110155132578555, 6.82337618312631911 52.20696996058847361, 6.82925626304624345 52.21187037269861264, 6.83277796173903429 52.21369774085169979, 6.83855489448063736 52.21503748425667624, 6.83855489448063736 52.21503748425667624)))</t>
  </si>
  <si>
    <t>MultiPolygon (((6.91189428555723318 52.20264192214649768, 6.92037008597832681 52.20277976186003599, 6.92642003811820839 52.2019048594146966, 6.93853998286212104 52.19788787915531714, 6.95407864989212676 52.19538532415518972, 6.96228164679219841 52.19341329094213933, 6.96247872332245787 52.19137884600203137, 6.95124528129989105 52.18105786119246403, 6.94950544622688504 52.18050460722519546, 6.9378835207270475 52.1794671250448161, 6.9337414918858391 52.17844826235825906, 6.9156289544004812 52.17761396357249737, 6.9095518453586795 52.17644968548698614, 6.90674620901896219 52.17506798046909466, 6.90588076866086276 52.17387015805006456, 6.90572006174274122 52.16991523747373094, 6.88975025989700551 52.16120591785043104, 6.86986529365528131 52.162693387075727, 6.82799067994674491 52.17100654142355154, 6.81427733981625483 52.17086110535366572, 6.80559412656064389 52.16660647218584046, 6.78817262206463301 52.17629276021412466, 6.8154760203444269 52.18810681368211135, 6.82594521305593993 52.19337227037126326, 6.82862298513846522 52.19584028161604294, 6.83248337044928 52.2024647274995317, 6.83561267923844529 52.20453942656929769, 6.85293846142787189 52.20248481929451856, 6.84961188035649471 52.19945615701148967, 6.84882640848613367 52.19576711853475359, 6.84977279499365554 52.19487184998835971, 6.84848558192264978 52.19343672696862768, 6.84418051111623438 52.19053078166839299, 6.84924752946624249 52.18992521474524438, 6.853657419671908 52.18753265173979372, 6.85715381650817513 52.18659320469202356, 6.85995252062541816 52.18742469259606054, 6.86919814209561164 52.18573393041584296, 6.8633447080282064 52.18305900897337324, 6.87349541589275415 52.1813586383777519, 6.88501539959988751 52.18193891510645699, 6.88658336466075038 52.18257582844704956, 6.88688506319154303 52.18440371462558147, 6.8928665148170527 52.18492000655181329, 6.89424887489543359 52.18566428302550264, 6.89898032074156742 52.18631808070168177, 6.89891818226225872 52.18744208882975499, 6.90583844425737592 52.18751370099759868, 6.91023629100735803 52.18847383045076072, 6.91111583705031673 52.18962942897357493, 6.90604978259566771 52.19412932334341804, 6.91290506450959086 52.19618392510437843, 6.91310109107594606 52.19986258612534158, 6.91189428555723318 52.20264192214649768, 6.91189428555723318 52.20264192214649768)))</t>
  </si>
  <si>
    <t>MultiPolygon (((6.92594174520103678 52.21445898946718955, 6.92919429386686492 52.21380693023627373, 6.93868532744658495 52.21371818994837355, 6.94217956002185765 52.21238142915110814, 6.95582141303278956 52.20931618544967989, 6.96066234713260013 52.20884272683045424, 6.96117689704967191 52.20825947792162935, 6.95970157246136534 52.20630764500170784, 6.96106571736041335 52.20540229061983695, 6.96440982367567241 52.20398356163583742, 6.97090313511300774 52.20297965947037255, 6.96739660569295349 52.19789365527876868, 6.96239162434157333 52.19429858061532457, 6.96228164679219841 52.19341329094213933, 6.95407864989212676 52.19538532415518972, 6.93853998286212104 52.19788787915531714, 6.92642003811820839 52.2019048594146966, 6.92037008597832681 52.20277976186003599, 6.91189428555723318 52.20264192214649768, 6.91092266696136726 52.20612951424175918, 6.91688129140616503 52.20720718120132631, 6.91679389486700646 52.2095925093614639, 6.91410003674632456 52.21201603589872775, 6.91519647145121219 52.21329277892275655, 6.91915687381329381 52.21236523926054218, 6.92276626396833983 52.21282773979805825, 6.92594174520103678 52.21445898946718955, 6.92594174520103678 52.21445898946718955)))</t>
  </si>
  <si>
    <t>MultiPolygon (((6.91741734003904973 52.24072906416784434, 6.92689374679845749 52.24726360329937336, 6.94062984750591916 52.25060239340849932, 6.95366425089783924 52.25521018642497495, 6.96616539134315182 52.25648154072624152, 6.97092250977439587 52.25831893120107452, 6.97302800874641182 52.24850339370365759, 6.97164559646162818 52.24406763315694491, 6.96495390356899158 52.23626213940364948, 6.96588952529273442 52.23041871185304785, 6.97029083467677957 52.2277429517969054, 6.96597056349591526 52.22589003414507403, 6.9607143643383127 52.22561770298935357, 6.95881882623828663 52.22801765781076, 6.9555402778254809 52.22834851671196077, 6.95520638468221719 52.22728050617997297, 6.95401579804319869 52.2271239548882491, 6.94831191407149085 52.22765913288240824, 6.94802410184580577 52.22612129930725899, 6.94068598735714293 52.22725086921391835, 6.94013229698801926 52.22574140915723717, 6.92677334661166455 52.22836498286756779, 6.92476239800714133 52.23080607202133763, 6.92707556059492635 52.23229569519618565, 6.92842253570976752 52.23396480869043756, 6.92793140048971434 52.23617668539665004, 6.92884633480677792 52.23982514481677697, 6.92171055899861987 52.23911938224883755, 6.91741734003904973 52.24072906416784434, 6.91741734003904973 52.24072906416784434)))</t>
  </si>
  <si>
    <t>MultiPolygon (((6.91212714107899728 52.28550574747621482, 6.9135869408374937 52.28216813834614385, 6.91874626993790631 52.28360609711432971, 6.9391705055604822 52.28386937610876828, 6.9409864659822551 52.28390348322848524, 6.94928209343439818 52.27948888831200236, 6.96781556676674008 52.26816234897516011, 6.96912505167733975 52.26685909023046861, 6.97092250977439587 52.25831893120107452, 6.96616539134315182 52.25648154072624152, 6.95366425089783924 52.25521018642497495, 6.94062984750591916 52.25060239340849932, 6.92689374679845749 52.24726360329937336, 6.91741734003904973 52.24072906416784434, 6.916942106020465 52.24085620693741561, 6.91689185143888086 52.2444463963144301, 6.91814400908376026 52.24457745545751663, 6.92025253260685069 52.24704373706204308, 6.92045963040794465 52.25060980795074528, 6.91637985866952576 52.25031349974522499, 6.91597920618672646 52.25159141560310871, 6.9174358575628192 52.25227619189225692, 6.91798109013693097 52.25354447513171152, 6.91761182195579671 52.25530836156205083, 6.91604354035991609 52.25554855883704164, 6.91304098268378997 52.25381680518647443, 6.90888004587753279 52.25353014591974699, 6.90424649202386842 52.25213849537051658, 6.90495601702124961 52.24773163648871588, 6.90762981745185822 52.24571881322100353, 6.90563955879621094 52.24378844195759086, 6.90325760327754079 52.24277365594709011, 6.90037517152326174 52.24214282806504883, 6.90024224882471948 52.24262901167728756, 6.89753323304617272 52.24296620878970998, 6.8908533566900223 52.24233440599235223, 6.88855689571453134 52.2431901672811918, 6.88326130280200577 52.24136082864358599, 6.882868901523433 52.24198321380396237, 6.87872319617398542 52.24203177741629389, 6.87889953039155611 52.24393202121159163, 6.8766812968250921 52.24398656734427249, 6.8731022199140428 52.24403285016502707, 6.87345082470557145 52.24159888114189698, 6.86918392452981408 52.24129257075797028, 6.86722049363796749 52.24292797277183809, 6.86553930498287457 52.24289474819490664, 6.86540862658034357 52.24174315965964155, 6.85683634645655182 52.24264454094269894, 6.85682206041604925 52.24405213855391139, 6.85370246790028936 52.24770856908837402, 6.85509402066573248 52.2502469708058257, 6.85647704827949767 52.25089829044038936, 6.85783471360165731 52.25078111556066318, 6.8587054419643696 52.25176307242421103, 6.84411314756609634 52.25271648355438003, 6.84256212503337213 52.25390918603816459, 6.84028771578395922 52.26108594489266324, 6.84070110758065741 52.26207661765131718, 6.84335170647640378 52.2636965697399134, 6.8435145321124029 52.26659260415419794, 6.84027738319106593 52.26907696295834427, 6.83184684810334808 52.27345163467879274, 6.83784604788160255 52.2766322674709869, 6.84049156489497001 52.27631153482259663, 6.8683273408196257 52.27296176768800251, 6.87649492294513465 52.27472479353722434, 6.88124226335321509 52.27935561349554661, 6.88002029686284189 52.28140405014708847, 6.88326167421174429 52.28221288194066574, 6.8832074333947677 52.28317056191236389, 6.88781148581595648 52.28345212437663037, 6.88956705301947814 52.2809780032458491, 6.89021572771032353 52.28220450222194415, 6.89537352621827626 52.28382670053937886, 6.89582830158714088 52.28323930190164504, 6.90701718695332456 52.28543500604363459, 6.91035837399687747 52.2851427106563591, 6.91212714107899728 52.28550574747621482, 6.91212714107899728 52.28550574747621482)))</t>
  </si>
  <si>
    <t>MultiPolygon (((6.80813615286275908 52.21007694080473982, 6.8108736365442093 52.20834393965711229, 6.81062207923346996 52.20678599115129259, 6.81323709010806322 52.2014308732505441, 6.80974216861553483 52.19945028352180572, 6.80895380646968551 52.20045280398777265, 6.80579422215331231 52.20077943874121473, 6.79876019752462302 52.20042732277440933, 6.79286770530207118 52.20337312115685791, 6.79060324553885231 52.20256980217780551, 6.78653027823670296 52.20300089878384142, 6.78645005572387028 52.20453080575867943, 6.78409555307363465 52.20572153720853237, 6.7867679000359713 52.20628230899045974, 6.78617273147101407 52.20683855166596032, 6.78781119823789947 52.20985590795326203, 6.78756304074927197 52.21101451652454273, 6.79024776371870242 52.21227141884536138, 6.79498268622932677 52.20990599845747226, 6.79781285269637969 52.21161378972508516, 6.80167629492083936 52.21043963022166423, 6.80142562742151569 52.20950643668503943, 6.80503168279089188 52.20844879434338281, 6.80813615286275908 52.21007694080473982, 6.80813615286275908 52.21007694080473982)))</t>
  </si>
  <si>
    <t>MultiPolygon (((6.90762981745185822 52.24571881322100353, 6.90495601702124961 52.24773163648871588, 6.90424649202386842 52.25213849537051658, 6.90888004587753279 52.25353014591974699, 6.91304098268378997 52.25381680518647443, 6.91604354035991609 52.25554855883704164, 6.91761182195579671 52.25530836156205083, 6.91798109013693097 52.25354447513171152, 6.9174358575628192 52.25227619189225692, 6.91597920618672646 52.25159141560310871, 6.91637985866952576 52.25031349974522499, 6.92045963040794465 52.25060980795074528, 6.92025253260685069 52.24704373706204308, 6.91814400908376026 52.24457745545751663, 6.91689185143888086 52.2444463963144301, 6.91518731323366875 52.24522492047474032, 6.91472896519031988 52.24439527610950762, 6.91301330687213511 52.24450540990978453, 6.9090180851800973 52.2449967367719168, 6.90762981745185822 52.24571881322100353, 6.90762981745185822 52.24571881322100353)))</t>
  </si>
  <si>
    <t>MultiPolygon (((6.93919079397183935 52.21749791988120393, 6.9554908654498746 52.21639057177272036, 6.95894269212796335 52.21613912094025522, 6.95873253496548294 52.21394038195002452, 6.95682198437762889 52.21405101302923413, 6.95582141303278956 52.20931618544967989, 6.94217956002185765 52.21238142915110814, 6.93868532744658495 52.21371818994837355, 6.93919079397183935 52.21749791988120393, 6.93919079397183935 52.21749791988120393)))</t>
  </si>
  <si>
    <t>MultiPolygon (((6.94010834924050002 52.2224676672862671, 6.95648646144868454 52.22065894441192313, 6.9554908654498746 52.21639057177272036, 6.93919079397183935 52.21749791988120393, 6.94010834924050002 52.2224676672862671, 6.94010834924050002 52.2224676672862671)))</t>
  </si>
  <si>
    <t>MultiPolygon (((6.94013229698801926 52.22574140915723717, 6.94068598735714293 52.22725086921391835, 6.94802410184580577 52.22612129930725899, 6.94831191407149085 52.22765913288240824, 6.95401579804319869 52.2271239548882491, 6.95520638468221719 52.22728050617997297, 6.9555402778254809 52.22834851671196077, 6.95881882623828663 52.22801765781076, 6.9607143643383127 52.22561770298935357, 6.95762646247591476 52.22560136567213362, 6.95648646144868454 52.22065894441192313, 6.94010834924050002 52.2224676672862671, 6.94013229698801926 52.22574140915723717, 6.94013229698801926 52.22574140915723717)))</t>
  </si>
  <si>
    <t>MultiPolygon (((6.95582141303278956 52.20931618544967989, 6.95682198437762889 52.21405101302923413, 6.95873253496548294 52.21394038195002452, 6.96436808507568994 52.21313623071747401, 6.96595462124326925 52.21036276531918219, 6.96500181997838475 52.20833997158759132, 6.96066234713260013 52.20884272683045424, 6.95582141303278956 52.20931618544967989, 6.95582141303278956 52.20931618544967989)))</t>
  </si>
  <si>
    <t>MultiPolygon (((6.96066234713260013 52.20884272683045424, 6.96500181997838475 52.20833997158759132, 6.96697424383561881 52.20694245937151834, 6.9691539958935742 52.206595227052361, 6.97480928472755846 52.20842156043502058, 6.97597648452716168 52.20948583199930226, 6.97408486030008046 52.20540278832894643, 6.97090313511300774 52.20297965947037255, 6.96440982367567241 52.20398356163583742, 6.96106571736041335 52.20540229061983695, 6.95970157246136534 52.20630764500170784, 6.96117689704967191 52.20825947792162935, 6.96066234713260013 52.20884272683045424, 6.96066234713260013 52.20884272683045424)))</t>
  </si>
  <si>
    <t>MultiPolygon (((6.95894269212796335 52.21613912094025522, 6.9709675151235535 52.21544264143899028, 6.97048195988192187 52.21238696566773285, 6.96500181997838475 52.20833997158759132, 6.96595462124326925 52.21036276531918219, 6.96436808507568994 52.21313623071747401, 6.95873253496548294 52.21394038195002452, 6.95894269212796335 52.21613912094025522, 6.95894269212796335 52.21613912094025522)))</t>
  </si>
  <si>
    <t>MultiPolygon (((6.9709675151235535 52.21544264143899028, 6.97967592129282988 52.21513580072770822, 6.97849346050888997 52.21219150082701077, 6.97597648452716168 52.20948583199930226, 6.97480928472755846 52.20842156043502058, 6.9691539958935742 52.206595227052361, 6.96697424383561881 52.20694245937151834, 6.96500181997838475 52.20833997158759132, 6.97048195988192187 52.21238696566773285, 6.9709675151235535 52.21544264143899028, 6.9709675151235535 52.21544264143899028)))</t>
  </si>
  <si>
    <t>MultiPolygon (((6.97643643775290556 52.22380246728439346, 6.97666775674389683 52.2236491252340258, 6.98110005250281773 52.22073698627477967, 6.97969892791924007 52.21813415495040545, 6.97967592129282988 52.21513580072770822, 6.9709675151235535 52.21544264143899028, 6.95894269212796335 52.21613912094025522, 6.9554908654498746 52.21639057177272036, 6.95648646144868454 52.22065894441192313, 6.97346166748977847 52.21871973607852624, 6.97349096464068552 52.22201167073188799, 6.97422509156368697 52.2230481243315765, 6.97534387934326361 52.22298105133887702, 6.97643643775290556 52.22380246728439346, 6.97643643775290556 52.22380246728439346)))</t>
  </si>
  <si>
    <t>MultiPolygon (((6.9607143643383127 52.22561770298935357, 6.96597056349591526 52.22589003414507403, 6.97029083467677957 52.2277429517969054, 6.97520702069004006 52.22461107122123991, 6.97643643775290556 52.22380246728439346, 6.97534387934326361 52.22298105133887702, 6.97422509156368697 52.2230481243315765, 6.97349096464068552 52.22201167073188799, 6.97346166748977847 52.21871973607852624, 6.95648646144868454 52.22065894441192313, 6.95762646247591476 52.22560136567213362, 6.9607143643383127 52.22561770298935357, 6.9607143643383127 52.22561770298935357)))</t>
  </si>
  <si>
    <t>MultiPolygon (((6.8242980465805605 52.24651824767850172, 6.82705799276039116 52.24818155114433438, 6.83661919574175769 52.24296244161882896, 6.8564819562008994 52.23550294034759389, 6.85443029794718051 52.23411389219155865, 6.84970509590716503 52.23621806983799587, 6.8446284283259935 52.23383856060168995, 6.84105485712249806 52.23176618927065817, 6.82381481119012978 52.24319376515212099, 6.81953850570980968 52.24365705613372768, 6.8242980465805605 52.24651824767850172, 6.8242980465805605 52.24651824767850172)))</t>
  </si>
  <si>
    <t>MultiPolygon (((6.81845157817367298 52.24100579111004095, 6.81953850570980968 52.24365705613372768, 6.82381481119012978 52.24319376515212099, 6.84105485712249806 52.23176618927065817, 6.83792336581803628 52.22947624132577005, 6.8299812709140566 52.23075816787919479, 6.82860692491407661 52.23404976845586845, 6.8230543769154437 52.23987660080212692, 6.81845157817367298 52.24100579111004095, 6.81845157817367298 52.24100579111004095)))</t>
  </si>
  <si>
    <t>MultiPolygon (((6.8026859397354249 52.21581227055447272, 6.83167537049916529 52.21771650474241255, 6.83605332650990416 52.21721276823556934, 6.83855489448063736 52.21503748425667624, 6.83277796173903429 52.21369774085169979, 6.82925626304624345 52.21187037269861264, 6.82337618312631911 52.20696996058847361, 6.81118768515945838 52.2110155132578555, 6.8026859397354249 52.21581227055447272, 6.8026859397354249 52.21581227055447272)))</t>
  </si>
  <si>
    <t>MultiPolygon (((6.84105485712249806 52.23176618927065817, 6.8446284283259935 52.23383856060168995, 6.85857661553898357 52.22504046949006096, 6.86297324322135793 52.22262262160418089, 6.86710917988494352 52.22143152946641464, 6.8660695126984459 52.22009227847787116, 6.86383836732480823 52.21921935723791819, 6.85687042432032534 52.21880800554682622, 6.8510478529829486 52.21806906506796508, 6.84558915510009669 52.21730045955580835, 6.83855489448063736 52.21503748425667624, 6.83605332650990416 52.21721276823556934, 6.83347000098628143 52.22137210258174633, 6.83722775712655206 52.22423961216586008, 6.83792336581803628 52.22947624132577005, 6.84105485712249806 52.23176618927065817, 6.84105485712249806 52.23176618927065817)))</t>
  </si>
  <si>
    <t>MultiPolygon (((6.86919814209561164 52.18573393041584296, 6.8746968287895136 52.18473953689107248, 6.88148864925315262 52.1835040836639763, 6.88688506319154303 52.18440371462558147, 6.88658336466075038 52.18257582844704956, 6.88501539959988751 52.18193891510645699, 6.87349541589275415 52.1813586383777519, 6.8633447080282064 52.18305900897337324, 6.86919814209561164 52.18573393041584296, 6.86919814209561164 52.18573393041584296)))</t>
  </si>
  <si>
    <t>MultiPolygon (((6.84848558192264978 52.19343672696862768, 6.85051908205047955 52.19135219901674816, 6.85924118155613005 52.19365594211294024, 6.86086745411288756 52.19287451743153383, 6.86087809014329864 52.18926613214534882, 6.85995252062541816 52.18742469259606054, 6.85715381650817513 52.18659320469202356, 6.853657419671908 52.18753265173979372, 6.84924752946624249 52.18992521474524438, 6.84418051111623438 52.19053078166839299, 6.84848558192264978 52.19343672696862768, 6.84848558192264978 52.19343672696862768)))</t>
  </si>
  <si>
    <t>MultiPolygon (((6.85293846142787189 52.20248481929451856, 6.85868660731537894 52.20211525568012689, 6.86733980759741858 52.19597213076410469, 6.86327550759070615 52.1937886188442377, 6.86279480768656569 52.19250613185010934, 6.86086745411288756 52.19287451743153383, 6.85924118155613005 52.19365594211294024, 6.85051908205047955 52.19135219901674816, 6.84848558192264978 52.19343672696862768, 6.84977279499365554 52.19487184998835971, 6.84882640848613367 52.19576711853475359, 6.84961188035649471 52.19945615701148967, 6.85293846142787189 52.20248481929451856, 6.85293846142787189 52.20248481929451856)))</t>
  </si>
  <si>
    <t>MultiPolygon (((6.85868660731537894 52.20211525568012689, 6.87388846268293197 52.20142080070642265, 6.87967870525641523 52.2010587498947487, 6.87744853841493242 52.19113570633993504, 6.8691793694962513 52.19153155063073513, 6.86279480768656569 52.19250613185010934, 6.86327550759070615 52.1937886188442377, 6.86733980759741858 52.19597213076410469, 6.85868660731537894 52.20211525568012689, 6.85868660731537894 52.20211525568012689)))</t>
  </si>
  <si>
    <t>MultiPolygon (((6.86086745411288756 52.19287451743153383, 6.86279480768656569 52.19250613185010934, 6.8691793694962513 52.19153155063073513, 6.87744853841493242 52.19113570633993504, 6.87831216589010008 52.19103135311832631, 6.87764902904517506 52.18918936607103376, 6.87406195433968925 52.1868674890260138, 6.8746968287895136 52.18473953689107248, 6.86919814209561164 52.18573393041584296, 6.85995252062541816 52.18742469259606054, 6.86087809014329864 52.18926613214534882, 6.86086745411288756 52.19287451743153383, 6.86086745411288756 52.19287451743153383)))</t>
  </si>
  <si>
    <t>MultiPolygon (((6.87831216589010008 52.19103135311832631, 6.88905690643987523 52.19022813418306583, 6.88688506319154303 52.18440371462558147, 6.88148864925315262 52.1835040836639763, 6.8746968287895136 52.18473953689107248, 6.87406195433968925 52.1868674890260138, 6.87764902904517506 52.18918936607103376, 6.87831216589010008 52.19103135311832631, 6.87831216589010008 52.19103135311832631)))</t>
  </si>
  <si>
    <t>MultiPolygon (((6.87967870525641523 52.2010587498947487, 6.89068394206674739 52.20010890722857511, 6.89117411454995565 52.19554439110383015, 6.88905690643987523 52.19022813418306583, 6.87831216589010008 52.19103135311832631, 6.87744853841493242 52.19113570633993504, 6.87967870525641523 52.2010587498947487, 6.87967870525641523 52.2010587498947487)))</t>
  </si>
  <si>
    <t>MultiPolygon (((6.89068394206674739 52.20010890722857511, 6.89430892734811973 52.1999761756320666, 6.90078187042809255 52.1923203005256866, 6.89354225293635547 52.19018141621775442, 6.88905690643987523 52.19022813418306583, 6.89117411454995565 52.19554439110383015, 6.89068394206674739 52.20010890722857511, 6.89068394206674739 52.20010890722857511)))</t>
  </si>
  <si>
    <t>MultiPolygon (((6.90078187042809255 52.1923203005256866, 6.90604978259566771 52.19412932334341804, 6.91111583705031673 52.18962942897357493, 6.91023629100735803 52.18847383045076072, 6.90583844425737592 52.18751370099759868, 6.89891818226225872 52.18744208882975499, 6.89898032074156742 52.18631808070168177, 6.89424887489543359 52.18566428302550264, 6.8928665148170527 52.18492000655181329, 6.88688506319154303 52.18440371462558147, 6.88905690643987523 52.19022813418306583, 6.89354225293635547 52.19018141621775442, 6.90078187042809255 52.1923203005256866, 6.90078187042809255 52.1923203005256866)))</t>
  </si>
  <si>
    <t>MultiPolygon (((6.89430892734811973 52.1999761756320666, 6.91189428555723318 52.20264192214649768, 6.91310109107594606 52.19986258612534158, 6.91290506450959086 52.19618392510437843, 6.90604978259566771 52.19412932334341804, 6.90078187042809255 52.1923203005256866, 6.89430892734811973 52.1999761756320666, 6.89430892734811973 52.1999761756320666)))</t>
  </si>
  <si>
    <t>MultiPolygon (((6.916942106020465 52.24085620693741561, 6.91741734003904973 52.24072906416784434, 6.92171055899861987 52.23911938224883755, 6.92884633480677792 52.23982514481677697, 6.92793140048971434 52.23617668539665004, 6.92842253570976752 52.23396480869043756, 6.92707556059492635 52.23229569519618565, 6.9212295290761352 52.23268820655122369, 6.91844142751655955 52.23224735911816197, 6.91709475317009925 52.23326609635701345, 6.90770185708763229 52.23314540796741312, 6.90644012149018049 52.23356689421174082, 6.916942106020465 52.24085620693741561, 6.916942106020465 52.24085620693741561)))</t>
  </si>
  <si>
    <t>MultiPolygon (((6.91844142751655955 52.23224735911816197, 6.9212295290761352 52.23268820655122369, 6.92707556059492635 52.23229569519618565, 6.92476239800714133 52.23080607202133763, 6.92677334661166455 52.22836498286756779, 6.9287256816107412 52.22599341006363716, 6.92861166304316267 52.22375654398165068, 6.91654300148723689 52.22488821432033745, 6.91779570320664128 52.22801463778492348, 6.91561447554600139 52.23095045270721215, 6.91844142751655955 52.23224735911816197, 6.91844142751655955 52.23224735911816197)))</t>
  </si>
  <si>
    <t>MultiPolygon (((6.90873472544583933 52.22772740655197765, 6.91561447554600139 52.23095045270721215, 6.91779570320664128 52.22801463778492348, 6.91654300148723689 52.22488821432033745, 6.9095582586199944 52.22449483319067554, 6.90873472544583933 52.22772740655197765, 6.90873472544583933 52.22772740655197765)))</t>
  </si>
  <si>
    <t>MultiPolygon (((6.90644012149018049 52.23356689421174082, 6.90770185708763229 52.23314540796741312, 6.91709475317009925 52.23326609635701345, 6.91844142751655955 52.23224735911816197, 6.91561447554600139 52.23095045270721215, 6.90873472544583933 52.22772740655197765, 6.90391208014348212 52.22867091743663082, 6.90025795175743717 52.22774184892292482, 6.90092777623778808 52.22950107933199604, 6.90644012149018049 52.23356689421174082, 6.90644012149018049 52.23356689421174082)))</t>
  </si>
  <si>
    <t>MultiPolygon (((6.82705799276039116 52.24818155114433438, 6.84256212503337213 52.25390918603816459, 6.84411314756609634 52.25271648355438003, 6.8587054419643696 52.25176307242421103, 6.85783471360165731 52.25078111556066318, 6.85647704827949767 52.25089829044038936, 6.85509402066573248 52.2502469708058257, 6.85370246790028936 52.24770856908837402, 6.85682206041604925 52.24405213855391139, 6.85683634645655182 52.24264454094269894, 6.86540862658034357 52.24174315965964155, 6.86591325984055345 52.23699431146015826, 6.86198571577510297 52.23648895102924428, 6.85923882684691844 52.23443820722939535, 6.8564819562008994 52.23550294034759389, 6.83661919574175769 52.24296244161882896, 6.82705799276039116 52.24818155114433438, 6.82705799276039116 52.24818155114433438)))</t>
  </si>
  <si>
    <t>MultiPolygon (((6.90762981745185822 52.24571881322100353, 6.9090180851800973 52.2449967367719168, 6.91301330687213511 52.24450540990978453, 6.91472896519031988 52.24439527610950762, 6.91518731323366875 52.24522492047474032, 6.91689185143888086 52.2444463963144301, 6.916942106020465 52.24085620693741561, 6.90644012149018049 52.23356689421174082, 6.89992469056148661 52.23442299084738494, 6.90064204611764254 52.23735389695629294, 6.90430203913740304 52.242019123226207, 6.90325760327754079 52.24277365594709011, 6.90563955879621094 52.24378844195759086, 6.90762981745185822 52.24571881322100353, 6.90762981745185822 52.24571881322100353)))</t>
  </si>
  <si>
    <t>MultiPolygon (((6.88326130280200577 52.24136082864358599, 6.88855689571453134 52.2431901672811918, 6.8908533566900223 52.24233440599235223, 6.89753323304617272 52.24296620878970998, 6.90024224882471948 52.24262901167728756, 6.90037517152326174 52.24214282806504883, 6.90325760327754079 52.24277365594709011, 6.90430203913740304 52.242019123226207, 6.90064204611764254 52.23735389695629294, 6.89687643818731555 52.23791195816404809, 6.88445165944807513 52.23772817281823677, 6.88326130280200577 52.24136082864358599, 6.88326130280200577 52.24136082864358599)))</t>
  </si>
  <si>
    <t>MultiPolygon (((6.88445165944807513 52.23772817281823677, 6.89687643818731555 52.23791195816404809, 6.90064204611764254 52.23735389695629294, 6.89992469056148661 52.23442299084738494, 6.89515879615846394 52.23487632303600492, 6.89484432929024216 52.23377849065857959, 6.88597604317975964 52.2344761801948394, 6.88445165944807513 52.23772817281823677, 6.88445165944807513 52.23772817281823677)))</t>
  </si>
  <si>
    <t>MultiPolygon (((6.88632030331578981 52.23399520548549191, 6.88597604317975964 52.2344761801948394, 6.89484432929024216 52.23377849065857959, 6.89515879615846394 52.23487632303600492, 6.89992469056148661 52.23442299084738494, 6.90644012149018049 52.23356689421174082, 6.90092777623778808 52.22950107933199604, 6.90025795175743717 52.22774184892292482, 6.89637912280563903 52.22742572618268753, 6.88996534296109253 52.22839001471122344, 6.88632030331578981 52.23399520548549191, 6.88632030331578981 52.23399520548549191)))</t>
  </si>
  <si>
    <t>MultiPolygon (((6.86540862658034357 52.24174315965964155, 6.86553930498287457 52.24289474819490664, 6.86722049363796749 52.24292797277183809, 6.86918392452981408 52.24129257075797028, 6.87345082470557145 52.24159888114189698, 6.8731022199140428 52.24403285016502707, 6.8766812968250921 52.24398656734427249, 6.87889953039155611 52.24393202121159163, 6.87872319617398542 52.24203177741629389, 6.882868901523433 52.24198321380396237, 6.88326130280200577 52.24136082864358599, 6.88445165944807513 52.23772817281823677, 6.88597604317975964 52.2344761801948394, 6.88632030331578981 52.23399520548549191, 6.88160090902251032 52.23272636075662234, 6.87354596537106133 52.23409475743032715, 6.87329924696164074 52.23278851901471853, 6.86916410518989107 52.23065919395292411, 6.86607709742077876 52.23179910816676852, 6.85923882684691844 52.23443820722939535, 6.86198571577510297 52.23648895102924428, 6.86591325984055345 52.23699431146015826, 6.86540862658034357 52.24174315965964155, 6.86540862658034357 52.24174315965964155)))</t>
  </si>
  <si>
    <t>MultiPolygon (((6.86916410518989107 52.23065919395292411, 6.87329924696164074 52.23278851901471853, 6.87354596537106133 52.23409475743032715, 6.88160090902251032 52.23272636075662234, 6.88632030331578981 52.23399520548549191, 6.88996534296109253 52.22839001471122344, 6.88048350565008882 52.22631226234109647, 6.86916410518989107 52.23065919395292411, 6.86916410518989107 52.23065919395292411)))</t>
  </si>
  <si>
    <t>MultiPolygon (((6.8564819562008994 52.23550294034759389, 6.85923882684691844 52.23443820722939535, 6.86607709742077876 52.23179910816676852, 6.86440102983515743 52.23015473174071133, 6.86356971312439512 52.2303932571450602, 6.861115688946958 52.22869441143561176, 6.85857661553898357 52.22504046949006096, 6.8446284283259935 52.23383856060168995, 6.84970509590716503 52.23621806983799587, 6.85443029794718051 52.23411389219155865, 6.8564819562008994 52.23550294034759389, 6.8564819562008994 52.23550294034759389)))</t>
  </si>
  <si>
    <t>MultiPolygon (((6.86607709742077876 52.23179910816676852, 6.86916410518989107 52.23065919395292411, 6.88048350565008882 52.22631226234109647, 6.87911885483906715 52.22550583973976757, 6.87851181068478112 52.22137554683556715, 6.87475138093710925 52.22101091616035262, 6.86710917988494352 52.22143152946641464, 6.86297324322135793 52.22262262160418089, 6.85857661553898357 52.22504046949006096, 6.861115688946958 52.22869441143561176, 6.86356971312439512 52.2303932571450602, 6.86440102983515743 52.23015473174071133, 6.86607709742077876 52.23179910816676852, 6.86607709742077876 52.23179910816676852)))</t>
  </si>
  <si>
    <t>MultiPolygon (((6.86399500929220974 52.20608635696278554, 6.86686578636796163 52.20665631209411117, 6.86945444000938821 52.20514079584556555, 6.87195816740718701 52.20505539231035641, 6.87404185338440765 52.20319690145338143, 6.87388846268293197 52.20142080070642265, 6.85868660731537894 52.20211525568012689, 6.85428853470438515 52.20528459817361266, 6.85974978486928677 52.2055000874808286, 6.86399500929220974 52.20608635696278554, 6.86399500929220974 52.20608635696278554)))</t>
  </si>
  <si>
    <t>MultiPolygon (((6.84824273104901859 52.2141829983108039, 6.84905854269389458 52.21357158192745374, 6.85346360330374171 52.21442932391273928, 6.85752340238332625 52.21440527186290836, 6.85786598610322784 52.21316389356401544, 6.85707279855701834 52.21213713484267771, 6.85907458164789308 52.20977608248934843, 6.85974978486928677 52.2055000874808286, 6.85428853470438515 52.20528459817361266, 6.84419800986786786 52.21281008810833413, 6.84824273104901859 52.2141829983108039, 6.84824273104901859 52.2141829983108039)))</t>
  </si>
  <si>
    <t>MultiPolygon (((6.8510478529829486 52.21806906506796508, 6.85687042432032534 52.21880800554682622, 6.85997665994567551 52.21478355859771625, 6.86205405763626342 52.21345305938042713, 6.85786598610322784 52.21316389356401544, 6.85752340238332625 52.21440527186290836, 6.85346360330374171 52.21442932391273928, 6.84905854269389458 52.21357158192745374, 6.84824273104901859 52.2141829983108039, 6.85072586274222672 52.21659200307121296, 6.8510478529829486 52.21806906506796508, 6.8510478529829486 52.21806906506796508)))</t>
  </si>
  <si>
    <t>MultiPolygon (((6.86710917988494352 52.22143152946641464, 6.87475138093710925 52.22101091616035262, 6.87411242028314629 52.21727493248358343, 6.87199479416829639 52.2161262269519213, 6.86795957546334002 52.21457317743676185, 6.86205405763626342 52.21345305938042713, 6.85997665994567551 52.21478355859771625, 6.85687042432032534 52.21880800554682622, 6.86383836732480823 52.21921935723791819, 6.8660695126984459 52.22009227847787116, 6.86710917988494352 52.22143152946641464, 6.86710917988494352 52.22143152946641464)))</t>
  </si>
  <si>
    <t>MultiPolygon (((6.85786598610322784 52.21316389356401544, 6.86205405763626342 52.21345305938042713, 6.86390827564726269 52.21050746072111792, 6.86399500929220974 52.20608635696278554, 6.85974978486928677 52.2055000874808286, 6.85907458164789308 52.20977608248934843, 6.85707279855701834 52.21213713484267771, 6.85786598610322784 52.21316389356401544, 6.85786598610322784 52.21316389356401544)))</t>
  </si>
  <si>
    <t>MultiPolygon (((6.86205405763626342 52.21345305938042713, 6.86795957546334002 52.21457317743676185, 6.87199479416829639 52.2161262269519213, 6.8739160373102548 52.20976016678731924, 6.87541058356325241 52.20936293491424607, 6.86986599156056954 52.20719613046217944, 6.86686578636796163 52.20665631209411117, 6.86399500929220974 52.20608635696278554, 6.86390827564726269 52.21050746072111792, 6.86205405763626342 52.21345305938042713, 6.86205405763626342 52.21345305938042713)))</t>
  </si>
  <si>
    <t>MultiPolygon (((6.87199479416829639 52.2161262269519213, 6.87411242028314629 52.21727493248358343, 6.87749800816021573 52.21598781282234825, 6.87682398284127405 52.21290191328011332, 6.87930687432422427 52.21109048934930996, 6.87541058356325241 52.20936293491424607, 6.8739160373102548 52.20976016678731924, 6.87199479416829639 52.2161262269519213, 6.87199479416829639 52.2161262269519213)))</t>
  </si>
  <si>
    <t>MultiPolygon (((6.87930687432422427 52.21109048934930996, 6.8818373232784138 52.21082891715452945, 6.87967870525641523 52.2010587498947487, 6.87388846268293197 52.20142080070642265, 6.87404185338440765 52.20319690145338143, 6.87195816740718701 52.20505539231035641, 6.86945444000938821 52.20514079584556555, 6.86686578636796163 52.20665631209411117, 6.86986599156056954 52.20719613046217944, 6.87541058356325241 52.20936293491424607, 6.87930687432422427 52.21109048934930996, 6.87930687432422427 52.21109048934930996)))</t>
  </si>
  <si>
    <t>MultiPolygon (((6.8818373232784138 52.21082891715452945, 6.88935455207408509 52.21002864251284592, 6.89068394206674739 52.20010890722857511, 6.87967870525641523 52.2010587498947487, 6.8818373232784138 52.21082891715452945, 6.8818373232784138 52.21082891715452945)))</t>
  </si>
  <si>
    <t>MultiPolygon (((6.92645090273767483 52.21853247498293626, 6.93919079397183935 52.21749791988120393, 6.93868532744658495 52.21371818994837355, 6.92919429386686492 52.21380693023627373, 6.92594174520103678 52.21445898946718955, 6.92645090273767483 52.21853247498293626, 6.92645090273767483 52.21853247498293626)))</t>
  </si>
  <si>
    <t>MultiPolygon (((6.92677334661166455 52.22836498286756779, 6.94013229698801926 52.22574140915723717, 6.94010834924050002 52.2224676672862671, 6.92861166304316267 52.22375654398165068, 6.9287256816107412 52.22599341006363716, 6.92677334661166455 52.22836498286756779, 6.92677334661166455 52.22836498286756779)))</t>
  </si>
  <si>
    <t>MultiPolygon (((6.92861166304316267 52.22375654398165068, 6.94010834924050002 52.2224676672862671, 6.93919079397183935 52.21749791988120393, 6.92645090273767483 52.21853247498293626, 6.92861166304316267 52.22375654398165068, 6.92861166304316267 52.22375654398165068)))</t>
  </si>
  <si>
    <t>MultiPolygon (((6.89915034248256376 52.21041089312682004, 6.90270406598236885 52.21208732005840858, 6.90765714785441443 52.21276289411976279, 6.90939353294950909 52.21408871648448979, 6.91092266696136726 52.20612951424175918, 6.91189428555723318 52.20264192214649768, 6.89430892734811973 52.1999761756320666, 6.89068394206674739 52.20010890722857511, 6.88935455207408509 52.21002864251284592, 6.89344604158604302 52.20939002324655576, 6.89915034248256376 52.21041089312682004, 6.89915034248256376 52.21041089312682004)))</t>
  </si>
  <si>
    <t>MultiPolygon (((6.91090059823796565 52.21688307895358605, 6.91158027534111064 52.21706216308432147, 6.91398602189577272 52.21382673489605963, 6.91519647145121219 52.21329277892275655, 6.91410003674632456 52.21201603589872775, 6.91679389486700646 52.2095925093614639, 6.91688129140616503 52.20720718120132631, 6.91092266696136726 52.20612951424175918, 6.90939353294950909 52.21408871648448979, 6.91090059823796565 52.21688307895358605, 6.91090059823796565 52.21688307895358605)))</t>
  </si>
  <si>
    <t>MultiPolygon (((6.91158027534111064 52.21706216308432147, 6.91699108206336 52.21906280557386282, 6.92645090273767483 52.21853247498293626, 6.92594174520103678 52.21445898946718955, 6.92276626396833983 52.21282773979805825, 6.91915687381329381 52.21236523926054218, 6.91519647145121219 52.21329277892275655, 6.91398602189577272 52.21382673489605963, 6.91158027534111064 52.21706216308432147, 6.91158027534111064 52.21706216308432147)))</t>
  </si>
  <si>
    <t>MultiPolygon (((6.9095582586199944 52.22449483319067554, 6.91654300148723689 52.22488821432033745, 6.92861166304316267 52.22375654398165068, 6.92645090273767483 52.21853247498293626, 6.91699108206336 52.21906280557386282, 6.91158027534111064 52.21706216308432147, 6.91090059823796565 52.21688307895358605, 6.91212141598600827 52.21893348488304554, 6.91192860229817185 52.22229146855134019, 6.91142030797724782 52.22312213328962116, 6.90974023180609809 52.22335634564254292, 6.9095582586199944 52.22449483319067554, 6.9095582586199944 52.22449483319067554)))</t>
  </si>
  <si>
    <t>MultiPolygon (((6.88048350565008882 52.22631226234109647, 6.88996534296109253 52.22839001471122344, 6.89205233180486498 52.22317173673386037, 6.88747782777689022 52.22353534908177863, 6.88729511786922188 52.22224496165377872, 6.87851181068478112 52.22137554683556715, 6.87911885483906715 52.22550583973976757, 6.88048350565008882 52.22631226234109647, 6.88048350565008882 52.22631226234109647)))</t>
  </si>
  <si>
    <t>MultiPolygon (((6.87851181068478112 52.22137554683556715, 6.88729511786922188 52.22224496165377872, 6.88802455132267344 52.2195714529607713, 6.89086205498687043 52.21808335993382855, 6.88759801324084098 52.21429349794975394, 6.88326886953699812 52.21559329187689968, 6.87749800816021573 52.21598781282234825, 6.87411242028314629 52.21727493248358343, 6.87475138093710925 52.22101091616035262, 6.87851181068478112 52.22137554683556715, 6.87851181068478112 52.22137554683556715)))</t>
  </si>
  <si>
    <t>MultiPolygon (((6.87749800816021573 52.21598781282234825, 6.88326886953699812 52.21559329187689968, 6.88759801324084098 52.21429349794975394, 6.88903031740538196 52.21293443882039043, 6.88935455207408509 52.21002864251284592, 6.8818373232784138 52.21082891715452945, 6.87930687432422427 52.21109048934930996, 6.87682398284127405 52.21290191328011332, 6.87749800816021573 52.21598781282234825, 6.87749800816021573 52.21598781282234825)))</t>
  </si>
  <si>
    <t>MultiPolygon (((6.89086205498687043 52.21808335993382855, 6.89641311006328106 52.21750585542026357, 6.89605151825482299 52.21652913888468817, 6.89703070260994 52.21628071169402574, 6.89998936028402721 52.21624751768239747, 6.89915034248256376 52.21041089312682004, 6.89344604158604302 52.20939002324655576, 6.88935455207408509 52.21002864251284592, 6.88903031740538196 52.21293443882039043, 6.88759801324084098 52.21429349794975394, 6.89086205498687043 52.21808335993382855, 6.89086205498687043 52.21808335993382855)))</t>
  </si>
  <si>
    <t>MultiPolygon (((6.90011108841576171 52.21695876944789916, 6.90641549988020831 52.21641879321388302, 6.91090059823796565 52.21688307895358605, 6.90939353294950909 52.21408871648448979, 6.90765714785441443 52.21276289411976279, 6.90270406598236885 52.21208732005840858, 6.89915034248256376 52.21041089312682004, 6.89998936028402721 52.21624751768239747, 6.90011108841576171 52.21695876944789916, 6.90011108841576171 52.21695876944789916)))</t>
  </si>
  <si>
    <t>MultiPolygon (((6.8993067533296859 52.22342680161095529, 6.9095582586199944 52.22449483319067554, 6.90974023180609809 52.22335634564254292, 6.91142030797724782 52.22312213328962116, 6.91192860229817185 52.22229146855134019, 6.91212141598600827 52.21893348488304554, 6.91090059823796565 52.21688307895358605, 6.90641549988020831 52.21641879321388302, 6.90011108841576171 52.21695876944789916, 6.8993067533296859 52.22342680161095529, 6.8993067533296859 52.22342680161095529)))</t>
  </si>
  <si>
    <t>MultiPolygon (((6.90025795175743717 52.22774184892292482, 6.90391208014348212 52.22867091743663082, 6.90873472544583933 52.22772740655197765, 6.9095582586199944 52.22449483319067554, 6.8993067533296859 52.22342680161095529, 6.89920086586117076 52.22375752152691319, 6.90025795175743717 52.22774184892292482, 6.90025795175743717 52.22774184892292482)))</t>
  </si>
  <si>
    <t>MultiPolygon (((6.88996534296109253 52.22839001471122344, 6.89637912280563903 52.22742572618268753, 6.90025795175743717 52.22774184892292482, 6.89920086586117076 52.22375752152691319, 6.89205233180486498 52.22317173673386037, 6.88996534296109253 52.22839001471122344, 6.88996534296109253 52.22839001471122344)))</t>
  </si>
  <si>
    <t>MultiPolygon (((6.89920086586117076 52.22375752152691319, 6.8993067533296859 52.22342680161095529, 6.90011108841576171 52.21695876944789916, 6.89998936028402721 52.21624751768239747, 6.89703070260994 52.21628071169402574, 6.89605151825482299 52.21652913888468817, 6.89641311006328106 52.21750585542026357, 6.89086205498687043 52.21808335993382855, 6.88802455132267344 52.2195714529607713, 6.88729511786922188 52.22224496165377872, 6.88747782777689022 52.22353534908177863, 6.89205233180486498 52.22317173673386037, 6.89920086586117076 52.22375752152691319, 6.89920086586117076 52.22375752152691319)))</t>
  </si>
  <si>
    <t>MultiPolygon (((6.25771173931471125 52.24463449139730642, 6.25975515443811759 52.24470318206373065, 6.26233814790386223 52.24180783148452178, 6.27309713063182439 52.24267910867353493, 6.27333517212836433 52.2401255567907441, 6.27575155909602067 52.23860015677146862, 6.2748198554092971 52.23625563335424715, 6.27096030842596264 52.23314005714726704, 6.27100706308986577 52.2279099236001727, 6.27129092026566948 52.22641363162383499, 6.26940044644394057 52.22645738903256074, 6.26471844376371845 52.2272478081223781, 6.2608353634138556 52.22907097050745762, 6.25729474883173253 52.22727621718711788, 6.2508710666010554 52.22693131400853872, 6.23805356741272998 52.22771746386083436, 6.23520349057810286 52.2281584025733352, 6.23392001889834013 52.22903541944312167, 6.22053969656748151 52.22951817058460477, 6.21648026649898355 52.23147471617706117, 6.21450121160490543 52.23142728255539424, 6.21152453864925658 52.23632620903030244, 6.21141620967097818 52.23743352633056958, 6.21476017199980468 52.2382242579365581, 6.22312928333702775 52.23829741699591267, 6.23219148232047448 52.23882384474504192, 6.24776007909182063 52.24121639823439267, 6.25390613219929214 52.24262089347151772, 6.25771173931471125 52.24463449139730642, 6.25771173931471125 52.24463449139730642)))</t>
  </si>
  <si>
    <t>MultiPolygon (((6.30461176856785777 52.24773543736577608, 6.3048445675896776 52.24773505885133318, 6.31263872175624474 52.2470639733869433, 6.31678871482675142 52.24552133978424706, 6.33046957916162967 52.24437967390433357, 6.33379316306916706 52.24328412814158895, 6.35355967859343895 52.24520631355627387, 6.36398705494487427 52.2454145934022165, 6.37734846016230605 52.24474994797555638, 6.36685130946694144 52.24153213908298454, 6.35089183318917083 52.24168008105053929, 6.34965154664698872 52.24124122795110026, 6.34864096033587888 52.23870100337260425, 6.34662285415841332 52.2390294382896414, 6.34201947602665861 52.23759342517772808, 6.34147604013642319 52.23625594848829223, 6.33805687922460237 52.23622294892035001, 6.3387083104569184 52.22715286371285259, 6.32543403391656334 52.22699663596655739, 6.3204291908568706 52.22566908593469037, 6.29794228732684225 52.22552982973461155, 6.29695180447576419 52.22900122019919422, 6.29618229382894157 52.23199776879825151, 6.29868660160962524 52.23421672178648123, 6.29901853217379681 52.23828103289907432, 6.30397836261925626 52.23926151128638651, 6.30854824282029458 52.24190847580834429, 6.30844716880109768 52.24490357698509513, 6.30734294137736207 52.24562768024873094, 6.30492846541908669 52.24573303052518725, 6.30461176856785777 52.24773543736577608, 6.30461176856785777 52.24773543736577608)))</t>
  </si>
  <si>
    <t>MultiPolygon (((6.25975515443811759 52.24470318206373065, 6.27576346785899464 52.24370515846182883, 6.29783233837603262 52.24750112366980659, 6.30461176856785777 52.24773543736577608, 6.30492846541908669 52.24573303052518725, 6.30734294137736207 52.24562768024873094, 6.30844716880109768 52.24490357698509513, 6.30854824282029458 52.24190847580834429, 6.30397836261925626 52.23926151128638651, 6.29901853217379681 52.23828103289907432, 6.29868660160962524 52.23421672178648123, 6.29618229382894157 52.23199776879825151, 6.29695180447576419 52.22900122019919422, 6.29303506081195518 52.22951245835029965, 6.2928292123134808 52.23082722785323284, 6.29181201416387736 52.2308853598761047, 6.28633319413124791 52.23036202453193511, 6.27780348461676052 52.22836520794171378, 6.27100706308986577 52.2279099236001727, 6.27096030842596264 52.23314005714726704, 6.2748198554092971 52.23625563335424715, 6.27575155909602067 52.23860015677146862, 6.27333517212836433 52.2401255567907441, 6.27309713063182439 52.24267910867353493, 6.26233814790386223 52.24180783148452178, 6.25975515443811759 52.24470318206373065, 6.25975515443811759 52.24470318206373065)))</t>
  </si>
  <si>
    <t>MultiPolygon (((6.32884201611493147 52.28110297564909814, 6.35053770582478094 52.27144878012514084, 6.34885678976952939 52.26989183196980093, 6.35083152331993972 52.26925391369566398, 6.35212666484481936 52.27082693760117138, 6.35348901007373001 52.27001849086486374, 6.35488385650585119 52.26920124270394297, 6.35284296615538668 52.268350480092586, 6.3553762539788119 52.26726567560776004, 6.3567180403445338 52.26812823677362729, 6.36306208435504139 52.26401029252610897, 6.37077529136518272 52.26000645130910272, 6.37294478155213184 52.26091120038813642, 6.37716247929404734 52.25868133586440223, 6.37722249413156295 52.25664860309235848, 6.37480975449572451 52.25629790518694051, 6.37488024352576943 52.25513594913033444, 6.37728670191325797 52.25439647356201789, 6.37634297728422439 52.25219293922369701, 6.37711930369896418 52.25092672580721853, 6.37672098917805918 52.25021026661200096, 6.38117160303498032 52.24744482711598437, 6.38113340531642415 52.24660356287913032, 6.38185146751569743 52.24611280613758169, 6.37734846016230605 52.24474994797555638, 6.36398705494487427 52.2454145934022165, 6.35355967859343895 52.24520631355627387, 6.33379316306916706 52.24328412814158895, 6.33046957916162967 52.24437967390433357, 6.31678871482675142 52.24552133978424706, 6.31263872175624474 52.2470639733869433, 6.3048445675896776 52.24773505885133318, 6.30474897186887873 52.25197586870680055, 6.30211237585286455 52.25284845449896665, 6.30219905674966085 52.25328184464449066, 6.30713871518640179 52.25445203919887405, 6.30609004817761321 52.25636867263544616, 6.30450053663295407 52.25594953620920791, 6.30247426886936424 52.2592973602979356, 6.30331437109210846 52.26023564643578112, 6.31048001133200653 52.26206496732421414, 6.32392475274825827 52.26449408627536997, 6.32632690910328233 52.26436724625176566, 6.32884201611493147 52.28110297564909814, 6.32884201611493147 52.28110297564909814)))</t>
  </si>
  <si>
    <t>MultiPolygon (((6.29161556528345045 52.25701640890012811, 6.29743782694616527 52.25897076532162089, 6.30247426886936424 52.2592973602979356, 6.30450053663295407 52.25594953620920791, 6.30609004817761321 52.25636867263544616, 6.30713871518640179 52.25445203919887405, 6.30219905674966085 52.25328184464449066, 6.30211237585286455 52.25284845449896665, 6.30474897186887873 52.25197586870680055, 6.3048445675896776 52.24773505885133318, 6.30461176856785777 52.24773543736577608, 6.29783233837603262 52.24750112366980659, 6.27576346785899464 52.24370515846182883, 6.25975515443811759 52.24470318206373065, 6.25771173931471125 52.24463449139730642, 6.26256133445918728 52.24864614583775335, 6.26514897563268391 52.25180135301552298, 6.27106626600545614 52.25411973508177965, 6.27582448068725718 52.2540869989196608, 6.2755384413944082 52.25631634629796451, 6.28179726907716773 52.25613725394720177, 6.28686491130952607 52.25740429836027801, 6.29161556528345045 52.25701640890012811, 6.29161556528345045 52.25701640890012811)))</t>
  </si>
  <si>
    <t>MultiPolygon (((6.30611598018072605 52.30059758036966855, 6.32039806697408224 52.29164844615116436, 6.3278236688727274 52.29014268097481022, 6.32884201611493147 52.28110297564909814, 6.32632690910328233 52.26436724625176566, 6.32392475274825827 52.26449408627536997, 6.31048001133200653 52.26206496732421414, 6.30331437109210846 52.26023564643578112, 6.30247426886936424 52.2592973602979356, 6.29743782694616527 52.25897076532162089, 6.29161556528345045 52.25701640890012811, 6.29053669922874281 52.26145283019088339, 6.29275446693663287 52.26192042019495432, 6.29166097254565759 52.26395416151663653, 6.27893456768047376 52.26489166957623667, 6.27389991847354 52.26306210734018265, 6.28145651001605287 52.26109727001824723, 6.28254000808204793 52.25968782712993033, 6.27463198111205855 52.25797340883816844, 6.2755384413944082 52.25631634629796451, 6.27582448068725718 52.2540869989196608, 6.27106626600545614 52.25411973508177965, 6.26514897563268391 52.25180135301552298, 6.26310389848957438 52.25173000695306769, 6.26093112292833442 52.25342446366150284, 6.25908228732399063 52.25684141595318977, 6.25730276485045955 52.25829445964738085, 6.25470576059948247 52.25893978989959265, 6.25441299226975556 52.26425268067369245, 6.24696149666132428 52.26635857561096543, 6.23587922552167662 52.26725809621708407, 6.22783566164101643 52.26792875805039529, 6.21343927608866675 52.26680572707788741, 6.23210415329696144 52.2872473405160676, 6.23438979886434819 52.28810429056295561, 6.23784317774640495 52.29176963862199301, 6.24565237137571572 52.29659491268846949, 6.25564122770115905 52.30580355509655988, 6.26723856433977922 52.30080467701870361, 6.30611598018072605 52.30059758036966855),(6.27235520825558357 52.28101344695922847, 6.26583813182197691 52.28205628382509218, 6.26456032284468112 52.27736238658579282, 6.26847222389630332 52.27659931734772414, 6.27164128469630455 52.27324093501194824, 6.27359469341690179 52.27368982013346965, 6.27542028778279448 52.26978725098069134, 6.27986820316348204 52.27140391098142658, 6.27928529643100575 52.27714475642684988, 6.27644635634434245 52.2817562180258264, 6.27235520825558357 52.28101344695922847)))</t>
  </si>
  <si>
    <t>MultiPolygon (((6.2755384413944082 52.25631634629796451, 6.27463198111205855 52.25797340883816844, 6.28254000808204793 52.25968782712993033, 6.28145651001605287 52.26109727001824723, 6.27389991847354 52.26306210734018265, 6.27893456768047376 52.26489166957623667, 6.29166097254565759 52.26395416151663653, 6.29275446693663287 52.26192042019495432, 6.29053669922874281 52.26145283019088339, 6.29161556528345045 52.25701640890012811, 6.28686491130952607 52.25740429836027801, 6.28179726907716773 52.25613725394720177, 6.2755384413944082 52.25631634629796451, 6.2755384413944082 52.25631634629796451)))</t>
  </si>
  <si>
    <t>MultiPolygon (((6.27235520825558357 52.28101344695922847, 6.27644635634434245 52.2817562180258264, 6.27928529643100575 52.27714475642684988, 6.27986820316348204 52.27140391098142658, 6.27542028778279448 52.26978725098069134, 6.27359469341690179 52.27368982013346965, 6.27164128469630455 52.27324093501194824, 6.26847222389630332 52.27659931734772414, 6.26456032284468112 52.27736238658579282, 6.26583813182197691 52.28205628382509218, 6.27235520825558357 52.28101344695922847, 6.27235520825558357 52.28101344695922847)))</t>
  </si>
  <si>
    <t>MultiPolygon (((6.30611598018072605 52.30059758036966855, 6.32652985415941504 52.30163153874811854, 6.32782022581845816 52.2901652598662281, 6.3278236688727274 52.29014268097481022, 6.32039806697408224 52.29164844615116436, 6.30611598018072605 52.30059758036966855, 6.30611598018072605 52.30059758036966855)))</t>
  </si>
  <si>
    <t>MultiPolygon (((6.20562028807881649 52.32085510801854866, 6.23535499982174635 52.31982019207422496, 6.23513340130602955 52.31445516230603232, 6.25564122770115905 52.30580355509655988, 6.24565237137571572 52.29659491268846949, 6.23784317774640495 52.29176963862199301, 6.23438979886434819 52.28810429056295561, 6.23210415329696144 52.2872473405160676, 6.21343927608866675 52.26680572707788741, 6.21284594522968536 52.26665212315101172, 6.21096695325748005 52.26677933915306795, 6.20865973139305094 52.27450078572351799, 6.20599265565056513 52.27458848799162183, 6.20472594325626314 52.27522969677447406, 6.2152363005138076 52.28030329363504336, 6.21044252118674578 52.28038646400435852, 6.1988741060656416 52.27889358817058962, 6.19804472603735501 52.27678896193867786, 6.18017351355022271 52.27935420423016666, 6.18387892708014864 52.28675593132685862, 6.19176519977414141 52.29253866464480183, 6.19639109756695028 52.29689018873037298, 6.1996043625655064 52.30309636028217568, 6.20590783922132605 52.30922245291902328, 6.20562028807881649 52.32085510801854866, 6.20562028807881649 52.32085510801854866)))</t>
  </si>
  <si>
    <t>MultiPolygon (((6.17684389274647483 52.2718641447207446, 6.18017351355022271 52.27935420423016666, 6.19804472603735501 52.27678896193867786, 6.1988741060656416 52.27889358817058962, 6.21044252118674578 52.28038646400435852, 6.2152363005138076 52.28030329363504336, 6.20472594325626314 52.27522969677447406, 6.20599265565056513 52.27458848799162183, 6.20865973139305094 52.27450078572351799, 6.21096695325748005 52.26677933915306795, 6.21284594522968536 52.26665212315101172, 6.20730965673732538 52.26091639289256818, 6.20706184596721666 52.26096870291149799, 6.19857670867767485 52.26264550577324997, 6.19605467961441203 52.26183981130664336, 6.18917983397041027 52.26472477782609616, 6.18369637127033744 52.26468972793875167, 6.18094263850809789 52.26672155120536445, 6.17701591886385337 52.26829525225566186, 6.17663185525159264 52.26870428885909092, 6.17684389274647483 52.2718641447207446, 6.17684389274647483 52.2718641447207446)))</t>
  </si>
  <si>
    <t>MultiPolygon (((6.18344202529720821 52.31502924112898967, 6.19006640304808808 52.31475538037147288, 6.19949230540383933 52.31587871431538161, 6.20247301925646077 52.31810565376775202, 6.20369102605147216 52.32028085261748629, 6.20562028807881649 52.32085510801854866, 6.20590783922132605 52.30922245291902328, 6.1996043625655064 52.30309636028217568, 6.19639109756695028 52.29689018873037298, 6.19176519977414141 52.29253866464480183, 6.18387892708014864 52.28675593132685862, 6.18017351355022271 52.27935420423016666, 6.17122325995121912 52.28073782914185585, 6.16150721647489075 52.28122805782425075, 6.15865985984115749 52.28497880843165291, 6.16278417792375954 52.3073606211448805, 6.17185679996830761 52.30878543303232675, 6.18217612254219606 52.30891083855058099, 6.18155091480305341 52.31485720196070588, 6.18344202529720821 52.31502924112898967, 6.18344202529720821 52.31502924112898967)))</t>
  </si>
  <si>
    <t>MultiPolygon (((6.12997586636046865 52.30159906822876792, 6.13007074376699101 52.30161818631812309, 6.14225708690773686 52.27924197110790061, 6.1418730074800072 52.27912452392203591, 6.13787631983455562 52.27776838169868512, 6.13609512042785799 52.27825603380721731, 6.1316372416156355 52.27764589841284248, 6.12110931478951592 52.27202558028265855, 6.11236468658063359 52.2783050401054723, 6.11126709265017976 52.28072061980813601, 6.11132161488953418 52.28821082162072997, 6.10586446074228295 52.29240796731388485, 6.10477062945284654 52.29476203032938031, 6.10499435402446533 52.29625016444969532, 6.10132037857426646 52.30122477101081557, 6.10146223429108581 52.30121352288656311, 6.10275734675221848 52.30107041241209487, 6.10602501236821382 52.29924642459322115, 6.10811610816593209 52.29901449871329078, 6.1083625462727289 52.29766682582149429, 6.11858672371072565 52.29889270348512298, 6.12148337408534537 52.29979668989586372, 6.12997586636046865 52.30159906822876792, 6.12997586636046865 52.30159906822876792)))</t>
  </si>
  <si>
    <t>MultiPolygon (((6.14039472303857714 52.30376413500287214, 6.16278417792375954 52.3073606211448805, 6.15865985984115749 52.28497880843165291, 6.16150721647489075 52.28122805782425075, 6.15906127307430395 52.27930511504288802, 6.15609033522342486 52.27850065034211724, 6.15603429909274613 52.27846554349729757, 6.14516206882026861 52.28025918383671211, 6.14225708690773686 52.27924197110790061, 6.13007074376699101 52.30161818631812309, 6.14039472303857714 52.30376413500287214, 6.14039472303857714 52.30376413500287214)))</t>
  </si>
  <si>
    <t>MultiPolygon (((6.2322374830570153 52.24956078650563285, 6.24970892029171843 52.24961447829021921, 6.256396380104424 52.25124585642226549, 6.26256133445918728 52.24864614583775335, 6.25771173931471125 52.24463449139730642, 6.25390613219929214 52.24262089347151772, 6.24776007909182063 52.24121639823439267, 6.23219148232047448 52.23882384474504192, 6.23225898493504893 52.24564951241929833, 6.2322374830570153 52.24956078650563285, 6.2322374830570153 52.24956078650563285)))</t>
  </si>
  <si>
    <t>MultiPolygon (((6.21628682083829087 52.24281042156719934, 6.21674196089915476 52.24248486271230263, 6.21686316770970926 52.24181798200263671, 6.22270109285595208 52.24193182152069426, 6.22312928333702775 52.23829741699591267, 6.21476017199980468 52.2382242579365581, 6.21141620967097818 52.23743352633056958, 6.21152453864925658 52.23632620903030244, 6.20924466413293263 52.23909302120424769, 6.21315732290951406 52.23965164216769352, 6.21664974586231533 52.24181710382109145, 6.21628682083829087 52.24281042156719934, 6.21628682083829087 52.24281042156719934)))</t>
  </si>
  <si>
    <t>MultiPolygon (((6.22161293337406018 52.24313250242626339, 6.22786944291137168 52.24414030605901615, 6.23225898493504893 52.24564951241929833, 6.23219148232047448 52.23882384474504192, 6.22312928333702775 52.23829741699591267, 6.22270109285595208 52.24193182152069426, 6.21686316770970926 52.24181798200263671, 6.21674196089915476 52.24248486271230263, 6.22161293337406018 52.24313250242626339, 6.22161293337406018 52.24313250242626339)))</t>
  </si>
  <si>
    <t>MultiPolygon (((6.23192816019154172 52.24956736660370638, 6.2322374830570153 52.24956078650563285, 6.23225898493504893 52.24564951241929833, 6.22786944291137168 52.24414030605901615, 6.22161293337406018 52.24313250242626339, 6.22165668595907739 52.24660114261093469, 6.22672696934846215 52.24711702495904575, 6.23144235336595553 52.24834835906400343, 6.23192816019154172 52.24956736660370638, 6.23192816019154172 52.24956736660370638)))</t>
  </si>
  <si>
    <t>MultiPolygon (((6.20135308306414323 52.24758284222595961, 6.2022285257144798 52.24753365185964071, 6.2062800040524424 52.24490399459474332, 6.21374619031706299 52.24480052821902376, 6.21530682741627771 52.2452321192446334, 6.21628682083829087 52.24281042156719934, 6.21664974586231533 52.24181710382109145, 6.21315732290951406 52.23965164216769352, 6.20924466413293263 52.23909302120424769, 6.20709405286446803 52.24259312733359195, 6.20135308306414323 52.24758284222595961, 6.20135308306414323 52.24758284222595961)))</t>
  </si>
  <si>
    <t>MultiPolygon (((6.21754407049848989 52.24597591319859191, 6.22165011466465145 52.24712918272228279, 6.22165668595907739 52.24660114261093469, 6.22161293337406018 52.24313250242626339, 6.21674196089915476 52.24248486271230263, 6.21628682083829087 52.24281042156719934, 6.21530682741627771 52.2452321192446334, 6.21754407049848989 52.24597591319859191, 6.21754407049848989 52.24597591319859191)))</t>
  </si>
  <si>
    <t>MultiPolygon (((6.2022285257144798 52.24753365185964071, 6.20303646645028905 52.24956002966968072, 6.2160409402059873 52.2487488709838459, 6.21754407049848989 52.24597591319859191, 6.21530682741627771 52.2452321192446334, 6.21374619031706299 52.24480052821902376, 6.2062800040524424 52.24490399459474332, 6.2022285257144798 52.24753365185964071, 6.2022285257144798 52.24753365185964071)))</t>
  </si>
  <si>
    <t>MultiPolygon (((6.19715583472082177 52.25138275700156498, 6.20082317609767752 52.2504441317940973, 6.20548627520339213 52.25022914868303303, 6.21642554297756789 52.25043820934415351, 6.2160409402059873 52.2487488709838459, 6.20303646645028905 52.24956002966968072, 6.2022285257144798 52.24753365185964071, 6.20135308306414323 52.24758284222595961, 6.20085804712849331 52.24779287480944845, 6.19715583472082177 52.25138275700156498, 6.19715583472082177 52.25138275700156498)))</t>
  </si>
  <si>
    <t>MultiPolygon (((6.21591885229419905 52.25342085228699318, 6.21667927840161028 52.25427228953013525, 6.21917079145778384 52.25374845317470829, 6.2211159333067485 52.25236938659362096, 6.22137887884376717 52.25051935490463251, 6.23188033239890693 52.25085881717146208, 6.23192816019154172 52.24956736660370638, 6.23144235336595553 52.24834835906400343, 6.22672696934846215 52.24711702495904575, 6.22165668595907739 52.24660114261093469, 6.22165011466465145 52.24712918272228279, 6.21754407049848989 52.24597591319859191, 6.2160409402059873 52.2487488709838459, 6.21642554297756789 52.25043820934415351, 6.21591885229419905 52.25342085228699318, 6.21591885229419905 52.25342085228699318)))</t>
  </si>
  <si>
    <t>MultiPolygon (((6.19476420878762646 52.2529930627797583, 6.19715583472082177 52.25138275700156498, 6.20085804712849331 52.24779287480944845, 6.19760807948265846 52.24580584104176495, 6.1903737779077801 52.24449047967037529, 6.1899814954971335 52.24524886321693629, 6.19125121547801616 52.24554455951744103, 6.19151895271268327 52.24730220367383993, 6.19023676781321264 52.25138363153816101, 6.19476420878762646 52.2529930627797583, 6.19476420878762646 52.2529930627797583)))</t>
  </si>
  <si>
    <t>MultiPolygon (((6.23568044783011466 52.2620527779475168, 6.23479774753892535 52.2639821905248354, 6.23587922552167662 52.26725809621708407, 6.24696149666132428 52.26635857561096543, 6.25441299226975556 52.26425268067369245, 6.25470576059948247 52.25893978989959265, 6.25730276485045955 52.25829445964738085, 6.25908228732399063 52.25684141595318977, 6.26093112292833442 52.25342446366150284, 6.26310389848957438 52.25173000695306769, 6.26514897563268391 52.25180135301552298, 6.26256133445918728 52.24864614583775335, 6.256396380104424 52.25124585642226549, 6.24970892029171843 52.24961447829021921, 6.2322374830570153 52.24956078650563285, 6.23192816019154172 52.24956736660370638, 6.23188033239890693 52.25085881717146208, 6.23062118372541551 52.25506472605790265, 6.23669730290495039 52.25548673349990025, 6.23558953816721662 52.25956254589851824, 6.23706440190525946 52.26114628564437226, 6.23568044783011466 52.2620527779475168, 6.23568044783011466 52.2620527779475168)))</t>
  </si>
  <si>
    <t>MultiPolygon (((6.22783566164101643 52.26792875805039529, 6.23587922552167662 52.26725809621708407, 6.23479774753892535 52.2639821905248354, 6.23568044783011466 52.2620527779475168, 6.23437529737608109 52.26100191653381444, 6.2296370277261639 52.26001027763185647, 6.22692726092383886 52.26496024710389321, 6.22783566164101643 52.26792875805039529, 6.22783566164101643 52.26792875805039529)))</t>
  </si>
  <si>
    <t>MultiPolygon (((6.21343927608866675 52.26680572707788741, 6.22783566164101643 52.26792875805039529, 6.22692726092383886 52.26496024710389321, 6.22391844995385579 52.2632997416532703, 6.2209806877592726 52.26417101009018751, 6.21818878940628395 52.2641290859594605, 6.21551846223688553 52.26308379364122203, 6.2127200525918429 52.26071779049527066, 6.20730965673732538 52.26091639289256818, 6.21284594522968536 52.26665212315101172, 6.21343927608866675 52.26680572707788741, 6.21343927608866675 52.26680572707788741)))</t>
  </si>
  <si>
    <t>MultiPolygon (((6.20706184596721666 52.26096870291149799, 6.20730965673732538 52.26091639289256818, 6.2127200525918429 52.26071779049527066, 6.21551846223688553 52.26308379364122203, 6.21818878940628395 52.2641290859594605, 6.2209806877592726 52.26417101009018751, 6.22391844995385579 52.2632997416532703, 6.21965971946525542 52.26087368615596773, 6.21911707089480714 52.25761496341937828, 6.21469357346958162 52.25574147529268032, 6.21256208559289114 52.25548634762471067, 6.21193756156423493 52.25857221442185363, 6.20644620202587927 52.26043246214583604, 6.20706184596721666 52.26096870291149799, 6.20706184596721666 52.26096870291149799)))</t>
  </si>
  <si>
    <t>MultiPolygon (((6.2296370277261639 52.26001027763185647, 6.23437529737608109 52.26100191653381444, 6.23568044783011466 52.2620527779475168, 6.23706440190525946 52.26114628564437226, 6.23558953816721662 52.25956254589851824, 6.23669730290495039 52.25548673349990025, 6.23062118372541551 52.25506472605790265, 6.22951757472539924 52.25991492803056815, 6.2296370277261639 52.26001027763185647, 6.2296370277261639 52.26001027763185647)))</t>
  </si>
  <si>
    <t>MultiPolygon (((6.22391844995385579 52.2632997416532703, 6.22692726092383886 52.26496024710389321, 6.2296370277261639 52.26001027763185647, 6.22951757472539924 52.25991492803056815, 6.22503504701332666 52.2594796732059379, 6.21911707089480714 52.25761496341937828, 6.21965971946525542 52.26087368615596773, 6.22391844995385579 52.2632997416532703, 6.22391844995385579 52.2632997416532703)))</t>
  </si>
  <si>
    <t>MultiPolygon (((6.21911707089480714 52.25761496341937828, 6.22503504701332666 52.2594796732059379, 6.22951757472539924 52.25991492803056815, 6.23062118372541551 52.25506472605790265, 6.23188033239890693 52.25085881717146208, 6.22137887884376717 52.25051935490463251, 6.2211159333067485 52.25236938659362096, 6.21917079145778384 52.25374845317470829, 6.21667927840161028 52.25427228953013525, 6.21469357346958162 52.25574147529268032, 6.21911707089480714 52.25761496341937828, 6.21911707089480714 52.25761496341937828)))</t>
  </si>
  <si>
    <t>MultiPolygon (((6.20157073471386333 52.25555753170404216, 6.20638622579453614 52.2538984962408648, 6.20548627520339213 52.25022914868303303, 6.20082317609767752 52.2504441317940973, 6.19715583472082177 52.25138275700156498, 6.19476420878762646 52.2529930627797583, 6.20157073471386333 52.25555753170404216, 6.20157073471386333 52.25555753170404216)))</t>
  </si>
  <si>
    <t>MultiPolygon (((6.20157073471386333 52.25555753170404216, 6.20644620202587927 52.26043246214583604, 6.21193756156423493 52.25857221442185363, 6.21256208559289114 52.25548634762471067, 6.21469357346958162 52.25574147529268032, 6.21667927840161028 52.25427228953013525, 6.21591885229419905 52.25342085228699318, 6.20638622579453614 52.2538984962408648, 6.20157073471386333 52.25555753170404216, 6.20157073471386333 52.25555753170404216)))</t>
  </si>
  <si>
    <t>MultiPolygon (((6.20638622579453614 52.2538984962408648, 6.21591885229419905 52.25342085228699318, 6.21642554297756789 52.25043820934415351, 6.20548627520339213 52.25022914868303303, 6.20638622579453614 52.2538984962408648, 6.20638622579453614 52.2538984962408648)))</t>
  </si>
  <si>
    <t>MultiPolygon (((6.18076289481796071 52.23639571361327683, 6.18372640815962082 52.23719275877213875, 6.18830447455454369 52.23508735257395585, 6.21152453864925658 52.23632620903030244, 6.21450121160490543 52.23142728255539424, 6.21694851573502216 52.22647364619108856, 6.20311011055929029 52.22926922278620054, 6.18913562140079687 52.22916651125446919, 6.18253093997630732 52.23382502778346037, 6.17421422607602555 52.23278132888695779, 6.17504703892245921 52.23443700794081224, 6.18076289481796071 52.23639571361327683, 6.18076289481796071 52.23639571361327683)))</t>
  </si>
  <si>
    <t>MultiPolygon (((6.20085804712849331 52.24779287480944845, 6.20135308306414323 52.24758284222595961, 6.20709405286446803 52.24259312733359195, 6.20924466413293263 52.23909302120424769, 6.21152453864925658 52.23632620903030244, 6.18830447455454369 52.23508735257395585, 6.18372640815962082 52.23719275877213875, 6.18076289481796071 52.23639571361327683, 6.17764315227715599 52.23919139769967757, 6.17964451484126531 52.24033122107603333, 6.18470320331240409 52.241319773098148, 6.18578180317337978 52.23931209518789842, 6.18815286480023463 52.24137583866319545, 6.18674027983192421 52.24364858557215285, 6.1903737779077801 52.24449047967037529, 6.19760807948265846 52.24580584104176495, 6.20085804712849331 52.24779287480944845, 6.20085804712849331 52.24779287480944845)))</t>
  </si>
  <si>
    <t>MultiPolygon (((6.17436027836596768 52.25356921797069276, 6.18091550477150165 52.25313869755841978, 6.18933013879352245 52.25095429346579579, 6.19023676781321264 52.25138363153816101, 6.19151895271268327 52.24730220367383993, 6.19125121547801616 52.24554455951744103, 6.1899814954971335 52.24524886321693629, 6.1903737779077801 52.24449047967037529, 6.18674027983192421 52.24364858557215285, 6.18815286480023463 52.24137583866319545, 6.18578180317337978 52.23931209518789842, 6.18470320331240409 52.241319773098148, 6.17964451484126531 52.24033122107603333, 6.17764315227715599 52.23919139769967757, 6.18076289481796071 52.23639571361327683, 6.17504703892245921 52.23443700794081224, 6.17421422607602555 52.23278132888695779, 6.16626883770702072 52.23101377223709818, 6.16680199062252576 52.23141782174365488, 6.16121219449406432 52.23404493615812783, 6.16068345066356304 52.23754668871226414, 6.16331627316903763 52.24291335284716098, 6.16369164778013445 52.24585107674656115, 6.1698856829538995 52.24582284476080929, 6.17030990965869819 52.24955483118981903, 6.16911227751336089 52.25089320145684013, 6.17436027836596768 52.25356921797069276, 6.17436027836596768 52.25356921797069276)))</t>
  </si>
  <si>
    <t>MultiPolygon (((6.16411418033375647 52.25606546455026802, 6.16718041552793927 52.25561481905261019, 6.17115028036238389 52.25596451420700816, 6.17109183103095127 52.25528053659697747, 6.17436027836596768 52.25356921797069276, 6.16911227751336089 52.25089320145684013, 6.16855699553060255 52.25080431457912056, 6.16663101618065301 52.25250344654344303, 6.16674302184610035 52.25340643012625463, 6.16335413791919251 52.25506136146576353, 6.16411418033375647 52.25606546455026802, 6.16411418033375647 52.25606546455026802)))</t>
  </si>
  <si>
    <t>MultiPolygon (((6.18079524407345904 52.25783152146848209, 6.18421975797083245 52.25779840511049201, 6.18888063565075708 52.25666020590710303, 6.19476420878762646 52.2529930627797583, 6.19023676781321264 52.25138363153816101, 6.18933013879352245 52.25095429346579579, 6.18091550477150165 52.25313869755841978, 6.18079524407345904 52.25783152146848209, 6.18079524407345904 52.25783152146848209)))</t>
  </si>
  <si>
    <t>MultiPolygon (((6.17139299287625853 52.25598497614943483, 6.18079524407345904 52.25783152146848209, 6.18091550477150165 52.25313869755841978, 6.17436027836596768 52.25356921797069276, 6.17109183103095127 52.25528053659697747, 6.17139299287625853 52.25598497614943483, 6.17139299287625853 52.25598497614943483)))</t>
  </si>
  <si>
    <t>MultiPolygon (((6.16150721647489075 52.28122805782425075, 6.17122325995121912 52.28073782914185585, 6.18017351355022271 52.27935420423016666, 6.17684389274647483 52.2718641447207446, 6.16853303523224561 52.27316424002130901, 6.16668147634886754 52.27359878560442041, 6.16061496691953625 52.27752698307295276, 6.15609033522342486 52.27850065034211724, 6.15906127307430395 52.27930511504288802, 6.16150721647489075 52.28122805782425075, 6.16150721647489075 52.28122805782425075)))</t>
  </si>
  <si>
    <t>MultiPolygon (((6.15603429909274613 52.27846554349729757, 6.15609033522342486 52.27850065034211724, 6.16061496691953625 52.27752698307295276, 6.16668147634886754 52.27359878560442041, 6.16853303523224561 52.27316424002130901, 6.16479377595800049 52.27031745276476471, 6.15563097664142855 52.27090639790347382, 6.15603429909274613 52.27846554349729757, 6.15603429909274613 52.27846554349729757)))</t>
  </si>
  <si>
    <t>MultiPolygon (((6.16853303523224561 52.27316424002130901, 6.17684389274647483 52.2718641447207446, 6.17663185525159264 52.26870428885909092, 6.17462265188947157 52.26844897953980507, 6.16969953218921319 52.26576281216628672, 6.16657904632339537 52.26866680778418583, 6.16479377595800049 52.27031745276476471, 6.16853303523224561 52.27316424002130901, 6.16853303523224561 52.27316424002130901)))</t>
  </si>
  <si>
    <t>MultiPolygon (((6.17663185525159264 52.26870428885909092, 6.17701591886385337 52.26829525225566186, 6.17539445498512762 52.26382411687895768, 6.17392659053426573 52.26243246586150093, 6.17030900462564968 52.26002050536105514, 6.16965333275827454 52.26022692936619762, 6.16353651681986747 52.26295291998375347, 6.16969953218921319 52.26576281216628672, 6.17462265188947157 52.26844897953980507, 6.17663185525159264 52.26870428885909092, 6.17663185525159264 52.26870428885909092)))</t>
  </si>
  <si>
    <t>MultiPolygon (((6.16657904632339537 52.26866680778418583, 6.16969953218921319 52.26576281216628672, 6.16353651681986747 52.26295291998375347, 6.16311049255126608 52.26304778419876129, 6.16049419224615313 52.26404032746992101, 6.16112596551673164 52.26486298135002784, 6.16032968234767075 52.26661028187851343, 6.16657904632339537 52.26866680778418583, 6.16657904632339537 52.26866680778418583)))</t>
  </si>
  <si>
    <t>MultiPolygon (((6.15563097664142855 52.27090639790347382, 6.16479377595800049 52.27031745276476471, 6.16657904632339537 52.26866680778418583, 6.16032968234767075 52.26661028187851343, 6.16112596551673164 52.26486298135002784, 6.16049419224615313 52.26404032746992101, 6.15566589955412802 52.26599742684598482, 6.1538866000528607 52.26680038161281772, 6.15563097664142855 52.27090639790347382, 6.15563097664142855 52.27090639790347382)))</t>
  </si>
  <si>
    <t>MultiPolygon (((6.1418730074800072 52.27912452392203591, 6.14261169925391037 52.27243643263136619, 6.13941632857114072 52.27270220578958515, 6.13747492931430649 52.27363780314602337, 6.13239419663510699 52.27151653128482423, 6.1288356595730864 52.26928229739243648, 6.12691931911828203 52.27035412094317479, 6.12298195433663839 52.26925544186062922, 6.12110931478951592 52.27202558028265855, 6.1316372416156355 52.27764589841284248, 6.13609512042785799 52.27825603380721731, 6.13787631983455562 52.27776838169868512, 6.1418730074800072 52.27912452392203591, 6.1418730074800072 52.27912452392203591)))</t>
  </si>
  <si>
    <t>MultiPolygon (((6.1418730074800072 52.27912452392203591, 6.14225708690773686 52.27924197110790061, 6.14516206882026861 52.28025918383671211, 6.15603429909274613 52.27846554349729757, 6.15563097664142855 52.27090639790347382, 6.1538866000528607 52.26680038161281772, 6.1500710654217059 52.26788417761761707, 6.14458113451974253 52.26746846784493528, 6.14261169925391037 52.27243643263136619, 6.1418730074800072 52.27912452392203591, 6.1418730074800072 52.27912452392203591)))</t>
  </si>
  <si>
    <t>MultiPolygon (((6.17392659053426573 52.26243246586150093, 6.17539445498512762 52.26382411687895768, 6.17701591886385337 52.26829525225566186, 6.18094263850809789 52.26672155120536445, 6.18369637127033744 52.26468972793875167, 6.18917983397041027 52.26472477782609616, 6.19605467961441203 52.26183981130664336, 6.19337761732760228 52.25994616607478349, 6.18184447612431232 52.26077678433259166, 6.17785452087909714 52.25992427871786816, 6.17392659053426573 52.26243246586150093, 6.17392659053426573 52.26243246586150093)))</t>
  </si>
  <si>
    <t>MultiPolygon (((6.19605467961441203 52.26183981130664336, 6.19857670867767485 52.26264550577324997, 6.20706184596721666 52.26096870291149799, 6.20644620202587927 52.26043246214583604, 6.20157073471386333 52.25555753170404216, 6.19476420878762646 52.2529930627797583, 6.18888063565075708 52.25666020590710303, 6.18421975797083245 52.25779840511049201, 6.18079524407345904 52.25783152146848209, 6.17139299287625853 52.25598497614943483, 6.17030900462564968 52.26002050536105514, 6.17392659053426573 52.26243246586150093, 6.17785452087909714 52.25992427871786816, 6.18184447612431232 52.26077678433259166, 6.19337761732760228 52.25994616607478349, 6.19605467961441203 52.26183981130664336, 6.19605467961441203 52.26183981130664336)))</t>
  </si>
  <si>
    <t>MultiPolygon (((6.16965333275827454 52.26022692936619762, 6.17030900462564968 52.26002050536105514, 6.17139299287625853 52.25598497614943483, 6.17109183103095127 52.25528053659697747, 6.17115028036238389 52.25596451420700816, 6.16718041552793927 52.25561481905261019, 6.16411418033375647 52.25606546455026802, 6.16381357068487468 52.25621292589845979, 6.16768648135542996 52.25907877516831235, 6.16965333275827454 52.26022692936619762, 6.16965333275827454 52.26022692936619762)))</t>
  </si>
  <si>
    <t>MultiPolygon (((6.15758075246519976 52.26089538782994737, 6.15952156675387918 52.26163859626681329, 6.16350451850118386 52.25960822924267291, 6.16601806422771581 52.25994072325461559, 6.16768648135542996 52.25907877516831235, 6.16381357068487468 52.25621292589845979, 6.15821013026563779 52.25865796777787864, 6.15758075246519976 52.26089538782994737, 6.15758075246519976 52.26089538782994737)))</t>
  </si>
  <si>
    <t>MultiPolygon (((6.16311049255126608 52.26304778419876129, 6.16353651681986747 52.26295291998375347, 6.16965333275827454 52.26022692936619762, 6.16768648135542996 52.25907877516831235, 6.16601806422771581 52.25994072325461559, 6.16350451850118386 52.25960822924267291, 6.15952156675387918 52.26163859626681329, 6.16311049255126608 52.26304778419876129, 6.16311049255126608 52.26304778419876129)))</t>
  </si>
  <si>
    <t>MultiPolygon (((6.15566589955412802 52.26599742684598482, 6.16049419224615313 52.26404032746992101, 6.16311049255126608 52.26304778419876129, 6.15952156675387918 52.26163859626681329, 6.15758075246519976 52.26089538782994737, 6.15566589955412802 52.26599742684598482, 6.15566589955412802 52.26599742684598482)))</t>
  </si>
  <si>
    <t>MultiPolygon (((6.14454991906494286 52.26717191807082941, 6.14458113451974253 52.26746846784493528, 6.1500710654217059 52.26788417761761707, 6.1538866000528607 52.26680038161281772, 6.15566589955412802 52.26599742684598482, 6.15758075246519976 52.26089538782994737, 6.15821013026563779 52.25865796777787864, 6.15468362988969275 52.25979117349162806, 6.15091508859404534 52.261662283832095, 6.14454991906494286 52.26717191807082941, 6.14454991906494286 52.26717191807082941)))</t>
  </si>
  <si>
    <t>MultiPolygon (((6.13239419663510699 52.27151653128482423, 6.13747492931430649 52.27363780314602337, 6.13941632857114072 52.27270220578958515, 6.14261169925391037 52.27243643263136619, 6.14458113451974253 52.26746846784493528, 6.14454991906494286 52.26717191807082941, 6.13911004440501085 52.26569407776868559, 6.13239419663510699 52.27151653128482423, 6.13239419663510699 52.27151653128482423)))</t>
  </si>
  <si>
    <t>MultiPolygon (((6.12298195433663839 52.26925544186062922, 6.12691931911828203 52.27035412094317479, 6.1288356595730864 52.26928229739243648, 6.13239419663510699 52.27151653128482423, 6.13911004440501085 52.26569407776868559, 6.13801657208837437 52.26471732210227117, 6.1325154175236456 52.26047734632413011, 6.13006909233219677 52.26069138909543454, 6.12744664019898799 52.26170498100701423, 6.12390719876156808 52.26450687678577367, 6.12298195433663839 52.26925544186062922, 6.12298195433663839 52.26925544186062922)))</t>
  </si>
  <si>
    <t>MultiPolygon (((6.13801657208837437 52.26471732210227117, 6.14454485437348286 52.26110792786672476, 6.14237071625711728 52.25724737710126533, 6.1325154175236456 52.26047734632413011, 6.13801657208837437 52.26471732210227117, 6.13801657208837437 52.26471732210227117)))</t>
  </si>
  <si>
    <t>MultiPolygon (((6.14454485437348286 52.26110792786672476, 6.14806163212978074 52.25970973256190177, 6.14943323835223055 52.25773663848771378, 6.14605932379443942 52.2557193877592141, 6.14237071625711728 52.25724737710126533, 6.14454485437348286 52.26110792786672476, 6.14454485437348286 52.26110792786672476)))</t>
  </si>
  <si>
    <t>MultiPolygon (((6.13911004440501085 52.26569407776868559, 6.14454991906494286 52.26717191807082941, 6.15091508859404534 52.261662283832095, 6.14754058470753062 52.26032673153530794, 6.14806163212978074 52.25970973256190177, 6.14454485437348286 52.26110792786672476, 6.13801657208837437 52.26471732210227117, 6.13911004440501085 52.26569407776868559, 6.13911004440501085 52.26569407776868559)))</t>
  </si>
  <si>
    <t>MultiPolygon (((6.15091508859404534 52.261662283832095, 6.15468362988969275 52.25979117349162806, 6.14939053078510867 52.25784380786877392, 6.14943323835223055 52.25773663848771378, 6.14806163212978074 52.25970973256190177, 6.14754058470753062 52.26032673153530794, 6.15091508859404534 52.261662283832095, 6.15091508859404534 52.261662283832095)))</t>
  </si>
  <si>
    <t>MultiPolygon (((6.13006909233219677 52.26069138909543454, 6.1325154175236456 52.26047734632413011, 6.14237071625711728 52.25724737710126533, 6.14605932379443942 52.2557193877592141, 6.15128220183327379 52.25214458938232553, 6.15199902225855055 52.25143519128395297, 6.15688972821710134 52.24942965233453407, 6.15905727403623704 52.24967899748818922, 6.15894367956060229 52.24943840753278579, 6.15851915205979772 52.24915537340704219, 6.16122197632846103 52.24815027599674977, 6.16369164778013445 52.24585107674656115, 6.16331627316903763 52.24291335284716098, 6.16068345066356304 52.23754668871226414, 6.16121219449406432 52.23404493615812783, 6.16680199062252576 52.23141782174365488, 6.16626883770702072 52.23101377223709818, 6.16302800993812561 52.22852210033575915, 6.16759786160850254 52.22768737968022634, 6.16843565822971307 52.22727900686650315, 6.16786515017817916 52.22633859936208722, 6.16249959105232303 52.2279169104537857, 6.16572277107189315 52.22350332222990943, 6.16527630900177126 52.22284229057105875, 6.16867137814803002 52.22069914813952352, 6.16752505868110212 52.22010447726019322, 6.16764781354879865 52.21887537571495841, 6.16668479256103996 52.21880196830332466, 6.16596292030114501 52.21775567165209253, 6.16406875658042797 52.21744064963582588, 6.16262749758617012 52.2183947213902826, 6.16398571903932169 52.22164597750956716, 6.16217298788600765 52.224166159394386, 6.16015308316001153 52.22522315304819784, 6.15650908367084515 52.22569458395265229, 6.14750986758426166 52.22777820010714578, 6.14307931021019105 52.23161832545977745, 6.14170713825436998 52.23417211290471585, 6.14223667199623069 52.23845586377314021, 6.15116650162358258 52.24253255412843089, 6.15384513692077828 52.24430619595007386, 6.15419929535859378 52.24586859597461341, 6.15333702801194704 52.24705473012328838, 6.15002031267598159 52.24831593175562006, 6.14450983367315384 52.24712230477030772, 6.14350200967041893 52.24641169138358521, 6.136722186140525 52.24904083247802333, 6.12386547409972515 52.25148110655408118, 6.12363768065021397 52.25368789129436209, 6.12514495573952633 52.25682535902019765, 6.13006909233219677 52.26069138909543454, 6.13006909233219677 52.26069138909543454)))</t>
  </si>
  <si>
    <t>MultiPolygon (((6.16855699553060255 52.25080431457912056, 6.16911227751336089 52.25089320145684013, 6.17030990965869819 52.24955483118981903, 6.1698856829538995 52.24582284476080929, 6.16369164778013445 52.24585107674656115, 6.16122197632846103 52.24815027599674977, 6.15851915205979772 52.24915537340704219, 6.15894367956060229 52.24943840753278579, 6.15954365592905262 52.24947072844425833, 6.16423594401599662 52.24830735260363923, 6.16855699553060255 52.25080431457912056, 6.16855699553060255 52.25080431457912056)))</t>
  </si>
  <si>
    <t>MultiPolygon (((6.16528172617696502 52.25236696248834534, 6.16663101618065301 52.25250344654344303, 6.16855699553060255 52.25080431457912056, 6.16423594401599662 52.24830735260363923, 6.15954365592905262 52.24947072844425833, 6.16528172617696502 52.25236696248834534, 6.16528172617696502 52.25236696248834534)))</t>
  </si>
  <si>
    <t>MultiPolygon (((6.15468362988969275 52.25979117349162806, 6.15821013026563779 52.25865796777787864, 6.16381357068487468 52.25621292589845979, 6.16411418033375647 52.25606546455026802, 6.16335413791919251 52.25506136146576353, 6.16674302184610035 52.25340643012625463, 6.16663101618065301 52.25250344654344303, 6.16528172617696502 52.25236696248834534, 6.16021320079328571 52.25356898674081663, 6.15497084463209543 52.25627299372076351, 6.15271500769525748 52.25554285178872505, 6.14939053078510867 52.25784380786877392, 6.15468362988969275 52.25979117349162806, 6.15468362988969275 52.25979117349162806)))</t>
  </si>
  <si>
    <t>MultiPolygon (((6.14943323835223055 52.25773663848771378, 6.14939053078510867 52.25784380786877392, 6.15271500769525748 52.25554285178872505, 6.15278797905418884 52.2554852431799759, 6.15077604639422315 52.25441607838886426, 6.15224241675279693 52.25259761192008767, 6.15128220183327379 52.25214458938232553, 6.14605932379443942 52.2557193877592141, 6.14943323835223055 52.25773663848771378, 6.14943323835223055 52.25773663848771378)))</t>
  </si>
  <si>
    <t>MultiPolygon (((6.15128220183327379 52.25214458938232553, 6.15224241675279693 52.25259761192008767, 6.15077604639422315 52.25441607838886426, 6.15278797905418884 52.2554852431799759, 6.15525812635949965 52.25363328255058093, 6.15199902225855055 52.25143519128395297, 6.15128220183327379 52.25214458938232553, 6.15128220183327379 52.25214458938232553)))</t>
  </si>
  <si>
    <t>MultiPolygon (((6.16021320079328571 52.25356898674081663, 6.16528172617696502 52.25236696248834534, 6.15954365592905262 52.24947072844425833, 6.15894367956060229 52.24943840753278579, 6.15905727403623704 52.24967899748818922, 6.16129392303576928 52.25232286649575286, 6.16021320079328571 52.25356898674081663, 6.16021320079328571 52.25356898674081663)))</t>
  </si>
  <si>
    <t>MultiPolygon (((6.15278797905418884 52.2554852431799759, 6.15271500769525748 52.25554285178872505, 6.15497084463209543 52.25627299372076351, 6.16021320079328571 52.25356898674081663, 6.16129392303576928 52.25232286649575286, 6.15905727403623704 52.24967899748818922, 6.15688972821710134 52.24942965233453407, 6.15199902225855055 52.25143519128395297, 6.15525812635949965 52.25363328255058093, 6.15278797905418884 52.2554852431799759, 6.15278797905418884 52.2554852431799759)))</t>
  </si>
  <si>
    <t>MultiPolygon (((6.34107291073406554 52.45053925906094605, 6.34261626312759663 52.45690540369194821, 6.37849428513734207 52.4564168241937665, 6.37106118970895352 52.44971119008290117, 6.37212462865527574 52.44826114681713847, 6.37315445013198101 52.44685685222934524, 6.37567810657843292 52.44776213784833629, 6.37640658090230339 52.44745306332390555, 6.38115779020311358 52.44019895600271042, 6.38415004765557814 52.43943468214215642, 6.38057274362027194 52.42981614378928867, 6.38039864277484448 52.42779917523412792, 6.36831912579610826 52.42775167245004297, 6.35625440157323141 52.42910436439898092, 6.35553720897199081 52.42595453468404543, 6.350057509883408 52.4264073628220757, 6.34940025695520838 52.42485164670397069, 6.34334499240728267 52.42531017850419772, 6.34313640838036363 52.42597058464345849, 6.33710955747721538 52.4277225707690917, 6.33894810350755833 52.4356261891325417, 6.33933319864339051 52.43825697382862217, 6.34136280342804159 52.43789446541669008, 6.34158435701515533 52.44136347457524749, 6.34540248386557515 52.4424177140381218, 6.35388843706630535 52.4427769203330385, 6.35538033759401788 52.44445204021791085, 6.35535321201245029 52.44748670834688653, 6.35315477422099129 52.44995104812730347, 6.3420997585305825 52.45013128346761988, 6.34095323198665728 52.44969531160346321, 6.34107291073406554 52.45053925906094605, 6.34107291073406554 52.45053925906094605)))</t>
  </si>
  <si>
    <t>MultiPolygon (((6.3433155603692839 52.46885768118736593, 6.34261626312759663 52.45690540369194821, 6.34107291073406554 52.45053925906094605, 6.32891102337982492 52.45125210236646751, 6.32885906366952167 52.44827714946822539, 6.32767440375476298 52.44456066449596676, 6.33397843898715074 52.44347715353725903, 6.330833860239518 52.43672186750753639, 6.33472221705735627 52.43666376924951322, 6.33458282431466912 52.43570095706287759, 6.33894810350755833 52.4356261891325417, 6.33710955747721538 52.4277225707690917, 6.33433114240419126 52.42449119893082354, 6.32852272586585141 52.42805945988990146, 6.31894400434296699 52.43206727547580925, 6.3144382071417029 52.43302817687808925, 6.30371940022449628 52.43163305032313559, 6.30226286495400512 52.43144361915562257, 6.30183410377256159 52.43522848557259408, 6.29182524488407324 52.43472141355645277, 6.29158052673883272 52.43588405621957094, 6.2917134951936653 52.43589499136425758, 6.28931578248237422 52.44380793115249162, 6.28994794727193884 52.44644474550348434, 6.278637125993348 52.44744013328303822, 6.27823841285752771 52.45704316999810857, 6.30975612986703105 52.45177113527421398, 6.31126836069660602 52.45617910789443528, 6.31106199074851659 52.46492609737103407, 6.30727206911358174 52.46496462290504326, 6.30758157052819612 52.46736530347274652, 6.32250924806576986 52.46761212883214398, 6.32478504922591078 52.46911092029345269, 6.3433155603692839 52.46885768118736593)))</t>
  </si>
  <si>
    <t>MultiPolygon (((6.33397843898715074 52.44347715353725903, 6.33998381724211146 52.44266634173708042, 6.33933319864339051 52.43825697382862217, 6.33894810350755833 52.4356261891325417, 6.33458282431466912 52.43570095706287759, 6.33472221705735627 52.43666376924951322, 6.330833860239518 52.43672186750753639, 6.33397843898715074 52.44347715353725903, 6.33397843898715074 52.44347715353725903)))</t>
  </si>
  <si>
    <t>MultiPolygon (((6.34107291073406554 52.45053925906094605, 6.34095323198665728 52.44969531160346321, 6.34047180068746385 52.44629997165411339, 6.32885906366952167 52.44827714946822539, 6.32891102337982492 52.45125210236646751, 6.34107291073406554 52.45053925906094605, 6.34107291073406554 52.45053925906094605)))</t>
  </si>
  <si>
    <t>MultiPolygon (((6.34047180068746385 52.44629997165411339, 6.34095323198665728 52.44969531160346321, 6.3420997585305825 52.45013128346761988, 6.35315477422099129 52.44995104812730347, 6.35535321201245029 52.44748670834688653, 6.35538033759401788 52.44445204021791085, 6.35388843706630535 52.4427769203330385, 6.34540248386557515 52.4424177140381218, 6.34158435701515533 52.44136347457524749, 6.34136280342804159 52.43789446541669008, 6.33933319864339051 52.43825697382862217, 6.33998381724211146 52.44266634173708042, 6.34047180068746385 52.44629997165411339, 6.34047180068746385 52.44629997165411339)))</t>
  </si>
  <si>
    <t>MultiPolygon (((6.32885906366952167 52.44827714946822539, 6.34047180068746385 52.44629997165411339, 6.33998381724211146 52.44266634173708042, 6.33397843898715074 52.44347715353725903, 6.32767440375476298 52.44456066449596676, 6.32885906366952167 52.44827714946822539, 6.32885906366952167 52.44827714946822539)))</t>
  </si>
  <si>
    <t>MultiPolygon (((6.29673513397861306 52.58251899487650149, 6.30741917364557025 52.58494263117132306, 6.30778787597021751 52.58430342116412248, 6.32580603979341216 52.58825718649797665, 6.33381307438542951 52.57385994058208922, 6.30577755187233624 52.57120105081933303, 6.30388011726524233 52.57035143717511971, 6.2994633110954501 52.57763464617971039, 6.29673513397861306 52.58251899487650149, 6.29673513397861306 52.58251899487650149)))</t>
  </si>
  <si>
    <t>MultiPolygon (((6.26877032557991942 52.58272917355144216, 6.27443702647401125 52.57268052684275972, 6.28118554508186211 52.57411304202228308, 6.28224212371053881 52.5723421442996397, 6.28657803348719213 52.56453148154412247, 6.27330899697660893 52.56137456490718307, 6.27017214028333569 52.56637982779027141, 6.19696687626419163 52.54723793012956889, 6.21081067518772834 52.5677977620645791, 6.23196667961220285 52.571691859796438, 6.23064803983758697 52.57423120958721796, 6.26001587225298017 52.58030511144858821, 6.2598293449425233 52.58068092799849325, 6.26877032557991942 52.58272917355144216, 6.26877032557991942 52.58272917355144216)))</t>
  </si>
  <si>
    <t>MultiPolygon (((6.28930225255568054 52.59549059648620783, 6.3030636864535019 52.59714114877214541, 6.31968068974516584 52.59917107428177729, 6.32204363424024063 52.59487736523308854, 6.3234125127222347 52.59252716578114928, 6.32580603979341216 52.58825718649797665, 6.30778787597021751 52.58430342116412248, 6.30741917364557025 52.58494263117132306, 6.29673513397861306 52.58251899487650149, 6.29423572857106528 52.58699218120601415, 6.28930225255568054 52.59549059648620783, 6.28930225255568054 52.59549059648620783)))</t>
  </si>
  <si>
    <t>MultiPolygon (((6.27397788507011001 52.58697116219725842, 6.27554066363398277 52.58410175824923272, 6.26877032557991942 52.58272917355144216, 6.2598293449425233 52.58068092799849325, 6.26001587225298017 52.58030511144858821, 6.23064803983758697 52.57423120958721796, 6.23196667961220285 52.571691859796438, 6.21081067518772834 52.5677977620645791, 6.20947842243424564 52.56852487224397663, 6.20565753311237422 52.5750807329467662, 6.20213771461707353 52.58494850304466439, 6.22405453235602035 52.58754898330710148, 6.23573949337747457 52.58900039240116087, 6.23649915957205803 52.58716197406323545, 6.24603471342864847 52.58824308418125781, 6.24750572222062139 52.58644106933204654, 6.26550780504561189 52.59187327609754448, 6.26602897503082534 52.59241799998338962, 6.2703767343311938 52.59239857103729321, 6.27281340026195178 52.58700765026120649, 6.27397788507011001 52.58697116219725842)))</t>
  </si>
  <si>
    <t>MultiPolygon (((6.28649755780653585 52.59359840594720481, 6.28753433716743615 52.59178931162787052, 6.28273487377739759 52.59196731536988523, 6.28127331375278253 52.59450521664228972, 6.28382603211011403 52.59479518969085632, 6.28334859777080723 52.59572380675941616, 6.2863265218010751 52.59621178671515906, 6.28707845081455918 52.59520707845872067, 6.28781583456863924 52.59385231064859312, 6.28649755780653585 52.59359840594720481, 6.28649755780653585 52.59359840594720481)))</t>
  </si>
  <si>
    <t>MultiPolygon (((6.26550780504561189 52.59187327609754448, 6.24750572222062139 52.58644106933204654, 6.24603471342864847 52.58824308418125781, 6.23649915957205803 52.58716197406323545, 6.23573949337747457 52.58900039240116087, 6.25831086807014803 52.59202049720102679, 6.26550780504561189 52.59187327609754448, 6.26550780504561189 52.59187327609754448)))</t>
  </si>
  <si>
    <t>MultiPolygon (((6.26877032557991942 52.58272917355144216, 6.27554066363398277 52.58410175824923272, 6.27869847519138702 52.57844207835036343, 6.28118554508186211 52.57411304202228308, 6.27443702647401125 52.57268052684275972, 6.26877032557991942 52.58272917355144216, 6.26877032557991942 52.58272917355144216)))</t>
  </si>
  <si>
    <t>MultiPolygon (((6.28224212371053881 52.5723421442996397, 6.28957369689517165 52.57398458299994815, 6.2994633110954501 52.57763464617971039, 6.30388011726524233 52.57035143717511971, 6.29903900507194781 52.56760185278584174, 6.28657803348719213 52.56453148154412247, 6.28224212371053881 52.5723421442996397, 6.28224212371053881 52.5723421442996397)))</t>
  </si>
  <si>
    <t>MultiPolygon (((6.27869847519138702 52.57844207835036343, 6.29673513397861306 52.58251899487650149, 6.2994633110954501 52.57763464617971039, 6.28957369689517165 52.57398458299994815, 6.28224212371053881 52.5723421442996397, 6.28118554508186211 52.57411304202228308, 6.27869847519138702 52.57844207835036343, 6.27869847519138702 52.57844207835036343)))</t>
  </si>
  <si>
    <t>MultiPolygon (((6.27554066363398277 52.58410175824923272, 6.28758062686091446 52.5866009934244687, 6.29423572857106528 52.58699218120601415, 6.29673513397861306 52.58251899487650149, 6.27869847519138702 52.57844207835036343, 6.27554066363398277 52.58410175824923272, 6.27554066363398277 52.58410175824923272)))</t>
  </si>
  <si>
    <t>MultiPolygon (((6.28930225255568054 52.59549059648620783, 6.29423572857106528 52.58699218120601415, 6.28758062686091446 52.5866009934244687, 6.27554066363398277 52.58410175824923272, 6.27397788507011001 52.58697116219725842, 6.27281340026195178 52.58700765026120649, 6.2703767343311938 52.59239857103729321, 6.26602897503082534 52.59241799998338962, 6.26550780504561189 52.59187327609754448, 6.25831086807014803 52.59202049720102679, 6.2591304294345802 52.59359371865821942, 6.27068479360068043 52.59498285810656171, 6.2747762507882836 52.59478754578486104, 6.27489816433699055 52.59370478811833749, 6.28127331375278253 52.59450521664228972, 6.28273487377739759 52.59196731536988523, 6.28753433716743615 52.59178931162787052, 6.28649755780653585 52.59359840594720481, 6.28781583456863924 52.59385231064859312, 6.28707845081455918 52.59520707845872067, 6.28930225255568054 52.59549059648620783, 6.28930225255568054 52.59549059648620783)))</t>
  </si>
  <si>
    <t>MultiPolygon (((6.35137353942467975 52.54273444270606319, 6.35836803012272522 52.52910584293123719, 6.3607225871109474 52.52688016693869599, 6.36154884372295903 52.52453078430217204, 6.35326678413047485 52.52289860472350114, 6.35135126084131851 52.52369816146213566, 6.34827384530362515 52.5223589335552532, 6.34623047114334149 52.52055025915543496, 6.34363993631467071 52.51994649267105331, 6.33836564215241438 52.52176168697747016, 6.3315156886940569 52.52207477775045419, 6.32205989875386809 52.52203637531358993, 6.31369396481940193 52.52131838471216696, 6.30361978903817199 52.51950517252764428, 6.30183629215635133 52.52232098554158313, 6.30256639754851644 52.52342654351336648, 6.3017812675106244 52.52396623760149197, 6.29862264556434948 52.52578426886236684, 6.29349753251393196 52.52585385435411069, 6.29231561267776485 52.53029945897614539, 6.29196231799831907 52.53206756257252152, 6.27330899697660893 52.56137456490718307, 6.28657803348719213 52.56453148154412247, 6.29903900507194781 52.56760185278584174, 6.30388011726524233 52.57035143717511971, 6.30577755187233624 52.57120105081933303, 6.33381307438542951 52.57385994058208922, 6.33575373226274774 52.5704001786145696, 6.35137353942467975 52.54273444270606319, 6.35137353942467975 52.54273444270606319),(6.30718505896133941 52.53297809018791753, 6.30763457477100786 52.53145517810993681, 6.31549082530896477 52.53187946159573585, 6.31414122347922113 52.53769478414651672, 6.30825302460981163 52.53709361404605005, 6.30718505896133941 52.53297809018791753, 6.30718505896133941 52.53297809018791753)))</t>
  </si>
  <si>
    <t>MultiPolygon (((6.31549082530896477 52.53187946159573585, 6.30763457477100786 52.53145517810993681, 6.30718505896133941 52.53297809018791753, 6.30825302460981163 52.53709361404605005, 6.31414122347922113 52.53769478414651672, 6.31549082530896477 52.53187946159573585)))</t>
  </si>
  <si>
    <t>MultiPolygon (((6.23724176732130342 52.49146899641034025, 6.23972898287614086 52.49130420644062411, 6.24333383200337355 52.49202619967353911, 6.24436638749782524 52.49086434826075021, 6.24310816482905917 52.48973638766336336, 6.24394797890067821 52.48449960371866041, 6.24727985187005164 52.48138545713935343, 6.25050339235371855 52.48206477239502021, 6.25186803393771307 52.47858631301784982, 6.248172546016729 52.47710410766048739, 6.2476164819658786 52.47585167253883753, 6.24668319195234556 52.47367977663996186, 6.24835124857776947 52.46885593578970486, 6.24706460233644734 52.46828366148474032, 6.24541330459511368 52.4638749923027774, 6.23625722622997891 52.46561680620826706, 6.21872383176453258 52.46483330605921225, 6.21424379243794611 52.46461817549615603, 6.21141855724578917 52.46485455959971489, 6.20609737932719607 52.46759268171101098, 6.20241977526449961 52.46874433843849772, 6.19974678338838103 52.4683966484454416, 6.19686057799321866 52.46854073714758471, 6.19385387388011921 52.46804634725496186, 6.19094968313680827 52.46844095756658533, 6.18667322772794659 52.46841763521842239, 6.17802189575837968 52.47063564057787488, 6.1770588801866575 52.47058121499190264, 6.1744851135168215 52.46840123778234499, 6.17009199113694251 52.46892224656849635, 6.16249545806607113 52.47438835374949662, 6.17132278132869239 52.47725766337294573, 6.17358398627954674 52.47680285294671165, 6.17472728460912901 52.47821285351268727, 6.17766096526510022 52.47785638574560352, 6.17700995856770962 52.47940995929394603, 6.17752929025399755 52.4798223785015594, 6.18219978430249295 52.4790952184182089, 6.1828322833417193 52.4808066355517866, 6.18952799900157924 52.48068350244612645, 6.19213657238392656 52.48172792748348314, 6.193667448588136 52.48296145385072009, 6.19238796427658844 52.48561548576724789, 6.19368304007198756 52.48625077119430671, 6.19652001967281318 52.48967949401870925, 6.20096618000536282 52.49105651319429455, 6.20550518113064342 52.49227546563273705, 6.20779889877973279 52.49225961306004962, 6.2125393967145337 52.49070640879175187, 6.21693053801645767 52.49057227161796391, 6.22752710276834787 52.49113336121797602, 6.23693629697489982 52.49237090315667587, 6.23724176732130342 52.49146899641034025),(6.23253399036199163 52.49015289694543185, 6.22777066460941686 52.48896112830149718, 6.22134771252054364 52.48930284771035559, 6.21812149518237689 52.48725185643860414, 6.21945130694038095 52.48411217318112421, 6.22269558833294312 52.480797291735513, 6.22960643335174158 52.48344047654418176, 6.23700478933894953 52.48472171999299007, 6.23253399036199163 52.49015289694543185)))</t>
  </si>
  <si>
    <t>MultiPolygon (((6.23700478933894953 52.48472171999299007, 6.22960643335174158 52.48344047654418176, 6.22269558833294312 52.480797291735513, 6.21945130694038095 52.48411217318112421, 6.21812149518237689 52.48725185643860414, 6.22134771252054364 52.48930284771035559, 6.22777066460941686 52.48896112830149718, 6.23253399036199163 52.49015289694543185, 6.23700478933894953 52.48472171999299007)))</t>
  </si>
  <si>
    <t>MultiPolygon (((6.18769065839105181 52.52236801010418787, 6.19238869582021856 52.51902071545139705, 6.193862963630278 52.51891716231497043, 6.19755997235014711 52.51985429601350575, 6.2008029713555759 52.52208863711618392, 6.20251019120539659 52.52244386704455792, 6.20574757844353275 52.5218819376187227, 6.2111711754687926 52.51850712819226885, 6.21846213657679314 52.51649035456076575, 6.22155626900397074 52.51375724966179348, 6.23004290270444638 52.509460025265426, 6.23317772038168894 52.50842123836856246, 6.23905830925874749 52.50779283296401445, 6.24354216579535848 52.50572253122297184, 6.25084075993054444 52.50177316223734181, 6.24991449789009135 52.50029994396523847, 6.24578272160280523 52.49842655581753093, 6.24182777864158478 52.49558423433592225, 6.24469213295719605 52.49276703867739258, 6.24333383200337355 52.49202619967353911, 6.23972898287614086 52.49130420644062411, 6.23724176732130342 52.49146899641034025, 6.23693629697489982 52.49237090315667587, 6.22752710276834787 52.49113336121797602, 6.21693053801645767 52.49057227161796391, 6.2125393967145337 52.49070640879175187, 6.20779889877973279 52.49225961306004962, 6.20550518113064342 52.49227546563273705, 6.20096618000536282 52.49105651319429455, 6.20016747786077094 52.49088187817431361, 6.19874289450252469 52.492816971600611, 6.19994569160806996 52.49317658275232645, 6.19971255776536889 52.49527428954127828, 6.19791199889260991 52.49575710347131263, 6.1968247353807584 52.49553438372562653, 6.18908841306230162 52.49900727411306178, 6.18771751136502957 52.50055643188002108, 6.18407098359814 52.50774106082845805, 6.17332198113060571 52.51883021036521626, 6.18295344487148135 52.51933538328342621, 6.18296484559741888 52.51944889197115884, 6.18257722653764841 52.5195113774064879, 6.18310931636337546 52.52088731536004929, 6.18611025265976533 52.52267232890055482, 6.18613975263811966 52.52268972805605074, 6.18769065839105181 52.52236801010418787)))</t>
  </si>
  <si>
    <t>MultiPolygon (((6.2646950825290304 52.50369351973568399, 6.27547199868898176 52.50322843078420476, 6.28009145212809106 52.50465423665937692, 6.28326564656774611 52.50498245942650755, 6.28663221125977945 52.49872339847924252, 6.30056264260632659 52.48726651833332824, 6.30190956505597555 52.47320730351126628, 6.28381434060196664 52.47029181424867517, 6.2785959514497689 52.47002350267766957, 6.27848229700047078 52.46537239434042732, 6.27273936156523959 52.46526582661216764, 6.27087596029150518 52.46423702037012049, 6.26776606295570371 52.45951102812546907, 6.25428394371065544 52.46283865261592183, 6.24541330459511368 52.4638749923027774, 6.24706460233644734 52.46828366148474032, 6.24835124857776947 52.46885593578970486, 6.24668319195234556 52.47367977663996186, 6.2476164819658786 52.47585167253883753, 6.248172546016729 52.47710410766048739, 6.25186803393771307 52.47858631301784982, 6.25050339235371855 52.48206477239502021, 6.24727985187005164 52.48138545713935343, 6.24394797890067821 52.48449960371866041, 6.24310816482905917 52.48973638766336336, 6.24436638749782524 52.49086434826075021, 6.24333383200337355 52.49202619967353911, 6.24469213295719605 52.49276703867739258, 6.24182777864158478 52.49558423433592225, 6.24578272160280523 52.49842655581753093, 6.24991449789009135 52.50029994396523847, 6.25084075993054444 52.50177316223734181, 6.25632070074951674 52.50086252828872091, 6.2609630494295585 52.50301147425880544, 6.2646950825290304 52.50369351973568399, 6.2646950825290304 52.50369351973568399)))</t>
  </si>
  <si>
    <t>MultiPolygon (((6.30190956505597555 52.47320730351126628, 6.31438352211842258 52.47657174715934048, 6.32973238588050435 52.47804609881180937, 6.34400917313968638 52.48071714824596512, 6.3433155603692839 52.46885768118736593, 6.32478504922591078 52.46911092029345269, 6.32250924806576986 52.46761212883214398, 6.30758157052819612 52.46736530347274652, 6.30727206911358174 52.46496462290504326, 6.31106199074851659 52.46492609737103407, 6.31126836069660602 52.45617910789443528, 6.30975612986703105 52.45177113527421398, 6.27823841285752771 52.45704316999810857, 6.26776606295570371 52.45951102812546907, 6.27087596029150518 52.46423702037012049, 6.27273936156523959 52.46526582661216764, 6.27848229700047078 52.46537239434042732, 6.2785959514497689 52.47002350267766957, 6.28381434060196664 52.47029181424867517, 6.30190956505597555 52.47320730351126628, 6.30190956505597555 52.47320730351126628)))</t>
  </si>
  <si>
    <t>MultiPolygon (((6.31438352211842258 52.47657174715934048, 6.30190956505597555 52.47320730351126628, 6.30056264260632659 52.48726651833332824, 6.28663221125977945 52.49872339847924252, 6.28326564656774611 52.50498245942650755, 6.28717340301745509 52.50538641111103288, 6.29154769139204273 52.5078361095895545, 6.29450491915408783 52.51477671785556112, 6.29779011489394236 52.51725557307246106, 6.30361978903817199 52.51950517252764428, 6.31369396481940193 52.52131838471216696, 6.32205989875386809 52.52203637531358993, 6.3315156886940569 52.52207477775045419, 6.33200690610560901 52.51777995770802221, 6.33367252317724994 52.51557335218122091, 6.33220002696453133 52.51245822719243961, 6.33561055658553673 52.51043727757306101, 6.33489912689493462 52.50968500189309651, 6.33680191043386642 52.50763500603177647, 6.33458226022634641 52.50707774249167414, 6.34363011195536064 52.48287127090152637, 6.34400917313968638 52.48071714824596512, 6.32973238588050435 52.47804609881180937, 6.31438352211842258 52.47657174715934048, 6.31438352211842258 52.47657174715934048)))</t>
  </si>
  <si>
    <t>MultiPolygon (((6.26115963838004053 52.52834332015931551, 6.29231561267776485 52.53029945897614539, 6.29349753251393196 52.52585385435411069, 6.29862264556434948 52.52578426886236684, 6.3017812675106244 52.52396623760149197, 6.30256639754851644 52.52342654351336648, 6.30183629215635133 52.52232098554158313, 6.30361978903817199 52.51950517252764428, 6.29779011489394236 52.51725557307246106, 6.29450491915408783 52.51477671785556112, 6.29154769139204273 52.5078361095895545, 6.28717340301745509 52.50538641111103288, 6.28326564656774611 52.50498245942650755, 6.28009145212809106 52.50465423665937692, 6.27547199868898176 52.50322843078420476, 6.2646950825290304 52.50369351973568399, 6.26335537675562826 52.5067334086553501, 6.26338143589786611 52.50749641778137544, 6.26746860425930752 52.5076973127007065, 6.27124018166694075 52.50868767148540428, 6.27391075146643384 52.51141891188454025, 6.27521348564179782 52.51101860429506019, 6.27853967626759957 52.51376287545535604, 6.27811055265296947 52.51759069405948566, 6.27264226754027909 52.51684976047719289, 6.26005308454228171 52.51734700057379257, 6.26002725001086713 52.52060458941821253, 6.26115963838004053 52.52834332015931551, 6.26115963838004053 52.52834332015931551)))</t>
  </si>
  <si>
    <t>MultiPolygon (((6.19696687626419163 52.54723793012956889, 6.27017214028333569 52.56637982779027141, 6.27330899697660893 52.56137456490718307, 6.29196231799831907 52.53206756257252152, 6.29231561267776485 52.53029945897614539, 6.26115963838004053 52.52834332015931551, 6.26136726226524498 52.52963942328235447, 6.25273603708004178 52.52912380194019448, 6.24935018047138424 52.52986379614537782, 6.24757646963549984 52.53242518756906776, 6.24416445582663471 52.53174452886877077, 6.24033019562921165 52.53724228650705186, 6.2331005737550127 52.53525785559295969, 6.22996877314760855 52.54116446766977333, 6.19297028813863637 52.53196624105784451, 6.18963114338742315 52.53616004862236366, 6.19696687626419163 52.54723793012956889, 6.19696687626419163 52.54723793012956889)))</t>
  </si>
  <si>
    <t>MultiPolygon (((6.22996877314760855 52.54116446766977333, 6.2331005737550127 52.53525785559295969, 6.24033019562921165 52.53724228650705186, 6.24416445582663471 52.53174452886877077, 6.24757646963549984 52.53242518756906776, 6.24935018047138424 52.52986379614537782, 6.25273603708004178 52.52912380194019448, 6.26136726226524498 52.52963942328235447, 6.26115963838004053 52.52834332015931551, 6.26002725001086713 52.52060458941821253, 6.24752495647960959 52.52129922692694208, 6.2474010502901427 52.51585395533706446, 6.24751511142105542 52.51076320921594487, 6.24668693661255769 52.50743271078387409, 6.24354216579535848 52.50572253122297184, 6.23905830925874749 52.50779283296401445, 6.23317772038168894 52.50842123836856246, 6.23004290270444638 52.509460025265426, 6.22155626900397074 52.51375724966179348, 6.21846213657679314 52.51649035456076575, 6.2111711754687926 52.51850712819226885, 6.20574757844353275 52.5218819376187227, 6.20251019120539659 52.52244386704455792, 6.2008029713555759 52.52208863711618392, 6.19755997235014711 52.51985429601350575, 6.193862963630278 52.51891716231497043, 6.19238869582021856 52.51902071545139705, 6.18769065839105181 52.52236801010418787, 6.18613975263811966 52.52268972805605074, 6.18785146991958612 52.52351559710840689, 6.1874418217764644 52.52477921262352822, 6.19297028813863637 52.53196624105784451, 6.22996877314760855 52.54116446766977333, 6.22996877314760855 52.54116446766977333),(6.23961126600006644 52.52426790612847896, 6.23995559449607029 52.52084310486916507, 6.24482341131384278 52.52014548291614204, 6.24545410746119956 52.52420273549731888, 6.23961126600006644 52.52426790612847896, 6.23961126600006644 52.52426790612847896)))</t>
  </si>
  <si>
    <t>MultiPolygon (((6.24545410746119956 52.52420273549731888, 6.24482341131384278 52.52014548291614204, 6.23995559449607029 52.52084310486916507, 6.23961126600006644 52.52426790612847896, 6.24545410746119956 52.52420273549731888, 6.24545410746119956 52.52420273549731888)))</t>
  </si>
  <si>
    <t>MultiPolygon (((6.26174296458085156 52.51306171069857243, 6.26382928424184815 52.51366798845004524, 6.27399037459866893 52.51333010560860259, 6.27391075146643384 52.51141891188454025, 6.27124018166694075 52.50868767148540428, 6.26746860425930752 52.5076973127007065, 6.26338143589786611 52.50749641778137544, 6.26085512558023982 52.51021387475286417, 6.26174296458085156 52.51306171069857243, 6.26174296458085156 52.51306171069857243)))</t>
  </si>
  <si>
    <t>MultiPolygon (((6.25969642732443532 52.5155444144671506, 6.26005308454228171 52.51734700057379257, 6.27264226754027909 52.51684976047719289, 6.27811055265296947 52.51759069405948566, 6.27853967626759957 52.51376287545535604, 6.27521348564179782 52.51101860429506019, 6.27391075146643384 52.51141891188454025, 6.27399037459866893 52.51333010560860259, 6.26382928424184815 52.51366798845004524, 6.26174296458085156 52.51306171069857243, 6.25969642732443532 52.5155444144671506, 6.25969642732443532 52.5155444144671506)))</t>
  </si>
  <si>
    <t>MultiPolygon (((6.26002725001086713 52.52060458941821253, 6.26005308454228171 52.51734700057379257, 6.25969642732443532 52.5155444144671506, 6.25522921297759904 52.51602405216043223, 6.2474010502901427 52.51585395533706446, 6.24752495647960959 52.52129922692694208, 6.26002725001086713 52.52060458941821253, 6.26002725001086713 52.52060458941821253)))</t>
  </si>
  <si>
    <t>MultiPolygon (((6.2474010502901427 52.51585395533706446, 6.25522921297759904 52.51602405216043223, 6.25969642732443532 52.5155444144671506, 6.26174296458085156 52.51306171069857243, 6.26085512558023982 52.51021387475286417, 6.25437687748687399 52.51128186425912503, 6.25216575561326771 52.51074617253267718, 6.24751511142105542 52.51076320921594487, 6.2474010502901427 52.51585395533706446, 6.2474010502901427 52.51585395533706446)))</t>
  </si>
  <si>
    <t>MultiPolygon (((6.25216575561326771 52.51074617253267718, 6.25437687748687399 52.51128186425912503, 6.26085512558023982 52.51021387475286417, 6.26338143589786611 52.50749641778137544, 6.26335537675562826 52.5067334086553501, 6.25728895819457165 52.50684460904092532, 6.25412602653611671 52.50630689639459803, 6.25216575561326771 52.51074617253267718, 6.25216575561326771 52.51074617253267718)))</t>
  </si>
  <si>
    <t>MultiPolygon (((6.24751511142105542 52.51076320921594487, 6.25216575561326771 52.51074617253267718, 6.25412602653611671 52.50630689639459803, 6.25360455981663765 52.5034194449735736, 6.25084075993054444 52.50177316223734181, 6.24354216579535848 52.50572253122297184, 6.24668693661255769 52.50743271078387409, 6.24751511142105542 52.51076320921594487, 6.24751511142105542 52.51076320921594487)))</t>
  </si>
  <si>
    <t>MultiPolygon (((6.25412602653611671 52.50630689639459803, 6.25728895819457165 52.50684460904092532, 6.26335537675562826 52.5067334086553501, 6.2646950825290304 52.50369351973568399, 6.2609630494295585 52.50301147425880544, 6.25632070074951674 52.50086252828872091, 6.25084075993054444 52.50177316223734181, 6.25360455981663765 52.5034194449735736, 6.25412602653611671 52.50630689639459803, 6.25412602653611671 52.50630689639459803)))</t>
  </si>
  <si>
    <t>MultiPolygon (((6.74760884231545699 52.33248013088451245, 6.75067916536031465 52.3296653472390858, 6.75377220160862635 52.33004426030066725, 6.75903535255931054 52.33206059951326239, 6.7621360773623751 52.33076157862558375, 6.76305166955297032 52.32803052257010989, 6.77384184550058599 52.3189105731983517, 6.77907768477024408 52.31785404475198931, 6.78183984019344965 52.31833554888666526, 6.78582399825757143 52.31814038695729607, 6.78514899339376854 52.31736996400957906, 6.80212890482969179 52.31454419470588135, 6.80203883101837548 52.3135860798283332, 6.80188891228589831 52.31198468330298823, 6.77383017338231497 52.30783915096189673, 6.76867304797254388 52.30846582518415033, 6.76479912855147703 52.30999137667306798, 6.76478288411916751 52.31230449862580656, 6.7632738549886291 52.31510663507390291, 6.75454753587648149 52.31216966825458314, 6.74755654771470326 52.31236801339444753, 6.74927660071136337 52.31718697976661758, 6.74888015461517199 52.31836907517420343, 6.74759210270587051 52.32166761020921086, 6.74233320286859072 52.32757686341151526, 6.74583044442616941 52.33183166874847103, 6.74760884231545699 52.33248013088451245, 6.74760884231545699 52.33248013088451245),(6.76352500685726099 52.32311356693986681, 6.75380844683593207 52.3234195229815171, 6.75358470318768767 52.31815300223442478, 6.75507537767301258 52.31607115601361357, 6.76281870952252184 52.31745884961875248, 6.76783952575905978 52.32019584418083724, 6.76352500685726099 52.32311356693986681, 6.76352500685726099 52.32311356693986681)))</t>
  </si>
  <si>
    <t>MultiPolygon (((6.76352500685726099 52.32311356693986681, 6.76783952575905978 52.32019584418083724, 6.76281870952252184 52.31745884961875248, 6.75507537767301258 52.31607115601361357, 6.75358470318768767 52.31815300223442478, 6.75380844683593207 52.3234195229815171, 6.76352500685726099 52.32311356693986681, 6.76352500685726099 52.32311356693986681)))</t>
  </si>
  <si>
    <t>MultiPolygon (((6.7208456619462007 52.34120753596721443, 6.73449726246708291 52.33935478228875127, 6.74368493339073716 52.33610946548994747, 6.74760884231545699 52.33248013088451245, 6.74583044442616941 52.33183166874847103, 6.74233320286859072 52.32757686341151526, 6.74759210270587051 52.32166761020921086, 6.74888015461517199 52.31836907517420343, 6.74927660071136337 52.31718697976661758, 6.74755654771470326 52.31236801339444753, 6.74720712216084273 52.30995966903300598, 6.74375019012848398 52.30961286962277512, 6.73756097144510324 52.31238356666278833, 6.73442623471592938 52.31126778197115357, 6.73172196928485 52.3092295261648772, 6.73379295001471689 52.30812923748266741, 6.73207062181922211 52.30742805746638169, 6.72539963749115 52.30284758625282393, 6.71645966386373416 52.30702849958236555, 6.71759592163656905 52.3118634544421468, 6.7126190349332111 52.31757915782406343, 6.70583734692545708 52.3180244864395263, 6.70435385182726673 52.31973633965803572, 6.7068906951817624 52.32103439812873802, 6.6949451984257653 52.32682289979353385, 6.69695385314595892 52.32980727038216173, 6.7068411718457428 52.33225875765653257, 6.70944696654970318 52.33059981409275707, 6.71542233704352221 52.33647826913792755, 6.72101048500134368 52.34012766431336416, 6.7208456619462007 52.34120753596721443),(6.72235173808938224 52.32678135359785898, 6.72095227344174884 52.32701484918659673, 6.71653368374375503 52.32589948639267874, 6.7186032492669101 52.32242158793032161, 6.72406712002389817 52.32030548857644447, 6.72913366350649511 52.32054174246980693, 6.73285427106273371 52.32191883565271695, 6.72507421086206225 52.3265087826805555, 6.72235173808938224 52.32678135359785898)))</t>
  </si>
  <si>
    <t>MultiPolygon (((6.72235173808938224 52.32678135359785898, 6.72507421086206225 52.3265087826805555, 6.73285427106273371 52.32191883565271695, 6.72913366350649511 52.32054174246980693, 6.72406712002389817 52.32030548857644447, 6.7186032492669101 52.32242158793032161, 6.71653368374375503 52.32589948639267874, 6.72095227344174884 52.32701484918659673, 6.72235173808938224 52.32678135359785898, 6.72235173808938224 52.32678135359785898)))</t>
  </si>
  <si>
    <t>MultiPolygon (((6.80188891228589831 52.31198468330298823, 6.80134755815815062 52.30865116990755581, 6.80134742058062169 52.30865104031575186, 6.79815709090879849 52.30763846996320865, 6.79745142614307341 52.30670081181079212, 6.79410186300054786 52.30601667049866421, 6.78789219533113375 52.30497555070198956, 6.78838301326610072 52.30365140090285081, 6.79255056745812613 52.30038678818952746, 6.785048611783842 52.29981272556010197, 6.78060836070025363 52.29697029170639411, 6.77998838499035728 52.29717317853191361, 6.77767499413439989 52.29509340619914326, 6.77382837119982817 52.29763294602054202, 6.77533063061934104 52.29871567437346158, 6.77807833299019613 52.29788310934330298, 6.78092474265236156 52.30020035547902069, 6.77345054347039355 52.30644026006540059, 6.7684026244796387 52.30777186792688838, 6.76867304797254388 52.30846582518415033, 6.77383017338231497 52.30783915096189673, 6.80188891228589831 52.31198468330298823, 6.80188891228589831 52.31198468330298823)))</t>
  </si>
  <si>
    <t>MultiPolygon (((6.6909401981243084 52.30839106427342244, 6.68948131060250883 52.30958863576181272, 6.69231953956862036 52.3139676016956443, 6.6915931953901584 52.31423464448398875, 6.70583734692545708 52.3180244864395263, 6.7126190349332111 52.31757915782406343, 6.71759592163656905 52.3118634544421468, 6.71645966386373416 52.30702849958236555, 6.72539963749115 52.30284758625282393, 6.73207062181922211 52.30742805746638169, 6.73237890929076954 52.29717201421178174, 6.73586668601917626 52.2980418213978453, 6.73597218875223103 52.29296728920162707, 6.74079361203283156 52.29022283228540857, 6.7446471225312381 52.29328510931281215, 6.74592257777827697 52.29285247287386795, 6.7457515198655571 52.29085358779312287, 6.75237792378536916 52.28910446505409482, 6.75399803161712597 52.29145429561806679, 6.75599781708036495 52.29112553134657304, 6.75934064050622574 52.28802784299214323, 6.75411988749955317 52.28713011780703113, 6.75296139672766316 52.2875612948039219, 6.75031964402608242 52.28512096487609995, 6.74749602868374065 52.28443569145195369, 6.74288646020911298 52.28311347961944477, 6.73289183677517933 52.28981314543598558, 6.72783790955571703 52.29205556823101375, 6.72369734840969357 52.29606553146267345, 6.71199208999594621 52.30366818585813604, 6.70108806321806938 52.30806902670463643, 6.69746023868841522 52.30861046545461335, 6.6909401981243084 52.30839106427342244)))</t>
  </si>
  <si>
    <t>MultiPolygon (((6.74375019012848398 52.30961286962277512, 6.74720712216084273 52.30995966903300598, 6.74755654771470326 52.31236801339444753, 6.75454753587648149 52.31216966825458314, 6.7632738549886291 52.31510663507390291, 6.76478288411916751 52.31230449862580656, 6.76479912855147703 52.30999137667306798, 6.76867304797254388 52.30846582518415033, 6.7684026244796387 52.30777186792688838, 6.76135379618682375 52.30466964889984638, 6.76148747786991411 52.30353999948987109, 6.75489275308234483 52.305803572848518, 6.74375019012848398 52.30961286962277512, 6.74375019012848398 52.30961286962277512)))</t>
  </si>
  <si>
    <t>MultiPolygon (((6.74973133570019002 52.29730471665187252, 6.75218178457846019 52.29488822804370329, 6.75599781708036495 52.29112553134657304, 6.75399803161712597 52.29145429561806679, 6.75237792378536916 52.28910446505409482, 6.7457515198655571 52.29085358779312287, 6.74592257777827697 52.29285247287386795, 6.7446471225312381 52.29328510931281215, 6.74973133570019002 52.29730471665187252, 6.74973133570019002 52.29730471665187252)))</t>
  </si>
  <si>
    <t>MultiPolygon (((6.73586668601917626 52.2980418213978453, 6.74633713762410814 52.30065448102519809, 6.74973133570019002 52.29730471665187252, 6.7446471225312381 52.29328510931281215, 6.74079361203283156 52.29022283228540857, 6.73597218875223103 52.29296728920162707, 6.73586668601917626 52.2980418213978453, 6.73586668601917626 52.2980418213978453)))</t>
  </si>
  <si>
    <t>MultiPolygon (((6.73207062181922211 52.30742805746638169, 6.73379295001471689 52.30812923748266741, 6.7442546697931185 52.30246268254489195, 6.74633713762410814 52.30065448102519809, 6.73586668601917626 52.2980418213978453, 6.73237890929076954 52.29717201421178174, 6.73207062181922211 52.30742805746638169, 6.73207062181922211 52.30742805746638169)))</t>
  </si>
  <si>
    <t>MultiPolygon (((6.73379295001471689 52.30812923748266741, 6.73172196928485 52.3092295261648772, 6.73442623471592938 52.31126778197115357, 6.73756097144510324 52.31238356666278833, 6.74375019012848398 52.30961286962277512, 6.75489275308234483 52.305803572848518, 6.7512336492426952 52.30168488072426669, 6.7442546697931185 52.30246268254489195, 6.73379295001471689 52.30812923748266741, 6.73379295001471689 52.30812923748266741)))</t>
  </si>
  <si>
    <t>MultiPolygon (((6.75218178457846019 52.29488822804370329, 6.75534877557604663 52.29571088590506633, 6.76591628821099533 52.29410773900970355, 6.7674805758540213 52.29229963688039362, 6.76709012918647979 52.29174669997067326, 6.7666827802538414 52.29051905768299946, 6.76322083919308525 52.2884055366287015, 6.75934064050622574 52.28802784299214323, 6.75599781708036495 52.29112553134657304, 6.75218178457846019 52.29488822804370329, 6.75218178457846019 52.29488822804370329)))</t>
  </si>
  <si>
    <t>MultiPolygon (((6.75534877557604663 52.29571088590506633, 6.75719654230259437 52.29806084565763058, 6.7619821790889727 52.30043226225556907, 6.76411756155791544 52.30030571986554833, 6.76591628821099533 52.29410773900970355, 6.75534877557604663 52.29571088590506633, 6.75534877557604663 52.29571088590506633)))</t>
  </si>
  <si>
    <t>MultiPolygon (((6.75489275308234483 52.305803572848518, 6.76148747786991411 52.30353999948987109, 6.76411756155791544 52.30030571986554833, 6.7619821790889727 52.30043226225556907, 6.75719654230259437 52.29806084565763058, 6.75534877557604663 52.29571088590506633, 6.75218178457846019 52.29488822804370329, 6.74973133570019002 52.29730471665187252, 6.74633713762410814 52.30065448102519809, 6.7442546697931185 52.30246268254489195, 6.7512336492426952 52.30168488072426669, 6.75489275308234483 52.305803572848518, 6.75489275308234483 52.305803572848518)))</t>
  </si>
  <si>
    <t>MultiPolygon (((6.76148747786991411 52.30353999948987109, 6.76135379618682375 52.30466964889984638, 6.7684026244796387 52.30777186792688838, 6.77345054347039355 52.30644026006540059, 6.78092474265236156 52.30020035547902069, 6.77807833299019613 52.29788310934330298, 6.77533063061934104 52.29871567437346158, 6.77382837119982817 52.29763294602054202, 6.77767499413439989 52.29509340619914326, 6.77551632648564706 52.29315251070480031, 6.77344555231518086 52.29240004541037479, 6.77064755129792939 52.29221994780613159, 6.77013085865181274 52.29161545424542368, 6.7674805758540213 52.29229963688039362, 6.76591628821099533 52.29410773900970355, 6.76411756155791544 52.30030571986554833, 6.76148747786991411 52.30353999948987109, 6.76148747786991411 52.30353999948987109)))</t>
  </si>
  <si>
    <t>MultiPolygon (((6.26677328420902757 52.68472707543325839, 6.28352419950024199 52.68249190237694535, 6.2751611623761141 52.68344700315188334, 6.26981471980935812 52.68222796961511989, 6.27266844879011209 52.6737423901916415, 6.27248900317332758 52.67319817145728678, 6.26904559192814315 52.67357571330051513, 6.26857595230993869 52.67171477186723649, 6.26645667166812714 52.67099580198753017, 6.26632529638053626 52.66825785444020624, 6.26550119620084356 52.66798774281844686, 6.2654885935789979 52.66913909875018618, 6.26053513785361204 52.67047782498568864, 6.25817624914510873 52.66981836486876034, 6.25741964572012765 52.6704075743045621, 6.25591166460983672 52.66960163547071971, 6.25507912122174847 52.67007200483694618, 6.25473558614396996 52.66957878380394931, 6.25425608448557391 52.67019787423080146, 6.25200145325963419 52.66988137234593381, 6.25026986615771829 52.67109574972921848, 6.25061239816859882 52.67186717778901794, 6.24920065535430069 52.67139681840892251, 6.24733772469181847 52.67277560279669046, 6.24896575680241284 52.67390111747602077, 6.24836511611593881 52.67561679518582451, 6.24349897873817472 52.67878550377682245, 6.24050384597706387 52.67772866282831501, 6.23707454947695084 52.67754764204565987, 6.23680771343734008 52.67802881866844444, 6.23284313212622454 52.67910935371723014, 6.23292521491488394 52.67987050372583724, 6.23406082911157622 52.68023773530276088, 6.23265087932229367 52.68148643297868716, 6.23066308056256002 52.68118554899585604, 6.22869167793589895 52.68164882826938111, 6.22823132152447378 52.68128635287255435, 6.22769847217922834 52.68172556647906646, 6.22718207920128997 52.68125262395940211, 6.22490543200398516 52.68243115160583301, 6.22272066366162502 52.68268268076683825, 6.22976729777504445 52.68466473715160703, 6.23656348580058317 52.68567568605494955, 6.24571063975261698 52.68584610749396546, 6.26677328420902757 52.68472707543325839, 6.26677328420902757 52.68472707543325839)))</t>
  </si>
  <si>
    <t>MultiPolygon (((6.25311977043852085 52.70528154907599117, 6.26862800018946142 52.7055437174550292, 6.27425517393671583 52.7061830884620548, 6.27380284495616092 52.70328156155905219, 6.27721382841100439 52.70335978982818403, 6.27669938353888845 52.70058611818523531, 6.27795143896730767 52.70105112168377559, 6.27963487255664532 52.69961184066814752, 6.27632568402316515 52.69800419706911754, 6.27580762673333492 52.69546342650345849, 6.2867001619101055 52.69906929389239991, 6.2850119703902152 52.68970515713489533, 6.27589416070882855 52.69030956508073871, 6.27542329459918768 52.68774297466922718, 6.27106962532038104 52.6895178101088959, 6.26696627699344511 52.69028330059560261, 6.24414981817313119 52.68993684236714614, 6.2425559378990414 52.70681332977144251, 6.24897551694279318 52.7082209626494631, 6.25311977043852085 52.70528154907599117)))</t>
  </si>
  <si>
    <t>MultiPolygon (((6.28174065393783554 52.68447351041673699, 6.28384234363841365 52.68419794577319948, 6.28352419950024199 52.68249190237694535, 6.26677328420902757 52.68472707543325839, 6.24571063975261698 52.68584610749396546, 6.23656348580058317 52.68567568605494955, 6.23388616476999591 52.68860074140739869, 6.24414981817313119 52.68993684236714614, 6.26696627699344511 52.69028330059560261, 6.27106962532038104 52.6895178101088959, 6.27542329459918768 52.68774297466922718, 6.28174065393783554 52.68447351041673699)))</t>
  </si>
  <si>
    <t>MultiPolygon (((6.19828185980745161 52.72252575357370574, 6.19196486703704085 52.71787046957992118, 6.18933079320361212 52.72139588659302945, 6.18275292236465113 52.71872025499612135, 6.1724837013580478 52.71738194230913166, 6.17511607814581875 52.71285303825326451, 6.16432893636487655 52.710383189663915, 6.16515314900619593 52.70647832810971067, 6.16873206749011072 52.70080706296809581, 6.15649493156417726 52.69213039183983227, 6.1538206070200614 52.69733696038542803, 6.15143588274118169 52.70137652006162199, 6.15198505144882102 52.70159698906323342, 6.15142277845856889 52.70288272217645442, 6.14391846973260947 52.71426495820851699, 6.142647085262956 52.71632635926804511, 6.15235703665542388 52.71851462410595701, 6.16095104101758917 52.72323453918539116, 6.16625590472832741 52.72762888129484082, 6.1747733995663312 52.72940451595175659, 6.18109659528225919 52.73067139151745408, 6.17842258804069466 52.73453841567894074, 6.19533922072827892 52.73956259787712497, 6.20184296087528697 52.72930708498182639, 6.19828185980745161 52.72252575357370574, 6.19828185980745161 52.72252575357370574)),((6.18725768582410041 52.75275256797871748, 6.19407384022996599 52.74159405867315087, 6.1831470334133396 52.73968030523835182, 6.17637694699288353 52.73710719715315065, 6.17526371303286759 52.73885172814200217, 6.16808557883723818 52.73730200169376303, 6.16356005353693703 52.73652647717351982, 6.16178372208938985 52.73921421003636567, 6.15460048196176679 52.73772111138753615, 6.15327919377308685 52.73987409578537466, 6.15149639762548528 52.73946765706730133, 6.15433730438518189 52.73510544831460578, 6.15733119574657373 52.73567129125662944, 6.15899473503468275 52.73294657857201173, 6.16281624327484323 52.73030490269199788, 6.16383368550948862 52.73054488477527002, 6.16457205439525247 52.72946107871295851, 6.15672266035928306 52.72582413986715011, 6.13993497371003727 52.72036251253844341, 6.13297638875484896 52.73139632006841993, 6.12914787007385975 52.7380282848591122, 6.13192371708084405 52.73885954660484288, 6.13455602032816216 52.73731665057037787, 6.13992372339308901 52.73817686378564673, 6.15561957187424991 52.74412978211051239, 6.15963508998163167 52.74347068068122013, 6.16681255016485341 52.74399084416617001, 6.16972511728755002 52.74813663175979173, 6.17322251191501348 52.74979263397836604, 6.17989381268660409 52.75057429752475713, 6.18725768582410041 52.75275256797871748, 6.18725768582410041 52.75275256797871748)),((6.1756711131026929 52.76989311235590918, 6.17692568602412351 52.76821361898726792, 6.17759235807295859 52.76830249172638787, 6.18596205777808983 52.75485926881192, 6.17753431552797494 52.75300224081877332, 6.17678685899252677 52.75440276541311135, 6.17062199083231988 52.75333139509255176, 6.17092357347010179 52.75210829121042622, 6.16491889071187238 52.74889861478028052, 6.16476082424675997 52.74606490401842507, 6.16153498337515426 52.74550807730098967, 6.15849730501949466 52.7454296696764473, 6.15678345862222898 52.74605131953919823, 6.15467039624810042 52.74568063541906326, 6.14058662613369144 52.74317299026820649, 6.1380830424133066 52.74174963258573001, 6.13170236974039096 52.74156074794178295, 6.12709362440496363 52.74026386353794038, 6.12037622347349686 52.75024246278635331, 6.12159732851650951 52.75421015689203585, 6.12633046225488798 52.75683437298086886, 6.13246809421032069 52.75866799431913989, 6.14085880685090224 52.75960239951623976, 6.15649641930794544 52.76265013832276907, 6.16015370357404013 52.76465857717849417, 6.1639399861867421 52.76644934610869342, 6.16852538881040413 52.76709349261833637, 6.17290597400690633 52.77305425554322937, 6.17444563861122564 52.77206007334521587, 6.1756711131026929 52.76989311235590918, 6.1756711131026929 52.76989311235590918)))</t>
  </si>
  <si>
    <t>MultiPolygon (((6.18596205777808983 52.75485926881192, 6.18725768582410041 52.75275256797871748, 6.17989381268660409 52.75057429752475713, 6.17322251191501348 52.74979263397836604, 6.16972511728755002 52.74813663175979173, 6.16681255016485341 52.74399084416617001, 6.15963508998163167 52.74347068068122013, 6.15561957187424991 52.74412978211051239, 6.15467039624810042 52.74568063541906326, 6.15678345862222898 52.74605131953919823, 6.15849730501949466 52.7454296696764473, 6.16153498337515426 52.74550807730098967, 6.16476082424675997 52.74606490401842507, 6.16491889071187238 52.74889861478028052, 6.17092357347010179 52.75210829121042622, 6.17062199083231988 52.75333139509255176, 6.17678685899252677 52.75440276541311135, 6.17753431552797494 52.75300224081877332, 6.18596205777808983 52.75485926881192, 6.18596205777808983 52.75485926881192)))</t>
  </si>
  <si>
    <t>MultiPolygon (((6.15467039624810042 52.74568063541906326, 6.15561957187424991 52.74412978211051239, 6.13992372339308901 52.73817686378564673, 6.13455602032816216 52.73731665057037787, 6.13192371708084405 52.73885954660484288, 6.12914787007385975 52.7380282848591122, 6.12709362440496363 52.74026386353794038, 6.13170236974039096 52.74156074794178295, 6.1380830424133066 52.74174963258573001, 6.14058662613369144 52.74317299026820649, 6.15467039624810042 52.74568063541906326, 6.15467039624810042 52.74568063541906326)))</t>
  </si>
  <si>
    <t>MultiPolygon (((6.16095104101758917 52.72323453918539116, 6.15235703665542388 52.71851462410595701, 6.142647085262956 52.71632635926804511, 6.13993497371003727 52.72036251253844341, 6.15672266035928306 52.72582413986715011, 6.16457205439525247 52.72946107871295851, 6.16625590472832741 52.72762888129484082, 6.16095104101758917 52.72323453918539116, 6.16095104101758917 52.72323453918539116)))</t>
  </si>
  <si>
    <t>MultiPolygon (((6.1607883307353335 52.73592383121647487, 6.15733119574657373 52.73567129125662944, 6.15433730438518189 52.73510544831460578, 6.15149639762548528 52.73946765706730133, 6.15327919377308685 52.73987409578537466, 6.15460048196176679 52.73772111138753615, 6.16178372208938985 52.73921421003636567, 6.16356005353693703 52.73652647717351982, 6.1607883307353335 52.73592383121647487, 6.1607883307353335 52.73592383121647487)))</t>
  </si>
  <si>
    <t>MultiPolygon (((6.15733119574657373 52.73567129125662944, 6.1607883307353335 52.73592383121647487, 6.16314328418399171 52.73188632418560218, 6.16383368550948862 52.73054488477527002, 6.16281624327484323 52.73030490269199788, 6.15899473503468275 52.73294657857201173, 6.15733119574657373 52.73567129125662944, 6.15733119574657373 52.73567129125662944)))</t>
  </si>
  <si>
    <t>MultiPolygon (((6.16808557883723818 52.73730200169376303, 6.17526371303286759 52.73885172814200217, 6.17637694699288353 52.73710719715315065, 6.17842258804069466 52.73453841567894074, 6.18109659528225919 52.73067139151745408, 6.1747733995663312 52.72940451595175659, 6.17234906654127968 52.73327486686229548, 6.17050226283039827 52.73376211520317725, 6.16808557883723818 52.73730200169376303, 6.16808557883723818 52.73730200169376303)))</t>
  </si>
  <si>
    <t>MultiPolygon (((6.16356005353693703 52.73652647717351982, 6.16808557883723818 52.73730200169376303, 6.17050226283039827 52.73376211520317725, 6.16314328418399171 52.73188632418560218, 6.1607883307353335 52.73592383121647487, 6.16356005353693703 52.73652647717351982, 6.16356005353693703 52.73652647717351982)))</t>
  </si>
  <si>
    <t>MultiPolygon (((6.16314328418399171 52.73188632418560218, 6.17050226283039827 52.73376211520317725, 6.17234906654127968 52.73327486686229548, 6.1747733995663312 52.72940451595175659, 6.16625590472832741 52.72762888129484082, 6.16457205439525247 52.72946107871295851, 6.16383368550948862 52.73054488477527002, 6.16314328418399171 52.73188632418560218, 6.16314328418399171 52.73188632418560218)))</t>
  </si>
  <si>
    <t>MultiPolygon (((6.19407384022996599 52.74159405867315087, 6.19533922072827892 52.73956259787712497, 6.17842258804069466 52.73453841567894074, 6.17637694699288353 52.73710719715315065, 6.1831470334133396 52.73968030523835182, 6.19407384022996599 52.74159405867315087, 6.19407384022996599 52.74159405867315087)))</t>
  </si>
  <si>
    <t>MultiPolygon (((6.21160600126860274 52.68975099829268061, 6.21326232405720358 52.68860660001624296, 6.22104022824315983 52.68946084688754183, 6.22129009146811729 52.69000271478969211, 6.22435761448929625 52.68970025659226053, 6.23388616476999591 52.68860074140739869, 6.23656348580058317 52.68567568605494955, 6.22976729777504445 52.68466473715160703, 6.22272066366162502 52.68268268076683825, 6.2209939523638571 52.68282761372564948, 6.22117038308344217 52.68347591959010856, 6.21871469434231638 52.68437727985371311, 6.21980680142934172 52.6857044672550785, 6.21840215388328854 52.68600454715030423, 6.2174257322339308 52.68551642489978093, 6.21658442616660345 52.68639284429752223, 6.21409568149647118 52.68631558987109997, 6.21374356625264568 52.68565283950407263, 6.21211374142063644 52.68530839976669, 6.21249957568072375 52.6846329309141197, 6.21018114533623056 52.68522420342413426, 6.20646336814024213 52.68485852581203943, 6.20498485664392163 52.68416104734924943, 6.20393662521665146 52.6846669662635847, 6.20168151982424476 52.68462028061631486, 6.20250514385970675 52.68553383998622763, 6.20555413921441534 52.6887770186476061, 6.20734117274872421 52.69313269808485956, 6.21262240416685518 52.69199449083676967, 6.21160600126860274 52.68975099829268061, 6.21160600126860274 52.68975099829268061)))</t>
  </si>
  <si>
    <t>MultiPolygon (((6.2425559378990414 52.70681332977144251, 6.24414981817313119 52.68993684236714614, 6.23388616476999591 52.68860074140739869, 6.22435761448929625 52.68970025659226053, 6.23594532092725018 52.69721142313331796, 6.23718903601402097 52.69827141057480446, 6.23620821547682613 52.70206059707719959, 6.2238160595158627 52.70171368647435628, 6.21704444333173267 52.7014409770238359, 6.21690358512052921 52.70315773387873293, 6.22496111921358963 52.70323020940699621, 6.23332810832825146 52.70665906493178454, 6.23792792720824885 52.70577056372215452, 6.2425559378990414 52.70681332977144251, 6.2425559378990414 52.70681332977144251)))</t>
  </si>
  <si>
    <t>MultiPolygon (((6.21855584895159197 52.7483003870702376, 6.22065896703864585 52.74791142002023747, 6.23143877126356838 52.7417085833854884, 6.23457627142033743 52.74060076903183614, 6.21762349170204764 52.72129967984720622, 6.21631980689943031 52.71860403463615086, 6.21652274799858784 52.71270708474467881, 6.216633925991915 52.70959439522947321, 6.21690358512052921 52.70315773387873293, 6.21704444333173267 52.7014409770238359, 6.20814010168405339 52.70112629695898931, 6.20367148639780286 52.69998094334878402, 6.19990644036197835 52.69736718976910339, 6.20180105606004517 52.70302332661975697, 6.2033453414996087 52.70665475129670341, 6.20471506505596082 52.71112607085174773, 6.20293645435619556 52.71504611717273292, 6.19828185980745161 52.72252575357370574, 6.20184296087528697 52.72930708498182639, 6.21855584895159197 52.7483003870702376, 6.21855584895159197 52.7483003870702376)))</t>
  </si>
  <si>
    <t>MultiPolygon (((6.17444927976978875 52.70325269400580481, 6.18008693234431039 52.70500482656745334, 6.18205249605396379 52.70250120832231033, 6.18062161309616975 52.70218525955937139, 6.17670930923594419 52.69911760545468837, 6.1723924013069098 52.69697483839114227, 6.17245343374307964 52.69798663423470231, 6.16967836990273177 52.7012737352674776, 6.17444927976978875 52.70325269400580481, 6.17444927976978875 52.70325269400580481)))</t>
  </si>
  <si>
    <t>MultiPolygon (((6.17359967634979956 52.69455144489224807, 6.16257986541430558 52.69106115113194733, 6.15897604170188373 52.69215417824357672, 6.15880268998294689 52.69248021067647869, 6.15649493156417726 52.69213039183983227, 6.16873206749011072 52.70080706296809581, 6.16967836990273177 52.7012737352674776, 6.17245343374307964 52.69798663423470231, 6.1723924013069098 52.69697483839114227, 6.17358251189113005 52.69457253737037661, 6.17359967634979956 52.69455144489224807, 6.17359967634979956 52.69455144489224807)))</t>
  </si>
  <si>
    <t>MultiPolygon (((6.18464670513895509 52.7020866419094105, 6.18524457590622223 52.70193330307110102, 6.18727828336940888 52.70022770943531754, 6.18386880586685272 52.69700697733097883, 6.17935140176075315 52.69627232500534575, 6.17358251189113005 52.69457253737037661, 6.1723924013069098 52.69697483839114227, 6.17670930923594419 52.69911760545468837, 6.18062161309616975 52.70218525955937139, 6.18205249605396379 52.70250120832231033, 6.18386629519639097 52.70151904046235813, 6.18464670513895509 52.7020866419094105, 6.18464670513895509 52.7020866419094105)))</t>
  </si>
  <si>
    <t>MultiPolygon (((6.17043290186098314 52.68975888808284225, 6.17183341709879407 52.68809362990131717, 6.16965089908872422 52.68612077048649667, 6.16819556888039333 52.68813587662755538, 6.16635212235410268 52.68894517494626939, 6.16492473481139402 52.68888951156147016, 6.16257986541430558 52.69106115113194733, 6.17359967634979956 52.69455144489224807, 6.17580233416836499 52.69184463280129194, 6.17084426459011226 52.69037887720558189, 6.17043290186098314 52.68975888808284225, 6.17043290186098314 52.68975888808284225)))</t>
  </si>
  <si>
    <t>MultiPolygon (((6.17358251189113005 52.69457253737037661, 6.17935140176075315 52.69627232500534575, 6.18541916592548269 52.69432772743149229, 6.18602490188729082 52.69329224979983195, 6.18273244069298578 52.69310855333162635, 6.17900677037370372 52.69200237920611585, 6.17239680328283669 52.68949950311786523, 6.17333720238175676 52.68848222656597358, 6.17183341709879407 52.68809362990131717, 6.17043290186098314 52.68975888808284225, 6.17084426459011226 52.69037887720558189, 6.17580233416836499 52.69184463280129194, 6.17359967634979956 52.69455144489224807, 6.17358251189113005 52.69457253737037661, 6.17358251189113005 52.69457253737037661)))</t>
  </si>
  <si>
    <t>MultiPolygon (((6.19196486703704085 52.71787046957992118, 6.19828185980745161 52.72252575357370574, 6.20293645435619556 52.71504611717273292, 6.19702880238881537 52.71226844078797313, 6.19089025307623153 52.7118143954260816, 6.18957415350987894 52.71307502774194376, 6.19003618298518443 52.71556876641495393, 6.19196486703704085 52.71787046957992118, 6.19196486703704085 52.71787046957992118)))</t>
  </si>
  <si>
    <t>MultiPolygon (((6.18957415350987894 52.71307502774194376, 6.19089025307623153 52.7118143954260816, 6.19702880238881537 52.71226844078797313, 6.20293645435619556 52.71504611717273292, 6.20471506505596082 52.71112607085174773, 6.2033453414996087 52.70665475129670341, 6.19519328703576022 52.70803220451322346, 6.18964940959872045 52.70853630345496299, 6.18721210095356255 52.71024933205512042, 6.18957415350987894 52.71307502774194376, 6.18957415350987894 52.71307502774194376)))</t>
  </si>
  <si>
    <t>MultiPolygon (((6.20814010168405339 52.70112629695898931, 6.20859598683874747 52.69738409151398173, 6.20734117274872421 52.69313269808485956, 6.2059546336543443 52.69337563680223724, 6.19886491370352211 52.69495548102190696, 6.19934855238080829 52.69630205218540908, 6.19990644036197835 52.69736718976910339, 6.20367148639780286 52.69998094334878402, 6.20814010168405339 52.70112629695898931, 6.20814010168405339 52.70112629695898931)))</t>
  </si>
  <si>
    <t>MultiPolygon (((6.18275292236465113 52.71872025499612135, 6.18933079320361212 52.72139588659302945, 6.19196486703704085 52.71787046957992118, 6.19003618298518443 52.71556876641495393, 6.18957415350987894 52.71307502774194376, 6.18721210095356255 52.71024933205512042, 6.18257987477764637 52.7053334828465907, 6.18113862810571213 52.70514348316834941, 6.17576378102311185 52.71095424227514314, 6.17060458457701788 52.70857297997128654, 6.17444927976978875 52.70325269400580481, 6.16967836990273177 52.7012737352674776, 6.16873206749011072 52.70080706296809581, 6.16515314900619593 52.70647832810971067, 6.16432893636487655 52.710383189663915, 6.17511607814581875 52.71285303825326451, 6.1724837013580478 52.71738194230913166, 6.18275292236465113 52.71872025499612135, 6.18275292236465113 52.71872025499612135)))</t>
  </si>
  <si>
    <t>MultiPolygon (((6.18008693234431039 52.70500482656745334, 6.17444927976978875 52.70325269400580481, 6.17060458457701788 52.70857297997128654, 6.17576378102311185 52.71095424227514314, 6.18113862810571213 52.70514348316834941, 6.18008693234431039 52.70500482656745334, 6.18008693234431039 52.70500482656745334)))</t>
  </si>
  <si>
    <t>MultiPolygon (((6.20859598683874747 52.69738409151398173, 6.21435131830624421 52.69759166628672631, 6.21471823653797628 52.69677624610866218, 6.2242607044241911 52.69601273828480004, 6.22448304812537323 52.69430801640353934, 6.22129009146811729 52.69000271478969211, 6.22104022824315983 52.68946084688754183, 6.21326232405720358 52.68860660001624296, 6.21160600126860274 52.68975099829268061, 6.21262240416685518 52.69199449083676967, 6.20734117274872421 52.69313269808485956, 6.20859598683874747 52.69738409151398173, 6.20859598683874747 52.69738409151398173)))</t>
  </si>
  <si>
    <t>MultiPolygon (((6.22473173227186205 52.69732549807545041, 6.23594532092725018 52.69721142313331796, 6.22435761448929625 52.68970025659226053, 6.22129009146811729 52.69000271478969211, 6.22448304812537323 52.69430801640353934, 6.2242607044241911 52.69601273828480004, 6.22473173227186205 52.69732549807545041, 6.22473173227186205 52.69732549807545041)))</t>
  </si>
  <si>
    <t>MultiPolygon (((6.2238160595158627 52.70171368647435628, 6.23620821547682613 52.70206059707719959, 6.23718903601402097 52.69827141057480446, 6.23594532092725018 52.69721142313331796, 6.22473173227186205 52.69732549807545041, 6.2238160595158627 52.70171368647435628, 6.2238160595158627 52.70171368647435628)))</t>
  </si>
  <si>
    <t>MultiPolygon (((6.21704444333173267 52.7014409770238359, 6.2238160595158627 52.70171368647435628, 6.22473173227186205 52.69732549807545041, 6.2242607044241911 52.69601273828480004, 6.21471823653797628 52.69677624610866218, 6.21435131830624421 52.69759166628672631, 6.20859598683874747 52.69738409151398173, 6.20814010168405339 52.70112629695898931, 6.21704444333173267 52.7014409770238359, 6.21704444333173267 52.7014409770238359)))</t>
  </si>
  <si>
    <t>MultiPolygon (((6.2059546336543443 52.69337563680223724, 6.20734117274872421 52.69313269808485956, 6.20555413921441534 52.6887770186476061, 6.20250514385970675 52.68553383998622763, 6.19634433056977496 52.68702507333462393, 6.19797308679601588 52.69150984765257562, 6.20178087643844744 52.6907161431711728, 6.20303464225354872 52.6927596186662015, 6.20527779615458286 52.69230643800201364, 6.2059546336543443 52.69337563680223724, 6.2059546336543443 52.69337563680223724)))</t>
  </si>
  <si>
    <t>MultiPolygon (((6.19886491370352211 52.69495548102190696, 6.2059546336543443 52.69337563680223724, 6.20527779615458286 52.69230643800201364, 6.20303464225354872 52.6927596186662015, 6.20178087643844744 52.6907161431711728, 6.19797308679601588 52.69150984765257562, 6.19886491370352211 52.69495548102190696, 6.19886491370352211 52.69495548102190696)))</t>
  </si>
  <si>
    <t>MultiPolygon (((6.18054820277147687 52.68158787360473383, 6.18420808333759631 52.6772078325194002, 6.18193292384692228 52.67686820315921636, 6.183146848169641 52.67506327446665182, 6.17013226726844266 52.67793605958009096, 6.17904234737118507 52.68107254943200246, 6.18054820277147687 52.68158787360473383, 6.18054820277147687 52.68158787360473383)))</t>
  </si>
  <si>
    <t>MultiPolygon (((6.17177369109393847 52.68360652694122592, 6.1739359490099277 52.68354675243497809, 6.17627018902820346 52.6843103255199523, 6.17904234737118507 52.68107254943200246, 6.17013226726844266 52.67793605958009096, 6.16299611354854093 52.68006181924256026, 6.16897250914563333 52.68553331199313305, 6.17177369109393847 52.68360652694122592, 6.17177369109393847 52.68360652694122592)))</t>
  </si>
  <si>
    <t>MultiPolygon (((6.18755895455974514 52.68466830478374874, 6.1877119587258651 52.6828660450012336, 6.18995635867773419 52.68321514369757352, 6.19144446357036848 52.67931984915522037, 6.18786218502020535 52.67961374826101206, 6.18587068916534033 52.68250351349261962, 6.18054820277147687 52.68158787360473383, 6.17904234737118507 52.68107254943200246, 6.17627018902820346 52.6843103255199523, 6.1803836732000299 52.68610606591693113, 6.18722301665879915 52.68706957606226382, 6.18845553898113465 52.68479685935566437, 6.18755895455974514 52.68466830478374874, 6.18755895455974514 52.68466830478374874)))</t>
  </si>
  <si>
    <t>MultiPolygon (((6.20168151982424476 52.68462028061631486, 6.19647751622170251 52.68086575604888822, 6.19447483062867921 52.67882504686098599, 6.19422977285941911 52.6766295847396222, 6.19205477147822059 52.67642647195285832, 6.19144446357036848 52.67931984915522037, 6.18995635867773419 52.68321514369757352, 6.1877119587258651 52.6828660450012336, 6.18755895455974514 52.68466830478374874, 6.18845553898113465 52.68479685935566437, 6.19018496547306896 52.68502285474018265, 6.18932039976752169 52.688333202951803, 6.19013661120821546 52.68947760487096588, 6.19634433056977496 52.68702507333462393, 6.20250514385970675 52.68553383998622763, 6.20168151982424476 52.68462028061631486, 6.20168151982424476 52.68462028061631486)))</t>
  </si>
  <si>
    <t>MultiPolygon (((6.18618360648665 52.69087403142606973, 6.19013661120821546 52.68947760487096588, 6.18932039976752169 52.688333202951803, 6.19018496547306896 52.68502285474018265, 6.18845553898113465 52.68479685935566437, 6.18722301665879915 52.68706957606226382, 6.1803836732000299 52.68610606591693113, 6.17934516816967072 52.68822548193941913, 6.18618360648665 52.69087403142606973, 6.18618360648665 52.69087403142606973)))</t>
  </si>
  <si>
    <t>MultiPolygon (((6.18602490188729082 52.69329224979983195, 6.18618360648665 52.69087403142606973, 6.17934516816967072 52.68822548193941913, 6.1803836732000299 52.68610606591693113, 6.17627018902820346 52.6843103255199523, 6.1739359490099277 52.68354675243497809, 6.17177369109393847 52.68360652694122592, 6.16897250914563333 52.68553331199313305, 6.16965089908872422 52.68612077048649667, 6.17183341709879407 52.68809362990131717, 6.17333720238175676 52.68848222656597358, 6.17239680328283669 52.68949950311786523, 6.17900677037370372 52.69200237920611585, 6.18273244069298578 52.69310855333162635, 6.18602490188729082 52.69329224979983195, 6.18602490188729082 52.69329224979983195)))</t>
  </si>
  <si>
    <t>MultiPolygon (((6.19103295293125999 52.70197590074285898, 6.20180105606004517 52.70302332661975697, 6.19990644036197835 52.69736718976910339, 6.19934855238080829 52.69630205218540908, 6.19531167857101384 52.7005223322625227, 6.19048068061297396 52.70152939520072977, 6.19103295293125999 52.70197590074285898, 6.19103295293125999 52.70197590074285898)))</t>
  </si>
  <si>
    <t>MultiPolygon (((6.19519328703576022 52.70803220451322346, 6.2033453414996087 52.70665475129670341, 6.20180105606004517 52.70302332661975697, 6.19103295293125999 52.70197590074285898, 6.19519328703576022 52.70803220451322346, 6.19519328703576022 52.70803220451322346)))</t>
  </si>
  <si>
    <t>MultiPolygon (((6.18964940959872045 52.70853630345496299, 6.19519328703576022 52.70803220451322346, 6.19103295293125999 52.70197590074285898, 6.19048068061297396 52.70152939520072977, 6.1884695597554531 52.70187498333218201, 6.18952733694306811 52.70482871402474245, 6.18722123674000102 52.70524919517338702, 6.18964940959872045 52.70853630345496299, 6.18964940959872045 52.70853630345496299)))</t>
  </si>
  <si>
    <t>MultiPolygon (((6.18721210095356255 52.71024933205512042, 6.18964940959872045 52.70853630345496299, 6.18722123674000102 52.70524919517338702, 6.18952733694306811 52.70482871402474245, 6.1884695597554531 52.70187498333218201, 6.18524457590622223 52.70193330307110102, 6.18464670513895509 52.7020866419094105, 6.18257987477764637 52.7053334828465907, 6.18721210095356255 52.71024933205512042, 6.18721210095356255 52.71024933205512042)))</t>
  </si>
  <si>
    <t>MultiPolygon (((6.18113862810571213 52.70514348316834941, 6.18257987477764637 52.7053334828465907, 6.18464670513895509 52.7020866419094105, 6.18386629519639097 52.70151904046235813, 6.18205249605396379 52.70250120832231033, 6.18008693234431039 52.70500482656745334, 6.18113862810571213 52.70514348316834941, 6.18113862810571213 52.70514348316834941)))</t>
  </si>
  <si>
    <t>MultiPolygon (((6.19506652921780976 52.69583705872652502, 6.19886491370352211 52.69495548102190696, 6.19797308679601588 52.69150984765257562, 6.19634433056977496 52.68702507333462393, 6.19013661120821546 52.68947760487096588, 6.18618360648665 52.69087403142606973, 6.18602490188729082 52.69329224979983195, 6.18541916592548269 52.69432772743149229, 6.18655216879200953 52.69535266560717446, 6.19506652921780976 52.69583705872652502, 6.19506652921780976 52.69583705872652502)))</t>
  </si>
  <si>
    <t>MultiPolygon (((6.19048068061297396 52.70152939520072977, 6.19531167857101384 52.7005223322625227, 6.19934855238080829 52.69630205218540908, 6.19886491370352211 52.69495548102190696, 6.19506652921780976 52.69583705872652502, 6.19056921387965797 52.69999725847770122, 6.19048068061297396 52.70152939520072977, 6.19048068061297396 52.70152939520072977)))</t>
  </si>
  <si>
    <t>MultiPolygon (((6.18524457590622223 52.70193330307110102, 6.1884695597554531 52.70187498333218201, 6.19048068061297396 52.70152939520072977, 6.19056921387965797 52.69999725847770122, 6.19506652921780976 52.69583705872652502, 6.18655216879200953 52.69535266560717446, 6.18541916592548269 52.69432772743149229, 6.17935140176075315 52.69627232500534575, 6.18386880586685272 52.69700697733097883, 6.18727828336940888 52.70022770943531754, 6.18524457590622223 52.70193330307110102, 6.18524457590622223 52.70193330307110102)))</t>
  </si>
  <si>
    <t>MultiPolygon (((6.43676271490569274 52.71323112923921883, 6.43564670649553872 52.70609603959001532, 6.42651866852170617 52.70477853086034514, 6.41966588845514874 52.70165544143451086, 6.4162220956839926 52.70346381986614404, 6.40716760528357554 52.70679557322017672, 6.40474964366428878 52.70467533128569926, 6.40359884496174026 52.70599884927871415, 6.40472621949796483 52.70912122303325731, 6.40558880147992848 52.71258292706352222, 6.40717617331513889 52.71382455931347977, 6.40993363713510345 52.71429541117861106, 6.413202879372224 52.71620889059582282, 6.41436505867634121 52.71726127631448833, 6.41419568747604174 52.71940443722798619, 6.42718748216568159 52.72203468774890922, 6.43359632884213983 52.71920033483521451, 6.43681626463403322 52.71465001771547776, 6.43676271490569274 52.71323112923921883, 6.43676271490569274 52.71323112923921883)))</t>
  </si>
  <si>
    <t>MultiPolygon (((6.46172236006961764 52.71179922949396968, 6.47635744293994264 52.71085515056740434, 6.48617157546618639 52.71035757275839728, 6.49578034818260086 52.71142635685387035, 6.49387748180627522 52.69337476919398711, 6.48598036195444116 52.69363274195335123, 6.47469912148477533 52.69420756912669646, 6.46331946328578955 52.69330766406284994, 6.46281456168101176 52.69520294339807975, 6.44867661011543092 52.69378762293221286, 6.451311633668392 52.69940576813920785, 6.44987574557769872 52.70527485050281058, 6.45114164994329808 52.70698163582430595, 6.45234156446040519 52.70823236283386137, 6.45892794876859799 52.71023006615752848, 6.46172236006961764 52.71179922949396968, 6.46172236006961764 52.71179922949396968)))</t>
  </si>
  <si>
    <t>MultiPolygon (((6.51627784126493736 52.7192671368704211, 6.51750684896543664 52.71615805722751702, 6.52709261773895921 52.71581851052611256, 6.52618492130431438 52.70779726463148052, 6.52612765999514277 52.7073195496556508, 6.51709073382410242 52.70762377174012414, 6.51687548596581046 52.7057774810410109, 6.50344407265529778 52.70621349229173802, 6.49661764083051363 52.71163041814526906, 6.49798002952129394 52.71206575662959892, 6.51627784126493736 52.7192671368704211, 6.51627784126493736 52.7192671368704211)))</t>
  </si>
  <si>
    <t>MultiPolygon (((6.50302942278531848 52.73566230194168014, 6.52024147616654481 52.74137119413033759, 6.52301825234782395 52.73335736520397177, 6.53329235331304936 52.73347391977267051, 6.53583988587791165 52.72920018118855978, 6.53543613864950501 52.72737686893043474, 6.52669863199226796 52.72777174022242264, 6.52661573072994639 52.72713739788600407, 6.51928830551666483 52.72746819980052635, 6.50358584250556948 52.7280494961087669, 6.50413436315654359 52.73335398392678997, 6.50302942278531848 52.73566230194168014, 6.50302942278531848 52.73566230194168014)))</t>
  </si>
  <si>
    <t>MultiPolygon (((6.47802350670262683 52.73709950838230753, 6.47964924019091359 52.73982428412620749, 6.48908711572032182 52.73848692878897282, 6.49943671562336345 52.73779614323323983, 6.50302942278531848 52.73566230194168014, 6.50413436315654359 52.73335398392678997, 6.50358584250556948 52.7280494961087669, 6.49045199372794457 52.72861767940800348, 6.48294741067433922 52.72890333144601271, 6.48375610504718836 52.73188229086961343, 6.47766100582941906 52.73194342224975628, 6.47764869810590138 52.73518917713284537, 6.48190886865554017 52.73683314290609303, 6.48009405850344145 52.73771540853057616, 6.47802350670262683 52.73709950838230753, 6.47802350670262683 52.73709950838230753)))</t>
  </si>
  <si>
    <t>MultiPolygon (((6.46501678754679077 52.73891743815887878, 6.47501327140729366 52.74008911808677169, 6.47964924019091359 52.73982428412620749, 6.47802350670262683 52.73709950838230753, 6.4692602399480057 52.73140461428073422, 6.46461132918353165 52.7296002462702873, 6.46520403152901491 52.73815219989855052, 6.46501678754679077 52.73891743815887878, 6.46501678754679077 52.73891743815887878)))</t>
  </si>
  <si>
    <t>MultiPolygon (((6.53565175290345923 52.69654664784833642, 6.54098807500241541 52.69635237156024488, 6.53991066206844351 52.68482482321150684, 6.53799630438695889 52.66432693088071915, 6.54774589680689445 52.66397136141500823, 6.52938067357995333 52.65450731166291831, 6.53006914477236222 52.66461544141527185, 6.53260610874274672 52.66452316662635269, 6.53518084226531659 52.69414320104756655, 6.53306630352189543 52.69422072606904095, 6.5331764447820948 52.69563267339021451, 6.53558080774193328 52.69552819225532403, 6.53565175290345923 52.69654664784833642, 6.53565175290345923 52.69654664784833642)))</t>
  </si>
  <si>
    <t>MultiPolygon (((6.45620425657798336 52.75358228540441274, 6.46505408679722837 52.75672925579239347, 6.46582877926667887 52.75554690113069256, 6.47254080275439936 52.76028482017607502, 6.48376086716954436 52.75882724254578449, 6.48620570284082643 52.75800239180888696, 6.47964924019091359 52.73982428412620749, 6.47501327140729366 52.74008911808677169, 6.46501678754679077 52.73891743815887878, 6.46415022039416698 52.74109839289990731, 6.45620425657798336 52.75358228540441274, 6.45620425657798336 52.75358228540441274)))</t>
  </si>
  <si>
    <t>MultiPolygon (((6.45483330221274443 52.75632129492975508, 6.45362910549926205 52.75479852387049817, 6.43310817242768884 52.74722863316556243, 6.43183816279739595 52.74860478360815108, 6.42246159600391131 52.74513928372864768, 6.42052292115733003 52.74822720281450472, 6.42628569523399129 52.75142284201991316, 6.41940316908203723 52.75599439747539066, 6.41614454442028226 52.75531732229969606, 6.4101400929264738 52.76488723848797946, 6.41389081205280842 52.7660596333616283, 6.43152366203539394 52.76862373189571542, 6.43645880610988907 52.77039860613263045, 6.44059827199518331 52.77291349842789714, 6.44297671994369825 52.77448556933500612, 6.44734350253351529 52.77471538619390401, 6.44974193236808802 52.766453347005708, 6.45483330221274443 52.75632129492975508, 6.45483330221274443 52.75632129492975508)))</t>
  </si>
  <si>
    <t>MultiPolygon (((6.49616425413967136 52.78622467282470154, 6.49084796830339528 52.77088343676671656, 6.48620570284082643 52.75800239180888696, 6.48376086716954436 52.75882724254578449, 6.47254080275439936 52.76028482017607502, 6.46582877926667887 52.75554690113069256, 6.46505408679722837 52.75672925579239347, 6.45620425657798336 52.75358228540441274, 6.45483330221274443 52.75632129492975508, 6.44974193236808802 52.766453347005708, 6.45442494143231116 52.76460945481006348, 6.45685741786885536 52.76682682252393164, 6.45644290122078157 52.77030946210238938, 6.46085888845665579 52.77091052455259046, 6.46121459901037198 52.77344147223782755, 6.45608434354861593 52.77484978609588495, 6.4504669895228206 52.77550948909156148, 6.45060075570158897 52.77845941127336005, 6.44621432155656571 52.77772794132557976, 6.4464906961653714 52.78154194899169482, 6.44692032410351867 52.78588928878105691, 6.44973408944508719 52.79276345332110765, 6.45545074285587628 52.80055649532546624, 6.47849084759152216 52.79584779606442879, 6.49180507382164684 52.79312329448268315, 6.49616425413967136 52.78622467282470154, 6.49616425413967136 52.78622467282470154)))</t>
  </si>
  <si>
    <t>MultiPolygon (((6.45060075570158897 52.77845941127336005, 6.4504669895228206 52.77550948909156148, 6.45608434354861593 52.77484978609588495, 6.46121459901037198 52.77344147223782755, 6.46085888845665579 52.77091052455259046, 6.45644290122078157 52.77030946210238938, 6.45685741786885536 52.76682682252393164, 6.45442494143231116 52.76460945481006348, 6.44974193236808802 52.766453347005708, 6.44734350253351529 52.77471538619390401, 6.44297671994369825 52.77448556933500612, 6.44615232738444544 52.77609550886332812, 6.44621432155656571 52.77772794132557976, 6.45060075570158897 52.77845941127336005, 6.45060075570158897 52.77845941127336005)))</t>
  </si>
  <si>
    <t>MultiPolygon (((6.49084796830339528 52.77088343676671656, 6.50336478193148437 52.76934619598807785, 6.50553915203027522 52.76807444613616838, 6.50790439259768405 52.76884728300307614, 6.51279267698343567 52.76210066045680946, 6.52626149924769994 52.74337095765064731, 6.52024147616654481 52.74137119413033759, 6.50302942278531848 52.73566230194168014, 6.49943671562336345 52.73779614323323983, 6.48908711572032182 52.73848692878897282, 6.47964924019091359 52.73982428412620749, 6.48620570284082643 52.75800239180888696, 6.49084796830339528 52.77088343676671656, 6.49084796830339528 52.77088343676671656),(6.50857968523566299 52.75151438064979459, 6.50437618082962832 52.75316927503325104, 6.49523378182919853 52.747430313062587, 6.49795525804667662 52.74474112898557365, 6.50052091983771252 52.74569724372291546, 6.50857968523566299 52.75151438064979459, 6.50857968523566299 52.75151438064979459)))</t>
  </si>
  <si>
    <t>MultiPolygon (((6.50857968523566299 52.75151438064979459, 6.50052091983771252 52.74569724372291546, 6.49795525804667662 52.74474112898557365, 6.49523378182919853 52.747430313062587, 6.50437618082962832 52.75316927503325104, 6.50857968523566299 52.75151438064979459, 6.50857968523566299 52.75151438064979459)))</t>
  </si>
  <si>
    <t>MultiPolygon (((6.51279267698343567 52.76210066045680946, 6.53536739783010656 52.76810435182334658, 6.53752091599983487 52.76523427825039647, 6.5662773116539892 52.76557690774617271, 6.56242971931422403 52.75669450773963831, 6.55757748341952507 52.74535011930922224, 6.55362699033682805 52.73673252918015208, 6.52990218429313884 52.73827292821938784, 6.52626149924769994 52.74337095765064731, 6.51279267698343567 52.76210066045680946, 6.51279267698343567 52.76210066045680946),(6.54739398019766394 52.75054241013598499, 6.54115362480452145 52.75111795066111853, 6.53897328094362074 52.75057319758005292, 6.54195217472748158 52.74642703754407336, 6.54018957562447234 52.74656588139007596, 6.53969778172684357 52.74414562577737087, 6.54147902414571991 52.7437125217687921, 6.54185869864879344 52.73892074495017113, 6.54320213006625195 52.73882077849705752, 6.54394023406530767 52.74405322633160154, 6.54659236305557535 52.74604335853297954, 6.54739398019766394 52.75054241013598499, 6.54739398019766394 52.75054241013598499)))</t>
  </si>
  <si>
    <t>MultiPolygon (((6.54739398019766394 52.75054241013598499, 6.54659236305557535 52.74604335853297954, 6.54394023406530767 52.74405322633160154, 6.54320213006625195 52.73882077849705752, 6.54185869864879344 52.73892074495017113, 6.54147902414571991 52.7437125217687921, 6.53969778172684357 52.74414562577737087, 6.54018957562447234 52.74656588139007596, 6.54195217472748158 52.74642703754407336, 6.53897328094362074 52.75057319758005292, 6.54115362480452145 52.75111795066111853, 6.54739398019766394 52.75054241013598499, 6.54739398019766394 52.75054241013598499)))</t>
  </si>
  <si>
    <t>MultiPolygon (((6.58746739278452154 52.73568986011528636, 6.57682130325495606 52.72555576906012931, 6.57587451634576325 52.72605790524232816, 6.56713714768980239 52.72638526748601606, 6.57196710147079877 52.73577035732879636, 6.5758652109338307 52.73981226651908827, 6.58746739278452154 52.73568986011528636, 6.58746739278452154 52.73568986011528636)),((6.5646494058143281 52.72811901727710193, 6.56006788021508491 52.72796744831369153, 6.55921381949696425 52.72490948233330244, 6.57642854304280444 52.72426577744249698, 6.5967793416075855 52.723546737903348, 6.59579483088326501 52.71321783656934912, 6.54590610122952121 52.71526592777622255, 6.54629890019345861 52.71988723193457105, 6.55113452375811711 52.71975064579254422, 6.55173735922445388 52.72519748073268886, 6.548591647847533 52.72531571654928229, 6.55362699033682805 52.73673252918015208, 6.55757748341952507 52.74535011930922224, 6.55966100204751523 52.74506538640880393, 6.5707794489665563 52.74079313975414607, 6.5646494058143281 52.72811901727710193, 6.5646494058143281 52.72811901727710193)))</t>
  </si>
  <si>
    <t>MultiPolygon (((6.5707794489665563 52.74079313975414607, 6.57321942130442949 52.7398578046364932, 6.57403618340996143 52.74052336115268957, 6.5758652109338307 52.73981226651908827, 6.57196710147079877 52.73577035732879636, 6.56713714768980239 52.72638526748601606, 6.57587451634576325 52.72605790524232816, 6.57682130325495606 52.72555576906012931, 6.57642854304280444 52.72426577744249698, 6.55921381949696425 52.72490948233330244, 6.56006788021508491 52.72796744831369153, 6.5646494058143281 52.72811901727710193, 6.5707794489665563 52.74079313975414607, 6.5707794489665563 52.74079313975414607)))</t>
  </si>
  <si>
    <t>MultiPolygon (((6.60719554791369656 52.7127609576770908, 6.62993734385543387 52.71272220044672707, 6.62884217035549206 52.6964150691044253, 6.63038958660867372 52.69061611352663022, 6.63241252595768849 52.68672984976981866, 6.63209513525098604 52.68096156214179615, 6.63212480469590915 52.67865922913934185, 6.63176771181463476 52.67387271252382419, 6.629453215700436 52.6696882351800113, 6.61452680150850281 52.67404927129501857, 6.61298013971222698 52.67383828522422107, 6.613459185799619 52.69276514443146908, 6.61919970434956806 52.69258582791279366, 6.6193992578612626 52.69582316899103347, 6.62193475689758859 52.69768070572342111, 6.62198987860182697 52.69876273446282511, 6.6117612282907352 52.69900384986604536, 6.61199066512790345 52.70283683608414549, 6.60653794836278596 52.70287113915282617, 6.60719554791369656 52.7127609576770908, 6.60719554791369656 52.7127609576770908)))</t>
  </si>
  <si>
    <t>MultiPolygon (((6.60396814077229699 52.69384204664103777, 6.60405942476503149 52.69462450948530119, 6.60599285046182327 52.69455392667412497, 6.60653794836278596 52.70287113915282617, 6.61199066512790345 52.70283683608414549, 6.6117612282907352 52.69900384986604536, 6.62198987860182697 52.69876273446282511, 6.62193475689758859 52.69768070572342111, 6.6193992578612626 52.69582316899103347, 6.61919970434956806 52.69258582791279366, 6.613459185799619 52.69276514443146908, 6.61298013971222698 52.67383828522422107, 6.60380082696158688 52.67258534503983469, 6.60517490121264395 52.67833228752909491, 6.60415596565693352 52.67837562222265291, 6.60453698325174354 52.68228356945719071, 6.60483289638205395 52.68531813980483491, 6.60297034440386454 52.68538407449460692, 6.60396814077229699 52.69384204664103777, 6.60396814077229699 52.69384204664103777)))</t>
  </si>
  <si>
    <t>MultiPolygon (((6.52024147616654481 52.74137119413033759, 6.52626149924769994 52.74337095765064731, 6.52990218429313884 52.73827292821938784, 6.55362699033682805 52.73673252918015208, 6.548591647847533 52.72531571654928229, 6.55173735922445388 52.72519748073268886, 6.55113452375811711 52.71975064579254422, 6.54629890019345861 52.71988723193457105, 6.54590610122952121 52.71526592777622255, 6.52709261773895921 52.71581851052611256, 6.51750684896543664 52.71615805722751702, 6.51627784126493736 52.7192671368704211, 6.51866547788097783 52.72196145366463327, 6.51928830551666483 52.72746819980052635, 6.52661573072994639 52.72713739788600407, 6.52760329623533142 52.72709456846986598, 6.52692199558024466 52.72041831766085807, 6.5384620027805056 52.72017154620726131, 6.53858791967744946 52.72213344058418016, 6.53992499787580517 52.72399559682983039, 6.54310308421539943 52.72387863582414269, 6.54531553939079203 52.72545120975208732, 6.54541000485751656 52.72638526905642209, 6.53785861856765926 52.72670225309131808, 6.5377728377064912 52.72912232798697119, 6.53583988587791165 52.72920018118855978, 6.53329235331304936 52.73347391977267051, 6.52301825234782395 52.73335736520397177, 6.52024147616654481 52.74137119413033759, 6.52024147616654481 52.74137119413033759)))</t>
  </si>
  <si>
    <t>MultiPolygon (((6.52661573072994639 52.72713739788600407, 6.52669863199226796 52.72777174022242264, 6.53543613864950501 52.72737686893043474, 6.53583988587791165 52.72920018118855978, 6.5377728377064912 52.72912232798697119, 6.53785861856765926 52.72670225309131808, 6.54541000485751656 52.72638526905642209, 6.54531553939079203 52.72545120975208732, 6.54310308421539943 52.72387863582414269, 6.53992499787580517 52.72399559682983039, 6.53858791967744946 52.72213344058418016, 6.5384620027805056 52.72017154620726131, 6.52692199558024466 52.72041831766085807, 6.52760329623533142 52.72709456846986598, 6.52661573072994639 52.72713739788600407, 6.52661573072994639 52.72713739788600407)))</t>
  </si>
  <si>
    <t>MultiPolygon (((6.52709261773895921 52.71581851052611256, 6.54590610122952121 52.71526592777622255, 6.59579483088326501 52.71321783656934912, 6.60719554791369656 52.7127609576770908, 6.60653794836278596 52.70287113915282617, 6.60599285046182327 52.69455392667412497, 6.60405942476503149 52.69462450948530119, 6.60396814077229699 52.69384204664103777, 6.54098807500241541 52.69635237156024488, 6.53565175290345923 52.69654664784833642, 6.53582656455093591 52.69905595800520359, 6.54088643807880032 52.69882592859091375, 6.54110274810248882 52.70110304913501409, 6.54720819824533518 52.70088109426568934, 6.54763954616289112 52.70595062335146253, 6.54695741844439016 52.70666779828408721, 6.54343504071784388 52.70967132720407733, 6.53553620978772631 52.71136251854474608, 6.5295052832288123 52.71148317043124365, 6.52906893070689431 52.70770002945937449, 6.52618492130431438 52.70779726463148052, 6.52709261773895921 52.71581851052611256, 6.52709261773895921 52.71581851052611256)))</t>
  </si>
  <si>
    <t>MultiPolygon (((6.49578034818260086 52.71142635685387035, 6.49661764083051363 52.71163041814526906, 6.50344407265529778 52.70621349229173802, 6.51687548596581046 52.7057774810410109, 6.5288433909756165 52.70538769328940987, 6.52836610040452747 52.70112518521612799, 6.53355219910997498 52.70091667145907621, 6.53340042476657068 52.69916087541874106, 6.53582656455093591 52.69905595800520359, 6.53565175290345923 52.69654664784833642, 6.53558080774193328 52.69552819225532403, 6.5331764447820948 52.69563267339021451, 6.53306630352189543 52.69422072606904095, 6.53518084226531659 52.69414320104756655, 6.53260610874274672 52.66452316662635269, 6.53006914477236222 52.66461544141527185, 6.5305558154095058 52.67247238161915845, 6.50241793173259364 52.67346002191437293, 6.49955179183106679 52.67355404336549896, 6.49977395272947955 52.67564289026664426, 6.49257383359827056 52.67597084758156711, 6.49292594873885864 52.68358693223581923, 6.48485197405099534 52.68424572065909217, 6.48598036195444116 52.69363274195335123, 6.49387748180627522 52.69337476919398711, 6.49578034818260086 52.71142635685387035, 6.49578034818260086 52.71142635685387035)))</t>
  </si>
  <si>
    <t>MultiPolygon (((6.51687548596581046 52.7057774810410109, 6.51709073382410242 52.70762377174012414, 6.52612765999514277 52.7073195496556508, 6.52618492130431438 52.70779726463148052, 6.52906893070689431 52.70770002945937449, 6.5295052832288123 52.71148317043124365, 6.53553620978772631 52.71136251854474608, 6.54343504071784388 52.70967132720407733, 6.54695741844439016 52.70666779828408721, 6.54763954616289112 52.70595062335146253, 6.54720819824533518 52.70088109426568934, 6.54110274810248882 52.70110304913501409, 6.54088643807880032 52.69882592859091375, 6.53582656455093591 52.69905595800520359, 6.53340042476657068 52.69916087541874106, 6.53355219910997498 52.70091667145907621, 6.52836610040452747 52.70112518521612799, 6.5288433909756165 52.70538769328940987, 6.51687548596581046 52.7057774810410109, 6.51687548596581046 52.7057774810410109)))</t>
  </si>
  <si>
    <t>MultiPolygon (((6.53991066206844351 52.68482482321150684, 6.57109934507650717 52.683599360430442, 6.56978655744681106 52.68289207392489004, 6.5695275049739017 52.68057129758680901, 6.57434426843357933 52.6803779280478679, 6.57473338781830297 52.67874475335931095, 6.58949915217581328 52.67816510453084788, 6.59009719623543422 52.68284888748187456, 6.60453698325174354 52.68228356945719071, 6.60415596565693352 52.67837562222265291, 6.60517490121264395 52.67833228752909491, 6.60380082696158688 52.67258534503983469, 6.58104958593629963 52.66947293692564358, 6.55282138971246297 52.66559496203509383, 6.54774589680689445 52.66397136141500823, 6.53799630438695889 52.66432693088071915, 6.53991066206844351 52.68482482321150684, 6.53991066206844351 52.68482482321150684)))</t>
  </si>
  <si>
    <t>MultiPolygon (((6.54098807500241541 52.69635237156024488, 6.60396814077229699 52.69384204664103777, 6.60297034440386454 52.68538407449460692, 6.60483289638205395 52.68531813980483491, 6.60453698325174354 52.68228356945719071, 6.59009719623543422 52.68284888748187456, 6.58097976807764784 52.68397531318544225, 6.57109934507650717 52.683599360430442, 6.53991066206844351 52.68482482321150684, 6.54098807500241541 52.69635237156024488, 6.54098807500241541 52.69635237156024488)))</t>
  </si>
  <si>
    <t>MultiPolygon (((6.57109934507650717 52.683599360430442, 6.58097976807764784 52.68397531318544225, 6.59009719623543422 52.68284888748187456, 6.58949915217581328 52.67816510453084788, 6.57473338781830297 52.67874475335931095, 6.57434426843357933 52.6803779280478679, 6.5695275049739017 52.68057129758680901, 6.56978655744681106 52.68289207392489004, 6.57109934507650717 52.683599360430442, 6.57109934507650717 52.683599360430442)))</t>
  </si>
  <si>
    <t>MultiPolygon (((6.45620425657798336 52.75358228540441274, 6.46415022039416698 52.74109839289990731, 6.4449713764405665 52.73672351055901686, 6.44249711710760042 52.73513967784974454, 6.44627737212377561 52.73073530382315255, 6.45200799341255848 52.73081877024737452, 6.45332415928266734 52.73101703037810495, 6.45321410791633188 52.73249087372091282, 6.4622343597523102 52.73731505843722545, 6.46520403152901491 52.73815219989855052, 6.46461132918353165 52.7296002462702873, 6.45187406666683927 52.72703021240714349, 6.42718748216568159 52.72203468774890922, 6.41419568747604174 52.71940443722798619, 6.41463688919461017 52.72022046928635319, 6.41324668390117658 52.72056066296979537, 6.40680249661282009 52.72841017368421035, 6.42132545843833391 52.73141540254826509, 6.41540677365763301 52.7408335260826675, 6.42319257297540425 52.74300024913828366, 6.42246159600391131 52.74513928372864768, 6.43183816279739595 52.74860478360815108, 6.43310817242768884 52.74722863316556243, 6.45362910549926205 52.75479852387049817, 6.45483330221274443 52.75632129492975508, 6.45620425657798336 52.75358228540441274, 6.45620425657798336 52.75358228540441274)))</t>
  </si>
  <si>
    <t>MultiPolygon (((6.46415022039416698 52.74109839289990731, 6.46501678754679077 52.73891743815887878, 6.46520403152901491 52.73815219989855052, 6.4622343597523102 52.73731505843722545, 6.45321410791633188 52.73249087372091282, 6.45332415928266734 52.73101703037810495, 6.45200799341255848 52.73081877024737452, 6.44627737212377561 52.73073530382315255, 6.44249711710760042 52.73513967784974454, 6.4449713764405665 52.73672351055901686, 6.46415022039416698 52.74109839289990731, 6.46415022039416698 52.74109839289990731)))</t>
  </si>
  <si>
    <t>MultiPolygon (((6.43676271490569274 52.71323112923921883, 6.44813571906405336 52.71260933731599607, 6.45483139711620346 52.71224238481208602, 6.46172236006961764 52.71179922949396968, 6.45892794876859799 52.71023006615752848, 6.45234156446040519 52.70823236283386137, 6.45114164994329808 52.70698163582430595, 6.43564670649553872 52.70609603959001532, 6.43676271490569274 52.71323112923921883, 6.43676271490569274 52.71323112923921883)))</t>
  </si>
  <si>
    <t>MultiPolygon (((6.43359632884213983 52.71920033483521451, 6.43723467522682213 52.72100693903178126, 6.44399780501309571 52.72255783018164266, 6.44700537092836434 52.71735851523654759, 6.43681626463403322 52.71465001771547776, 6.43359632884213983 52.71920033483521451, 6.43359632884213983 52.71920033483521451)))</t>
  </si>
  <si>
    <t>MultiPolygon (((6.44700537092836434 52.71735851523654759, 6.44829280442853126 52.71755793510081389, 6.44813571906405336 52.71260933731599607, 6.43676271490569274 52.71323112923921883, 6.43681626463403322 52.71465001771547776, 6.44700537092836434 52.71735851523654759, 6.44700537092836434 52.71735851523654759)))</t>
  </si>
  <si>
    <t>MultiPolygon (((6.44829280442853126 52.71755793510081389, 6.45341582694121474 52.7180420375265868, 6.45522480946391131 52.71507388523718163, 6.45483139711620346 52.71224238481208602, 6.44813571906405336 52.71260933731599607, 6.44829280442853126 52.71755793510081389, 6.44829280442853126 52.71755793510081389)))</t>
  </si>
  <si>
    <t>MultiPolygon (((6.45871334716047496 52.71854575466969095, 6.46466967602666198 52.71915271240617074, 6.46418259766186587 52.71529265471236414, 6.46172236006961764 52.71179922949396968, 6.45483139711620346 52.71224238481208602, 6.45522480946391131 52.71507388523718163, 6.45341582694121474 52.7180420375265868, 6.45871334716047496 52.71854575466969095, 6.45871334716047496 52.71854575466969095)))</t>
  </si>
  <si>
    <t>MultiPolygon (((6.45826269025148036 52.7255819673599504, 6.46426904106880684 52.72564598166188432, 6.46466967602666198 52.71915271240617074, 6.45871334716047496 52.71854575466969095, 6.45826269025148036 52.7255819673599504, 6.45826269025148036 52.7255819673599504)))</t>
  </si>
  <si>
    <t>MultiPolygon (((6.45200291800447356 52.72408879747353438, 6.45826269025148036 52.7255819673599504, 6.45871334716047496 52.71854575466969095, 6.45341582694121474 52.7180420375265868, 6.45200291800447356 52.72408879747353438, 6.45200291800447356 52.72408879747353438)))</t>
  </si>
  <si>
    <t>MultiPolygon (((6.45187406666683927 52.72703021240714349, 6.46461132918353165 52.7296002462702873, 6.46426904106880684 52.72564598166188432, 6.45826269025148036 52.7255819673599504, 6.45200291800447356 52.72408879747353438, 6.45187406666683927 52.72703021240714349, 6.45187406666683927 52.72703021240714349)))</t>
  </si>
  <si>
    <t>MultiPolygon (((6.45187406666683927 52.72703021240714349, 6.45200291800447356 52.72408879747353438, 6.44399780501309571 52.72255783018164266, 6.43723467522682213 52.72100693903178126, 6.43359632884213983 52.71920033483521451, 6.42718748216568159 52.72203468774890922, 6.45187406666683927 52.72703021240714349, 6.45187406666683927 52.72703021240714349)))</t>
  </si>
  <si>
    <t>MultiPolygon (((6.44399780501309571 52.72255783018164266, 6.45200291800447356 52.72408879747353438, 6.45341582694121474 52.7180420375265868, 6.44829280442853126 52.71755793510081389, 6.44700537092836434 52.71735851523654759, 6.44399780501309571 52.72255783018164266, 6.44399780501309571 52.72255783018164266)))</t>
  </si>
  <si>
    <t>MultiPolygon (((6.48083246429431004 52.72901078028083077, 6.48294741067433922 52.72890333144601271, 6.49045199372794457 52.72861767940800348, 6.48977937037994934 52.7209506919793327, 6.4814359727677946 52.72081828677497128, 6.48201855994466314 52.72603577016489851, 6.48089269109458055 52.72608259925551977, 6.48083246429431004 52.72901078028083077, 6.48083246429431004 52.72901078028083077)))</t>
  </si>
  <si>
    <t>MultiPolygon (((6.46461132918353165 52.7296002462702873, 6.47651469608637154 52.72922166340844541, 6.47673742700678545 52.72119226103133371, 6.47278930292453136 52.72046947024075791, 6.47283556113837921 52.71996691144678948, 6.46466967602666198 52.71915271240617074, 6.46426904106880684 52.72564598166188432, 6.46461132918353165 52.7296002462702873, 6.46461132918353165 52.7296002462702873)))</t>
  </si>
  <si>
    <t>MultiPolygon (((6.47283556113837921 52.71996691144678948, 6.47775952557731838 52.72044753296911779, 6.47635744293994264 52.71085515056740434, 6.46172236006961764 52.71179922949396968, 6.46418259766186587 52.71529265471236414, 6.46466967602666198 52.71915271240617074, 6.47283556113837921 52.71996691144678948, 6.47283556113837921 52.71996691144678948)))</t>
  </si>
  <si>
    <t>MultiPolygon (((6.4814359727677946 52.72081828677497128, 6.48977937037994934 52.7209506919793327, 6.48982159742175213 52.71968669511232264, 6.49798002952129394 52.71206575662959892, 6.49661764083051363 52.71163041814526906, 6.49578034818260086 52.71142635685387035, 6.48617157546618639 52.71035757275839728, 6.47635744293994264 52.71085515056740434, 6.47775952557731838 52.72044753296911779, 6.4814359727677946 52.72081828677497128, 6.4814359727677946 52.72081828677497128)))</t>
  </si>
  <si>
    <t>MultiPolygon (((6.48977937037994934 52.7209506919793327, 6.5023280280094351 52.72064926004067331, 6.51261984414673378 52.72051874732827059, 6.51627784126493736 52.7192671368704211, 6.49798002952129394 52.71206575662959892, 6.48982159742175213 52.71968669511232264, 6.48977937037994934 52.7209506919793327, 6.48977937037994934 52.7209506919793327)))</t>
  </si>
  <si>
    <t>MultiPolygon (((6.50358584250556948 52.7280494961087669, 6.51928830551666483 52.72746819980052635, 6.51866547788097783 52.72196145366463327, 6.51627784126493736 52.7192671368704211, 6.51261984414673378 52.72051874732827059, 6.5023280280094351 52.72064926004067331, 6.50358584250556948 52.7280494961087669, 6.50358584250556948 52.7280494961087669)))</t>
  </si>
  <si>
    <t>MultiPolygon (((6.49045199372794457 52.72861767940800348, 6.50358584250556948 52.7280494961087669, 6.5023280280094351 52.72064926004067331, 6.48977937037994934 52.7209506919793327, 6.49045199372794457 52.72861767940800348, 6.49045199372794457 52.72861767940800348)))</t>
  </si>
  <si>
    <t>MultiPolygon (((6.46461132918353165 52.7296002462702873, 6.4692602399480057 52.73140461428073422, 6.47802350670262683 52.73709950838230753, 6.48009405850344145 52.73771540853057616, 6.48190886865554017 52.73683314290609303, 6.47764869810590138 52.73518917713284537, 6.47766100582941906 52.73194342224975628, 6.48375610504718836 52.73188229086961343, 6.48294741067433922 52.72890333144601271, 6.48083246429431004 52.72901078028083077, 6.47651469608637154 52.72922166340844541, 6.46461132918353165 52.7296002462702873, 6.46461132918353165 52.7296002462702873)))</t>
  </si>
  <si>
    <t>MultiPolygon (((6.47651469608637154 52.72922166340844541, 6.48083246429431004 52.72901078028083077, 6.48089269109458055 52.72608259925551977, 6.48201855994466314 52.72603577016489851, 6.4814359727677946 52.72081828677497128, 6.47775952557731838 52.72044753296911779, 6.47283556113837921 52.71996691144678948, 6.47278930292453136 52.72046947024075791, 6.47673742700678545 52.72119226103133371, 6.47651469608637154 52.72922166340844541, 6.47651469608637154 52.72922166340844541)))</t>
  </si>
  <si>
    <t>MultiPolygon (((6.95990660265923289 52.74637424061467073, 6.96126332681895477 52.7454573733736396, 6.9780834390318569 52.73408112669672221, 6.9794729207325128 52.73315490339473399, 6.97875170158844327 52.73278227476555458, 6.970038824751283 52.73486702263217296, 6.95928316902976007 52.73301048278266023, 6.9510745822370863 52.73882826902976717, 6.94897443622157684 52.74261705824273605, 6.95990660265923289 52.74637424061467073, 6.95990660265923289 52.74637424061467073)))</t>
  </si>
  <si>
    <t>MultiPolygon (((6.90056625374340982 52.77707984259486551, 6.91190377143809709 52.77751668808317476, 6.9226849680808753 52.77489025836290892, 6.93184901740970805 52.77014352300494693, 6.93542683547195882 52.76689764910310032, 6.93850198795155304 52.76078744746411076, 6.9479431962497209 52.75445673914685329, 6.95563413009220355 52.74926121875369489, 6.95990660265923289 52.74637424061467073, 6.94897443622157684 52.74261705824273605, 6.94774878362306048 52.74353685717269968, 6.94478984023768486 52.74294067750926729, 6.93650123204046931 52.74829966970471418, 6.93602037666808524 52.74916063544841904, 6.93685270479218197 52.74959470441097409, 6.93185130763279034 52.75289605894801781, 6.92854788525423082 52.75358272156346118, 6.92648268052720617 52.75253984173050981, 6.92562072579275956 52.75365553368240512, 6.92264778549560855 52.7517996008175416, 6.91769276735738803 52.75066476846907904, 6.90931347136243534 52.76185931660425155, 6.90001799158259388 52.76024299461927569, 6.89291787391645361 52.75818073172214895, 6.8891741404498763 52.75748614149947002, 6.89475159541080096 52.76126541980179496, 6.89676446930658127 52.76408299151799497, 6.8960827498109678 52.76614501278876901, 6.89690212419182114 52.76960629814008996, 6.89548922195224012 52.77190531903360693, 6.89552009867556936 52.7727672468331761, 6.89952434259965575 52.77345118532331014, 6.90056625374340982 52.77707984259486551, 6.90056625374340982 52.77707984259486551)))</t>
  </si>
  <si>
    <t>MultiPolygon (((6.89291787391645361 52.75818073172214895, 6.90001799158259388 52.76024299461927569, 6.9005239742829918 52.7588270176843821, 6.90518863787458503 52.75953431548771277, 6.90665727676727492 52.75610617787126699, 6.90545403959293935 52.75483692899430821, 6.90853121529698377 52.75041898176193911, 6.9111819638279286 52.75046211918527206, 6.911589630283407 52.7487152592605355, 6.90914675957330093 52.7484622430491541, 6.91234084008550909 52.7445492542077119, 6.9093657988569257 52.74381559495434146, 6.90737761856713739 52.74498978037317443, 6.90951505975327507 52.74554231397344495, 6.90811098481972419 52.74722870116829654, 6.90336877165701157 52.74870311816162882, 6.89895586095372426 52.75135882635212425, 6.89291787391645361 52.75818073172214895, 6.89291787391645361 52.75818073172214895)))</t>
  </si>
  <si>
    <t>MultiPolygon (((6.88876077343911319 52.77710954701327495, 6.90056625374340982 52.77707984259486551, 6.89952434259965575 52.77345118532331014, 6.89552009867556936 52.7727672468331761, 6.89548922195224012 52.77190531903360693, 6.89495281794529546 52.77261950152468017, 6.88465396624711357 52.77141360348105792, 6.87905247642908524 52.76914635080797211, 6.87814497861327911 52.76773568344378873, 6.87549201493209239 52.7670694319139173, 6.87429985943010902 52.77063500018164888, 6.87066697334178933 52.77411690813537604, 6.87137507581869045 52.77611937969975742, 6.87474948795259877 52.77723802991511803, 6.87756081577798106 52.77495975418055707, 6.87953171007189557 52.77543932548568506, 6.8792652422422842 52.77600114636522477, 6.88276409460286764 52.77670802153355822, 6.88876077343911319 52.77710954701327495, 6.88876077343911319 52.77710954701327495)))</t>
  </si>
  <si>
    <t>MultiPolygon (((6.91769276735738803 52.75066476846907904, 6.92264778549560855 52.7517996008175416, 6.92562072579275956 52.75365553368240512, 6.92480943226597656 52.75141593310073773, 6.92234909453847358 52.75120674358350925, 6.92686674987917339 52.7482000309879524, 6.91234084008550909 52.7445492542077119, 6.90914675957330093 52.7484622430491541, 6.911589630283407 52.7487152592605355, 6.9111819638279286 52.75046211918527206, 6.90853121529698377 52.75041898176193911, 6.90545403959293935 52.75483692899430821, 6.90665727676727492 52.75610617787126699, 6.90518863787458503 52.75953431548771277, 6.9005239742829918 52.7588270176843821, 6.90001799158259388 52.76024299461927569, 6.90931347136243534 52.76185931660425155, 6.91769276735738803 52.75066476846907904)),((6.93038773231878036 52.83256184023562696, 6.9268318640793769 52.82924577193750082, 6.93226561779500017 52.82631210592405324, 6.92838896527685222 52.82504524414535751, 6.92714278891774526 52.82644506667057982, 6.92320245714753213 52.82844299726618686, 6.91976882979893304 52.82598717093115681, 6.91647599678664005 52.82723271182845082, 6.91361603090392496 52.83034081946455984, 6.91181595706180918 52.8295987052889231, 6.91530278776283946 52.82580944060465811, 6.91423046963168275 52.82507227805604089, 6.91538349242895567 52.81906142017431449, 6.90701929094968659 52.81557075597746831, 6.9060035581538699 52.81144082523620398, 6.90431570415726892 52.8117802116834838, 6.90393042279050828 52.80991887691605058, 6.90699717859434337 52.81002419132429537, 6.9065493289143447 52.80915493416438977, 6.90837817587372882 52.80880468220182422, 6.91041929130471644 52.81257665239719756, 6.91964131479507749 52.81454592482965182, 6.92117469308392952 52.81647450315740144, 6.92594692881102691 52.81958951032930827, 6.92058218010516679 52.82168932223713398, 6.9238687126043823 52.82524210572375978, 6.92657289439325563 52.82445169913788163, 6.93379628081146215 52.82040572746993234, 6.93511124923727706 52.81732179418586526, 6.94647397194905825 52.81815536510100628, 6.94587081001652074 52.81573788893593502, 6.94647070862633509 52.81294394651813917, 6.94821335970596188 52.80704947745953604, 6.95074034899423943 52.80268489674914179, 6.95782236825737055 52.80271471036614628, 6.96024746348598811 52.80090263474802015, 6.96030467740309966 52.79526266804436574, 6.96651720669971652 52.79485679877464577, 6.96698257253151798 52.78464387374657463, 6.96568116273881088 52.78457758883459405, 6.97454900596637462 52.77331670298735844, 6.97694110524796418 52.76995294923894164, 6.97905138748203591 52.76428945534546244, 6.96682683980549999 52.7600708358373538, 6.96197846612311899 52.7654436313664803, 6.96956193601624285 52.77111150950134544, 6.97002369743835537 52.77368904458398191, 6.9679040283550453 52.77639327986009476, 6.96166414384237342 52.77622315009402598, 6.95934144721906467 52.779420278421604, 6.95587625588366176 52.78143396522453656, 6.95292406544433295 52.78171284435505584, 6.95124491355540286 52.77931249627494736, 6.94987807834995852 52.77348199555559205, 6.94609767052008031 52.77320418525364687, 6.94462517503036558 52.77124397839506287, 6.95689503098546957 52.7653819247119813, 6.96310602572592519 52.75973255329451916, 6.9479431962497209 52.75445673914685329, 6.93850198795155304 52.76078744746411076, 6.93542683547195882 52.76689764910310032, 6.93184901740970805 52.77014352300494693, 6.94551048926113435 52.78113820971937997, 6.94885233159412952 52.78569079300319089, 6.94988491408520126 52.79144968800491, 6.94908486628085509 52.79785412633579966, 6.94851504473195991 52.8000904108343363, 6.94195870236716051 52.80038435765825255, 6.94195276032006436 52.80230874751129022, 6.93988332321638701 52.80376556002323696, 6.93755131249950718 52.80415156444828995, 6.93210836550836262 52.80202630803605501, 6.93150330143453708 52.80260090486756042, 6.92867794602216591 52.80150484325372418, 6.93106670422487259 52.79712457222603206, 6.92474095526680866 52.79273925274448231, 6.92429671059848939 52.79137580779794092, 6.92618462669686252 52.78484977642632003, 6.91627152789423416 52.78402967789523359, 6.91512857363309408 52.78723690196144958, 6.91038896679302805 52.78728296297754241, 6.9093042792612982 52.79033087390084944, 6.90922011746478137 52.79256470647698762, 6.90690189183276448 52.79517436191068924, 6.91229157155036233 52.7981019145587922, 6.91197887250798182 52.80011425645830059, 6.91113206402319324 52.80191671684225696, 6.90889992393145125 52.80371494630622209, 6.9043145710824847 52.8047066319341738, 6.8966290733422575 52.80601508716659964, 6.8868351987717924 52.80356873132798512, 6.88425285542260035 52.805333945530748, 6.88195098714169617 52.80260431370552254, 6.88332728600737376 52.80146083463613849, 6.88836106889084032 52.79217092168065051, 6.88861541572154934 52.78856691490393871, 6.88641998742797323 52.78829943124060975, 6.88940761352679854 52.78088415874420747, 6.88876077343911319 52.77710954701327495, 6.88276409460286764 52.77670802153355822, 6.8792652422422842 52.77600114636522477, 6.87953171007189557 52.77543932548568506, 6.87756081577798106 52.77495975418055707, 6.87474948795259877 52.77723802991511803, 6.87137507581869045 52.77611937969975742, 6.87066697334178933 52.77411690813537604, 6.87429985943010902 52.77063500018164888, 6.87549201493209239 52.7670694319139173, 6.87564017332018995 52.76258095218745581, 6.87358957250170111 52.7578551532026836, 6.85891403199128824 52.75926254964888074, 6.84725239902387628 52.76144704941410879, 6.84554154507746926 52.75827107409118355, 6.84838438269805838 52.75734902184847641, 6.84933931832256793 52.75269867781631206, 6.85081759164214965 52.75081968771771557, 6.85999692105634473 52.74801165583853901, 6.86100834321354114 52.7468116857683782, 6.86156698176654078 52.74328801929435429, 6.86596686954075253 52.74409464310413398, 6.8748667123942786 52.74936419733067794, 6.87491814409277957 52.74901511216995686, 6.87704209581870263 52.73814957750242627, 6.87854034701135841 52.73749132711010645, 6.8783251665035916 52.73544704205820466, 6.87742692314368043 52.73520973255794786, 6.87620653318356378 52.73524489590063524, 6.87625051278975175 52.73690435885485073, 6.86615498051234141 52.73585440063250473, 6.86617410094571579 52.73493241162475442, 6.85672643267435689 52.73395415026032396, 6.85652924229371319 52.73393237957863278, 6.850234680086146 52.73323730566077217, 6.8442521836820216 52.73137005844419889, 6.84072181724023576 52.73933205515016454, 6.8391110204088319 52.7398065463428054, 6.83689442366622924 52.74233854565549962, 6.83277459219065797 52.74405412078901634, 6.83357779009496724 52.74730489204279849, 6.83837002859944931 52.75139457257783704, 6.83808147581432468 52.75581523270145112, 6.83497028221528691 52.75611790262009748, 6.8379161238187498 52.75834805846992026, 6.83969411176376241 52.76099625260215475, 6.83122010722433437 52.76676464498805785, 6.83107489835206039 52.76830195881633045, 6.83422077661914429 52.77142906434885106, 6.83105362047759268 52.77582701634617734, 6.83104708303989039 52.77816242419751802, 6.83238247332078874 52.78007558713003533, 6.84586379701774383 52.79853542119541743, 6.84980579610311491 52.80463394574833558, 6.85562211580230407 52.81157743905390589, 6.85880541162971813 52.81379300755875761, 6.86506394472260428 52.81581593439452149, 6.86900190505218511 52.81929376003628818, 6.87141718998295836 52.82005088301917084, 6.88494390990373439 52.82450059041792656, 6.91092543570326523 52.83540151280582364, 6.91239992751706289 52.83372263087233023, 6.91396852854455268 52.83396671973952152, 6.9255718306595444 52.83789780515178336, 6.93038773231878036 52.83256184023562696),(6.8652103293961062 52.78994595264872913, 6.86405835804422004 52.78684576672155515, 6.87018818070641402 52.78155137408153763, 6.88041542855433264 52.78310922279469963, 6.8827238284969674 52.78528152918013916, 6.88255385661480812 52.78603667275007183, 6.87480662709116608 52.78687250951501397, 6.87444631028495046 52.7892912920491213, 6.8652103293961062 52.78994595264872913)))</t>
  </si>
  <si>
    <t>MultiPolygon (((6.87444631028495046 52.7892912920491213, 6.87480662709116608 52.78687250951501397, 6.88255385661480812 52.78603667275007183, 6.8827238284969674 52.78528152918013916, 6.88041542855433264 52.78310922279469963, 6.87018818070641402 52.78155137408153763, 6.86405835804422004 52.78684576672155515, 6.8652103293961062 52.78994595264872913, 6.87444631028495046 52.7892912920491213, 6.87444631028495046 52.7892912920491213)))</t>
  </si>
  <si>
    <t>MultiPolygon (((6.92838896527685222 52.82504524414535751, 6.92657289439325563 52.82445169913788163, 6.9238687126043823 52.82524210572375978, 6.92058218010516679 52.82168932223713398, 6.92594692881102691 52.81958951032930827, 6.92117469308392952 52.81647450315740144, 6.91964131479507749 52.81454592482965182, 6.91041929130471644 52.81257665239719756, 6.90837817587372882 52.80880468220182422, 6.9065493289143447 52.80915493416438977, 6.90699717859434337 52.81002419132429537, 6.90393042279050828 52.80991887691605058, 6.90431570415726892 52.8117802116834838, 6.9060035581538699 52.81144082523620398, 6.90701929094968659 52.81557075597746831, 6.91538349242895567 52.81906142017431449, 6.91423046963168275 52.82507227805604089, 6.91530278776283946 52.82580944060465811, 6.91181595706180918 52.8295987052889231, 6.91361603090392496 52.83034081946455984, 6.91647599678664005 52.82723271182845082, 6.91976882979893304 52.82598717093115681, 6.92320245714753213 52.82844299726618686, 6.92714278891774526 52.82644506667057982, 6.92838896527685222 52.82504524414535751, 6.92838896527685222 52.82504524414535751)))</t>
  </si>
  <si>
    <t>MultiPolygon (((6.96310602572592519 52.75973255329451916, 6.95689503098546957 52.7653819247119813, 6.94462517503036558 52.77124397839506287, 6.94609767052008031 52.77320418525364687, 6.94987807834995852 52.77348199555559205, 6.95124491355540286 52.77931249627494736, 6.95292406544433295 52.78171284435505584, 6.95587625588366176 52.78143396522453656, 6.95934144721906467 52.779420278421604, 6.96166414384237342 52.77622315009402598, 6.9679040283550453 52.77639327986009476, 6.97002369743835537 52.77368904458398191, 6.96956193601624285 52.77111150950134544, 6.96197846612311899 52.7654436313664803, 6.96682683980549999 52.7600708358373538, 6.9648188903077175 52.75937770209512223, 6.96310602572592519 52.75973255329451916, 6.96310602572592519 52.75973255329451916)))</t>
  </si>
  <si>
    <t>MultiPolygon (((6.87358957250170111 52.7578551532026836, 6.87451982112541948 52.75114502387195614, 6.8748667123942786 52.74936419733067794, 6.86596686954075253 52.74409464310413398, 6.86156698176654078 52.74328801929435429, 6.86100834321354114 52.7468116857683782, 6.85999692105634473 52.74801165583853901, 6.85081759164214965 52.75081968771771557, 6.84933931832256793 52.75269867781631206, 6.84838438269805838 52.75734902184847641, 6.84554154507746926 52.75827107409118355, 6.84725239902387628 52.76144704941410879, 6.85891403199128824 52.75926254964888074, 6.87358957250170111 52.7578551532026836, 6.87358957250170111 52.7578551532026836)))</t>
  </si>
  <si>
    <t>MultiPolygon (((6.90737761856713739 52.74498978037317443, 6.9093657988569257 52.74381559495434146, 6.91026517581739785 52.74271863203662036, 6.91152490654311347 52.743035161761334, 6.91691279403484316 52.73661585538261676, 6.91496787754552233 52.73610941410652941, 6.91806924971112025 52.73156202182219232, 6.91842734163949125 52.72915416586140225, 6.91719696586527899 52.72799089275996209, 6.90789349885812598 52.72560474810179443, 6.90701244555357174 52.7269817195143915, 6.90448435304057906 52.72633100584428689, 6.90008270866247031 52.72634212606953241, 6.8951805013657923 52.72900951897000965, 6.89525942998838115 52.7345332855854565, 6.88950380484372271 52.73168612132293021, 6.8866566217573828 52.73691868196414134, 6.888494734139746 52.73718635271330868, 6.88826783699155953 52.74002206055833142, 6.90737761856713739 52.74498978037317443, 6.90737761856713739 52.74498978037317443)))</t>
  </si>
  <si>
    <t>MultiPolygon (((6.8891741404498763 52.75748614149947002, 6.89291787391645361 52.75818073172214895, 6.89895586095372426 52.75135882635212425, 6.90336877165701157 52.74870311816162882, 6.90811098481972419 52.74722870116829654, 6.90951505975327507 52.74554231397344495, 6.90737761856713739 52.74498978037317443, 6.88826783699155953 52.74002206055833142, 6.888494734139746 52.73718635271330868, 6.8866566217573828 52.73691868196414134, 6.88183671961582899 52.73659915445058033, 6.88059420769514052 52.73802823624987468, 6.87854034701135841 52.73749132711010645, 6.87704209581870263 52.73814957750242627, 6.87491814409277957 52.74901511216995686, 6.8891741404498763 52.75748614149947002, 6.8891741404498763 52.75748614149947002)))</t>
  </si>
  <si>
    <t>MultiPolygon (((6.87549201493209239 52.7670694319139173, 6.87814497861327911 52.76773568344378873, 6.87905247642908524 52.76914635080797211, 6.88465396624711357 52.77141360348105792, 6.89495281794529546 52.77261950152468017, 6.89548922195224012 52.77190531903360693, 6.89690212419182114 52.76960629814008996, 6.8960827498109678 52.76614501278876901, 6.89676446930658127 52.76408299151799497, 6.89475159541080096 52.76126541980179496, 6.8891741404498763 52.75748614149947002, 6.87491814409277957 52.74901511216995686, 6.8748667123942786 52.74936419733067794, 6.87451982112541948 52.75114502387195614, 6.87358957250170111 52.7578551532026836, 6.87564017332018995 52.76258095218745581, 6.87549201493209239 52.7670694319139173, 6.87549201493209239 52.7670694319139173)))</t>
  </si>
  <si>
    <t>MultiPolygon (((6.93106670422487259 52.79712457222603206, 6.92867794602216591 52.80150484325372418, 6.93150330143453708 52.80260090486756042, 6.93210836550836262 52.80202630803605501, 6.93755131249950718 52.80415156444828995, 6.93988332321638701 52.80376556002323696, 6.94195276032006436 52.80230874751129022, 6.94195870236716051 52.80038435765825255, 6.94851504473195991 52.8000904108343363, 6.94908486628085509 52.79785412633579966, 6.9396844714396213 52.79852377171918931, 6.93812961123433247 52.797099421942427, 6.9322947469459324 52.79526096649742328, 6.93106670422487259 52.79712457222603206, 6.93106670422487259 52.79712457222603206)))</t>
  </si>
  <si>
    <t>MultiPolygon (((6.93106670422487259 52.79712457222603206, 6.9322947469459324 52.79526096649742328, 6.93812961123433247 52.797099421942427, 6.9396844714396213 52.79852377171918931, 6.94908486628085509 52.79785412633579966, 6.94988491408520126 52.79144968800491, 6.94885233159412952 52.78569079300319089, 6.94852984397476359 52.78623792363713108, 6.94296651165790113 52.78626254017587627, 6.92618462669686252 52.78484977642632003, 6.92429671059848939 52.79137580779794092, 6.92474095526680866 52.79273925274448231, 6.93106670422487259 52.79712457222603206, 6.93106670422487259 52.79712457222603206)))</t>
  </si>
  <si>
    <t>MultiPolygon (((6.92618462669686252 52.78484977642632003, 6.94296651165790113 52.78626254017587627, 6.94852984397476359 52.78623792363713108, 6.94885233159412952 52.78569079300319089, 6.94551048926113435 52.78113820971937997, 6.93184901740970805 52.77014352300494693, 6.9226849680808753 52.77489025836290892, 6.91190377143809709 52.77751668808317476, 6.91694805509964183 52.78105458870804512, 6.91627152789423416 52.78402967789523359, 6.92618462669686252 52.78484977642632003, 6.92618462669686252 52.78484977642632003)))</t>
  </si>
  <si>
    <t>MultiPolygon (((6.89923917351222826 52.79484740873435555, 6.89726041787250921 52.79114887630716169, 6.89217642167177669 52.78875951102418895, 6.88861541572154934 52.78856691490393871, 6.88836106889084032 52.79217092168065051, 6.88332728600737376 52.80146083463613849, 6.88195098714169617 52.80260431370552254, 6.88425285542260035 52.805333945530748, 6.8868351987717924 52.80356873132798512, 6.8966290733422575 52.80601508716659964, 6.9043145710824847 52.8047066319341738, 6.89923917351222826 52.79484740873435555, 6.89923917351222826 52.79484740873435555)))</t>
  </si>
  <si>
    <t>MultiPolygon (((6.89966982252298244 52.78938897263639518, 6.9093042792612982 52.79033087390084944, 6.91038896679302805 52.78728296297754241, 6.91512857363309408 52.78723690196144958, 6.91627152789423416 52.78402967789523359, 6.91694805509964183 52.78105458870804512, 6.91190377143809709 52.77751668808317476, 6.90056625374340982 52.77707984259486551, 6.90143389819416964 52.78216818677761779, 6.89966982252298244 52.78938897263639518, 6.89966982252298244 52.78938897263639518)))</t>
  </si>
  <si>
    <t>MultiPolygon (((6.89923917351222826 52.79484740873435555, 6.9043145710824847 52.8047066319341738, 6.90889992393145125 52.80371494630622209, 6.91113206402319324 52.80191671684225696, 6.91197887250798182 52.80011425645830059, 6.91229157155036233 52.7981019145587922, 6.90690189183276448 52.79517436191068924, 6.90922011746478137 52.79256470647698762, 6.9093042792612982 52.79033087390084944, 6.89966982252298244 52.78938897263639518, 6.90103690687925653 52.79465201014067333, 6.89923917351222826 52.79484740873435555, 6.89923917351222826 52.79484740873435555)))</t>
  </si>
  <si>
    <t>MultiPolygon (((6.89923917351222826 52.79484740873435555, 6.90103690687925653 52.79465201014067333, 6.89966982252298244 52.78938897263639518, 6.90143389819416964 52.78216818677761779, 6.90056625374340982 52.77707984259486551, 6.88876077343911319 52.77710954701327495, 6.88940761352679854 52.78088415874420747, 6.88641998742797323 52.78829943124060975, 6.88861541572154934 52.78856691490393871, 6.89217642167177669 52.78875951102418895, 6.89726041787250921 52.79114887630716169, 6.89923917351222826 52.79484740873435555, 6.89923917351222826 52.79484740873435555)))</t>
  </si>
  <si>
    <t>MultiPolygon (((7.05604802346238102 52.65539490106804976, 7.03976613270814511 52.65613396215021424, 7.02329752512637118 52.65518883842203479, 6.99345432871107509 52.65915493700222783, 6.94837956161282655 52.66154187118656438, 6.95842676373057678 52.67246253015147772, 6.96318694803810967 52.67111608188955785, 6.96372810252422703 52.67173895426717678, 6.9719747784314956 52.67137758925098723, 6.97067131731257827 52.66974877823505352, 6.97418155654051919 52.66864846593482952, 6.97583237808125478 52.6708084658990856, 6.99789170751279777 52.66981880421971596, 6.99610529004763571 52.6666836658774784, 6.99828127247483689 52.6662344358803125, 7.00029212877609375 52.66989078176467132, 7.00373597313194995 52.66974235952564953, 7.02175819444705951 52.66849901240613718, 7.02588263847660244 52.6688900518493881, 7.02621052557768344 52.66987508590798228, 7.02856318745491659 52.66976958196208614, 7.02983908008770531 52.67254592146651504, 7.03004166771168215 52.67796394708377505, 7.05858738613640835 52.67669595286782425, 7.05604802346238102 52.65539490106804976, 7.05604802346238102 52.65539490106804976)),((7.01063323569355124 52.67069843940329577, 7.00442153695218206 52.67096643559261082, 7.00488193018676419 52.6752711466853043, 6.99746451463050612 52.67560224178875217, 6.99588179483729711 52.67468422904030234, 6.97262931750743054 52.67572680787730377, 6.97198074515287569 52.67221699735679152, 6.96280785089995469 52.67261890647920097, 6.95936940537863347 52.67349078011365293, 6.95024562880320573 52.67622938837676116, 6.95493018650085837 52.6822302085213181, 6.95973508629998339 52.68106268714731755, 7.01155699228177198 52.67878369407658568, 7.01063323569355124 52.67069843940329577, 7.01063323569355124 52.67069843940329577)))</t>
  </si>
  <si>
    <t>MultiPolygon (((7.02621052557768344 52.66987508590798228, 7.02588263847660244 52.6688900518493881, 7.02175819444705951 52.66849901240613718, 7.00373597313194995 52.66974235952564953, 7.00442153695218206 52.67096643559261082, 7.01063323569355124 52.67069843940329577, 7.02621052557768344 52.66987508590798228, 7.02621052557768344 52.66987508590798228)),((6.9719747784314956 52.67137758925098723, 6.96372810252422703 52.67173895426717678, 6.96318694803810967 52.67111608188955785, 6.95842676373057678 52.67246253015147772, 6.95936940537863347 52.67349078011365293, 6.96280785089995469 52.67261890647920097, 6.97198074515287569 52.67221699735679152, 6.9719747784314956 52.67137758925098723, 6.9719747784314956 52.67137758925098723)))</t>
  </si>
  <si>
    <t>MultiPolygon (((6.97198074515287569 52.67221699735679152, 6.97262931750743054 52.67572680787730377, 6.99588179483729711 52.67468422904030234, 6.99746451463050612 52.67560224178875217, 7.00488193018676419 52.6752711466853043, 7.00442153695218206 52.67096643559261082, 7.00373597313194995 52.66974235952564953, 7.00029212877609375 52.66989078176467132, 6.99828127247483689 52.6662344358803125, 6.99610529004763571 52.6666836658774784, 6.99789170751279777 52.66981880421971596, 6.97583237808125478 52.6708084658990856, 6.97418155654051919 52.66864846593482952, 6.97067131731257827 52.66974877823505352, 6.9719747784314956 52.67137758925098723, 6.97198074515287569 52.67221699735679152, 6.97198074515287569 52.67221699735679152)))</t>
  </si>
  <si>
    <t>MultiPolygon (((6.92836311532896865 52.64969380481434058, 6.93385677117364541 52.64918422596259262, 6.93369544091537993 52.64828995162797298, 6.93681038691594942 52.64806532608076139, 6.96152023362568872 52.64725357846102582, 6.97140810237049546 52.6480386523290349, 6.97898324563209371 52.64714127842579217, 6.98751685816368351 52.64532296044079374, 6.99385074553514308 52.64466631257815266, 7.01947118188855779 52.63821277452182557, 7.02542935566703886 52.63797258082547614, 7.05572111289884951 52.64349953546652472, 7.04173281028288311 52.632710083742964, 7.03860580686074044 52.63287088389493817, 7.03546701052581636 52.63485448983401227, 7.02876228514037393 52.63464078362787291, 7.01249163241934692 52.63677658196407805, 7.0065974790853458 52.6385219184165507, 7.00449066258631081 52.6408769497354001, 7.00187732368028559 52.64191893730269101, 6.99923276038402875 52.64215276571068358, 6.99245905116781241 52.6413323779087392, 6.98427079316699384 52.64363680138045254, 6.98192458332507915 52.64501272326823056, 6.97598469636159724 52.64625467052562868, 6.97492957001497871 52.64610787506267542, 6.96831915517346712 52.6418303566456629, 6.95923281507568614 52.64173067137359396, 6.9535581689037631 52.6389903944045443, 6.94542715722031812 52.63934230889175581, 6.93860310393903035 52.63788529726822674, 6.93464507435631727 52.63832349513864273, 6.92852187862098656 52.64018485005340864, 6.9192573258734047 52.63984533114820152, 6.91633974439404486 52.64133310071353833, 6.92653201209859937 52.64937031779913923, 6.92583467541695619 52.64996081740341793, 6.92836311532896865 52.64969380481434058, 6.92836311532896865 52.64969380481434058)),((6.99345432871107509 52.65915493700222783, 7.02329752512637118 52.65518883842203479, 7.03976613270814511 52.65613396215021424, 7.05604802346238102 52.65539490106804976, 7.0550633225445738 52.64708362745535197, 7.04572907412908656 52.64569740442843937, 7.04557620376368021 52.6441102584015681, 7.03935207391613815 52.6444142704679976, 7.03956173409514374 52.64560617418341337, 7.03740825076179366 52.64576965562560673, 7.03312660070438334 52.64351227218269003, 7.03276877792361077 52.64201027870849003, 7.03061353047077997 52.64123590370027017, 7.0252227680500674 52.64076199956230084, 7.02547994958809152 52.6416687796964311, 7.0125066022537057 52.64278650318795627, 7.0039675817613043 52.64468119295602833, 7.0045589689821961 52.64605302210488702, 7.00004381280636068 52.64677306047156691, 6.99967061484723629 52.64595930895285392, 6.99527564950912506 52.64676034666614868, 6.99574926866640023 52.64777210971070076, 6.98992559912710298 52.64895918586895363, 6.9912105139420353 52.65129117506191392, 6.98302606771934098 52.65295887851531376, 6.98059539352623482 52.64897689011150561, 6.97932520550537383 52.64921191865293082, 6.98012755325396039 52.65049968902854971, 6.97531999888494258 52.65162660584503129, 6.97464378068144253 52.65060818710592372, 6.9613665672673859 52.65003615384422631, 6.93924477121765904 52.65075418247834449, 6.93933119612711291 52.65153440268615981, 6.94837956161282655 52.66154187118656438, 6.99345432871107509 52.65915493700222783, 6.99345432871107509 52.65915493700222783)))</t>
  </si>
  <si>
    <t>MultiPolygon (((6.99385074553514308 52.64466631257815266, 6.99527564950912506 52.64676034666614868, 6.99967061484723629 52.64595930895285392, 7.00004381280636068 52.64677306047156691, 7.0045589689821961 52.64605302210488702, 7.0039675817613043 52.64468119295602833, 7.0125066022537057 52.64278650318795627, 7.02547994958809152 52.6416687796964311, 7.0252227680500674 52.64076199956230084, 7.03061353047077997 52.64123590370027017, 7.03276877792361077 52.64201027870849003, 7.03312660070438334 52.64351227218269003, 7.03740825076179366 52.64576965562560673, 7.03956173409514374 52.64560617418341337, 7.03935207391613815 52.6444142704679976, 7.04557620376368021 52.6441102584015681, 7.04572907412908656 52.64569740442843937, 7.0550633225445738 52.64708362745535197, 7.0547552447709112 52.64442272138134626, 7.05564055487953556 52.64435960048697893, 7.05572111289884951 52.64349953546652472, 7.02542935566703886 52.63797258082547614, 7.01947118188855779 52.63821277452182557, 6.99385074553514308 52.64466631257815266, 6.99385074553514308 52.64466631257815266)))</t>
  </si>
  <si>
    <t>MultiPolygon (((6.93933119612711291 52.65153440268615981, 6.93924477121765904 52.65075418247834449, 6.9613665672673859 52.65003615384422631, 6.97464378068144253 52.65060818710592372, 6.97531999888494258 52.65162660584503129, 6.98012755325396039 52.65049968902854971, 6.97932520550537383 52.64921191865293082, 6.98059539352623482 52.64897689011150561, 6.97898324563209371 52.64714127842579217, 6.97140810237049546 52.6480386523290349, 6.96152023362568872 52.64725357846102582, 6.93681038691594942 52.64806532608076139, 6.93369544091537993 52.64828995162797298, 6.93385677117364541 52.64918422596259262, 6.93486054381265227 52.65115281766085786, 6.93802738498943761 52.65183404410294088, 6.93933119612711291 52.65153440268615981, 6.93933119612711291 52.65153440268615981)))</t>
  </si>
  <si>
    <t>MultiPolygon (((6.98059539352623482 52.64897689011150561, 6.98302606771934098 52.65295887851531376, 6.9912105139420353 52.65129117506191392, 6.98992559912710298 52.64895918586895363, 6.99574926866640023 52.64777210971070076, 6.99527564950912506 52.64676034666614868, 6.99385074553514308 52.64466631257815266, 6.98751685816368351 52.64532296044079374, 6.97898324563209371 52.64714127842579217, 6.98059539352623482 52.64897689011150561, 6.98059539352623482 52.64897689011150561)))</t>
  </si>
  <si>
    <t>MultiPolygon (((6.84238576412069666 52.70487204545819537, 6.84608028438731342 52.70548582119368319, 6.84880607790986762 52.6993739649535442, 6.84087067925039438 52.69957100140278783, 6.83274311426326264 52.7195136772455939, 6.84031367212656072 52.71811700074935203, 6.84187304211562086 52.71476452747386077, 6.83949258594395904 52.71435173876903946, 6.84238576412069666 52.70487204545819537, 6.84238576412069666 52.70487204545819537)),((6.84076348701885895 52.72817922593678475, 6.84177679373182812 52.72574853146689122, 6.82831952203362924 52.72631227716642854, 6.82636275598857267 52.73088339071365027, 6.83735334108470916 52.73440519895538614, 6.84076348701885895 52.72817922593678475, 6.84076348701885895 52.72817922593678475)),((6.8391110204088319 52.7398065463428054, 6.83485079841771626 52.73810686210492094, 6.83097013343798309 52.74194616480715325, 6.83277459219065797 52.74405412078901634, 6.83689442366622924 52.74233854565549962, 6.8391110204088319 52.7398065463428054, 6.8391110204088319 52.7398065463428054)))</t>
  </si>
  <si>
    <t>MultiPolygon (((6.83485079841771626 52.73810686210492094, 6.8391110204088319 52.7398065463428054, 6.84072181724023576 52.73933205515016454, 6.8442521836820216 52.73137005844419889, 6.84521306388330508 52.72885032999322164, 6.84076348701885895 52.72817922593678475, 6.83735334108470916 52.73440519895538614, 6.83485079841771626 52.73810686210492094, 6.83485079841771626 52.73810686210492094)))</t>
  </si>
  <si>
    <t>MultiPolygon (((6.84076348701885895 52.72817922593678475, 6.84521306388330508 52.72885032999322164, 6.84660230913361545 52.72518962682324428, 6.85794472822052903 52.6962654743749539, 6.85608067819579148 52.69634515907270611, 6.85677673846143598 52.69329197613075877, 6.85493709059422063 52.69306101556285427, 6.85170132124243292 52.69651827556843671, 6.85016294848495466 52.69657745397209681, 6.84880607790986762 52.6993739649535442, 6.84608028438731342 52.70548582119368319, 6.84238576412069666 52.70487204545819537, 6.83949258594395904 52.71435173876903946, 6.84187304211562086 52.71476452747386077, 6.84031367212656072 52.71811700074935203, 6.83274311426326264 52.7195136772455939, 6.82991288944349151 52.72598115788353823, 6.82831952203362924 52.72631227716642854, 6.84177679373182812 52.72574853146689122, 6.84076348701885895 52.72817922593678475, 6.84076348701885895 52.72817922593678475)))</t>
  </si>
  <si>
    <t>MultiPolygon (((6.88690223060207618 52.65579321591391704, 6.88865388750690411 52.65771171720562904, 6.89060172642297353 52.6584732755892162, 6.89541975393240314 52.65767499624001147, 6.89600246449355581 52.65821954151331141, 6.90802802784177139 52.65377242985152151, 6.91741960176224868 52.65237034677017647, 6.92583467541695619 52.64996081740341793, 6.92653201209859937 52.64937031779913923, 6.91633974439404486 52.64133310071353833, 6.91446377480231078 52.6464816149101722, 6.9029380611539839 52.64859383797546855, 6.89717973772629911 52.65137133701252736, 6.8914978475592239 52.65152296967406187, 6.87995027830031614 52.6505483168100028, 6.87281070254542392 52.65327055273900214, 6.86474466289252483 52.64985893371976289, 6.86187521457283189 52.64969085586780295, 6.85885363576330409 52.66106219279487277, 6.86914810863961645 52.66216164341604156, 6.87525574229255199 52.66281349018255753, 6.87615380039440272 52.65926945011867133, 6.87997707223826005 52.65807385621352665, 6.87828416288185984 52.65619575007735165, 6.88135533047334302 52.6555069184143818, 6.88690223060207618 52.65579321591391704, 6.88690223060207618 52.65579321591391704)),((6.89421898151834611 52.69409034358620403, 6.89727041050978418 52.69398193211603854, 6.90842168267865553 52.68560292498155206, 6.91190366262838474 52.68723786151658572, 6.92346668791532505 52.68393618814231161, 6.95024562880320573 52.67622938837676116, 6.95936940537863347 52.67349078011365293, 6.95842676373057678 52.67246253015147772, 6.94837956161282655 52.66154187118656438, 6.93933119612711291 52.65153440268615981, 6.93802738498943761 52.65183404410294088, 6.93486054381265227 52.65115281766085786, 6.93385677117364541 52.64918422596259262, 6.92836311532896865 52.64969380481434058, 6.93032100911080828 52.65042203936015852, 6.92576038651807391 52.65397780098555103, 6.92205803811990794 52.65521034389210797, 6.92014611286233983 52.65534175253257132, 6.91942541848518555 52.65461247505196951, 6.91689370803906556 52.6548855202794428, 6.90748973160415769 52.65871959411811787, 6.90666608919058866 52.65786412047292231, 6.90340500514052202 52.65902495347153689, 6.90657461152045915 52.66229339608120341, 6.90002584117572848 52.66466002187369355, 6.89161800935996371 52.66660022877994152, 6.88852670812809098 52.66769632131341439, 6.88831885162450597 52.66834697711932733, 6.88995186988036412 52.66981960715667554, 6.88893135325523787 52.67039894454303806, 6.88300379084183067 52.67212866808394978, 6.87319560608501412 52.67236535514325624, 6.87296980626846743 52.67326012958286441, 6.85602704974271582 52.67167901381201744, 6.85466845731008245 52.67630645136315337, 6.85253005207436683 52.68595701014086075, 6.85215147567683314 52.68764132506873921, 6.8552369950878127 52.68926964403878088, 6.86040638532634173 52.68971298880148879, 6.86234367458034278 52.6818929280414352, 6.8700066806699871 52.68174198559133714, 6.87711474331266004 52.6824622646037497, 6.8766591828879271 52.68734840328853153, 6.87833802080455836 52.68791926279045867, 6.88592779670463884 52.68327302774460463, 6.88961298185881077 52.69409260276422202, 6.89421898151834611 52.69409034358620403, 6.89421898151834611 52.69409034358620403)))</t>
  </si>
  <si>
    <t>MultiPolygon (((6.86040638532634173 52.68971298880148879, 6.86932105612557198 52.69066527921972209, 6.86987323317477205 52.68826077366692573, 6.87171755448278176 52.68717669628323108, 6.8766591828879271 52.68734840328853153, 6.87711474331266004 52.6824622646037497, 6.8700066806699871 52.68174198559133714, 6.86234367458034278 52.6818929280414352, 6.86040638532634173 52.68971298880148879, 6.86040638532634173 52.68971298880148879)))</t>
  </si>
  <si>
    <t>MultiPolygon (((6.85016294848495466 52.69657745397209681, 6.85170132124243292 52.69651827556843671, 6.85493709059422063 52.69306101556285427, 6.85677673846143598 52.69329197613075877, 6.85608067819579148 52.69634515907270611, 6.85794472822052903 52.6962654743749539, 6.85830935389770247 52.69538065119353121, 6.86243275703952982 52.69526387272562573, 6.86686716089228621 52.69671094441770265, 6.8677914799694193 52.69485324327316533, 6.87050398910443771 52.69257911374680248, 6.87833802080455836 52.68791926279045867, 6.8766591828879271 52.68734840328853153, 6.87171755448278176 52.68717669628323108, 6.86987323317477205 52.68826077366692573, 6.86932105612557198 52.69066527921972209, 6.86040638532634173 52.68971298880148879, 6.8552369950878127 52.68926964403878088, 6.85215147567683314 52.68764132506873921, 6.85160555141132654 52.69008884273198845, 6.85016294848495466 52.69657745397209681, 6.85016294848495466 52.69657745397209681)))</t>
  </si>
  <si>
    <t>MultiPolygon (((6.85602704974271582 52.67167901381201744, 6.87296980626846743 52.67326012958286441, 6.87319560608501412 52.67236535514325624, 6.87440185140386983 52.66756723291472753, 6.86801678282824479 52.66692839245085622, 6.86914810863961645 52.66216164341604156, 6.85885363576330409 52.66106219279487277, 6.85602704974271582 52.67167901381201744, 6.85602704974271582 52.67167901381201744)))</t>
  </si>
  <si>
    <t>MultiPolygon (((6.89600246449355581 52.65821954151331141, 6.89738737412909586 52.66096219289374147, 6.89390649296745028 52.66302406335736919, 6.88966209231489479 52.66451725020540664, 6.89161800935996371 52.66660022877994152, 6.90002584117572848 52.66466002187369355, 6.90657461152045915 52.66229339608120341, 6.90340500514052202 52.65902495347153689, 6.90666608919058866 52.65786412047292231, 6.90748973160415769 52.65871959411811787, 6.91689370803906556 52.6548855202794428, 6.91942541848518555 52.65461247505196951, 6.92014611286233983 52.65534175253257132, 6.92205803811990794 52.65521034389210797, 6.92576038651807391 52.65397780098555103, 6.93032100911080828 52.65042203936015852, 6.92836311532896865 52.64969380481434058, 6.92583467541695619 52.64996081740341793, 6.91741960176224868 52.65237034677017647, 6.90802802784177139 52.65377242985152151, 6.89600246449355581 52.65821954151331141, 6.89600246449355581 52.65821954151331141)))</t>
  </si>
  <si>
    <t>MultiPolygon (((6.87319560608501412 52.67236535514325624, 6.88300379084183067 52.67212866808394978, 6.88893135325523787 52.67039894454303806, 6.88995186988036412 52.66981960715667554, 6.88831885162450597 52.66834697711932733, 6.88852670812809098 52.66769632131341439, 6.89161800935996371 52.66660022877994152, 6.88966209231489479 52.66451725020540664, 6.89390649296745028 52.66302406335736919, 6.89738737412909586 52.66096219289374147, 6.89600246449355581 52.65821954151331141, 6.89541975393240314 52.65767499624001147, 6.89060172642297353 52.6584732755892162, 6.88865388750690411 52.65771171720562904, 6.88690223060207618 52.65579321591391704, 6.88135533047334302 52.6555069184143818, 6.87828416288185984 52.65619575007735165, 6.87997707223826005 52.65807385621352665, 6.87615380039440272 52.65926945011867133, 6.87525574229255199 52.66281349018255753, 6.86914810863961645 52.66216164341604156, 6.86801678282824479 52.66692839245085622, 6.87440185140386983 52.66756723291472753, 6.87319560608501412 52.67236535514325624, 6.87319560608501412 52.67236535514325624)))</t>
  </si>
  <si>
    <t>MultiPolygon (((7.0240175481581586 52.72443965616555772, 7.02441252048080234 52.72787703574463336, 7.03622720155814818 52.72741398450369132, 7.03582257334961536 52.72389468570687399, 7.03392279359415351 52.72297049263664093, 7.02775488521245606 52.72323774244205907, 7.02753832495380149 52.72233047422655972, 7.02916623173254074 52.72066874166078065, 7.03256766707558079 52.72048526981555483, 7.03222666501976423 52.7176912206945687, 7.0365663231976372 52.71750796989540078, 7.03791614301501944 52.71626810121858142, 7.03741745503726701 52.71217587143001282, 7.04184448427730469 52.71198488262695037, 7.04080430768083865 52.7030000078736478, 7.0473288507575873 52.70264266404839049, 7.0484047258307525 52.71170155706995786, 7.04913895120471334 52.71788149877303908, 7.05164783581159593 52.71777174618557638, 7.05186313529231779 52.72047244757070672, 7.05872919247615016 52.7201873968854855, 7.05906212006625289 52.72406138973904177, 7.06415088780461975 52.72320262850849559, 7.05858738613640835 52.67669595286782425, 7.03004166771168215 52.67796394708377505, 7.02983908008770531 52.67254592146651504, 7.02856318745491659 52.66976958196208614, 7.02621052557768344 52.66987508590798228, 7.01063323569355124 52.67069843940329577, 7.01155699228177198 52.67878369407658568, 7.0170478993856733 52.67854082101884927, 7.01744783329445454 52.68670556226711454, 7.02553657267269482 52.68634383128739529, 7.02646498221441984 52.69453265942117781, 7.02498973843498309 52.69459706059073056, 7.02586762755832694 52.70401380127262314, 7.01865331278861149 52.70380294828595424, 7.01967805058955463 52.71274652126162863, 7.00788864062156502 52.71344988930833608, 7.00797686957524935 52.71426264578789045, 7.02129040017897399 52.71379386511458165, 7.02181682014663533 52.7182956936173639, 7.02210311207212534 52.72074638508127009, 7.02465934122873215 52.72089193373658134, 7.02521447327849469 52.72334892256768057, 7.02389765380187914 52.72340375810285451, 7.0240175481581586 52.72443965616555772, 7.0240175481581586 52.72443965616555772)))</t>
  </si>
  <si>
    <t>MultiPolygon (((7.04184448427730469 52.71198488262695037, 7.0484047258307525 52.71170155706995786, 7.0473288507575873 52.70264266404839049, 7.04080430768083865 52.7030000078736478, 7.04184448427730469 52.71198488262695037, 7.04184448427730469 52.71198488262695037)))</t>
  </si>
  <si>
    <t>MultiPolygon (((7.03798907663033546 52.73160361752552205, 7.0398593896749837 52.73199876318707169, 7.03993798991016995 52.73294704332315774, 7.04279403076419097 52.73299557258937398, 7.04265051464510794 52.73119132479001081, 7.04083355837168678 52.73126549820899811, 7.04065026996549381 52.73006334575180887, 7.05906212006625289 52.72406138973904177, 7.05872919247615016 52.7201873968854855, 7.05186313529231779 52.72047244757070672, 7.05164783581159593 52.71777174618557638, 7.04913895120471334 52.71788149877303908, 7.0484047258307525 52.71170155706995786, 7.04184448427730469 52.71198488262695037, 7.03741745503726701 52.71217587143001282, 7.03791614301501944 52.71626810121858142, 7.0365663231976372 52.71750796989540078, 7.03222666501976423 52.7176912206945687, 7.03256766707558079 52.72048526981555483, 7.02916623173254074 52.72066874166078065, 7.02753832495380149 52.72233047422655972, 7.02775488521245606 52.72323774244205907, 7.03392279359415351 52.72297049263664093, 7.03582257334961536 52.72389468570687399, 7.03622720155814818 52.72741398450369132, 7.03703808977602119 52.72738542539990902, 7.03663508828641771 52.72950382456592422, 7.03481118998291244 52.73106477638675926, 7.02953341127820419 52.73228932098192701, 7.02176955069497044 52.73291513553178333, 7.02183775936933507 52.73347985004581773, 7.03267995576817562 52.73302784871739135, 7.03798907663033546 52.73160361752552205, 7.03798907663033546 52.73160361752552205)))</t>
  </si>
  <si>
    <t>MultiPolygon (((6.96836570852714932 52.71729750854940733, 6.96749907097049537 52.71054790362683207, 6.96440340214732601 52.71067436010432772, 6.9642011045513712 52.70888265602354039, 6.96678494831474815 52.70877730030543518, 6.96658658783143192 52.706983119473378, 6.9648648255070329 52.70705181305570619, 6.96446219883435624 52.70392179546713152, 6.96820105115315336 52.70375937252724441, 6.96809643717472404 52.70284483594857505, 6.96966875016603549 52.70276974073777154, 6.97157125799396749 52.71758119394782938, 6.98307569253202587 52.71709767678918013, 6.98138109966605569 52.70652144439909392, 6.9812419904538876 52.7054634660152459, 6.97480441763026882 52.70573712454632442, 6.97475020490727804 52.70473285421119414, 6.97572599259958537 52.70469201908831991, 6.97481133059540515 52.69672696346651009, 6.97785159401508182 52.69659646393940022, 6.97884934848587424 52.69920477351341503, 6.98449830131139926 52.70349571106038411, 6.98493083772101997 52.70637196113713685, 6.98620649580430264 52.71606577232291357, 7.00205772467238319 52.71540784148022141, 7.00091277990540828 52.7055315269526119, 7.00548334223562819 52.70533309858252125, 7.00640354523942577 52.71331362823495681, 7.00788864062156502 52.71344988930833608, 7.01967805058955463 52.71274652126162863, 7.01865331278861149 52.70380294828595424, 7.02586762755832694 52.70401380127262314, 7.02498973843498309 52.69459706059073056, 7.02646498221441984 52.69453265942117781, 7.02553657267269482 52.68634383128739529, 7.01744783329445454 52.68670556226711454, 7.0170478993856733 52.67854082101884927, 7.01155699228177198 52.67878369407658568, 6.95973508629998339 52.68106268714731755, 6.96167913256432946 52.69996742887386176, 6.96096152768265863 52.70542637603064406, 6.95963184901809662 52.70667414265772521, 6.9536731880064897 52.70752486453908148, 6.9543415768126513 52.71039835070508417, 6.95918492496246799 52.71291818185974876, 6.95645008163870315 52.71494236133920452, 6.95920905611721086 52.71645260589221493, 6.95579240779937624 52.71884970932930514, 6.96491626622357796 52.72380359176241171, 6.96821523227210537 52.72163842410888179, 6.97006925643203701 52.71998929328360362, 6.96995847954147774 52.71903871005564213, 6.96761502479993222 52.71780811499819919, 6.96836570852714932 52.71729750854940733)),((7.02181682014663533 52.7182956936173639, 7.02129040017897399 52.71379386511458165, 7.00797686957524935 52.71426264578789045, 7.00514078778559046 52.71449915073084469, 7.00566699234515688 52.71893070245103985, 7.02181682014663533 52.7182956936173639)),((6.99696239739169368 52.7345493798484668, 7.02183775936933507 52.73347985004581773, 7.02176955069497044 52.73291513553178333, 7.02953341127820419 52.73228932098192701, 7.03481118998291244 52.73106477638675926, 7.03663508828641771 52.72950382456592422, 7.03703808977602119 52.72738542539990902, 7.03622720155814818 52.72741398450369132, 7.02441252048080234 52.72787703574463336, 7.0240175481581586 52.72443965616555772, 7.00430178135481363 52.72521484296793659, 7.00103623790066631 52.72692323080490695, 7.00126172104409328 52.72893908609898261, 6.99933142909129824 52.73082506492638544, 6.99674217810605992 52.73093906214729287, 6.99696239739169368 52.7345493798484668)),((6.99696239739169368 52.7345493798484668, 6.98951368589824629 52.7352761404914645, 6.98782476582281653 52.74220260478088562, 6.99621252304627017 52.74184622302033176, 6.99799257352143744 52.74182994284016246, 6.99696239739169368 52.7345493798484668)))</t>
  </si>
  <si>
    <t>MultiPolygon (((6.99799257352143744 52.74182994284016246, 7.0004643005657492 52.75437019809876915, 7.02058922958667342 52.75343134194661587, 7.02168400079875266 52.75470975620057601, 7.02611827594953553 52.7543946551827645, 7.02347776165994464 52.74626264679075405, 7.02183775936933507 52.73347985004581773, 6.99696239739169368 52.7345493798484668, 6.99799257352143744 52.74182994284016246, 6.99799257352143744 52.74182994284016246)))</t>
  </si>
  <si>
    <t>MultiPolygon (((6.96995847954147774 52.71903871005564213, 6.96979730921943563 52.71765564726534592, 6.97157125799396749 52.71758119394782938, 6.96966875016603549 52.70276974073777154, 6.96809643717472404 52.70284483594857505, 6.96820105115315336 52.70375937252724441, 6.96446219883435624 52.70392179546713152, 6.9648648255070329 52.70705181305570619, 6.96658658783143192 52.706983119473378, 6.96678494831474815 52.70877730030543518, 6.9642011045513712 52.70888265602354039, 6.96440340214732601 52.71067436010432772, 6.96749907097049537 52.71054790362683207, 6.96836570852714932 52.71729750854940733, 6.96761502479993222 52.71780811499819919, 6.96995847954147774 52.71903871005564213, 6.96995847954147774 52.71903871005564213)))</t>
  </si>
  <si>
    <t>MultiPolygon (((6.98307569253202587 52.71709767678918013, 6.98620649580430264 52.71606577232291357, 6.98493083772101997 52.70637196113713685, 6.98138109966605569 52.70652144439909392, 6.98307569253202587 52.71709767678918013, 6.98307569253202587 52.71709767678918013)))</t>
  </si>
  <si>
    <t>MultiPolygon (((7.00205772467238319 52.71540784148022141, 7.00249227645888972 52.71906967360316543, 7.00566699234515688 52.71893070245103985, 7.00514078778559046 52.71449915073084469, 7.00797686957524935 52.71426264578789045, 7.00788864062156502 52.71344988930833608, 7.00640354523942577 52.71331362823495681, 7.00548334223562819 52.70533309858252125, 7.00091277990540828 52.7055315269526119, 7.00205772467238319 52.71540784148022141, 7.00205772467238319 52.71540784148022141)))</t>
  </si>
  <si>
    <t>MultiPolygon (((6.98138109966605569 52.70652144439909392, 6.98493083772101997 52.70637196113713685, 6.98449830131139926 52.70349571106038411, 6.97884934848587424 52.69920477351341503, 6.97785159401508182 52.69659646393940022, 6.97481133059540515 52.69672696346651009, 6.97572599259958537 52.70469201908831991, 6.97475020490727804 52.70473285421119414, 6.97480441763026882 52.70573712454632442, 6.9812419904538876 52.7054634660152459, 6.98138109966605569 52.70652144439909392, 6.98138109966605569 52.70652144439909392)))</t>
  </si>
  <si>
    <t>MultiPolygon (((6.96821523227210537 52.72163842410888179, 6.9751599772567463 52.72543310211126055, 7.02389765380187914 52.72340375810285451, 7.02521447327849469 52.72334892256768057, 7.02465934122873215 52.72089193373658134, 7.02210311207212534 52.72074638508127009, 7.02181682014663533 52.7182956936173639, 7.00566699234515688 52.71893070245103985, 7.00249227645888972 52.71906967360316543, 7.00205772467238319 52.71540784148022141, 6.98620649580430264 52.71606577232291357, 6.98307569253202587 52.71709767678918013, 6.97157125799396749 52.71758119394782938, 6.96979730921943563 52.71765564726534592, 6.96995847954147774 52.71903871005564213, 6.97006925643203701 52.71998929328360362, 6.96821523227210537 52.72163842410888179, 6.96821523227210537 52.72163842410888179)))</t>
  </si>
  <si>
    <t>MultiPolygon (((6.98789051147281359 52.73533787912879944, 6.98951368589824629 52.7352761404914645, 6.99696239739169368 52.7345493798484668, 6.99674217810605992 52.73093906214729287, 6.99933142909129824 52.73082506492638544, 7.00126172104409328 52.72893908609898261, 7.00103623790066631 52.72692323080490695, 7.00430178135481363 52.72521484296793659, 7.0240175481581586 52.72443965616555772, 7.02389765380187914 52.72340375810285451, 6.9751599772567463 52.72543310211126055, 6.96821523227210537 52.72163842410888179, 6.96491626622357796 52.72380359176241171, 6.965576133981493 52.72416178216668925, 6.96828539827603688 52.7256976118312366, 6.95789995346197987 52.73267038914906379, 6.95928316902976007 52.73301048278266023, 6.970038824751283 52.73486702263217296, 6.97875170158844327 52.73278227476555458, 6.9794729207325128 52.73315490339473399, 6.9780834390318569 52.73408112669672221, 6.98382608884922629 52.73462938285818069, 6.98789051147281359 52.73533787912879944, 6.98789051147281359 52.73533787912879944)))</t>
  </si>
  <si>
    <t>MultiPolygon (((6.92143730039672533 52.72797370645335491, 6.9260942426765908 52.72134419033283592, 6.91776803269733698 52.71918642749682249, 6.91720437393915688 52.71681556856641748, 6.91441048625481791 52.71705426104134773, 6.9139058562869975 52.71475785231753974, 6.9200956611217741 52.71423434211565251, 6.91963677770377306 52.71229813618791837, 6.91806990447640846 52.71242213846018387, 6.91788254340526088 52.71161740096475512, 6.90058279872601865 52.71310054699619485, 6.9033796412036752 52.72476410930085677, 6.90789349885812598 52.72560474810179443, 6.91719696586527899 52.72799089275996209, 6.91785812068565509 52.72704880908248271, 6.92143730039672533 52.72797370645335491, 6.92143730039672533 52.72797370645335491)),((6.93546660634243839 52.74260760921193736, 6.95258667665035546 52.71831433257606392, 6.95480387906278796 52.71951843487000389, 6.95579240779937624 52.71884970932930514, 6.95920905611721086 52.71645260589221493, 6.95645008163870315 52.71494236133920452, 6.95918492496246799 52.71291818185974876, 6.9543415768126513 52.71039835070508417, 6.9536731880064897 52.70752486453908148, 6.95963184901809662 52.70667414265772521, 6.96096152768265863 52.70542637603064406, 6.96167913256432946 52.69996742887386176, 6.95973508629998339 52.68106268714731755, 6.95493018650085837 52.6822302085213181, 6.95024562880320573 52.67622938837676116, 6.92346668791532505 52.68393618814231161, 6.92433277557711246 52.68504819162662756, 6.92036920761848418 52.68618312195853548, 6.92199829086769647 52.68828613798638116, 6.91894544380597409 52.68915934085907793, 6.92513468642016772 52.69710480285496601, 6.92203470732759918 52.69799095650231635, 6.91015640752730054 52.69952588585804421, 6.91260713812148442 52.71000113283604804, 6.91896489336101084 52.70946281211415396, 6.92332413460038332 52.70733170638984433, 6.92298600141095122 52.70605385385504604, 6.93401627881875893 52.70511448321563108, 6.93451411029636322 52.70726825542822525, 6.93855879602716463 52.70777348134478757, 6.95032291606563479 52.70674215196893186, 6.95062898392677386 52.70804324863784984, 6.94637688041113321 52.7084268615926419, 6.95217029925779251 52.7116209957919537, 6.95106560956868336 52.71235995412509112, 6.94633658719355207 52.70975132774362493, 6.94374300594693317 52.70938033443805892, 6.93829375735349796 52.70985437355758307, 6.92988428060906614 52.72183304997682285, 6.925030848452848 52.72890328220485401, 6.92917204599504277 52.72997478108116809, 6.92803022888779108 52.73163646050267062, 6.92318825617777911 52.73038348778850093, 6.91234084008550909 52.7445492542077119, 6.92686674987917339 52.7482000309879524, 6.93546660634243839 52.74260760921193736, 6.93546660634243839 52.74260760921193736)))</t>
  </si>
  <si>
    <t>MultiPolygon (((6.9093657988569257 52.74381559495434146, 6.91234084008550909 52.7445492542077119, 6.92318825617777911 52.73038348778850093, 6.92803022888779108 52.73163646050267062, 6.92917204599504277 52.72997478108116809, 6.925030848452848 52.72890328220485401, 6.92988428060906614 52.72183304997682285, 6.9260942426765908 52.72134419033283592, 6.92143730039672533 52.72797370645335491, 6.91785812068565509 52.72704880908248271, 6.91719696586527899 52.72799089275996209, 6.91842734163949125 52.72915416586140225, 6.91806924971112025 52.73156202182219232, 6.91496787754552233 52.73610941410652941, 6.91691279403484316 52.73661585538261676, 6.91152490654311347 52.743035161761334, 6.91026517581739785 52.74271863203662036, 6.9093657988569257 52.74381559495434146, 6.9093657988569257 52.74381559495434146)))</t>
  </si>
  <si>
    <t>MultiPolygon (((6.90058279872601865 52.71310054699619485, 6.91788254340526088 52.71161740096475512, 6.91806990447640846 52.71242213846018387, 6.91963677770377306 52.71229813618791837, 6.91896489336101084 52.70946281211415396, 6.91260713812148442 52.71000113283604804, 6.91275324662194635 52.710649022214767, 6.90039654882650577 52.7117105816966145, 6.90058279872601865 52.71310054699619485, 6.90058279872601865 52.71310054699619485)))</t>
  </si>
  <si>
    <t>MultiPolygon (((6.88172058146066234 52.71262723259027183, 6.88461158208956192 52.71238376098074241, 6.884420497127266 52.71158242069721922, 6.89984700648897231 52.71027690503449037, 6.90039654882650577 52.7117105816966145, 6.91275324662194635 52.710649022214767, 6.91260713812148442 52.71000113283604804, 6.91015640752730054 52.69952588585804421, 6.92203470732759918 52.69799095650231635, 6.91615709340061713 52.69043512118529549, 6.91186859721638758 52.69087922948572356, 6.90975599533940965 52.68902361546127366, 6.90917007806275141 52.68826853621801831, 6.91190366262838474 52.68723786151658572, 6.90842168267865553 52.68560292498155206, 6.89727041050978418 52.69398193211603854, 6.89421898151834611 52.69409034358620403, 6.89440595387344146 52.69515513513772476, 6.89707569059010694 52.696118321337579, 6.87877475710285591 52.6980605379542979, 6.88126391491534317 52.70648577830960591, 6.88081840172293369 52.7090630742974966, 6.88172058146066234 52.71262723259027183, 6.88172058146066234 52.71262723259027183)))</t>
  </si>
  <si>
    <t>MultiPolygon (((6.91190366262838474 52.68723786151658572, 6.90917007806275141 52.68826853621801831, 6.90975599533940965 52.68902361546127366, 6.91186859721638758 52.69087922948572356, 6.91615709340061713 52.69043512118529549, 6.92203470732759918 52.69799095650231635, 6.92513468642016772 52.69710480285496601, 6.91894544380597409 52.68915934085907793, 6.92199829086769647 52.68828613798638116, 6.92036920761848418 52.68618312195853548, 6.92433277557711246 52.68504819162662756, 6.92346668791532505 52.68393618814231161, 6.91190366262838474 52.68723786151658572, 6.91190366262838474 52.68723786151658572)))</t>
  </si>
  <si>
    <t>MultiPolygon (((6.9260942426765908 52.72134419033283592, 6.92988428060906614 52.72183304997682285, 6.93829375735349796 52.70985437355758307, 6.94374300594693317 52.70938033443805892, 6.94633658719355207 52.70975132774362493, 6.95106560956868336 52.71235995412509112, 6.95217029925779251 52.7116209957919537, 6.94637688041113321 52.7084268615926419, 6.95062898392677386 52.70804324863784984, 6.95032291606563479 52.70674215196893186, 6.93855879602716463 52.70777348134478757, 6.93451411029636322 52.70726825542822525, 6.93401627881875893 52.70511448321563108, 6.92298600141095122 52.70605385385504604, 6.92332413460038332 52.70733170638984433, 6.91896489336101084 52.70946281211415396, 6.91963677770377306 52.71229813618791837, 6.9200956611217741 52.71423434211565251, 6.9139058562869975 52.71475785231753974, 6.91441048625481791 52.71705426104134773, 6.91720437393915688 52.71681556856641748, 6.91776803269733698 52.71918642749682249, 6.9260942426765908 52.72134419033283592, 6.9260942426765908 52.72134419033283592)))</t>
  </si>
  <si>
    <t>MultiPolygon (((6.87877475710285591 52.6980605379542979, 6.89707569059010694 52.696118321337579, 6.89440595387344146 52.69515513513772476, 6.89421898151834611 52.69409034358620403, 6.88961298185881077 52.69409260276422202, 6.88592779670463884 52.68327302774460463, 6.87833802080455836 52.68791926279045867, 6.87050398910443771 52.69257911374680248, 6.87157140651607001 52.69625988347875278, 6.87442910052460832 52.69646064353038639, 6.87877475710285591 52.6980605379542979)),((6.85652924229371319 52.73393237957863278, 6.85192835254127619 52.72475149441189046, 6.84660230913361545 52.72518962682324428, 6.84521306388330508 52.72885032999322164, 6.8442521836820216 52.73137005844419889, 6.850234680086146 52.73323730566077217, 6.85652924229371319 52.73393237957863278)),((6.87877475710285591 52.6980605379542979, 6.86842099738405754 52.69915943176307138, 6.86492116927170937 52.71100817143249628, 6.86582198056156567 52.71393678317379994, 6.86657330600342064 52.71394593322511923, 6.88172058146066234 52.71262723259027183, 6.88081840172293369 52.7090630742974966, 6.88126391491534317 52.70648577830960591, 6.87877475710285591 52.6980605379542979)),((6.88183671961582899 52.73659915445058033, 6.8866566217573828 52.73691868196414134, 6.88950380484372271 52.73168612132293021, 6.89525942998838115 52.7345332855854565, 6.8951805013657923 52.72900951897000965, 6.90008270866247031 52.72634212606953241, 6.90448435304057906 52.72633100584428689, 6.90701244555357174 52.7269817195143915, 6.90789349885812598 52.72560474810179443, 6.9033796412036752 52.72476410930085677, 6.90058279872601865 52.71310054699619485, 6.86644510784495843 52.71628672872743238, 6.86706300275664638 52.7188380794291831, 6.85573482102348919 52.71981727097023196, 6.8577967679898153 52.72060317766305815, 6.85721391349187659 52.72227275575041716, 6.8538472800759207 52.72188339333891349, 6.8527983403770687 52.72467528733947972, 6.85854060689207046 52.72424501592333002, 6.85797715958127085 52.72592217580152862, 6.87036764924893273 52.72717319543803427, 6.87007885297116783 52.72819766045712697, 6.86787787062290356 52.72934613740385856, 6.86591581596503264 52.72913178703417003, 6.86611885971772917 52.72846169619398182, 6.85955495813407889 52.72772850956392432, 6.85672643267435689 52.73395415026032396, 6.86617410094571579 52.73493241162475442, 6.86615498051234141 52.73585440063250473, 6.87625051278975175 52.73690435885485073, 6.87620653318356378 52.73524489590063524, 6.87742692314368043 52.73520973255794786, 6.8783251665035916 52.73544704205820466, 6.87854034701135841 52.73749132711010645, 6.88059420769514052 52.73802823624987468, 6.88183671961582899 52.73659915445058033)))</t>
  </si>
  <si>
    <t>MultiPolygon (((6.86657330600342064 52.71394593322511923, 6.86644510784495843 52.71628672872743238, 6.90058279872601865 52.71310054699619485, 6.90039654882650577 52.7117105816966145, 6.89984700648897231 52.71027690503449037, 6.884420497127266 52.71158242069721922, 6.88461158208956192 52.71238376098074241, 6.88172058146066234 52.71262723259027183, 6.86657330600342064 52.71394593322511923, 6.86657330600342064 52.71394593322511923)))</t>
  </si>
  <si>
    <t>MultiPolygon (((6.85652924229371319 52.73393237957863278, 6.85672643267435689 52.73395415026032396, 6.85955495813407889 52.72772850956392432, 6.86611885971772917 52.72846169619398182, 6.86591581596503264 52.72913178703417003, 6.86787787062290356 52.72934613740385856, 6.87007885297116783 52.72819766045712697, 6.87036764924893273 52.72717319543803427, 6.85797715958127085 52.72592217580152862, 6.85854060689207046 52.72424501592333002, 6.8527983403770687 52.72467528733947972, 6.85192835254127619 52.72475149441189046, 6.85652924229371319 52.73393237957863278, 6.85652924229371319 52.73393237957863278)))</t>
  </si>
  <si>
    <t>MultiPolygon (((6.84660230913361545 52.72518962682324428, 6.85192835254127619 52.72475149441189046, 6.8527983403770687 52.72467528733947972, 6.8538472800759207 52.72188339333891349, 6.85721391349187659 52.72227275575041716, 6.8577967679898153 52.72060317766305815, 6.85573482102348919 52.71981727097023196, 6.86706300275664638 52.7188380794291831, 6.86644510784495843 52.71628672872743238, 6.86657330600342064 52.71394593322511923, 6.86582198056156567 52.71393678317379994, 6.86492116927170937 52.71100817143249628, 6.86842099738405754 52.69915943176307138, 6.87877475710285591 52.6980605379542979, 6.87442910052460832 52.69646064353038639, 6.87157140651607001 52.69625988347875278, 6.87050398910443771 52.69257911374680248, 6.8677914799694193 52.69485324327316533, 6.86686716089228621 52.69671094441770265, 6.86243275703952982 52.69526387272562573, 6.85830935389770247 52.69538065119353121, 6.85794472822052903 52.6962654743749539, 6.84660230913361545 52.72518962682324428, 6.84660230913361545 52.72518962682324428)))</t>
  </si>
  <si>
    <t>MultiPolygon (((6.96408524058285305 52.74642999854131631, 6.9662345838703299 52.74413750125149392, 6.97000630738808979 52.74543986627670478, 6.98382608884922629 52.73462938285818069, 6.9780834390318569 52.73408112669672221, 6.96126332681895477 52.7454573733736396, 6.96408524058285305 52.74642999854131631, 6.96408524058285305 52.74642999854131631)),((6.92480943226597656 52.75141593310073773, 6.965576133981493 52.72416178216668925, 6.96491626622357796 52.72380359176241171, 6.95579240779937624 52.71884970932930514, 6.95480387906278796 52.71951843487000389, 6.95258667665035546 52.71831433257606392, 6.93546660634243839 52.74260760921193736, 6.92686674987917339 52.7482000309879524, 6.92234909453847358 52.75120674358350925, 6.92480943226597656 52.75141593310073773, 6.92480943226597656 52.75141593310073773)),((6.98680398984277851 52.74525894260759884, 6.98782476582281653 52.74220260478088562, 6.98951368589824629 52.7352761404914645, 6.98789051147281359 52.73533787912879944, 6.97266659945814027 52.74724754689685113, 6.9708328788352425 52.74868149863857525, 6.97421613575107813 52.74985217912044533, 6.9779033701758939 52.75112786692464084, 6.98680398984277851 52.74525894260759884, 6.98680398984277851 52.74525894260759884)),((6.95563413009220355 52.74926121875369489, 6.9479431962497209 52.75445673914685329, 6.96310602572592519 52.75973255329451916, 6.96314899480743588 52.75219725304133789, 6.95563413009220355 52.74926121875369489, 6.95563413009220355 52.74926121875369489)),((6.98215393051379607 52.75723128375997817, 6.98714398860329311 52.75687086959962357, 6.97252610747793966 52.75181454957839122, 6.9704133566380424 52.75426747840820951, 6.96686631935122769 52.75304057297555715, 6.96682683980549999 52.7600708358373538, 6.97905138748203591 52.76428945534546244, 6.98215393051379607 52.75723128375997817, 6.98215393051379607 52.75723128375997817)))</t>
  </si>
  <si>
    <t>MultiPolygon (((6.97252610747793966 52.75181454957839122, 6.98714398860329311 52.75687086959962357, 6.9895545434757258 52.75671339144756899, 6.99103936819930283 52.75569027689914492, 6.9779033701758939 52.75112786692464084, 6.97421613575107813 52.74985217912044533, 6.97252610747793966 52.75181454957839122, 6.97252610747793966 52.75181454957839122)))</t>
  </si>
  <si>
    <t>MultiPolygon (((6.97000630738808979 52.74543986627670478, 6.97188908817764652 52.74608991308986106, 6.97110076645610199 52.74670637752727487, 6.97266659945814027 52.74724754689685113, 6.98789051147281359 52.73533787912879944, 6.98382608884922629 52.73462938285818069, 6.97000630738808979 52.74543986627670478, 6.97000630738808979 52.74543986627670478)))</t>
  </si>
  <si>
    <t>MultiPolygon (((6.92480943226597656 52.75141593310073773, 6.92562072579275956 52.75365553368240512, 6.92648268052720617 52.75253984173050981, 6.92854788525423082 52.75358272156346118, 6.93185130763279034 52.75289605894801781, 6.93685270479218197 52.74959470441097409, 6.93602037666808524 52.74916063544841904, 6.93650123204046931 52.74829966970471418, 6.94478984023768486 52.74294067750926729, 6.94774878362306048 52.74353685717269968, 6.94897443622157684 52.74261705824273605, 6.9510745822370863 52.73882826902976717, 6.95928316902976007 52.73301048278266023, 6.95789995346197987 52.73267038914906379, 6.96828539827603688 52.7256976118312366, 6.965576133981493 52.72416178216668925, 6.92480943226597656 52.75141593310073773, 6.92480943226597656 52.75141593310073773)))</t>
  </si>
  <si>
    <t>MultiPolygon (((6.96310602572592519 52.75973255329451916, 6.9648188903077175 52.75937770209512223, 6.96682683980549999 52.7600708358373538, 6.96686631935122769 52.75304057297555715, 6.9704133566380424 52.75426747840820951, 6.97252610747793966 52.75181454957839122, 6.97421613575107813 52.74985217912044533, 6.9708328788352425 52.74868149863857525, 6.97266659945814027 52.74724754689685113, 6.97110076645610199 52.74670637752727487, 6.97188908817764652 52.74608991308986106, 6.97000630738808979 52.74543986627670478, 6.9662345838703299 52.74413750125149392, 6.96408524058285305 52.74642999854131631, 6.96126332681895477 52.7454573733736396, 6.95990660265923289 52.74637424061467073, 6.95563413009220355 52.74926121875369489, 6.96314899480743588 52.75219725304133789, 6.96310602572592519 52.75973255329451916, 6.96310602572592519 52.75973255329451916)))</t>
  </si>
  <si>
    <t>MultiPolygon (((6.99981077506744942 52.77253841214361074, 6.99621252304627017 52.74184622302033176, 6.98782476582281653 52.74220260478088562, 6.98680398984277851 52.74525894260759884, 6.9779033701758939 52.75112786692464084, 6.99103936819930283 52.75569027689914492, 6.9895545434757258 52.75671339144756899, 6.98714398860329311 52.75687086959962357, 6.98215393051379607 52.75723128375997817, 6.97905138748203591 52.76428945534546244, 6.97694110524796418 52.76995294923894164, 6.97454900596637462 52.77331670298735844, 6.99981077506744942 52.77253841214361074, 6.99981077506744942 52.77253841214361074)),((7.04171001283696452 52.77986540366366341, 7.04024498653296593 52.76270843653713882, 7.03990796575976585 52.75819440728951548, 7.03409733767639 52.75810485525903459, 7.03153029504646998 52.75722214044659353, 7.03105639786630654 52.75175907730782399, 7.03960052670027103 52.75188091047343875, 7.039457179096404 52.75007795113689468, 7.03798907663033546 52.73160361752552205, 7.03267995576817562 52.73302784871739135, 7.02183775936933507 52.73347985004581773, 7.02347776165994464 52.74626264679075405, 7.02611827594953553 52.7543946551827645, 7.02168400079875266 52.75470975620057601, 7.02058922958667342 52.75343134194661587, 7.0004643005657492 52.75437019809876915, 7.00150293256359024 52.75800081313005307, 7.00346835631312192 52.75790806890316276, 7.00560799613162644 52.77628284726400665, 7.00363096537205632 52.7765624540626348, 7.00383384484649074 52.77831166384645911, 7.01329323034650365 52.77789861985120723, 7.01963945878928541 52.77952118606247467, 7.04085365415132891 52.77985071683588814, 7.04171001283696452 52.77986540366366341, 7.04171001283696452 52.77986540366366341)),((7.06415088780461975 52.72320262850849559, 7.05906212006625289 52.72406138973904177, 7.04065026996549381 52.73006334575180887, 7.04083355837168678 52.73126549820899811, 7.04265051464510794 52.73119132479001081, 7.04279403076419097 52.73299557258937398, 7.04415077582343407 52.75014781774376615, 7.04914278797192306 52.75022192716205183, 7.04894168149939215 52.75479253665179158, 7.05116623084613536 52.75482550266665527, 7.05109628061966909 52.75656416195666765, 7.04886521079287576 52.7565303499815812, 7.04862718508588948 52.76193833346458462, 7.0441307040143073 52.76187404996264974, 7.04420996985057357 52.7627696491387681, 7.04568462387048022 52.77994402965860132, 7.06907476565925474 52.78032347723497963, 7.06415088780461975 52.72320262850849559, 7.06415088780461975 52.72320262850849559),(7.05377009274655276 52.77104118506892405, 7.05096482174981354 52.73674994275366146, 7.05541489152394785 52.7367884552574111, 7.05737472464195292 52.76074866776594519, 7.0584169829969774 52.76076535128218836, 7.05929306414322522 52.77111294404209474, 7.05377009274655276 52.77104118506892405, 7.05377009274655276 52.77104118506892405)))</t>
  </si>
  <si>
    <t>MultiPolygon (((7.0584169829969774 52.76076535128218836, 7.05737472464195292 52.76074866776594519, 7.05541489152394785 52.7367884552574111, 7.05096482174981354 52.73674994275366146, 7.05377009274655276 52.77104118506892405, 7.05929306414322522 52.77111294404209474, 7.0584169829969774 52.76076535128218836, 7.0584169829969774 52.76076535128218836)))</t>
  </si>
  <si>
    <t>MultiPolygon (((7.03993798991016995 52.73294704332315774, 7.0398593896749837 52.73199876318707169, 7.03798907663033546 52.73160361752552205, 7.039457179096404 52.75007795113689468, 7.04415077582343407 52.75014781774376615, 7.04279403076419097 52.73299557258937398, 7.03993798991016995 52.73294704332315774, 7.03993798991016995 52.73294704332315774)),((7.04420996985057357 52.7627696491387681, 7.04024498653296593 52.76270843653713882, 7.04171001283696452 52.77986540366366341, 7.04568462387048022 52.77994402965860132, 7.04420996985057357 52.7627696491387681, 7.04420996985057357 52.7627696491387681)))</t>
  </si>
  <si>
    <t>MultiPolygon (((6.99981077506744942 52.77253841214361074, 7.00116145046136662 52.77249533584996755, 7.0017674540867354 52.77839194054535454, 7.00055041443949388 52.77884261054365567, 7.00386781171982875 52.77872230053908709, 7.00383384484649074 52.77831166384645911, 7.00363096537205632 52.7765624540626348, 7.00560799613162644 52.77628284726400665, 7.00346835631312192 52.75790806890316276, 7.00150293256359024 52.75800081313005307, 7.0004643005657492 52.75437019809876915, 6.99799257352143744 52.74182994284016246, 6.99621252304627017 52.74184622302033176, 6.99981077506744942 52.77253841214361074, 6.99981077506744942 52.77253841214361074)))</t>
  </si>
  <si>
    <t>MultiPolygon (((7.04024498653296593 52.76270843653713882, 7.04420996985057357 52.7627696491387681, 7.0441307040143073 52.76187404996264974, 7.04862718508588948 52.76193833346458462, 7.04886521079287576 52.7565303499815812, 7.05109628061966909 52.75656416195666765, 7.05116623084613536 52.75482550266665527, 7.04894168149939215 52.75479253665179158, 7.04914278797192306 52.75022192716205183, 7.04415077582343407 52.75014781774376615, 7.039457179096404 52.75007795113689468, 7.03960052670027103 52.75188091047343875, 7.03105639786630654 52.75175907730782399, 7.03153029504646998 52.75722214044659353, 7.03409733767639 52.75810485525903459, 7.03990796575976585 52.75819440728951548, 7.04024498653296593 52.76270843653713882, 7.04024498653296593 52.76270843653713882)))</t>
  </si>
  <si>
    <t>MultiPolygon (((7.04252913978169737 52.8065841108337608, 7.04225900135502059 52.8033788024517392, 7.04016197731381244 52.80343462345221184, 7.03958386881858722 52.79624404196313492, 7.02262466194982071 52.79673002810918092, 7.02242943886981674 52.79479318684273181, 7.02575837183982088 52.79412120048317547, 7.02580771900552303 52.79474711434431811, 7.04202339247735054 52.79429597521664874, 7.04085365415132891 52.77985071683588814, 7.01963945878928541 52.77952118606247467, 7.01329323034650365 52.77789861985120723, 7.00383384484649074 52.77831166384645911, 7.00386781171982875 52.77872230053908709, 7.00055041443949388 52.77884261054365567, 7.0017674540867354 52.77839194054535454, 7.00116145046136662 52.77249533584996755, 6.99981077506744942 52.77253841214361074, 6.97454900596637462 52.77331670298735844, 6.96568116273881088 52.78457758883459405, 6.96698257253151798 52.78464387374657463, 6.96651720669971652 52.79485679877464577, 6.96030467740309966 52.79526266804436574, 6.96024746348598811 52.80090263474802015, 6.98390536937197215 52.80331253393874391, 6.98404030197849313 52.80021626726448858, 6.98701298008936256 52.80026381180285, 6.98707870608003478 52.79882264889159416, 6.99006191151412715 52.79887259074421735, 6.98985063550107988 52.80355870650566175, 7.01497578353530749 52.80612979557106712, 7.01464862736099004 52.78387429688876864, 7.01976535651018363 52.78396594659069763, 7.02156084350546728 52.78714394365518814, 7.02054016521263247 52.78735437266464459, 7.02382846452706122 52.79327480986501797, 7.01826718330483867 52.79428996421462728, 7.01772621139330255 52.80664303930201697, 7.02537439934435515 52.80676726641251406, 7.02533790008209635 52.8075510960145138, 7.03094182999616812 52.80763075827567832, 7.03008513505588173 52.80690988319569357, 7.04252913978169737 52.8065841108337608, 7.04252913978169737 52.8065841108337608)),((7.02379086486339865 52.81996830302440316, 7.02596633564905915 52.81214027750991136, 6.95713862744742162 52.80515446584816885, 6.95782236825737055 52.80271471036614628, 6.95074034899423943 52.80268489674914179, 6.94821335970596188 52.80704947745953604, 6.94647070862633509 52.81294394651813917, 6.97285474611918854 52.81581995024424714, 6.97260902734823773 52.817646518285855, 6.98257183993417208 52.81873834381816835, 6.98270253031226584 52.81967105742496216, 6.98518986244476547 52.81994002642320396, 6.98765439339003436 52.81652720085061503, 7.02379086486339865 52.81996830302440316, 7.02379086486339865 52.81996830302440316)),((7.07237865493253715 52.83851389972462442, 7.09273966552922008 52.83819613569309581, 7.07951259910081809 52.82161689012027495, 7.07155118550572492 52.81042115390277303, 7.06907476565925474 52.78032347723497963, 7.04568462387048022 52.77994402965860132, 7.04658938467128415 52.79412575918709649, 7.05333147058146359 52.79395338649049307, 7.0534178786514321 52.79585783554372114, 7.04704065862560292 52.79604081238757374, 7.04813979294042969 52.80970142385483967, 7.05801295252188954 52.80943437359672998, 7.0581039697269583 52.81249267051156693, 7.06438264304089181 52.8159893205546922, 7.06125038134681127 52.81846041899893152, 7.06496768824746013 52.82080451790373132, 7.07998314711287069 52.83314785861385587, 7.07942342752921938 52.83445276507045207, 7.07722590508882465 52.8344529358987387, 7.07444080668262298 52.83360336843470151, 7.06105543573688621 52.82247987162264735, 7.05708048899242968 52.81932949677981526, 7.05046790674868085 52.82215431507574976, 7.04862040231102949 52.82080183518299066, 7.05026094344524257 52.81993703267474416, 7.0440266389358186 52.81664201364576883, 7.03156882643850434 52.81275487266079693, 7.02920964783466573 52.81251965746973553, 7.02731807724241619 52.81929069696599299, 7.03135381804298287 52.82164241911346636, 7.03305030146336918 52.82172511267417292, 7.04251903323822859 52.82255931571218355, 7.04227812170625445 52.82356417875352861, 7.03665910839539421 52.82335246395626172, 7.03879619843575721 52.82542714912697335, 7.04625682304951084 52.82812029994674674, 7.04694838042645166 52.82927229858131568, 7.04795758488675528 52.82980443319871, 7.07085708141312441 52.83776123458639518, 7.07164094331949755 52.83927817927734338, 7.07237865493253715 52.83851389972462442, 7.07237865493253715 52.83851389972462442)))</t>
  </si>
  <si>
    <t>MultiPolygon (((7.06105543573688621 52.82247987162264735, 7.07444080668262298 52.83360336843470151, 7.07722590508882465 52.8344529358987387, 7.07942342752921938 52.83445276507045207, 7.07998314711287069 52.83314785861385587, 7.06496768824746013 52.82080451790373132, 7.06105543573688621 52.82247987162264735, 7.06105543573688621 52.82247987162264735)))</t>
  </si>
  <si>
    <t>MultiPolygon (((7.03958386881858722 52.79624404196313492, 7.04704065862560292 52.79604081238757374, 7.0534178786514321 52.79585783554372114, 7.05333147058146359 52.79395338649049307, 7.04658938467128415 52.79412575918709649, 7.04568462387048022 52.77994402965860132, 7.04171001283696452 52.77986540366366341, 7.04085365415132891 52.77985071683588814, 7.04202339247735054 52.79429597521664874, 7.02580771900552303 52.79474711434431811, 7.02575837183982088 52.79412120048317547, 7.02242943886981674 52.79479318684273181, 7.02262466194982071 52.79673002810918092, 7.03958386881858722 52.79624404196313492, 7.03958386881858722 52.79624404196313492)))</t>
  </si>
  <si>
    <t>MultiPolygon (((7.01497578353530749 52.80612979557106712, 7.01772621139330255 52.80664303930201697, 7.01826718330483867 52.79428996421462728, 7.02382846452706122 52.79327480986501797, 7.02054016521263247 52.78735437266464459, 7.02156084350546728 52.78714394365518814, 7.01976535651018363 52.78396594659069763, 7.01464862736099004 52.78387429688876864, 7.01497578353530749 52.80612979557106712, 7.01497578353530749 52.80612979557106712)))</t>
  </si>
  <si>
    <t>MultiPolygon (((7.02379086486339865 52.81996830302440316, 7.0254754432271378 52.82009423091235334, 7.02590357554679024 52.81915877252993141, 7.02731807724241619 52.81929069696599299, 7.02920964783466573 52.81251965746973553, 7.03156882643850434 52.81275487266079693, 7.03191251418289731 52.80844753210086395, 7.03094182999616812 52.80763075827567832, 7.02533790008209635 52.8075510960145138, 7.02537439934435515 52.80676726641251406, 7.01772621139330255 52.80664303930201697, 7.01497578353530749 52.80612979557106712, 6.98985063550107988 52.80355870650566175, 6.99006191151412715 52.79887259074421735, 6.98707870608003478 52.79882264889159416, 6.98701298008936256 52.80026381180285, 6.98404030197849313 52.80021626726448858, 6.98390536937197215 52.80331253393874391, 6.96024746348598811 52.80090263474802015, 6.95782236825737055 52.80271471036614628, 6.95713862744742162 52.80515446584816885, 7.02596633564905915 52.81214027750991136, 7.02379086486339865 52.81996830302440316, 7.02379086486339865 52.81996830302440316)))</t>
  </si>
  <si>
    <t>MultiPolygon (((7.06105543573688621 52.82247987162264735, 7.06496768824746013 52.82080451790373132, 7.06125038134681127 52.81846041899893152, 7.06438264304089181 52.8159893205546922, 7.0581039697269583 52.81249267051156693, 7.05801295252188954 52.80943437359672998, 7.04813979294042969 52.80970142385483967, 7.04704065862560292 52.79604081238757374, 7.03958386881858722 52.79624404196313492, 7.04016197731381244 52.80343462345221184, 7.04225900135502059 52.8033788024517392, 7.04252913978169737 52.8065841108337608, 7.03008513505588173 52.80690988319569357, 7.03094182999616812 52.80763075827567832, 7.03191251418289731 52.80844753210086395, 7.03156882643850434 52.81275487266079693, 7.0440266389358186 52.81664201364576883, 7.05026094344524257 52.81993703267474416, 7.04862040231102949 52.82080183518299066, 7.05046790674868085 52.82215431507574976, 7.05708048899242968 52.81932949677981526, 7.06105543573688621 52.82247987162264735, 7.06105543573688621 52.82247987162264735)))</t>
  </si>
  <si>
    <t>MultiPolygon (((7.00579016383965225 52.84784871245436477, 7.02949253245878758 52.82319076781234912, 7.02956815307097926 52.82161105775206522, 7.03135381804298287 52.82164241911346636, 7.02731807724241619 52.81929069696599299, 7.02590357554679024 52.81915877252993141, 7.0254754432271378 52.82009423091235334, 7.02379086486339865 52.81996830302440316, 6.98765439339003436 52.81652720085061503, 6.97530276987082765 52.83559911713823709, 6.98358811112815658 52.83876841948991654, 6.98413918615243823 52.84035767029779151, 6.99818179565973963 52.8457654241322814, 7.00208041532135894 52.84726025780499015, 7.00637752216934118 52.84892113046937823, 7.00700900071431665 52.84831132020767086, 7.00579016383965225 52.84784871245436477, 7.00579016383965225 52.84784871245436477)),((7.04129622969264357 52.86469739950270963, 7.04280432032903558 52.86329410529786088, 7.04762731445190216 52.86374158277849489, 7.04788492213649409 52.86450627100451527, 7.05146135351241465 52.86118207053492313, 7.05230094126603468 52.86149563532504914, 7.06272651598199985 52.85146844391665866, 7.0637496716721806 52.85178953230462184, 7.06427014541027454 52.85104324557856614, 7.06591730468527501 52.85164196687829019, 7.0691381552924657 52.84786367073495938, 7.07006809840146122 52.84779338520557701, 7.07623688257889594 52.85003012391165811, 7.07631706194371457 52.84874676518924019, 7.07219295714664486 52.84521093466172204, 7.07164094331949755 52.83927817927734338, 7.07085708141312441 52.83776123458639518, 7.04795758488675528 52.82980443319871, 7.04231759306319471 52.83570621978397241, 7.04347715524642481 52.83612752025419468, 7.04450651132836292 52.83517045718669181, 7.0486362158078153 52.83669523437556137, 7.0473879809820108 52.83802713493669501, 7.04592061719225615 52.83749221975950405, 7.04277919682592657 52.8410338679506566, 7.03897553073817583 52.83963825087997179, 7.0385211151957412 52.84012365333011729, 7.03415824882143514 52.84480742200658909, 7.03219551503579243 52.84846212179716929, 7.03279786792627881 52.84868300981072764, 7.03117023390490381 52.85026989744517323, 7.02774890922226536 52.84898367167510713, 7.02920443519468918 52.84547262837094905, 7.0352568788614871 52.83895059938079442, 7.03669382071817129 52.83754996725582487, 7.0306459386964244 52.83538423913340409, 7.03115087888270995 52.83486711549207371, 7.03462425057080232 52.83489692784792879, 7.03780191111494791 52.83604544462870223, 7.0391943169795308 52.83460163242806118, 7.04491805973166763 52.82866540264858912, 7.04694838042645166 52.82927229858131568, 7.04625682304951084 52.82812029994674674, 7.03879619843575721 52.82542714912697335, 7.03665910839539421 52.82335246395626172, 7.04227812170625445 52.82356417875352861, 7.04251903323822859 52.82255931571218355, 7.03305030146336918 52.82172511267417292, 7.03211532641352743 52.82465910037479517, 7.01215456320413555 52.84542779909039467, 7.01755555253586394 52.84739180952446702, 7.01542144621884223 52.8493919532040124, 7.01204748409747758 52.84807239464335282, 7.00972803245562481 52.85023221502115831, 7.02193340055666582 52.85499870285737956, 7.0192141440694078 52.85726463558190602, 7.03192446802836546 52.86238777011983814, 7.03454481434926304 52.85992142598178845, 7.03642863834182553 52.86069952745894085, 7.03424301781145456 52.86316650823512475, 7.04129622969264357 52.86469739950270963, 7.04129622969264357 52.86469739950270963)))</t>
  </si>
  <si>
    <t>MultiPolygon (((7.04694838042645166 52.82927229858131568, 7.04491805973166763 52.82866540264858912, 7.0391943169795308 52.83460163242806118, 7.04231759306319471 52.83570621978397241, 7.04795758488675528 52.82980443319871, 7.04694838042645166 52.82927229858131568, 7.04694838042645166 52.82927229858131568)),((7.0385211151957412 52.84012365333011729, 7.0352568788614871 52.83895059938079442, 7.02920443519468918 52.84547262837094905, 7.02774890922226536 52.84898367167510713, 7.03117023390490381 52.85026989744517323, 7.03279786792627881 52.84868300981072764, 7.03219551503579243 52.84846212179716929, 7.03415824882143514 52.84480742200658909, 7.0385211151957412 52.84012365333011729, 7.0385211151957412 52.84012365333011729)))</t>
  </si>
  <si>
    <t>MultiPolygon (((7.00637752216934118 52.84892113046937823, 7.00972803245562481 52.85023221502115831, 7.01204748409747758 52.84807239464335282, 7.01542144621884223 52.8493919532040124, 7.01755555253586394 52.84739180952446702, 7.01215456320413555 52.84542779909039467, 7.03211532641352743 52.82465910037479517, 7.03305030146336918 52.82172511267417292, 7.03135381804298287 52.82164241911346636, 7.02956815307097926 52.82161105775206522, 7.02949253245878758 52.82319076781234912, 7.00579016383965225 52.84784871245436477, 7.00700900071431665 52.84831132020767086, 7.00637752216934118 52.84892113046937823, 7.00637752216934118 52.84892113046937823)))</t>
  </si>
  <si>
    <t>MultiPolygon (((7.0352568788614871 52.83895059938079442, 7.0385211151957412 52.84012365333011729, 7.03897553073817583 52.83963825087997179, 7.04277919682592657 52.8410338679506566, 7.04592061719225615 52.83749221975950405, 7.0473879809820108 52.83802713493669501, 7.0486362158078153 52.83669523437556137, 7.04450651132836292 52.83517045718669181, 7.04347715524642481 52.83612752025419468, 7.04231759306319471 52.83570621978397241, 7.0391943169795308 52.83460163242806118, 7.03780191111494791 52.83604544462870223, 7.03462425057080232 52.83489692784792879, 7.03115087888270995 52.83486711549207371, 7.0306459386964244 52.83538423913340409, 7.03669382071817129 52.83754996725582487, 7.0352568788614871 52.83895059938079442, 7.0352568788614871 52.83895059938079442)))</t>
  </si>
  <si>
    <t>MultiPolygon (((7.01315429388755085 52.87299261774418824, 7.00562966979303781 52.86828195306107858, 7.00474865326452356 52.86913777599379216, 7.00264961382226225 52.86835210690895082, 7.0034621923467455 52.86754950153934374, 6.9964888039955655 52.86318363042304469, 6.99480546620957888 52.86494215177752665, 6.98684812419824119 52.86183775006001184, 6.98477951639783701 52.86182140639576943, 6.98275565276309695 52.8637210859515676, 6.97988200781161083 52.86264386742735155, 6.98180058943823934 52.86076922003842071, 6.9744280617806913 52.85791088520765157, 6.97750513971591868 52.85500336086775519, 6.96001664623205407 52.84814057009716493, 6.95798550112712544 52.85007788475201096, 6.9562206114527152 52.85012142243915179, 6.95505432900519072 52.84776995136452626, 6.94969573612310221 52.84582420624503385, 6.94401270738598075 52.8465952608986953, 6.94344537267652928 52.84485364249663775, 6.94518369811622183 52.84320002041992836, 6.94922937012144981 52.84244880170130187, 6.94512230151830767 52.83731934801141961, 6.93378826359773992 52.83000804552287377, 6.93088521634196564 52.82910716801819007, 6.93257736687675763 52.82710679655897934, 6.93700849873067149 52.82874206242245663, 6.9460086557072156 52.83427474585859329, 6.9510503316159058 52.83946818054990757, 6.95191363707729781 52.84195029182724568, 6.95250071718746732 52.84267082477770572, 6.96190931480852804 52.84636484551631241, 6.98062598679856272 52.85370932543554545, 6.98161407380454602 52.85278082794856402, 6.98035401051212023 52.85228980542724742, 6.98104820501145618 52.8516334151078695, 6.98597274825175774 52.85354369861374124, 6.9906135445168669 52.84926527604833524, 6.99338822877981237 52.85033435420858439, 6.99818179565973963 52.8457654241322814, 6.98413918615243823 52.84035767029779151, 6.98180144033876005 52.84256357536022364, 6.95575454861158438 52.8325467845637462, 6.9435210760870838 52.83127979890758041, 6.94400021525730615 52.82950614920833488, 6.95789021836567567 52.8309445839743077, 6.96607125018487672 52.83408079686323333, 6.96679100552653896 52.83339205961993201, 6.96928438233838676 52.83436320232117112, 6.96856897397165298 52.83503771378494207, 6.97375144440228478 52.83705838847895109, 6.97530276987082765 52.83559911713823709, 6.98765439339003436 52.81652720085061503, 6.98518986244476547 52.81994002642320396, 6.98270253031226584 52.81967105742496216, 6.98257183993417208 52.81873834381816835, 6.97260902734823773 52.817646518285855, 6.97285474611918854 52.81581995024424714, 6.94647070862633509 52.81294394651813917, 6.94587081001652074 52.81573788893593502, 6.94647397194905825 52.81815536510100628, 6.93511124923727706 52.81732179418586526, 6.93379628081146215 52.82040572746993234, 6.92657289439325563 52.82445169913788163, 6.92838896527685222 52.82504524414535751, 6.93226561779500017 52.82631210592405324, 6.9268318640793769 52.82924577193750082, 6.93038773231878036 52.83256184023562696, 6.9255718306595444 52.83789780515178336, 6.91396852854455268 52.83396671973952152, 6.91239992751706289 52.83372263087233023, 6.91092543570326523 52.83540151280582364, 6.91924535674100749 52.83835357857341819, 6.94991280935561395 52.84880328402722682, 6.95188816250810238 52.85218790587421012, 6.95207543514216209 52.85531604696149799, 6.95761526527081742 52.86190462566813864, 6.96144977090601724 52.86428240558377922, 6.96449481567675033 52.86494852891785712, 6.96663810787310656 52.86386837254682547, 7.00758896826092048 52.87301129991195836, 7.01315429388755085 52.87299261774418824)),((7.04028619396424915 52.87281821518225655, 7.04348622370053246 52.86521857809088232, 7.04643301799982513 52.86585560178845355, 7.04788492213649409 52.86450627100451527, 7.04762731445190216 52.86374158277849489, 7.04280432032903558 52.86329410529786088, 7.04129622969264357 52.86469739950270963, 7.03424301781145456 52.86316650823512475, 7.03642863834182553 52.86069952745894085, 7.03454481434926304 52.85992142598178845, 7.03192446802836546 52.86238777011983814, 7.0192141440694078 52.85726463558190602, 7.02193340055666582 52.85499870285737956, 7.00972803245562481 52.85023221502115831, 7.00637752216934118 52.84892113046937823, 7.00208041532135894 52.84726025780499015, 6.9952406783890142 52.85376734725438297, 7.00273456476313161 52.8567478397951902, 6.9989478568345902 52.86068522905591749, 7.01857691450694077 52.87297499472047235, 7.04028619396424915 52.87281821518225655)))</t>
  </si>
  <si>
    <t>MultiPolygon (((6.98413918615243823 52.84035767029779151, 6.98358811112815658 52.83876841948991654, 6.97530276987082765 52.83559911713823709, 6.97375144440228478 52.83705838847895109, 6.96856897397165298 52.83503771378494207, 6.96928438233838676 52.83436320232117112, 6.96679100552653896 52.83339205961993201, 6.96607125018487672 52.83408079686323333, 6.95789021836567567 52.8309445839743077, 6.94400021525730615 52.82950614920833488, 6.9435210760870838 52.83127979890758041, 6.95575454861158438 52.8325467845637462, 6.98180144033876005 52.84256357536022364, 6.98413918615243823 52.84035767029779151, 6.98413918615243823 52.84035767029779151)))</t>
  </si>
  <si>
    <t>MultiPolygon (((7.01479927486675603 52.87298657872815966, 7.01857691450694077 52.87297499472047235, 6.9989478568345902 52.86068522905591749, 6.9964888039955655 52.86318363042304469, 7.0034621923467455 52.86754950153934374, 7.00264961382226225 52.86835210690895082, 7.00474865326452356 52.86913777599379216, 7.00562966979303781 52.86828195306107858, 7.01315429388755085 52.87299261774418824, 7.01479927486675603 52.87298657872815966, 7.01479927486675603 52.87298657872815966)))</t>
  </si>
  <si>
    <t>MultiPolygon (((6.97750513971591868 52.85500336086775519, 6.97829600615852108 52.85425599783605577, 6.97953089966896023 52.85473831824018731, 6.98062598679856272 52.85370932543554545, 6.96190931480852804 52.84636484551631241, 6.96001664623205407 52.84814057009716493, 6.97750513971591868 52.85500336086775519, 6.97750513971591868 52.85500336086775519)))</t>
  </si>
  <si>
    <t>MultiPolygon (((6.94922937012144981 52.84244880170130187, 6.95191363707729781 52.84195029182724568, 6.9510503316159058 52.83946818054990757, 6.9460086557072156 52.83427474585859329, 6.93700849873067149 52.82874206242245663, 6.93257736687675763 52.82710679655897934, 6.93088521634196564 52.82910716801819007, 6.93378826359773992 52.83000804552287377, 6.94512230151830767 52.83731934801141961, 6.94922937012144981 52.84244880170130187, 6.94922937012144981 52.84244880170130187)))</t>
  </si>
  <si>
    <t>MultiPolygon (((6.9964888039955655 52.86318363042304469, 6.9989478568345902 52.86068522905591749, 7.00273456476313161 52.8567478397951902, 6.9952406783890142 52.85376734725438297, 7.00208041532135894 52.84726025780499015, 6.99818179565973963 52.8457654241322814, 6.99338822877981237 52.85033435420858439, 6.9906135445168669 52.84926527604833524, 6.98597274825175774 52.85354369861374124, 6.98104820501145618 52.8516334151078695, 6.98035401051212023 52.85228980542724742, 6.98161407380454602 52.85278082794856402, 6.98062598679856272 52.85370932543554545, 6.97953089966896023 52.85473831824018731, 6.97829600615852108 52.85425599783605577, 6.97750513971591868 52.85500336086775519, 6.9744280617806913 52.85791088520765157, 6.98180058943823934 52.86076922003842071, 6.97988200781161083 52.86264386742735155, 6.98275565276309695 52.8637210859515676, 6.98477951639783701 52.86182140639576943, 6.98684812419824119 52.86183775006001184, 6.99480546620957888 52.86494215177752665, 6.9964888039955655 52.86318363042304469, 6.9964888039955655 52.86318363042304469)))</t>
  </si>
  <si>
    <t>MultiPolygon (((6.96001664623205407 52.84814057009716493, 6.96190931480852804 52.84636484551631241, 6.95250071718746732 52.84267082477770572, 6.95191363707729781 52.84195029182724568, 6.94922937012144981 52.84244880170130187, 6.94518369811622183 52.84320002041992836, 6.94344537267652928 52.84485364249663775, 6.94401270738598075 52.8465952608986953, 6.94969573612310221 52.84582420624503385, 6.95505432900519072 52.84776995136452626, 6.9562206114527152 52.85012142243915179, 6.95798550112712544 52.85007788475201096, 6.96001664623205407 52.84814057009716493, 6.96001664623205407 52.84814057009716493)))</t>
  </si>
  <si>
    <t>MultiPolygon (((6.72837981543312402 52.85382371104063282, 6.730741824932017 52.8522171171158206, 6.72675834746342094 52.84770969258422468, 6.74089452952621837 52.84542448196738462, 6.74268729769791886 52.84172366524524733, 6.74771934600359646 52.84282464399566948, 6.74797110693165525 52.84151687298659539, 6.75044967258695294 52.84160540087246716, 6.7532153389883689 52.83791463431960267, 6.7646073992767155 52.82300267620617973, 6.7601457898708146 52.82394561989433157, 6.75545259495308503 52.82583644966508274, 6.74007733223459571 52.82683542908717556, 6.73409580195045265 52.81815868241253042, 6.73156576437672882 52.81017244387705745, 6.72798109291402024 52.80349898806057496, 6.71548423879191869 52.80391025564245666, 6.70623635857971667 52.80495668512379837, 6.6901551015383145 52.81012290723542435, 6.6916040947596791 52.80977914374458493, 6.69239813208885082 52.81075246114799882, 6.69348726647899017 52.81545881862981417, 6.69021059721528388 52.82267195721269104, 6.6910588065926726 52.82601917708848305, 6.69398730532447139 52.82780416737775653, 6.6960252185393081 52.8266155666018733, 6.70759812979810466 52.83639222919225631, 6.7063468352933322 52.84242861296539928, 6.70405315446524597 52.84697785809696313, 6.71967252025918071 52.84882974337958217, 6.72837981543312402 52.85382371104063282, 6.72837981543312402 52.85382371104063282),(6.71405289908729497 52.84435555175208776, 6.70977748566455823 52.84610844704985055, 6.70602316969872625 52.84335600375261066, 6.70841651821612928 52.84258185150667231, 6.70939028193078979 52.84312267413662312, 6.71763030305996889 52.84001061532521959, 6.71465840725284657 52.82777728462856004, 6.71799918997408341 52.82731368534188476, 6.72067351008358305 52.83969126424138096, 6.72889228660547367 52.83859357295249737, 6.73009839884529182 52.84084207558630908, 6.72185202308987151 52.84187668083763612, 6.72346125923846749 52.84363371709340385, 6.72125712669568287 52.84431617877233123, 6.71902555628963327 52.84269189296345814, 6.71655706753344539 52.84357494785739817, 6.71728564959214847 52.84424819784958061, 6.71519623598634663 52.84519889542006865, 6.71405289908729497 52.84435555175208776, 6.71405289908729497 52.84435555175208776),(6.71583063098736055 52.82406748536990193, 6.71387884622703979 52.82423583367496178, 6.71477832477334413 52.81500726611340468, 6.71368182668716251 52.81123284550570673, 6.71588274792342954 52.8093658501418588, 6.71776781113853616 52.80873253125227507, 6.72411346586979253 52.80952433657722622, 6.72380413980004921 52.81284989115064121, 6.72686472239346234 52.81335029796207436, 6.72670262882634784 52.81488452522746968, 6.72182599887775734 52.81544984543641164, 6.71906321831503917 52.8146920788864378, 6.71833389929811897 52.81539621134810858, 6.71760231322645485 52.82416737417472774, 6.71583063098736055 52.82406748536990193, 6.71583063098736055 52.82406748536990193)))</t>
  </si>
  <si>
    <t>MultiPolygon (((6.76733777677081605 52.79183511656669481, 6.76542417330631363 52.78191221839612268, 6.76633441882492548 52.78106693729134946, 6.76615908466840921 52.77922027562740936, 6.76187056734531122 52.77428944517113507, 6.76378834246974847 52.77028510581358489, 6.76729729166171534 52.76656002411171897, 6.76920767259292866 52.76253095163757223, 6.76951614844162552 52.75910690940185788, 6.7649473775876352 52.75548885836891344, 6.76350168649708028 52.75341981808244896, 6.75547926265507748 52.75780119243660948, 6.75061770773385383 52.76411251981382833, 6.74539342118857643 52.76536310809265018, 6.73488164858486016 52.77074602829174665, 6.73500820388306831 52.77312861764200136, 6.73116115710289442 52.77820526375215593, 6.7313794228401358 52.7841100329450299, 6.73276162937276546 52.7872199336993404, 6.74194506608243849 52.78959873769620259, 6.74359070939820615 52.79356947157417324, 6.74492502151680284 52.79380480877919268, 6.7485741246335671 52.79361936528896138, 6.75986782649837359 52.79006992039673918, 6.76042153292907955 52.79099490311649134, 6.76733777677081605 52.79183511656669481, 6.76733777677081605 52.79183511656669481),(6.74599391818124428 52.77865714684318732, 6.74268633556449348 52.78097773784156743, 6.74026697918509665 52.77967279818116708, 6.74188111265855383 52.77761028432978208, 6.74701770288009506 52.77434253598918446, 6.74878617516749379 52.77107097861586027, 6.75158018576681407 52.77146817576131355, 6.75295768749540759 52.77229949357379013, 6.75000336617843821 52.77566108427889446, 6.74599391818124428 52.77865714684318732, 6.74599391818124428 52.77865714684318732)))</t>
  </si>
  <si>
    <t>MultiPolygon (((6.74599391818124428 52.77865714684318732, 6.75000336617843821 52.77566108427889446, 6.75295768749540759 52.77229949357379013, 6.75158018576681407 52.77146817576131355, 6.74878617516749379 52.77107097861586027, 6.74701770288009506 52.77434253598918446, 6.74188111265855383 52.77761028432978208, 6.74026697918509665 52.77967279818116708, 6.74268633556449348 52.78097773784156743, 6.74599391818124428 52.77865714684318732, 6.74599391818124428 52.77865714684318732)))</t>
  </si>
  <si>
    <t>MultiPolygon (((6.71405289908729497 52.84435555175208776, 6.71519623598634663 52.84519889542006865, 6.71728564959214847 52.84424819784958061, 6.71655706753344539 52.84357494785739817, 6.71902555628963327 52.84269189296345814, 6.72125712669568287 52.84431617877233123, 6.72346125923846749 52.84363371709340385, 6.72185202308987151 52.84187668083763612, 6.73009839884529182 52.84084207558630908, 6.72889228660547367 52.83859357295249737, 6.72067351008358305 52.83969126424138096, 6.71799918997408341 52.82731368534188476, 6.71465840725284657 52.82777728462856004, 6.71763030305996889 52.84001061532521959, 6.70939028193078979 52.84312267413662312, 6.70841651821612928 52.84258185150667231, 6.70602316969872625 52.84335600375261066, 6.70977748566455823 52.84610844704985055, 6.71405289908729497 52.84435555175208776, 6.71405289908729497 52.84435555175208776)))</t>
  </si>
  <si>
    <t>MultiPolygon (((6.71583063098736055 52.82406748536990193, 6.71760231322645485 52.82416737417472774, 6.71833389929811897 52.81539621134810858, 6.71906321831503917 52.8146920788864378, 6.72182599887775734 52.81544984543641164, 6.72670262882634784 52.81488452522746968, 6.72686472239346234 52.81335029796207436, 6.72380413980004921 52.81284989115064121, 6.72411346586979253 52.80952433657722622, 6.71776781113853616 52.80873253125227507, 6.71588274792342954 52.8093658501418588, 6.71368182668716251 52.81123284550570673, 6.71477832477334413 52.81500726611340468, 6.71387884622703979 52.82423583367496178, 6.71583063098736055 52.82406748536990193, 6.71583063098736055 52.82406748536990193)))</t>
  </si>
  <si>
    <t>MultiPolygon (((6.6432531072252754 52.78624726828659419, 6.6608793828712729 52.80123262541739848, 6.66774774440850759 52.79970222362885579, 6.67511386483592695 52.79713582362003166, 6.6742480334132237 52.79653505807453229, 6.68187612927624386 52.79279442847536785, 6.69604854615749101 52.79015447919184822, 6.70098870312909867 52.78527369108869038, 6.70499254529257183 52.78507218349884766, 6.70739991143528602 52.78413776639660426, 6.70932277104860475 52.78095218764654106, 6.7066098220665209 52.78079240083628321, 6.70578196456387943 52.77958091699672138, 6.70982864194825979 52.77522473098207456, 6.71106678901521114 52.77200402180236694, 6.70281278812024972 52.76812681378510206, 6.70195099166185226 52.76908285634013396, 6.69204300347123571 52.76285768616855876, 6.65346991177216474 52.76269718261489317, 6.61626191388436968 52.76301004660721361, 6.63895618483449379 52.7825600526667742, 6.6432531072252754 52.78624726828659419, 6.6432531072252754 52.78624726828659419),(6.6987903837527023 52.78418455776705542, 6.69745445343385093 52.78620689428271362, 6.68714158558283778 52.78422517061863317, 6.69155756229411658 52.78233273221437827, 6.6885409328518719 52.78172759464980146, 6.6880648192554073 52.77922690260927396, 6.68951227557580363 52.77795729786995338, 6.69456339948836465 52.77914396099040317, 6.70155318994172688 52.77948609541891045, 6.70135296559939242 52.78298622527067607, 6.7001451715492335 52.78472687503638383, 6.6987903837527023 52.78418455776705542, 6.6987903837527023 52.78418455776705542)))</t>
  </si>
  <si>
    <t>MultiPolygon (((6.6987903837527023 52.78418455776705542, 6.7001451715492335 52.78472687503638383, 6.70135296559939242 52.78298622527067607, 6.70155318994172688 52.77948609541891045, 6.69456339948836465 52.77914396099040317, 6.68951227557580363 52.77795729786995338, 6.6880648192554073 52.77922690260927396, 6.6885409328518719 52.78172759464980146, 6.69155756229411658 52.78233273221437827, 6.68714158558283778 52.78422517061863317, 6.69745445343385093 52.78620689428271362, 6.6987903837527023 52.78418455776705542, 6.6987903837527023 52.78418455776705542)))</t>
  </si>
  <si>
    <t>MultiPolygon (((6.7646073992767155 52.82300267620617973, 6.77112768555498157 52.81449886721718201, 6.76975361258210828 52.80556240856267181, 6.76733777677081605 52.79183511656669481, 6.76042153292907955 52.79099490311649134, 6.75986782649837359 52.79006992039673918, 6.7485741246335671 52.79361936528896138, 6.74492502151680284 52.79380480877919268, 6.74359070939820615 52.79356947157417324, 6.74194506608243849 52.78959873769620259, 6.73276162937276546 52.7872199336993404, 6.7313794228401358 52.7841100329450299, 6.73116115710289442 52.77820526375215593, 6.73500820388306831 52.77312861764200136, 6.73488164858486016 52.77074602829174665, 6.73290201910927344 52.77056169100495708, 6.72941180055040888 52.77161726123594576, 6.72714080280506987 52.77319491510196769, 6.72023437824419467 52.77410602949503016, 6.71431302213934877 52.77354974777534835, 6.71106678901521114 52.77200402180236694, 6.70982864194825979 52.77522473098207456, 6.70578196456387943 52.77958091699672138, 6.7066098220665209 52.78079240083628321, 6.70932277104860475 52.78095218764654106, 6.70739991143528602 52.78413776639660426, 6.70499254529257183 52.78507218349884766, 6.70098870312909867 52.78527369108869038, 6.69604854615749101 52.79015447919184822, 6.68187612927624386 52.79279442847536785, 6.6742480334132237 52.79653505807453229, 6.67511386483592695 52.79713582362003166, 6.67802882458319758 52.79910717355039651, 6.67577231201452914 52.80027015449773131, 6.67903654895731425 52.80277557128961519, 6.68118314072910469 52.80773221093951975, 6.6901551015383145 52.81012290723542435, 6.70623635857971667 52.80495668512379837, 6.71548423879191869 52.80391025564245666, 6.72798109291402024 52.80349898806057496, 6.73156576437672882 52.81017244387705745, 6.73409580195045265 52.81815868241253042, 6.74007733223459571 52.82683542908717556, 6.75545259495308503 52.82583644966508274, 6.7601457898708146 52.82394561989433157, 6.7646073992767155 52.82300267620617973, 6.7646073992767155 52.82300267620617973),(6.72035074638392249 52.79462835499003148, 6.71916442050861562 52.79389276524741348, 6.71491306923569997 52.79646918616325024, 6.71212135572057811 52.79633570401835385, 6.70495081847817076 52.79351125199500672, 6.70790350042147665 52.79115640039094615, 6.71359186685853082 52.78956729176758955, 6.71350562990379629 52.78665188966446919, 6.71155346068670422 52.78604914396321846, 6.71220958570253767 52.78491997903683597, 6.71346765195835893 52.78443750066601581, 6.7193684369126343 52.78478278248962852, 6.7256560575313511 52.78841427075558812, 6.72536195150026916 52.79150572296786947, 6.72694795061820017 52.79203490735174142, 6.72818469805873942 52.7925293880631088, 6.73334338313808534 52.79215888885759256, 6.73383137641430363 52.79057321010243697, 6.73569864964980525 52.79059253594178358, 6.73810723147262269 52.79475411945312402, 6.73275711165478352 52.7948371280572033, 6.73319182079521728 52.80039002451278662, 6.73623470433969374 52.80040082008366653, 6.73693445152532888 52.80199480565578796, 6.73024247531914277 52.80189785844843442, 6.72755237992929178 52.79599173654241184, 6.72483637292974556 52.7973648039254897, 6.72035074638392249 52.79462835499003148, 6.72035074638392249 52.79462835499003148)))</t>
  </si>
  <si>
    <t>MultiPolygon (((6.72035074638392249 52.79462835499003148, 6.72345511116284289 52.79393801396435038, 6.72694795061820017 52.79203490735174142, 6.72536195150026916 52.79150572296786947, 6.7256560575313511 52.78841427075558812, 6.7193684369126343 52.78478278248962852, 6.71346765195835893 52.78443750066601581, 6.71220958570253767 52.78491997903683597, 6.71155346068670422 52.78604914396321846, 6.71350562990379629 52.78665188966446919, 6.71359186685853082 52.78956729176758955, 6.70790350042147665 52.79115640039094615, 6.70495081847817076 52.79351125199500672, 6.71212135572057811 52.79633570401835385, 6.71491306923569997 52.79646918616325024, 6.71916442050861562 52.79389276524741348, 6.72035074638392249 52.79462835499003148, 6.72035074638392249 52.79462835499003148)))</t>
  </si>
  <si>
    <t>MultiPolygon (((6.72035074638392249 52.79462835499003148, 6.72483637292974556 52.7973648039254897, 6.72755237992929178 52.79599173654241184, 6.73024247531914277 52.80189785844843442, 6.73693445152532888 52.80199480565578796, 6.73623470433969374 52.80040082008366653, 6.73319182079521728 52.80039002451278662, 6.73275711165478352 52.7948371280572033, 6.73810723147262269 52.79475411945312402, 6.73569864964980525 52.79059253594178358, 6.73383137641430363 52.79057321010243697, 6.73334338313808534 52.79215888885759256, 6.72818469805873942 52.7925293880631088, 6.72694795061820017 52.79203490735174142, 6.72345511116284289 52.79393801396435038, 6.72035074638392249 52.79462835499003148, 6.72035074638392249 52.79462835499003148)))</t>
  </si>
  <si>
    <t>MultiPolygon (((6.77043374566132083 52.74710635566901118, 6.78205382937828549 52.7502452078007309, 6.77968264922805908 52.75333336004319307, 6.81003380429916394 52.76153784474455222, 6.81282725478827889 52.76005399920307326, 6.8187379338333578 52.763614238327186, 6.83122010722433437 52.76676464498805785, 6.83969411176376241 52.76099625260215475, 6.8379161238187498 52.75834805846992026, 6.83497028221528691 52.75611790262009748, 6.83808147581432468 52.75581523270145112, 6.83837002859944931 52.75139457257783704, 6.83357779009496724 52.74730489204279849, 6.83277459219065797 52.74405412078901634, 6.83097013343798309 52.74194616480715325, 6.83485079841771626 52.73810686210492094, 6.83735334108470916 52.73440519895538614, 6.82636275598857267 52.73088339071365027, 6.81741484387387153 52.72679607155848913, 6.81350619067257046 52.72405667682532737, 6.80061491037462229 52.73121215913606363, 6.80334611868462513 52.73280147331652756, 6.80206224314707875 52.7334869114003908, 6.80641016504404561 52.73593326125750735, 6.79272615454531081 52.74327085715440688, 6.77829065710085299 52.741445083084038, 6.77749383675236849 52.74303234160760923, 6.77180329892020971 52.74521476329843495, 6.77043374566132083 52.74710635566901118, 6.77043374566132083 52.74710635566901118),(6.83153322489794679 52.75981622389475234, 6.83091782882704202 52.76056575972901896, 6.82089833426097769 52.756279881436555, 6.81741191520243373 52.75671559539576094, 6.8095003804789167 52.75642949271343696, 6.80761231537513112 52.7547611639993832, 6.80886543649251053 52.75398166845027959, 6.81111105035919895 52.75388012133497995, 6.81207065360984743 52.75273222145739993, 6.81141897046726807 52.74644504204366768, 6.81381053681566495 52.74633888747371202, 6.81700351929197534 52.75023508970092223, 6.82632469764813621 52.75451231526163554, 6.83153322489794679 52.75981622389475234, 6.83153322489794679 52.75981622389475234),(6.82380243358374994 52.74757143564188766, 6.82305856795507992 52.74783151150450067, 6.81797377941532812 52.74565527011534272, 6.8161438020572831 52.7423140404738362, 6.81803034239552463 52.74080779279816511, 6.82818935172537245 52.74228737559422342, 6.83144021886966257 52.74386414631913311, 6.82750085947634933 52.74680096641684912, 6.82546551858563699 52.74665479942988355, 6.82380243358374994 52.74757143564188766, 6.82380243358374994 52.74757143564188766)))</t>
  </si>
  <si>
    <t>MultiPolygon (((6.77877176790179092 52.73854420880116578, 6.77829065710085299 52.741445083084038, 6.79272615454531081 52.74327085715440688, 6.80641016504404561 52.73593326125750735, 6.80206224314707875 52.7334869114003908, 6.79962004490665617 52.73475851019557581, 6.79680391295569386 52.73315382637780147, 6.78703878880005185 52.73857198844616789, 6.78403920814545991 52.73654728845794892, 6.78537676735314488 52.73447164880557381, 6.7876697989223338 52.73324760326070049, 6.78885309122130209 52.73413528347400359, 6.81069450607503768 52.72221295726474466, 6.81187850330169375 52.72288918618312437, 6.81397369669120234 52.71567193497411807, 6.81269700522024735 52.71541197487404418, 6.8148921507068474 52.70800530373860227, 6.82221509685965088 52.70902723971583015, 6.82480899002982433 52.70002520768795051, 6.81315761103909256 52.70048507777053004, 6.80767388165093568 52.70206911027187147, 6.80772478311382923 52.70291338472129894, 6.80659748990393254 52.70676082654507155, 6.79115255925540318 52.70443416183608321, 6.7856653203158972 52.70971411013843522, 6.78471762091374586 52.71336315800817829, 6.78504232785422712 52.71714667989391501, 6.78155696487739768 52.72386735744066044, 6.77998821588162137 52.72509012050019095, 6.77710192840722403 52.7327709633170727, 6.77877176790179092 52.73854420880116578, 6.77877176790179092 52.73854420880116578)))</t>
  </si>
  <si>
    <t>MultiPolygon (((6.80206224314707875 52.7334869114003908, 6.80334611868462513 52.73280147331652756, 6.80061491037462229 52.73121215913606363, 6.81350619067257046 52.72405667682532737, 6.81187850330169375 52.72288918618312437, 6.81069450607503768 52.72221295726474466, 6.78885309122130209 52.73413528347400359, 6.7876697989223338 52.73324760326070049, 6.78537676735314488 52.73447164880557381, 6.78403920814545991 52.73654728845794892, 6.78703878880005185 52.73857198844616789, 6.79680391295569386 52.73315382637780147, 6.79962004490665617 52.73475851019557581, 6.80206224314707875 52.7334869114003908, 6.80206224314707875 52.7334869114003908)))</t>
  </si>
  <si>
    <t>MultiPolygon (((6.82380243358374994 52.74757143564188766, 6.82546551858563699 52.74665479942988355, 6.82750085947634933 52.74680096641684912, 6.83144021886966257 52.74386414631913311, 6.82818935172537245 52.74228737559422342, 6.81803034239552463 52.74080779279816511, 6.8161438020572831 52.7423140404738362, 6.81797377941532812 52.74565527011534272, 6.82305856795507992 52.74783151150450067, 6.82380243358374994 52.74757143564188766, 6.82380243358374994 52.74757143564188766)))</t>
  </si>
  <si>
    <t>MultiPolygon (((6.83153322489794679 52.75981622389475234, 6.82632469764813621 52.75451231526163554, 6.81700351929197534 52.75023508970092223, 6.81381053681566495 52.74633888747371202, 6.81141897046726807 52.74644504204366768, 6.81207065360984743 52.75273222145739993, 6.81111105035919895 52.75388012133497995, 6.80886543649251053 52.75398166845027959, 6.80761231537513112 52.7547611639993832, 6.8095003804789167 52.75642949271343696, 6.81741191520243373 52.75671559539576094, 6.82089833426097769 52.756279881436555, 6.83091782882704202 52.76056575972901896, 6.83153322489794679 52.75981622389475234, 6.83153322489794679 52.75981622389475234)))</t>
  </si>
  <si>
    <t>MultiPolygon (((6.82636275598857267 52.73088339071365027, 6.82831952203362924 52.72631227716642854, 6.82991288944349151 52.72598115788353823, 6.83274311426326264 52.7195136772455939, 6.84087067925039438 52.69957100140278783, 6.82480899002982433 52.70002520768795051, 6.82221509685965088 52.70902723971583015, 6.8148921507068474 52.70800530373860227, 6.81269700522024735 52.71541197487404418, 6.81397369669120234 52.71567193497411807, 6.81187850330169375 52.72288918618312437, 6.81350619067257046 52.72405667682532737, 6.81741484387387153 52.72679607155848913, 6.82636275598857267 52.73088339071365027, 6.82636275598857267 52.73088339071365027)))</t>
  </si>
  <si>
    <t>MultiPolygon (((6.80986758137075743 52.82881872605980078, 6.78587831353396354 52.81620007586580812, 6.78524952820633587 52.81341673766141298, 6.78826835032004894 52.81101805381341308, 6.76975361258210828 52.80556240856267181, 6.77112768555498157 52.81449886721718201, 6.7646073992767155 52.82300267620617973, 6.7532153389883689 52.83791463431960267, 6.75886450641278635 52.84033656537682333, 6.76378754793478532 52.83429176312659337, 6.76697966020810782 52.83531878691772476, 6.75898150927701113 52.84524812132838889, 6.76742202411961014 52.8490599253183575, 6.80986758137075743 52.82881872605980078)),((6.74392629729750492 52.85610331163356079, 6.74935615808143119 52.84380920821101313, 6.74771934600359646 52.84282464399566948, 6.74268729769791886 52.84172366524524733, 6.74089452952621837 52.84542448196738462, 6.72675834746342094 52.84770969258422468, 6.730741824932017 52.8522171171158206, 6.73165453326721863 52.85302695275000673, 6.73465927240699358 52.85200552598471546, 6.73813182685320999 52.85267457959349002, 6.74200280037544353 52.85584262767150676, 6.74392629729750492 52.85610331163356079)),((6.76560103773973331 52.84992562440200459, 6.76325587681453744 52.85096054711308255, 6.75777638350264631 52.84800209990952879, 6.75102501896768281 52.85819623794436239, 6.74850926514676708 52.86199360736429043, 6.75247740359293491 52.86295871397700097, 6.75340084530579876 52.86158369725058037, 6.75300815360594431 52.85904036738493517, 6.75408649719150223 52.85853227352988881, 6.76913987907764891 52.85147213890903828, 6.76560103773973331 52.84992562440200459)))</t>
  </si>
  <si>
    <t>MultiPolygon (((6.80986758137075743 52.82881872605980078, 6.82694072947618213 52.81975225884756497, 6.79283159777740675 52.81057110373787822, 6.78826835032004894 52.81101805381341308, 6.78524952820633587 52.81341673766141298, 6.78587831353396354 52.81620007586580812, 6.80986758137075743 52.82881872605980078)))</t>
  </si>
  <si>
    <t>MultiPolygon (((6.71456392038501448 52.86815881662991501, 6.73633707082011313 52.8786912885881577, 6.73749219095409035 52.87490638564882062, 6.74044646225288702 52.87098413345507453, 6.74510617981486682 52.87185051862623197, 6.74729435507659314 52.87030487937273193, 6.75099791079387845 52.86513395971932994, 6.7436742981982345 52.86324685116538546, 6.74176197407631861 52.86096100846842916, 6.744032826256527 52.85611485863817194, 6.74392629729750492 52.85610331163356079, 6.74200280037544353 52.85584262767150676, 6.73813182685320999 52.85267457959349002, 6.73465927240699358 52.85200552598471546, 6.73165453326721863 52.85302695275000673, 6.730741824932017 52.8522171171158206, 6.72837981543312402 52.85382371104063282, 6.72598461353503208 52.85729312699351823, 6.7198581224428775 52.86148889471608925, 6.72186079270656922 52.86631731917581334, 6.71456392038501448 52.86815881662991501, 6.71456392038501448 52.86815881662991501)))</t>
  </si>
  <si>
    <t>MultiPolygon (((6.75099791079387845 52.86513395971932994, 6.75232283370621378 52.8631906178260067, 6.75247740359293491 52.86295871397700097, 6.74850926514676708 52.86199360736429043, 6.75102501896768281 52.85819623794436239, 6.744032826256527 52.85611485863817194, 6.74176197407631861 52.86096100846842916, 6.7436742981982345 52.86324685116538546, 6.75099791079387845 52.86513395971932994)))</t>
  </si>
  <si>
    <t>MultiPolygon (((6.744032826256527 52.85611485863817194, 6.75102501896768281 52.85819623794436239, 6.75777638350264631 52.84800209990952879, 6.76325587681453744 52.85096054711308255, 6.76560103773973331 52.84992562440200459, 6.76667636697109121 52.8494150026418481, 6.76742202411961014 52.8490599253183575, 6.75898150927701113 52.84524812132838889, 6.76697966020810782 52.83531878691772476, 6.76378754793478532 52.83429176312659337, 6.75886450641278635 52.84033656537682333, 6.7532153389883689 52.83791463431960267, 6.75044967258695294 52.84160540087246716, 6.74797110693165525 52.84151687298659539, 6.74771934600359646 52.84282464399566948, 6.74935615808143119 52.84380920821101313, 6.74392629729750492 52.85610331163356079, 6.744032826256527 52.85611485863817194)))</t>
  </si>
  <si>
    <t>MultiPolygon (((6.78826835032004894 52.81101805381341308, 6.79283159777740675 52.81057110373787822, 6.79797446495905167 52.80694890118471818, 6.80362873773981214 52.8049921327816989, 6.80074723902459066 52.80122897433825813, 6.80300135170920406 52.7981126317531988, 6.81103839099224917 52.80057391948037804, 6.81068346654744161 52.80182972316170975, 6.81620078628605874 52.8038061852290852, 6.82666001431713543 52.80625533695307894, 6.83936697943652661 52.80145216452041268, 6.8386666492256003 52.8002338438088259, 6.84586379701774383 52.79853542119541743, 6.83238247332078874 52.78007558713003533, 6.82598183896885669 52.78161412772280414, 6.82583386501073353 52.78369494160746456, 6.82479010408015441 52.78401032367407453, 6.8099433000622831 52.78367007299340941, 6.81054404916300271 52.7821782030618607, 6.80985460832902234 52.78212352420406006, 6.80236647521510474 52.781956561423371, 6.80072271637994419 52.78297542130403031, 6.79430749209309681 52.78197001345337469, 6.79083077290274417 52.78653025498007167, 6.78468647486347276 52.785429571108331, 6.78125741508425595 52.78603317436575537, 6.77874637604148678 52.78575919106718572, 6.77570369440595766 52.78503690382278535, 6.77118140190755025 52.78125507954360529, 6.76633441882492548 52.78106693729134946, 6.76542417330631363 52.78191221839612268, 6.76733777677081605 52.79183511656669481, 6.76975361258210828 52.80556240856267181, 6.78826835032004894 52.81101805381341308, 6.78826835032004894 52.81101805381341308),(6.80346623081915247 52.79762850241855432, 6.7946749307311709 52.79593959158284378, 6.79508203198053273 52.79766944093951508, 6.79251061313596161 52.79716220859609166, 6.7925730815447265 52.79480665042868992, 6.78706785426716586 52.79444284940274201, 6.78410043577518529 52.79317668406388009, 6.78464746052032552 52.79126933622664808, 6.78679215873862507 52.79022516224225825, 6.79576741289142205 52.7927017179471747, 6.80042864859671958 52.79136125159063653, 6.8027025751653456 52.78713128988054137, 6.80779664576645605 52.78747171097853652, 6.8091280297789698 52.78814399549000314, 6.80898367574507546 52.79182402057147527, 6.80754588834563101 52.79160748418816951, 6.80507621158436926 52.79326988933788556, 6.80425837169491565 52.79447837845280134, 6.80443528475023562 52.79761023846774748, 6.80346623081915247 52.79762850241855432, 6.80346623081915247 52.79762850241855432)))</t>
  </si>
  <si>
    <t>MultiPolygon (((6.82694072947618213 52.81975225884756497, 6.83345104622648325 52.81570526302410684, 6.82732449102190042 52.81613061946464427, 6.81854244480882965 52.81577465444034658, 6.80738957621159813 52.80886327464763497, 6.8064886663896873 52.8066528813185414, 6.80923329404563127 52.80644883088637442, 6.82153384327674583 52.8139399950636772, 6.8282370284743017 52.81410967363397901, 6.82831548691990964 52.81360652679195056, 6.83587872332347413 52.81420575770713555, 6.83911702779951991 52.81219865346216835, 6.84071378917812201 52.81017635929614329, 6.84980579610311491 52.80463394574833558, 6.84586379701774383 52.79853542119541743, 6.8386666492256003 52.8002338438088259, 6.83936697943652661 52.80145216452041268, 6.82666001431713543 52.80625533695307894, 6.81620078628605874 52.8038061852290852, 6.81068346654744161 52.80182972316170975, 6.81103839099224917 52.80057391948037804, 6.80300135170920406 52.7981126317531988, 6.80074723902459066 52.80122897433825813, 6.80362873773981214 52.8049921327816989, 6.79797446495905167 52.80694890118471818, 6.79283159777740675 52.81057110373787822, 6.82694072947618213 52.81975225884756497, 6.82694072947618213 52.81975225884756497)))</t>
  </si>
  <si>
    <t>MultiPolygon (((6.83345104622648325 52.81570526302410684, 6.83587872332347413 52.81420575770713555, 6.82831548691990964 52.81360652679195056, 6.8282370284743017 52.81410967363397901, 6.82153384327674583 52.8139399950636772, 6.80923329404563127 52.80644883088637442, 6.8064886663896873 52.8066528813185414, 6.80738957621159813 52.80886327464763497, 6.81854244480882965 52.81577465444034658, 6.82732449102190042 52.81613061946464427, 6.83345104622648325 52.81570526302410684)))</t>
  </si>
  <si>
    <t>MultiPolygon (((6.80346623081915247 52.79762850241855432, 6.80443528475023562 52.79761023846774748, 6.80425837169491565 52.79447837845280134, 6.80507621158436926 52.79326988933788556, 6.80754588834563101 52.79160748418816951, 6.80898367574507546 52.79182402057147527, 6.8091280297789698 52.78814399549000314, 6.80779664576645605 52.78747171097853652, 6.8027025751653456 52.78713128988054137, 6.80042864859671958 52.79136125159063653, 6.79576741289142205 52.7927017179471747, 6.78679215873862507 52.79022516224225825, 6.78464746052032552 52.79126933622664808, 6.78410043577518529 52.79317668406388009, 6.78706785426716586 52.79444284940274201, 6.7925730815447265 52.79480665042868992, 6.79251061313596161 52.79716220859609166, 6.79508203198053273 52.79766944093951508, 6.7946749307311709 52.79593959158284378, 6.80346623081915247 52.79762850241855432, 6.80346623081915247 52.79762850241855432)))</t>
  </si>
  <si>
    <t>MultiPolygon (((6.76633441882492548 52.78106693729134946, 6.77118140190755025 52.78125507954360529, 6.77570369440595766 52.78503690382278535, 6.77874637604148678 52.78575919106718572, 6.78125741508425595 52.78603317436575537, 6.78468647486347276 52.785429571108331, 6.79083077290274417 52.78653025498007167, 6.79430749209309681 52.78197001345337469, 6.80072271637994419 52.78297542130403031, 6.80236647521510474 52.781956561423371, 6.80985460832902234 52.78212352420406006, 6.81054404916300271 52.7821782030618607, 6.8099433000622831 52.78367007299340941, 6.82479010408015441 52.78401032367407453, 6.82583386501073353 52.78369494160746456, 6.82598183896885669 52.78161412772280414, 6.83238247332078874 52.78007558713003533, 6.83104708303989039 52.77816242419751802, 6.83105362047759268 52.77582701634617734, 6.83422077661914429 52.77142906434885106, 6.83107489835206039 52.76830195881633045, 6.83122010722433437 52.76676464498805785, 6.8187379338333578 52.763614238327186, 6.81282725478827889 52.76005399920307326, 6.81003380429916394 52.76153784474455222, 6.77968264922805908 52.75333336004319307, 6.78205382937828549 52.7502452078007309, 6.77043374566132083 52.74710635566901118, 6.76674407621666862 52.75171672136954726, 6.76350168649708028 52.75341981808244896, 6.7649473775876352 52.75548885836891344, 6.76951614844162552 52.75910690940185788, 6.76920767259292866 52.76253095163757223, 6.76729729166171534 52.76656002411171897, 6.76378834246974847 52.77028510581358489, 6.76187056734531122 52.77428944517113507, 6.76615908466840921 52.77922027562740936, 6.76633441882492548 52.78106693729134946, 6.76633441882492548 52.78106693729134946),(6.81820710782190531 52.77526285346785073, 6.81811174773335971 52.77637738254311728, 6.81579105296954868 52.77593730335884459, 6.81419763426136527 52.77297577296715758, 6.81351309455448906 52.76410554513372375, 6.81450044051024761 52.76325727258314657, 6.81799165454636391 52.76607861284104217, 6.82105063846105253 52.76727486174667092, 6.82119674777385665 52.76942572423268984, 6.81820710782190531 52.77526285346785073, 6.81820710782190531 52.77526285346785073),(6.79722119244832168 52.78034470048716287, 6.79612464599493471 52.78113962245052448, 6.79215355381841945 52.78053490170797346, 6.7951273016160636 52.77579237107784849, 6.79512534817588598 52.77361338567594373, 6.79299997214357631 52.76746378241381308, 6.78831827364942963 52.75841136412329035, 6.81224067008333378 52.76547964836701254, 6.80940002517640863 52.76726120316428847, 6.80688343298766618 52.77003255580351038, 6.80774291849173974 52.77533755564909512, 6.80614740387478712 52.77837764349449401, 6.80376942885802727 52.78051249197565653, 6.79948444922839812 52.77987860448475743, 6.79722119244832168 52.78034470048716287, 6.79722119244832168 52.78034470048716287)))</t>
  </si>
  <si>
    <t>MultiPolygon (((6.81820710782190531 52.77526285346785073, 6.82119674777385665 52.76942572423268984, 6.82105063846105253 52.76727486174667092, 6.81799165454636391 52.76607861284104217, 6.81450044051024761 52.76325727258314657, 6.81351309455448906 52.76410554513372375, 6.81419763426136527 52.77297577296715758, 6.81579105296954868 52.77593730335884459, 6.81811174773335971 52.77637738254311728, 6.81820710782190531 52.77526285346785073, 6.81820710782190531 52.77526285346785073)))</t>
  </si>
  <si>
    <t>MultiPolygon (((6.79722119244832168 52.78034470048716287, 6.79948444922839812 52.77987860448475743, 6.80376942885802727 52.78051249197565653, 6.80614740387478712 52.77837764349449401, 6.80774291849173974 52.77533755564909512, 6.80688343298766618 52.77003255580351038, 6.80940002517640863 52.76726120316428847, 6.81224067008333378 52.76547964836701254, 6.78831827364942963 52.75841136412329035, 6.79299997214357631 52.76746378241381308, 6.79512534817588598 52.77361338567594373, 6.7951273016160636 52.77579237107784849, 6.79215355381841945 52.78053490170797346, 6.79612464599493471 52.78113962245052448, 6.79722119244832168 52.78034470048716287, 6.79722119244832168 52.78034470048716287)))</t>
  </si>
  <si>
    <t>MultiPolygon (((6.62993734385543387 52.71272220044672707, 6.63634921681940693 52.71391835083374389, 6.63943060410772645 52.71205525849273243, 6.64789363143751277 52.71187769980407012, 6.64740269534789618 52.70281698161539907, 6.66093199658208857 52.70658262381559211, 6.66431140066031524 52.70204684481582547, 6.66576632196501961 52.70251768659534264, 6.66813493305614102 52.6989633397077597, 6.63038958660867372 52.69061611352663022, 6.62884217035549206 52.6964150691044253, 6.62993734385543387 52.71272220044672707, 6.62993734385543387 52.71272220044672707)))</t>
  </si>
  <si>
    <t>MultiPolygon (((6.61626191388436968 52.76301004660721361, 6.65346991177216474 52.76269718261489317, 6.65093103704543953 52.75773708917060389, 6.64948971759665497 52.75712155054785057, 6.64775794785243512 52.7502766376024681, 6.65021640258954339 52.74604712601425405, 6.64325665463973181 52.74335253003986423, 6.64458862936842376 52.74223185323740637, 6.64577508138292128 52.74229121804862075, 6.65298827308820773 52.73596992394647032, 6.64541101906112441 52.73311125401916399, 6.65024835134994596 52.7285908455741108, 6.64060938546231316 52.72865847626140834, 6.64004475653522164 52.71910197506520745, 6.64276709398062071 52.71565117664654565, 6.63634921681940693 52.71391835083374389, 6.62993734385543387 52.71272220044672707, 6.60719554791369656 52.7127609576770908, 6.59579483088326501 52.71321783656934912, 6.5967793416075855 52.723546737903348, 6.57642854304280444 52.72426577744249698, 6.57682130325495606 52.72555576906012931, 6.58746739278452154 52.73568986011528636, 6.60816043125577401 52.75533139574604036, 6.61626191388436968 52.76301004660721361, 6.61626191388436968 52.76301004660721361),(6.63811691125455905 52.73044461744505185, 6.63583851673217495 52.73300477480226078, 6.63388660506550831 52.73210005695708702, 6.6326476531004781 52.73033625993583229, 6.62767478132266863 52.7301348475294489, 6.62995012464988598 52.72725131926107167, 6.62963528128661661 52.72309326857291722, 6.63629485550912523 52.72292750161373931, 6.63806331998272281 52.72869086889017609, 6.63731910823914273 52.73024403375305269, 6.63811691125455905 52.73044461744505185, 6.63811691125455905 52.73044461744505185)))</t>
  </si>
  <si>
    <t>MultiPolygon (((6.63811691125455905 52.73044461744505185, 6.63731910823914273 52.73024403375305269, 6.63806331998272281 52.72869086889017609, 6.63629485550912523 52.72292750161373931, 6.62963528128661661 52.72309326857291722, 6.62995012464988598 52.72725131926107167, 6.62767478132266863 52.7301348475294489, 6.6326476531004781 52.73033625993583229, 6.63388660506550831 52.73210005695708702, 6.63583851673217495 52.73300477480226078, 6.63811691125455905 52.73044461744505185, 6.63811691125455905 52.73044461744505185)))</t>
  </si>
  <si>
    <t>MultiPolygon (((6.65298827308820773 52.73596992394647032, 6.6559929500422097 52.73710410035479157, 6.66131797494288502 52.73491599262831642, 6.67089753981695743 52.7353012194744295, 6.67211384279308284 52.73654245771832905, 6.67789119950371024 52.73707315122405248, 6.69198529212408566 52.73608306674169199, 6.69560743356004018 52.73003773715005593, 6.69656142432738566 52.73030025171783564, 6.69797927263386139 52.72518290593843915, 6.69675466958868437 52.72308873077700042, 6.70303097642367529 52.71997485318640742, 6.71078656982353472 52.71848111628234079, 6.70848408345707181 52.7133835915151252, 6.70986574152871995 52.71140269489921337, 6.7140289860244895 52.70930147764523355, 6.69527231730223349 52.70494330159817054, 6.66813493305614102 52.6989633397077597, 6.66576632196501961 52.70251768659534264, 6.66431140066031524 52.70204684481582547, 6.66093199658208857 52.70658262381559211, 6.64740269534789618 52.70281698161539907, 6.64789363143751277 52.71187769980407012, 6.63943060410772645 52.71205525849273243, 6.63634921681940693 52.71391835083374389, 6.64276709398062071 52.71565117664654565, 6.64004475653522164 52.71910197506520745, 6.64060938546231316 52.72865847626140834, 6.65024835134994596 52.7285908455741108, 6.64541101906112441 52.73311125401916399, 6.65298827308820773 52.73596992394647032, 6.65298827308820773 52.73596992394647032),(6.68393309976131533 52.73322754253094047, 6.68121177350070639 52.73343298147463543, 6.67840493644009392 52.73219617843859197, 6.67772115113924247 52.72943084900161637, 6.67208634998356853 52.72953899676058853, 6.67114560320608874 52.72789763652548345, 6.66634184293665477 52.72805946066419125, 6.66623671506199145 52.72597710182147779, 6.66994716564583889 52.72250381607632619, 6.68433638748371273 52.7228871231064673, 6.68671084682000494 52.72618953524791863, 6.68161809561565967 52.7278381292645193, 6.68334281655702789 52.72988881054778432, 6.68393309976131533 52.73322754253094047, 6.68393309976131533 52.73322754253094047)))</t>
  </si>
  <si>
    <t>MultiPolygon (((6.68393309976131533 52.73322754253094047, 6.68334281655702789 52.72988881054778432, 6.68161809561565967 52.7278381292645193, 6.68671084682000494 52.72618953524791863, 6.68433638748371273 52.7228871231064673, 6.66994716564583889 52.72250381607632619, 6.66623671506199145 52.72597710182147779, 6.66634184293665477 52.72805946066419125, 6.67114560320608874 52.72789763652548345, 6.67208634998356853 52.72953899676058853, 6.67772115113924247 52.72943084900161637, 6.67840493644009392 52.73219617843859197, 6.68121177350070639 52.73343298147463543, 6.68393309976131533 52.73322754253094047, 6.68393309976131533 52.73322754253094047)))</t>
  </si>
  <si>
    <t>MultiPolygon (((6.65346991177216474 52.76269718261489317, 6.69204300347123571 52.76285768616855876, 6.69476906604211486 52.76130828788958382, 6.69417032178856353 52.75882131068635772, 6.69833021065485301 52.75816665644985193, 6.69676374094336602 52.7541371355644273, 6.69250488589939252 52.75468216029338464, 6.68524097968793196 52.7514367158500761, 6.68752713035215152 52.75043156097674313, 6.68253644929335433 52.74710027910516175, 6.68310675535657417 52.74204517148591265, 6.68989032267016714 52.74112403211345423, 6.68982333876712509 52.74525635456397055, 6.69307372282929514 52.74429106723123795, 6.69563320933884487 52.74762890614125865, 6.69426253448729014 52.74810458747721498, 6.6954543681160601 52.75056988775021694, 6.69876517263822979 52.75354887535129933, 6.70417364380073 52.75251624487637514, 6.70802588049941484 52.75308249940034244, 6.70784846907128074 52.74960617630306814, 6.7091609423884071 52.74788673002754535, 6.70512621729911729 52.74113496716833538, 6.70833185517578112 52.74023379115253363, 6.71112121808115258 52.7363397047386826, 6.70653295091310575 52.73507785694455663, 6.70767287996551254 52.73192002315993676, 6.71511545501368801 52.72809152022846035, 6.71078656982353472 52.71848111628234079, 6.70303097642367529 52.71997485318640742, 6.69675466958868437 52.72308873077700042, 6.69797927263386139 52.72518290593843915, 6.69656142432738566 52.73030025171783564, 6.69560743356004018 52.73003773715005593, 6.69198529212408566 52.73608306674169199, 6.67789119950371024 52.73707315122405248, 6.67211384279308284 52.73654245771832905, 6.67089753981695743 52.7353012194744295, 6.66131797494288502 52.73491599262831642, 6.6559929500422097 52.73710410035479157, 6.65298827308820773 52.73596992394647032, 6.64577508138292128 52.74229121804862075, 6.64458862936842376 52.74223185323740637, 6.64325665463973181 52.74335253003986423, 6.65021640258954339 52.74604712601425405, 6.64775794785243512 52.7502766376024681, 6.64948971759665497 52.75712155054785057, 6.65093103704543953 52.75773708917060389, 6.65346991177216474 52.76269718261489317, 6.65346991177216474 52.76269718261489317)))</t>
  </si>
  <si>
    <t>MultiPolygon (((6.69676374094336602 52.7541371355644273, 6.69668830664489256 52.75394416647068851, 6.69876517263822979 52.75354887535129933, 6.6954543681160601 52.75056988775021694, 6.69426253448729014 52.74810458747721498, 6.69563320933884487 52.74762890614125865, 6.69307372282929514 52.74429106723123795, 6.68982333876712509 52.74525635456397055, 6.68989032267016714 52.74112403211345423, 6.68310675535657417 52.74204517148591265, 6.68253644929335433 52.74710027910516175, 6.68752713035215152 52.75043156097674313, 6.68524097968793196 52.7514367158500761, 6.69250488589939252 52.75468216029338464, 6.69676374094336602 52.7541371355644273, 6.69676374094336602 52.7541371355644273)))</t>
  </si>
  <si>
    <t>MultiPolygon (((6.71106678901521114 52.77200402180236694, 6.71431302213934877 52.77354974777534835, 6.72023437824419467 52.77410602949503016, 6.72714080280506987 52.77319491510196769, 6.72941180055040888 52.77161726123594576, 6.73290201910927344 52.77056169100495708, 6.73488164858486016 52.77074602829174665, 6.74539342118857643 52.76536310809265018, 6.75061770773385383 52.76411251981382833, 6.75547926265507748 52.75780119243660948, 6.76350168649708028 52.75341981808244896, 6.76674407621666862 52.75171672136954726, 6.77043374566132083 52.74710635566901118, 6.77180329892020971 52.74521476329843495, 6.77749383675236849 52.74303234160760923, 6.77829065710085299 52.741445083084038, 6.77877176790179092 52.73854420880116578, 6.77307638656937883 52.73882523839621683, 6.76456951019236463 52.74204953264656837, 6.7563781977902817 52.74261308206548193, 6.71921483540261644 52.73511019751555295, 6.71511545501368801 52.72809152022846035, 6.70767287996551254 52.73192002315993676, 6.70653295091310575 52.73507785694455663, 6.71112121808115258 52.7363397047386826, 6.70833185517578112 52.74023379115253363, 6.70512621729911729 52.74113496716833538, 6.7091609423884071 52.74788673002754535, 6.70784846907128074 52.74960617630306814, 6.70802588049941484 52.75308249940034244, 6.70417364380073 52.75251624487637514, 6.69876517263822979 52.75354887535129933, 6.69668830664489256 52.75394416647068851, 6.69676374094336602 52.7541371355644273, 6.69833021065485301 52.75816665644985193, 6.69417032178856353 52.75882131068635772, 6.69476906604211486 52.76130828788958382, 6.69204300347123571 52.76285768616855876, 6.70195099166185226 52.76908285634013396, 6.70281278812024972 52.76812681378510206, 6.71106678901521114 52.77200402180236694, 6.71106678901521114 52.77200402180236694),(6.72842072769972877 52.75884885061871898, 6.72734345369030162 52.76343859899465372, 6.72098778202614433 52.76195562049603183, 6.71319658089631321 52.76212520260504135, 6.70823695563337097 52.76323470652695136, 6.70705847203503147 52.76223215072396755, 6.71644320484476154 52.74747871571703683, 6.72840035647604839 52.75004378792277038, 6.72551996760794957 52.75555148993192489, 6.72714562232251545 52.75857390930588053, 6.72842072769972877 52.75884885061871898, 6.72842072769972877 52.75884885061871898)))</t>
  </si>
  <si>
    <t>MultiPolygon (((6.72842072769972877 52.75884885061871898, 6.72714562232251545 52.75857390930588053, 6.72551996760794957 52.75555148993192489, 6.72840035647604839 52.75004378792277038, 6.71644320484476154 52.74747871571703683, 6.70705847203503147 52.76223215072396755, 6.70823695563337097 52.76323470652695136, 6.71319658089631321 52.76212520260504135, 6.72098778202614433 52.76195562049603183, 6.72734345369030162 52.76343859899465372, 6.72842072769972877 52.75884885061871898, 6.72842072769972877 52.75884885061871898)))</t>
  </si>
  <si>
    <t>MultiPolygon (((6.85253005207436683 52.68595701014086075, 6.85466845731008245 52.67630645136315337, 6.81889542654730629 52.66903678517313381, 6.8191279373460052 52.66351719287602862, 6.78427767896971101 52.66415904297912931, 6.77023755061172938 52.66449452813296261, 6.76130098832967619 52.66561155384909654, 6.75802005713219511 52.66910451016441641, 6.75653852476585115 52.67048243430121346, 6.76069454913895118 52.67184731781338058, 6.76026842962322583 52.67259825094294001, 6.76320613112283464 52.67347939310630522, 6.76408859137952323 52.67257654866379823, 6.78659662612016934 52.6724081709977483, 6.79529843277798484 52.6724554358275725, 6.7951253227125834 52.66972789476719896, 6.80304124757458961 52.67147029711141215, 6.81596062643583966 52.67331563725473842, 6.83643868068312432 52.67515758627467193, 6.8418441104537413 52.6782138707247185, 6.85253005207436683 52.68595701014086075, 6.85253005207436683 52.68595701014086075)))</t>
  </si>
  <si>
    <t>MultiPolygon (((6.85160555141132654 52.69008884273198845, 6.85215147567683314 52.68764132506873921, 6.85253005207436683 52.68595701014086075, 6.8418441104537413 52.6782138707247185, 6.83643868068312432 52.67515758627467193, 6.81596062643583966 52.67331563725473842, 6.80304124757458961 52.67147029711141215, 6.7951253227125834 52.66972789476719896, 6.79529843277798484 52.6724554358275725, 6.80734986923815732 52.67512738100817415, 6.83463496798044812 52.67821841357001489, 6.85160555141132654 52.69008884273198845, 6.85160555141132654 52.69008884273198845)))</t>
  </si>
  <si>
    <t>MultiPolygon (((6.79115255925540318 52.70443416183608321, 6.80659748990393254 52.70676082654507155, 6.80772478311382923 52.70291338472129894, 6.80503207285260192 52.70292134931302996, 6.80462577046195616 52.69766983356485213, 6.80604653537666682 52.69768435393775263, 6.80738105410450967 52.69507535636449091, 6.80722698772841284 52.691454979879353, 6.81009425516051348 52.68813892015256783, 6.81698476753809235 52.68270664808471793, 6.81855909223564627 52.68354074513015206, 6.81326973366260358 52.68808656598906737, 6.81294333477338743 52.6937942981669778, 6.81375670356636665 52.69533696666916001, 6.81621384345158265 52.69542066822825888, 6.81644039312576933 52.69683442127896456, 6.8129740297230823 52.69811385136875259, 6.81315761103909256 52.70048507777053004, 6.82480899002982433 52.70002520768795051, 6.84087067925039438 52.69957100140278783, 6.84880607790986762 52.6993739649535442, 6.85016294848495466 52.69657745397209681, 6.85160555141132654 52.69008884273198845, 6.83463496798044812 52.67821841357001489, 6.80734986923815732 52.67512738100817415, 6.79529843277798484 52.6724554358275725, 6.78659662612016934 52.6724081709977483, 6.78664352220286116 52.67554897261154423, 6.7787172494179222 52.67558272050034418, 6.78046539520867775 52.67787837859424371, 6.78789021087546285 52.6819535031456283, 6.78984735057686706 52.68372918477805911, 6.79163769555055907 52.68587756431507785, 6.79371687011605285 52.69094841442098698, 6.79879935358912224 52.69135474583826806, 6.79836771190308919 52.69684626733804578, 6.79739645782183199 52.69843266859658115, 6.79200903918127263 52.70229893264183119, 6.79115255925540318 52.70443416183608321, 6.79115255925540318 52.70443416183608321)))</t>
  </si>
  <si>
    <t>MultiPolygon (((6.80772478311382923 52.70291338472129894, 6.80767388165093568 52.70206911027187147, 6.81315761103909256 52.70048507777053004, 6.8129740297230823 52.69811385136875259, 6.81644039312576933 52.69683442127896456, 6.81621384345158265 52.69542066822825888, 6.81375670356636665 52.69533696666916001, 6.81294333477338743 52.6937942981669778, 6.81326973366260358 52.68808656598906737, 6.81855909223564627 52.68354074513015206, 6.81698476753809235 52.68270664808471793, 6.81009425516051348 52.68813892015256783, 6.80722698772841284 52.691454979879353, 6.80738105410450967 52.69507535636449091, 6.80604653537666682 52.69768435393775263, 6.80462577046195616 52.69766983356485213, 6.80503207285260192 52.70292134931302996, 6.80772478311382923 52.70291338472129894, 6.80772478311382923 52.70291338472129894)))</t>
  </si>
  <si>
    <t>MultiPolygon (((6.66813493305614102 52.6989633397077597, 6.69527231730223349 52.70494330159817054, 6.70207425196539486 52.69762516903762872, 6.70386511574222244 52.69795027365467632, 6.70879416510281512 52.69070524664338251, 6.72933423205749026 52.69451648705067015, 6.73414932147653467 52.68399804791116736, 6.73529679629133327 52.68360221274185307, 6.72974843913209764 52.67671104833144824, 6.67558122387199671 52.67768772076441053, 6.66586816575115382 52.67797764763493262, 6.66619023874975181 52.68339755546585934, 6.66252584500217626 52.68326051726268844, 6.66285904073886126 52.6862274488302873, 6.67338238480442225 52.68754151198790936, 6.67228200076541533 52.68951361514591269, 6.66033593975605775 52.68796780197957474, 6.65923290572621429 52.68614241984570867, 6.65890019355613827 52.68052572586366011, 6.63209513525098604 52.68096156214179615, 6.63241252595768849 52.68672984976981866, 6.63038958660867372 52.69061611352663022, 6.66813493305614102 52.6989633397077597, 6.66813493305614102 52.6989633397077597)))</t>
  </si>
  <si>
    <t>MultiPolygon (((6.63212480469590915 52.67865922913934185, 6.63209513525098604 52.68096156214179615, 6.65890019355613827 52.68052572586366011, 6.65923290572621429 52.68614241984570867, 6.66033593975605775 52.68796780197957474, 6.67228200076541533 52.68951361514591269, 6.67338238480442225 52.68754151198790936, 6.66285904073886126 52.6862274488302873, 6.66252584500217626 52.68326051726268844, 6.66619023874975181 52.68339755546585934, 6.66586816575115382 52.67797764763493262, 6.66099061866453379 52.67806060662537959, 6.65730561680563948 52.67816181145620646, 6.65496307505065943 52.67820759122655971, 6.63212480469590915 52.67865922913934185, 6.63212480469590915 52.67865922913934185)))</t>
  </si>
  <si>
    <t>MultiPolygon (((6.71511545501368801 52.72809152022846035, 6.71921483540261644 52.73511019751555295, 6.7563781977902817 52.74261308206548193, 6.76456951019236463 52.74204953264656837, 6.77307638656937883 52.73882523839621683, 6.77877176790179092 52.73854420880116578, 6.77710192840722403 52.7327709633170727, 6.77998821588162137 52.72509012050019095, 6.78155696487739768 52.72386735744066044, 6.75755333405471514 52.71151576188069043, 6.75485852987854152 52.71012838126218014, 6.75482027385530515 52.7101844342505288, 6.75374199695285071 52.71172028893918338, 6.75422098362827761 52.71365338524101674, 6.74148303574020247 52.71261094398791158, 6.73926119033534565 52.71620443413480217, 6.72551918793788417 52.71412908440259315, 6.7140289860244895 52.70930147764523355, 6.70986574152871995 52.71140269489921337, 6.70848408345707181 52.7133835915151252, 6.71078656982353472 52.71848111628234079, 6.71511545501368801 52.72809152022846035, 6.71511545501368801 52.72809152022846035),(6.75681412528003378 52.72537198429177607, 6.75532169159652351 52.72854617259432075, 6.74850403159404255 52.72830920616214456, 6.7394376281862991 52.72615490006116801, 6.74008145502213196 52.72389217186783128, 6.74122965735239177 52.72330051471043788, 6.752739273340576 52.72287296615074581, 6.75356116725175681 52.72079629873748985, 6.75265334345229373 52.7169755933157731, 6.75503973961323467 52.71651395338454904, 6.75737538564420248 52.71661347734745817, 6.75858331110227173 52.7191746221821802, 6.75864877047696311 52.72150568833730233, 6.75681412528003378 52.72537198429177607, 6.75681412528003378 52.72537198429177607)))</t>
  </si>
  <si>
    <t>MultiPolygon (((6.75681412528003378 52.72537198429177607, 6.75864877047696311 52.72150568833730233, 6.75858331110227173 52.7191746221821802, 6.75737538564420248 52.71661347734745817, 6.75503973961323467 52.71651395338454904, 6.75265334345229373 52.7169755933157731, 6.75356116725175681 52.72079629873748985, 6.752739273340576 52.72287296615074581, 6.74122965735239177 52.72330051471043788, 6.74008145502213196 52.72389217186783128, 6.7394376281862991 52.72615490006116801, 6.74850403159404255 52.72830920616214456, 6.75532169159652351 52.72854617259432075, 6.75681412528003378 52.72537198429177607, 6.75681412528003378 52.72537198429177607)))</t>
  </si>
  <si>
    <t>MultiPolygon (((6.75755333405471514 52.71151576188069043, 6.78155696487739768 52.72386735744066044, 6.78504232785422712 52.71714667989391501, 6.78471762091374586 52.71336315800817829, 6.7856653203158972 52.70971411013843522, 6.79115255925540318 52.70443416183608321, 6.79200903918127263 52.70229893264183119, 6.79739645782183199 52.69843266859658115, 6.79836771190308919 52.69684626733804578, 6.79879935358912224 52.69135474583826806, 6.79371687011605285 52.69094841442098698, 6.79163769555055907 52.68587756431507785, 6.78984735057686706 52.68372918477805911, 6.78789021087546285 52.6819535031456283, 6.78046539520867775 52.67787837859424371, 6.7787172494179222 52.67558272050034418, 6.78664352220286116 52.67554897261154423, 6.78659662612016934 52.6724081709977483, 6.76408859137952323 52.67257654866379823, 6.76320613112283464 52.67347939310630522, 6.76026842962322583 52.67259825094294001, 6.76069454913895118 52.67184731781338058, 6.75653852476585115 52.67048243430121346, 6.75487328982655733 52.67175094378505662, 6.75162264732087714 52.67511191066868292, 6.74804282184000748 52.67658933627716777, 6.74831770874781256 52.67816078687874182, 6.73519410298365528 52.67664129993161026, 6.72974843913209764 52.67671104833144824, 6.73529679629133327 52.68360221274185307, 6.73414932147653467 52.68399804791116736, 6.72933423205749026 52.69451648705067015, 6.70879416510281512 52.69070524664338251, 6.70386511574222244 52.69795027365467632, 6.70207425196539486 52.69762516903762872, 6.69527231730223349 52.70494330159817054, 6.7140289860244895 52.70930147764523355, 6.72551918793788417 52.71412908440259315, 6.73926119033534565 52.71620443413480217, 6.74148303574020247 52.71261094398791158, 6.75422098362827761 52.71365338524101674, 6.75374199695285071 52.71172028893918338, 6.75482027385530515 52.7101844342505288, 6.74823946807065322 52.70460812641325532, 6.74384172252279956 52.69713258646404341, 6.74538855747223298 52.69716661615162678, 6.74882522808764307 52.68999476612985688, 6.74556816194334363 52.68924583505915393, 6.7459230883475918 52.68718155513590062, 6.74899800280442719 52.68789688959111572, 6.74911076664967879 52.68642801983421009, 6.75275737456031067 52.68659096788693574, 6.75496447756688312 52.68797954051101584, 6.75672784425920625 52.6917359162900425, 6.75985197927635895 52.69102243083457893, 6.76112314971275286 52.69264610888014744, 6.75992782332777331 52.69633236819334599, 6.7606450635186901 52.69694426426759293, 6.76323021547345693 52.69842157188149656, 6.7730849744513586 52.70123278589137072, 6.77128613204870788 52.70434224492389319, 6.76816614268302352 52.7038448359294236, 6.75904799523838573 52.70713371517596357, 6.76170284382423681 52.71050050092092931, 6.75755333405471514 52.71151576188069043, 6.75755333405471514 52.71151576188069043)))</t>
  </si>
  <si>
    <t>MultiPolygon (((6.75482027385530515 52.7101844342505288, 6.75485852987854152 52.71012838126218014, 6.75755333405471514 52.71151576188069043, 6.76170284382423681 52.71050050092092931, 6.75904799523838573 52.70713371517596357, 6.76816614268302352 52.7038448359294236, 6.77128613204870788 52.70434224492389319, 6.7730849744513586 52.70123278589137072, 6.76323021547345693 52.69842157188149656, 6.7606450635186901 52.69694426426759293, 6.75992782332777331 52.69633236819334599, 6.76112314971275286 52.69264610888014744, 6.75985197927635895 52.69102243083457893, 6.75672784425920625 52.6917359162900425, 6.75496447756688312 52.68797954051101584, 6.75275737456031067 52.68659096788693574, 6.74911076664967879 52.68642801983421009, 6.74899800280442719 52.68789688959111572, 6.7459230883475918 52.68718155513590062, 6.74556816194334363 52.68924583505915393, 6.74882522808764307 52.68999476612985688, 6.74538855747223298 52.69716661615162678, 6.74384172252279956 52.69713258646404341, 6.74823946807065322 52.70460812641325532, 6.75482027385530515 52.7101844342505288, 6.75482027385530515 52.7101844342505288)))</t>
  </si>
  <si>
    <t>MultiPolygon (((6.85466845731008245 52.67630645136315337, 6.85602704974271582 52.67167901381201744, 6.85885363576330409 52.66106219279487277, 6.86187521457283189 52.64969085586780295, 6.85349323675410815 52.64952461171972686, 6.85083856533915281 52.64861517549501713, 6.83746013920715079 52.65194333620181766, 6.83170477277461341 52.65149798206752507, 6.82794413136910272 52.64918174108260729, 6.82164004163935456 52.64769340467676528, 6.82057040706922457 52.6635509318197208, 6.8191279373460052 52.66351719287602862, 6.81889542654730629 52.66903678517313381, 6.85466845731008245 52.67630645136315337, 6.85466845731008245 52.67630645136315337)))</t>
  </si>
  <si>
    <t>MultiPolygon (((6.78427767896971101 52.66415904297912931, 6.8191279373460052 52.66351719287602862, 6.82057040706922457 52.6635509318197208, 6.82164004163935456 52.64769340467676528, 6.81826991134937455 52.64772766756082945, 6.81615210726614151 52.64861571198632362, 6.80847288210998602 52.64902221596074838, 6.80729037938244197 52.64941998463324779, 6.80540879259398679 52.65137315438184373, 6.80321049636088482 52.65187015490311495, 6.79428995122431179 52.6506569657125425, 6.78989745993575866 52.65279161415831055, 6.78699767996769232 52.65237728654399518, 6.78312607454653982 52.66075903693309357, 6.78431593171157132 52.66113323652012213, 6.78427767896971101 52.66415904297912931, 6.78427767896971101 52.66415904297912931)))</t>
  </si>
  <si>
    <t>MultiPolygon (((6.63212480469590915 52.67865922913934185, 6.65496307505065943 52.67820759122655971, 6.65585905233758535 52.67738097825222354, 6.64960668767531704 52.66816496106357448, 6.64675224933352649 52.6665324651143365, 6.64898715762343162 52.66486734890333565, 6.65052647473905534 52.66544617356509406, 6.653606565720521 52.66495867310649714, 6.65454063269130547 52.66633454783524826, 6.65291576833182585 52.66679058035180816, 6.66099061866453379 52.67806060662537959, 6.66586816575115382 52.67797764763493262, 6.67558122387199671 52.67768772076441053, 6.66899319886157027 52.67240911966670325, 6.6661090162318315 52.67339289604290542, 6.65873229040465198 52.66445793978594025, 6.65745378360942208 52.66482578838830619, 6.65565081734612818 52.66203366962817256, 6.64673921866380812 52.66463949893937979, 6.629453215700436 52.6696882351800113, 6.63176771181463476 52.67387271252382419, 6.63212480469590915 52.67865922913934185, 6.63212480469590915 52.67865922913934185)))</t>
  </si>
  <si>
    <t>MultiPolygon (((6.65496307505065943 52.67820759122655971, 6.65730561680563948 52.67816181145620646, 6.66099061866453379 52.67806060662537959, 6.65291576833182585 52.66679058035180816, 6.65454063269130547 52.66633454783524826, 6.653606565720521 52.66495867310649714, 6.65052647473905534 52.66544617356509406, 6.64898715762343162 52.66486734890333565, 6.64675224933352649 52.6665324651143365, 6.64960668767531704 52.66816496106357448, 6.65585905233758535 52.67738097825222354, 6.65496307505065943 52.67820759122655971, 6.65496307505065943 52.67820759122655971)))</t>
  </si>
  <si>
    <t>MultiPolygon (((6.67558122387199671 52.67768772076441053, 6.72974843913209764 52.67671104833144824, 6.72437713125332159 52.67003840514315272, 6.71533017392207654 52.65879352263394964, 6.71177214767552233 52.65436784182622176, 6.70860881693515232 52.65533696067167568, 6.70022320244247016 52.65150463076362541, 6.70209065000002813 52.65104104621791947, 6.7014149070274458 52.65022183439328529, 6.6860789967001546 52.65343094784266498, 6.65565081734612818 52.66203366962817256, 6.65745378360942208 52.66482578838830619, 6.65873229040465198 52.66445793978594025, 6.6661090162318315 52.67339289604290542, 6.66899319886157027 52.67240911966670325, 6.67558122387199671 52.67768772076441053, 6.67558122387199671 52.67768772076441053),(6.71000396946182232 52.67439404470847819, 6.70970296362362628 52.67490970911466519, 6.70266258037042295 52.67296465561703656, 6.69975865951821614 52.67435477453709325, 6.69566074945582912 52.67150945372344495, 6.6941563871641101 52.67228098888298859, 6.68577627384298179 52.6660432938622094, 6.67910588522177484 52.66453772418440593, 6.67462044979688063 52.66079625874849768, 6.67859089152224072 52.65988754212513356, 6.68574905257974539 52.6633238805789432, 6.68928630448123762 52.66381464455070471, 6.69271409024962605 52.66284932372936112, 6.6985814199013296 52.66692036252001685, 6.70006621076662778 52.66639166074704548, 6.70206028193124581 52.66677296319160462, 6.70298010389288734 52.66772113479891004, 6.70108440616743106 52.6688007166915142, 6.70546944315683735 52.67189545727372035, 6.71096444714975515 52.67353651698042682, 6.71000396946182232 52.67439404470847819, 6.71000396946182232 52.67439404470847819)))</t>
  </si>
  <si>
    <t>MultiPolygon (((6.71000396946182232 52.67439404470847819, 6.71096444714975515 52.67353651698042682, 6.70546944315683735 52.67189545727372035, 6.70108440616743106 52.6688007166915142, 6.70298010389288734 52.66772113479891004, 6.70206028193124581 52.66677296319160462, 6.70006621076662778 52.66639166074704548, 6.6985814199013296 52.66692036252001685, 6.69271409024962605 52.66284932372936112, 6.68928630448123762 52.66381464455070471, 6.68574905257974539 52.6633238805789432, 6.67859089152224072 52.65988754212513356, 6.67462044979688063 52.66079625874849768, 6.67910588522177484 52.66453772418440593, 6.68577627384298179 52.6660432938622094, 6.6941563871641101 52.67228098888298859, 6.69566074945582912 52.67150945372344495, 6.69975865951821614 52.67435477453709325, 6.70266258037042295 52.67296465561703656, 6.70970296362362628 52.67490970911466519, 6.71000396946182232 52.67439404470847819, 6.71000396946182232 52.67439404470847819)))</t>
  </si>
  <si>
    <t>MultiPolygon (((6.76130098832967619 52.66561155384909654, 6.77023755061172938 52.66449452813296261, 6.76925603558859024 52.65661885196361425, 6.76372370025827063 52.6561125742699474, 6.75733555855310275 52.65767165895908875, 6.76072064434760822 52.66217946431220298, 6.76130098832967619 52.66561155384909654, 6.76130098832967619 52.66561155384909654)))</t>
  </si>
  <si>
    <t>MultiPolygon (((6.75733555855310275 52.65767165895908875, 6.76372370025827063 52.6561125742699474, 6.76925603558859024 52.65661885196361425, 6.77314545745494812 52.65759260230376526, 6.77432869015350914 52.65187778301894639, 6.77047700376297001 52.65043681231052375, 6.7544532208230823 52.65435199251469101, 6.75448430571866254 52.65440106877863258, 6.75733555855310275 52.65767165895908875, 6.75733555855310275 52.65767165895908875)))</t>
  </si>
  <si>
    <t>MultiPolygon (((6.73589105277118705 52.65440140625206311, 6.73959284782505197 52.65241511095523919, 6.74630702356605294 52.65036629812434654, 6.75326442472204302 52.65111375973437191, 6.75550494479869723 52.64725999556171132, 6.7534515581143717 52.64580626642752748, 6.75190801199315693 52.64703048558239118, 6.75332973671710945 52.64757955256746413, 6.75353526394080461 52.64800989714156998, 6.75259824158815025 52.64811077047102827, 6.75049016846530137 52.64688666825507823, 6.74198404273612262 52.64533288738788741, 6.73572623764557754 52.64037529646535063, 6.73069240654700796 52.6375249189385741, 6.72703134611635711 52.63393432341098332, 6.72238635670692108 52.63628920704272218, 6.72781152834889262 52.64061152349410122, 6.72285318889194983 52.64295847252979144, 6.72900834241849477 52.64763401899192274, 6.73589105277118705 52.65440140625206311, 6.73589105277118705 52.65440140625206311)))</t>
  </si>
  <si>
    <t>MultiPolygon (((6.73110900005437873 52.6605646491394026, 6.73170965481003947 52.66048595239674057, 6.73794085890178529 52.65888814052359379, 6.74032553814613333 52.65736989524787504, 6.73589105277118705 52.65440140625206311, 6.72900834241849477 52.64763401899192274, 6.72108293518607525 52.65142631059872969, 6.72184059569871639 52.65195147342284798, 6.72364030811136093 52.65320138049933263, 6.72450573890214365 52.65924876616097805, 6.73110900005437873 52.6605646491394026, 6.73110900005437873 52.6605646491394026)))</t>
  </si>
  <si>
    <t>MultiPolygon (((6.72437713125332159 52.67003840514315272, 6.72584247967081339 52.6679071982848015, 6.72780831331165352 52.66498275061302081, 6.73249998026508578 52.66269538084441848, 6.73308187795365765 52.66180712092421601, 6.73110900005437873 52.6605646491394026, 6.72450573890214365 52.65924876616097805, 6.72095737086437151 52.65869007908531074, 6.71533017392207654 52.65879352263394964, 6.72437713125332159 52.67003840514315272, 6.72437713125332159 52.67003840514315272)))</t>
  </si>
  <si>
    <t>MultiPolygon (((6.72584247967081339 52.6679071982848015, 6.73510471847224057 52.66813961418870349, 6.73646251893594172 52.66705379126423736, 6.73556014080038246 52.66447630606360519, 6.73626935052838682 52.66085140315095003, 6.73170965481003947 52.66048595239674057, 6.73110900005437873 52.6605646491394026, 6.73308187795365765 52.66180712092421601, 6.73249998026508578 52.66269538084441848, 6.72780831331165352 52.66498275061302081, 6.72584247967081339 52.6679071982848015, 6.72584247967081339 52.6679071982848015)))</t>
  </si>
  <si>
    <t>MultiPolygon (((6.72285318889194983 52.64295847252979144, 6.72781152834889262 52.64061152349410122, 6.72238635670692108 52.63628920704272218, 6.72703134611635711 52.63393432341098332, 6.72639809735731475 52.63322035036112112, 6.72078634452443602 52.63143217549759356, 6.71820083984261096 52.63130687280290232, 6.71501566627260171 52.63026551450436585, 6.71005311174488561 52.62782028103838883, 6.708021520112327 52.62800712036538897, 6.70715619427018606 52.62676512398932971, 6.70496567130079413 52.62730436560823222, 6.70200453114823169 52.62726705140486416, 6.70086041361446938 52.6283202394118419, 6.70091086143049264 52.62940079650992686, 6.70286511503520277 52.63067514160042748, 6.70452278124092338 52.63313943187963417, 6.70326645204300586 52.63435139187442502, 6.70350245306989212 52.63514475387330549, 6.70349919076230361 52.63522477136968547, 6.70349769377432825 52.63523255725014138, 6.70347402039117046 52.6361190444117284, 6.7065255074771235 52.63954214110800933, 6.70569791038865759 52.64089028800577807, 6.70217032478997243 52.64108364967002274, 6.70116870336050674 52.64166837270970944, 6.70206596156772427 52.6424663151799237, 6.70538314185123596 52.64332082857318085, 6.70552856226232663 52.64565205049611052, 6.70802498293614402 52.64772072108476664, 6.70833404032541569 52.64875886545701178, 6.71595755536187689 52.65182076555372959, 6.718096560760209 52.65383347629813215, 6.72184059569871639 52.65195147342284798, 6.72108293518607525 52.65142631059872969, 6.72900834241849477 52.64763401899192274, 6.72285318889194983 52.64295847252979144)),((6.78427767896971101 52.66415904297912931, 6.78431593171157132 52.66113323652012213, 6.78312607454653982 52.66075903693309357, 6.78699767996769232 52.65237728654399518, 6.78381709244264552 52.65253249551440717, 6.77743090611107846 52.6516608280775813, 6.77417532301525771 52.65019927288072665, 6.7720892272679265 52.65005113055123331, 6.76787921968938733 52.64685107405950504, 6.75884835539793105 52.64882544460267155, 6.75550494479869723 52.64725999556171132, 6.75326442472204302 52.65111375973437191, 6.7544532208230823 52.65435199251469101, 6.77047700376297001 52.65043681231052375, 6.77432869015350914 52.65187778301894639, 6.77314545745494812 52.65759260230376526, 6.76925603558859024 52.65661885196361425, 6.77023755061172938 52.66449452813296261, 6.78427767896971101 52.66415904297912931)))</t>
  </si>
  <si>
    <t>MultiPolygon (((6.73519410298365528 52.67664129993161026, 6.74831770874781256 52.67816078687874182, 6.74804282184000748 52.67658933627716777, 6.73646251893594172 52.66705379126423736, 6.73510471847224057 52.66813961418870349, 6.73482497265735081 52.67116810924581216, 6.73740620685279978 52.67125033616522956, 6.73752997058980796 52.67186461286056698, 6.73519410298365528 52.67664129993161026, 6.73519410298365528 52.67664129993161026)))</t>
  </si>
  <si>
    <t>MultiPolygon (((6.72974843913209764 52.67671104833144824, 6.73519410298365528 52.67664129993161026, 6.73752997058980796 52.67186461286056698, 6.73740620685279978 52.67125033616522956, 6.73482497265735081 52.67116810924581216, 6.73510471847224057 52.66813961418870349, 6.72584247967081339 52.6679071982848015, 6.72437713125332159 52.67003840514315272, 6.72974843913209764 52.67671104833144824, 6.72974843913209764 52.67671104833144824)))</t>
  </si>
  <si>
    <t>MultiPolygon (((6.71533017392207654 52.65879352263394964, 6.72095737086437151 52.65869007908531074, 6.72450573890214365 52.65924876616097805, 6.72364030811136093 52.65320138049933263, 6.72184059569871639 52.65195147342284798, 6.718096560760209 52.65383347629813215, 6.71595755536187689 52.65182076555372959, 6.70833404032541569 52.64875886545701178, 6.7014149070274458 52.65022183439328529, 6.70209065000002813 52.65104104621791947, 6.70022320244247016 52.65150463076362541, 6.70860881693515232 52.65533696067167568, 6.71177214767552233 52.65436784182622176, 6.71533017392207654 52.65879352263394964, 6.71533017392207654 52.65879352263394964)))</t>
  </si>
  <si>
    <t>MultiPolygon (((6.74032553814613333 52.65736989524787504, 6.7448899156996891 52.65854135662696933, 6.74698099302807819 52.65848066133074923, 6.74857271926874791 52.65589886802920461, 6.75448430571866254 52.65440106877863258, 6.7544532208230823 52.65435199251469101, 6.75326442472204302 52.65111375973437191, 6.74630702356605294 52.65036629812434654, 6.73959284782505197 52.65241511095523919, 6.73589105277118705 52.65440140625206311, 6.74032553814613333 52.65736989524787504, 6.74032553814613333 52.65736989524787504)))</t>
  </si>
  <si>
    <t>MultiPolygon (((6.75802005713219511 52.66910451016441641, 6.76130098832967619 52.66561155384909654, 6.76072064434760822 52.66217946431220298, 6.75733555855310275 52.65767165895908875, 6.75448430571866254 52.65440106877863258, 6.74857271926874791 52.65589886802920461, 6.74698099302807819 52.65848066133074923, 6.7448899156996891 52.65854135662696933, 6.74511944727474866 52.66076047970897633, 6.7483168178563453 52.66281280802627407, 6.75802005713219511 52.66910451016441641, 6.75802005713219511 52.66910451016441641)))</t>
  </si>
  <si>
    <t>MultiPolygon (((6.75487328982655733 52.67175094378505662, 6.75653852476585115 52.67048243430121346, 6.75802005713219511 52.66910451016441641, 6.7483168178563453 52.66281280802627407, 6.74495992416729528 52.66607173513413187, 6.7489038769849774 52.66906460561347103, 6.75487328982655733 52.67175094378505662, 6.75487328982655733 52.67175094378505662)))</t>
  </si>
  <si>
    <t>MultiPolygon (((6.74804282184000748 52.67658933627716777, 6.75162264732087714 52.67511191066868292, 6.75487328982655733 52.67175094378505662, 6.7489038769849774 52.66906460561347103, 6.74495992416729528 52.66607173513413187, 6.74284714677560704 52.66559054474961243, 6.73856111035584693 52.6657741566812021, 6.73646251893594172 52.66705379126423736, 6.74804282184000748 52.67658933627716777, 6.74804282184000748 52.67658933627716777)))</t>
  </si>
  <si>
    <t>MultiPolygon (((6.73646251893594172 52.66705379126423736, 6.73856111035584693 52.6657741566812021, 6.74284714677560704 52.66559054474961243, 6.74495992416729528 52.66607173513413187, 6.7483168178563453 52.66281280802627407, 6.74511944727474866 52.66076047970897633, 6.7448899156996891 52.65854135662696933, 6.74032553814613333 52.65736989524787504, 6.73794085890178529 52.65888814052359379, 6.73170965481003947 52.66048595239674057, 6.73626935052838682 52.66085140315095003, 6.73556014080038246 52.66447630606360519, 6.73646251893594172 52.66705379126423736, 6.73646251893594172 52.66705379126423736)))</t>
  </si>
  <si>
    <t>MultiPolygon (((6.58322611148748482 52.99760703404080431, 6.58715342525737313 52.99742084132107323, 6.59418190431684081 52.99445995624451911, 6.59652492573042437 52.99610749991165903, 6.59106063532487418 52.99846845313756916, 6.60157208532913575 52.99654515071422622, 6.602941300838717 52.99809730247811501, 6.59910432159231242 52.99956713299206967, 6.60025651067352381 53.0015123417200229, 6.60212934482136404 53.00270451902350999, 6.60595651290950237 53.00303396326727778, 6.60923471952576147 53.00617430906354599, 6.6048814065454895 53.00809165361723529, 6.60927418404794143 53.00644766554467679, 6.61090429521598999 53.00470130031875726, 6.6079534438315024 52.99754097156213106, 6.60786297099582853 52.99535276344135326, 6.60794453784303837 52.9894408040050422, 6.60793003046872851 52.98941824178677251, 6.59523515836477259 52.99056593364456091, 6.59088462635181838 52.99235075866364042, 6.58601235358847514 52.99467619861287204, 6.58226897504108699 52.9951936818225704, 6.58163719586190066 52.99704756829537189, 6.58322611148748482 52.99760703404080431, 6.58322611148748482 52.99760703404080431)))</t>
  </si>
  <si>
    <t>MultiPolygon (((6.59088462635181838 52.99235075866364042, 6.59523515836477259 52.99056593364456091, 6.60793003046872851 52.98941824178677251, 6.60570190501997878 52.98449399630124645, 6.60431275701095455 52.98299824290625537, 6.59938310225284841 52.98151806384233709, 6.59648489381961944 52.97929919327937398, 6.59329184926906198 52.97835764636663214, 6.59323394607190494 52.97920567612056431, 6.59162184484586877 52.98023093301426201, 6.58895003701072035 52.98056363126162438, 6.5803229496866944 52.97655910336743545, 6.57877661254437651 52.98033404278197622, 6.57884631624748906 52.98092147785855133, 6.58109910793498099 52.98096383845989266, 6.57988049171430855 52.98282682936621057, 6.5853623161464423 52.98648100921454329, 6.59048279898949385 52.98918314736775415, 6.59088462635181838 52.99235075866364042, 6.59088462635181838 52.99235075866364042)))</t>
  </si>
  <si>
    <t>MultiPolygon (((6.5803229496866944 52.97655910336743545, 6.58895003701072035 52.98056363126162438, 6.59162184484586877 52.98023093301426201, 6.59323394607190494 52.97920567612056431, 6.59329184926906198 52.97835764636663214, 6.59309920436166941 52.97648414358157964, 6.58814491403480584 52.97732387234331242, 6.58364263243944947 52.97554335794252012, 6.5826454927521203 52.97494153883320678, 6.5830532559665258 52.97450080419706353, 6.58098731434467243 52.97408341029992584, 6.58073890376788118 52.97482901779595466, 6.5802304162928289 52.97646196459901091, 6.5803229496866944 52.97655910336743545, 6.5803229496866944 52.97655910336743545)))</t>
  </si>
  <si>
    <t>MultiPolygon (((6.59329184926906198 52.97835764636663214, 6.59648489381961944 52.97929919327937398, 6.59537779224975029 52.97627013465630341, 6.59604347900083177 52.97265798945350923, 6.58284567835728129 52.9680099491342844, 6.58126531704291029 52.96744906199218406, 6.57008984094967463 52.95753861520081784, 6.56722699392662523 52.95246365314023507, 6.56150480165770489 52.94665212076854033, 6.55533107968526796 52.94954679873613657, 6.55703383039824672 52.95392781893191625, 6.56215397207339368 52.95508420290025242, 6.56481233205466364 52.95735209031477098, 6.56469803425987131 52.96195304252191249, 6.56187211175689633 52.96548724438356004, 6.56238046820328247 52.96907664675359939, 6.56252293730496383 52.969180703474251, 6.564422975211472 52.9691289866074797, 6.57302661186182746 52.97095929767252898, 6.57793069946828268 52.97394965950601886, 6.58073890376788118 52.97482901779595466, 6.58098731434467243 52.97408341029992584, 6.5830532559665258 52.97450080419706353, 6.5826454927521203 52.97494153883320678, 6.58364263243944947 52.97554335794252012, 6.58814491403480584 52.97732387234331242, 6.59309920436166941 52.97648414358157964, 6.59329184926906198 52.97835764636663214, 6.59329184926906198 52.97835764636663214)))</t>
  </si>
  <si>
    <t>MultiPolygon (((6.54800097620679988 52.97183600005210735, 6.55475709869179024 52.97036452229091452, 6.56238046820328247 52.96907664675359939, 6.56187211175689633 52.96548724438356004, 6.56469803425987131 52.96195304252191249, 6.56481233205466364 52.95735209031477098, 6.56215397207339368 52.95508420290025242, 6.55703383039824672 52.95392781893191625, 6.55533107968526796 52.94954679873613657, 6.54351196315820438 52.95509804847535662, 6.54800097620679988 52.97183600005210735, 6.54800097620679988 52.97183600005210735)))</t>
  </si>
  <si>
    <t>MultiPolygon (((6.5181384530777553 52.98257466406705873, 6.51948092447813377 52.9820638312412413, 6.52183633469727919 52.97865829629377998, 6.51814968695432384 52.97707888263011, 6.51206416525080289 52.98134913246716593, 6.5181384530777553 52.98257466406705873, 6.5181384530777553 52.98257466406705873)))</t>
  </si>
  <si>
    <t>MultiPolygon (((6.51224962736701318 52.99144138675372773, 6.51679945607493671 52.99198974000036344, 6.51627301413715099 52.99126626891583669, 6.52211360750614588 52.99219841792037755, 6.52358181657325975 52.99057899346933453, 6.52612739141801956 52.98935391304927833, 6.52724272165191621 52.98347183947862504, 6.53029246958413001 52.97923603132404224, 6.53607925074635965 52.97576536855243035, 6.54294571231383149 52.97331523227165206, 6.54800097620679988 52.97183600005210735, 6.54351196315820438 52.95509804847535662, 6.54299748885764831 52.95533823608684543, 6.53927892372409403 52.94589029209949871, 6.53591470498050331 52.93259055759651233, 6.53460288973028725 52.93251481629143029, 6.53087945464829467 52.93560477084340476, 6.52762965836944975 52.93558202410711289, 6.51762216907184566 52.93976297094683758, 6.51957725273556221 52.9429557349247375, 6.5088267896316836 52.94698466259661984, 6.49697174789499865 52.95156609289860228, 6.49312811486786412 52.9479958902465313, 6.48953794490247393 52.9480585259440133, 6.48648548626158306 52.94917569461840401, 6.48394766824286695 52.95017306216088571, 6.48919385572400298 52.95445702061655879, 6.49383140494337496 52.95874731854857487, 6.48755812421970823 52.96120495068264233, 6.49574324239566359 52.96899053485098108, 6.48688292993751592 52.97244216538142325, 6.48550206910452953 52.97298464683746033, 6.49048903112595177 52.97759654716076483, 6.4965952373203173 52.98323938084208606, 6.49391334079811156 52.98426558728276348, 6.49423343904661632 52.98585584561628536, 6.4990044116090635 52.99021579136550031, 6.50687493165219255 52.99118145824488124, 6.51224962736701318 52.99144138675372773, 6.51224962736701318 52.99144138675372773),(6.5181384530777553 52.98257466406705873, 6.51206416525080289 52.98134913246716593, 6.51814968695432384 52.97707888263011, 6.52183633469727919 52.97865829629377998, 6.51948092447813377 52.9820638312412413, 6.5181384530777553 52.98257466406705873, 6.5181384530777553 52.98257466406705873)))</t>
  </si>
  <si>
    <t>MultiPolygon (((6.53183937758249034 53.0242750937941949, 6.53151194327408202 53.02336637331001867, 6.53648515785809714 53.02402332264138352, 6.53805938062352432 53.02312191430335986, 6.54022650848629361 53.01795888456873485, 6.5434587752718727 53.01901520192829054, 6.54559809721924513 53.01731848362512522, 6.54141224783190012 53.01539915089559685, 6.54206373861458346 53.01484597060597537, 6.5392757370155099 53.01191824085059068, 6.51961301953098538 53.01084978773013745, 6.51368038914896452 53.01047928529948905, 6.51303628508463195 53.01055666252381116, 6.50997860490110369 53.01703943391364504, 6.51125742427407683 53.01815768299748299, 6.51927921494767926 53.02056924278777927, 6.52113113434858072 53.02386850331878065, 6.52073635671785645 53.02639472505067175, 6.52332431033903415 53.02633043945457558, 6.53183937758249034 53.0242750937941949, 6.53183937758249034 53.0242750937941949)))</t>
  </si>
  <si>
    <t>MultiPolygon (((6.50038073199190869 53.03907185522498224, 6.50513006046965536 53.0463547575571539, 6.51107505646698215 53.04453525820605364, 6.52422917088999732 53.04588020736392195, 6.52910749181249894 53.04338519601898128, 6.5307451606854956 53.04098502244280411, 6.53056610341535215 53.04002801754508312, 6.53203441168999621 53.03969135674660862, 6.53368324040265325 53.03815625878399942, 6.54120749392259171 53.03722821923550157, 6.54127033710635786 53.03565958067280661, 6.53650046320920186 53.03613669679774745, 6.53586057912796825 53.03551156064257555, 6.53183937758249034 53.0242750937941949, 6.52332431033903415 53.02633043945457558, 6.52073635671785645 53.02639472505067175, 6.52113113434858072 53.02386850331878065, 6.51927921494767926 53.02056924278777927, 6.51125742427407683 53.01815768299748299, 6.50997860490110369 53.01703943391364504, 6.50387304751522244 53.01604157897981651, 6.49552775609918776 53.03089769487853289, 6.50289348009560264 53.03221279503760144, 6.49995096237246095 53.03843029448061941, 6.50038073199190869 53.03907185522498224, 6.50038073199190869 53.03907185522498224)))</t>
  </si>
  <si>
    <t>MultiPolygon (((6.54748320751925572 53.02745771273854558, 6.54727359358895811 53.02466046004040123, 6.54854144090300405 53.02043985388822733, 6.54581332593946286 53.01979404638660043, 6.54372319119484214 53.02315423062781718, 6.54380592988080334 53.02678521842335613, 6.54748320751925572 53.02745771273854558, 6.54748320751925572 53.02745771273854558)))</t>
  </si>
  <si>
    <t>MultiPolygon (((6.54127033710635786 53.03565958067280661, 6.54730676115535015 53.03506696184005875, 6.54927697253207608 53.03834539387158742, 6.55076995986495003 53.03815579313640427, 6.5508671658213764 53.03327974820133051, 6.55316343772305387 53.03368645810957105, 6.56409921038908717 53.02647955717579009, 6.55389752131432779 53.02257275005354842, 6.54905485504837159 53.01936212779519764, 6.54559809721924513 53.01731848362512522, 6.5434587752718727 53.01901520192829054, 6.54022650848629361 53.01795888456873485, 6.53805938062352432 53.02312191430335986, 6.53648515785809714 53.02402332264138352, 6.53151194327408202 53.02336637331001867, 6.53183937758249034 53.0242750937941949, 6.53586057912796825 53.03551156064257555, 6.53650046320920186 53.03613669679774745, 6.54127033710635786 53.03565958067280661, 6.54127033710635786 53.03565958067280661),(6.54748320751925572 53.02745771273854558, 6.54380592988080334 53.02678521842335613, 6.54372319119484214 53.02315423062781718, 6.54581332593946286 53.01979404638660043, 6.54854144090300405 53.02043985388822733, 6.54727359358895811 53.02466046004040123, 6.54748320751925572 53.02745771273854558, 6.54748320751925572 53.02745771273854558)))</t>
  </si>
  <si>
    <t>MultiPolygon (((6.55148895183983626 53.04025241577629401, 6.55231592314985978 53.04257558492148661, 6.56236022710356881 53.03828301283897417, 6.56771278435938122 53.0380228963665914, 6.57144824550722095 53.03915349550067759, 6.57663981140518317 53.03830390433604691, 6.5831720640455913 53.03866666310296552, 6.57657835006995306 53.03205101071791461, 6.57357276986826555 53.03028402060687796, 6.57133365186846863 53.03029524220480084, 6.56847609758469186 53.02949368200122393, 6.5663243916122207 53.02743656040274089, 6.56409921038908717 53.02647955717579009, 6.55316343772305387 53.03368645810957105, 6.5508671658213764 53.03327974820133051, 6.55076995986495003 53.03815579313640427, 6.55148895183983626 53.04025241577629401, 6.55148895183983626 53.04025241577629401)))</t>
  </si>
  <si>
    <t>MultiPolygon (((6.56972048677289155 53.05986178259430375, 6.56993666205832128 53.05712175418687337, 6.57122326153647851 53.05486118426674835, 6.57505747867480128 53.05463942992938087, 6.57316680578756252 53.05385351733573174, 6.56771278435938122 53.0380228963665914, 6.56236022710356881 53.03828301283897417, 6.55231592314985978 53.04257558492148661, 6.55251617132630315 53.04349544531923755, 6.55002443140149193 53.04647226741867172, 6.55149044114402468 53.05036541917556292, 6.55355139148572263 53.05216618283171215, 6.55279253370582548 53.05502566716435098, 6.55566057727838647 53.05566246154018728, 6.55521326667283954 53.05860808366940518, 6.56972048677289155 53.05986178259430375, 6.56972048677289155 53.05986178259430375)))</t>
  </si>
  <si>
    <t>MultiPolygon (((6.57505747867480128 53.05463942992938087, 6.57520154813989333 53.05506773818015631, 6.57711226972459162 53.0548847511678261, 6.57356916255702739 53.04293336119719982, 6.57155462808559498 53.04062117623425365, 6.57144824550722095 53.03915349550067759, 6.56771278435938122 53.0380228963665914, 6.57316680578756252 53.05385351733573174, 6.57505747867480128 53.05463942992938087, 6.57505747867480128 53.05463942992938087)))</t>
  </si>
  <si>
    <t>MultiPolygon (((6.57520154813989333 53.05506773818015631, 6.57580412896450017 53.05918760885822394, 6.58681148773801084 53.05953792919276424, 6.58807725090164276 53.0579992898495334, 6.60017742365563098 53.0607662681732748, 6.60123539379027591 53.06175762042434485, 6.60517000205321558 53.05644736713698251, 6.60808738576331223 53.04841823522109223, 6.60557318153046324 53.04599633540511405, 6.59952961486504375 53.04633506346161909, 6.59911832246153995 53.04502083913285304, 6.59071998624116517 53.04393554542644296, 6.58691659341484392 53.04229392877090277, 6.58399178848330369 53.03870744943221638, 6.5831720640455913 53.03866666310296552, 6.57663981140518317 53.03830390433604691, 6.57144824550722095 53.03915349550067759, 6.57155462808559498 53.04062117623425365, 6.57356916255702739 53.04293336119719982, 6.57711226972459162 53.0548847511678261, 6.57520154813989333 53.05506773818015631, 6.57520154813989333 53.05506773818015631)))</t>
  </si>
  <si>
    <t>MultiPolygon (((6.5831720640455913 53.03866666310296552, 6.58399178848330369 53.03870744943221638, 6.58691659341484392 53.04229392877090277, 6.59071998624116517 53.04393554542644296, 6.59911832246153995 53.04502083913285304, 6.59952961486504375 53.04633506346161909, 6.60557318153046324 53.04599633540511405, 6.60808738576331223 53.04841823522109223, 6.60648933097623914 53.03820273342775238, 6.60354913672936394 53.0329564379739935, 6.60181142358375617 53.03008649332893754, 6.59847885084774077 53.02798567532777696, 6.58886728006922429 53.02501539285591292, 6.58880162574418637 53.02509536245883481, 6.59078790365249034 53.02823098393253787, 6.58397561569546053 53.02873269031323389, 6.57866165928975644 53.03160205936598004, 6.57657835006995306 53.03205101071791461, 6.5831720640455913 53.03866666310296552, 6.5831720640455913 53.03866666310296552)))</t>
  </si>
  <si>
    <t>MultiPolygon (((6.60181142358375617 53.03008649332893754, 6.60354913672936394 53.0329564379739935, 6.63122142942869175 53.0261052411012912, 6.62976368341216116 53.02371513301887518, 6.63264618186029775 53.02203607447801659, 6.62976054561211026 53.01562456260244005, 6.62173852442789279 53.01217339313051014, 6.62187981260333647 53.01085511550208906, 6.61508450972803441 53.00646128320204298, 6.61157232549902396 52.99957446027875108, 6.60928544266442763 52.99606825927844511, 6.60786297099582853 52.99535276344135326, 6.6079534438315024 52.99754097156213106, 6.61090429521598999 53.00470130031875726, 6.60927418404794143 53.00644766554467679, 6.6048814065454895 53.00809165361723529, 6.60100194666423334 53.00971074585250165, 6.60091976999372498 53.01280616297987791, 6.601499405444474 53.01969203826093491, 6.6015502514154516 53.02363813471682619, 6.60181142358375617 53.03008649332893754, 6.60181142358375617 53.03008649332893754),(6.61428791941077332 53.01504017663616253, 6.61482174183981986 53.01614413137559012, 6.6124256088947071 53.01585768134094678, 6.60861813619558358 53.01263733425688685, 6.60876616697990649 53.01054533501562105, 6.61202035352985096 53.00941834557582411, 6.61479387497666682 53.00954038051725803, 6.61673128203563277 53.01054147764803304, 6.61523413895923795 53.01474380756402383, 6.61428791941077332 53.01504017663616253, 6.61428791941077332 53.01504017663616253)))</t>
  </si>
  <si>
    <t>MultiPolygon (((6.61428791941077332 53.01504017663616253, 6.61523413895923795 53.01474380756402383, 6.61673128203563277 53.01054147764803304, 6.61479387497666682 53.00954038051725803, 6.61202035352985096 53.00941834557582411, 6.60876616697990649 53.01054533501562105, 6.60861813619558358 53.01263733425688685, 6.6124256088947071 53.01585768134094678, 6.61482174183981986 53.01614413137559012, 6.61428791941077332 53.01504017663616253, 6.61428791941077332 53.01504017663616253)))</t>
  </si>
  <si>
    <t>MultiPolygon (((6.50512050994499624 53.0099170970001623, 6.50621091060796619 53.00701332886868045, 6.50514041352095163 53.006063965212185, 6.50160011203852406 53.0053425952247963, 6.5027307462229107 53.00215422933097642, 6.50438807033565691 52.99750903284120795, 6.50549039826552544 52.99475337876590686, 6.50687493165219255 52.99118145824488124, 6.4990044116090635 52.99021579136550031, 6.49457256318832599 52.99195867806525229, 6.49370206851553711 52.99233690839849231, 6.4980608273273841 52.99378096055206555, 6.49258595753514989 52.99305883647304682, 6.49169252515031037 52.9955869241576849, 6.48821201982160378 53.00540528001636176, 6.50512050994499624 53.0099170970001623, 6.50512050994499624 53.0099170970001623)))</t>
  </si>
  <si>
    <t>MultiPolygon (((6.51303628508463195 53.01055666252381116, 6.51368038914896452 53.01047928529948905, 6.51461662043380318 53.007710204155714, 6.50676768098289848 53.00669381265579005, 6.50621091060796619 53.00701332886868045, 6.50512050994499624 53.0099170970001623, 6.51303628508463195 53.01055666252381116, 6.51303628508463195 53.01055666252381116)))</t>
  </si>
  <si>
    <t>MultiPolygon (((6.51368038914896452 53.01047928529948905, 6.51961301953098538 53.01084978773013745, 6.52200309624237207 53.00403529047180484, 6.51811936011572346 53.00366049714116201, 6.51508668057279472 53.00524329701514148, 6.51461662043380318 53.007710204155714, 6.51368038914896452 53.01047928529948905, 6.51368038914896452 53.01047928529948905)))</t>
  </si>
  <si>
    <t>MultiPolygon (((6.51961301953098538 53.01084978773013745, 6.5392757370155099 53.01191824085059068, 6.52696493852060033 53.00124967488849848, 6.52372780923888662 53.0030042189221362, 6.52200309624237207 53.00403529047180484, 6.51961301953098538 53.01084978773013745, 6.51961301953098538 53.01084978773013745)))</t>
  </si>
  <si>
    <t>MultiPolygon (((6.54905485504837159 53.01936212779519764, 6.54963856590920912 53.01848976080335518, 6.54967736099335607 53.01824426163540238, 6.54346570129388461 53.01367620951371862, 6.53888259056248256 53.01007447637195469, 6.53504325918872553 53.00610983388898489, 6.53395402357902366 53.00096901062745758, 6.5312324870908034 52.99870298086921849, 6.52610779262056084 52.99739334322831752, 6.52696493852060033 53.00124967488849848, 6.5392757370155099 53.01191824085059068, 6.54206373861458346 53.01484597060597537, 6.54141224783190012 53.01539915089559685, 6.54559809721924513 53.01731848362512522, 6.54905485504837159 53.01936212779519764, 6.54905485504837159 53.01936212779519764)))</t>
  </si>
  <si>
    <t>MultiPolygon (((6.52372780923888662 53.0030042189221362, 6.52696493852060033 53.00124967488849848, 6.52610779262056084 52.99739334322831752, 6.52592277893095396 52.99702475698946813, 6.52105528197254536 52.99674774527478149, 6.52013443972608098 52.99860911742297986, 6.52372780923888662 53.0030042189221362, 6.52372780923888662 53.0030042189221362)))</t>
  </si>
  <si>
    <t>MultiPolygon (((6.52105528197254536 52.99674774527478149, 6.52592277893095396 52.99702475698946813, 6.52586468820124566 52.99339064358633067, 6.52612739141801956 52.98935391304927833, 6.52358181657325975 52.99057899346933453, 6.52211360750614588 52.99219841792037755, 6.51627301413715099 52.99126626891583669, 6.51679945607493671 52.99198974000036344, 6.51971931674045369 52.99657763955710266, 6.52105528197254536 52.99674774527478149, 6.52105528197254536 52.99674774527478149)))</t>
  </si>
  <si>
    <t>MultiPolygon (((6.51119127170173062 52.99546649429928635, 6.51971931674045369 52.99657763955710266, 6.51679945607493671 52.99198974000036344, 6.51224962736701318 52.99144138675372773, 6.51119127170173062 52.99546649429928635, 6.51119127170173062 52.99546649429928635)))</t>
  </si>
  <si>
    <t>MultiPolygon (((6.51115971558965168 52.99547938168974781, 6.51119127170173062 52.99546649429928635, 6.51224962736701318 52.99144138675372773, 6.50687493165219255 52.99118145824488124, 6.50549039826552544 52.99475337876590686, 6.51115971558965168 52.99547938168974781, 6.51115971558965168 52.99547938168974781)))</t>
  </si>
  <si>
    <t>MultiPolygon (((6.50438807033565691 52.99750903284120795, 6.50742245109885964 52.99787937886902967, 6.51039790020956843 52.99694620838863557, 6.51115971558965168 52.99547938168974781, 6.50549039826552544 52.99475337876590686, 6.50438807033565691 52.99750903284120795, 6.50438807033565691 52.99750903284120795)))</t>
  </si>
  <si>
    <t>MultiPolygon (((6.5027307462229107 53.00215422933097642, 6.50599024336384435 53.00256665181949955, 6.50742245109885964 52.99787937886902967, 6.50438807033565691 52.99750903284120795, 6.5027307462229107 53.00215422933097642, 6.5027307462229107 53.00215422933097642)))</t>
  </si>
  <si>
    <t>MultiPolygon (((6.50621091060796619 53.00701332886868045, 6.50676768098289848 53.00669381265579005, 6.50759151028720151 53.00437719401402603, 6.50599024336384435 53.00256665181949955, 6.5027307462229107 53.00215422933097642, 6.50160011203852406 53.0053425952247963, 6.50514041352095163 53.006063965212185, 6.50621091060796619 53.00701332886868045, 6.50621091060796619 53.00701332886868045)))</t>
  </si>
  <si>
    <t>MultiPolygon (((6.50676768098289848 53.00669381265579005, 6.51461662043380318 53.007710204155714, 6.51508668057279472 53.00524329701514148, 6.50759151028720151 53.00437719401402603, 6.50676768098289848 53.00669381265579005, 6.50676768098289848 53.00669381265579005)))</t>
  </si>
  <si>
    <t>MultiPolygon (((6.50759151028720151 53.00437719401402603, 6.51508668057279472 53.00524329701514148, 6.51811936011572346 53.00366049714116201, 6.51598052127055638 53.00182448174118832, 6.51351105476949943 53.00214566070631861, 6.51136155566382335 53.00123887944151591, 6.50599024336384435 53.00256665181949955, 6.50759151028720151 53.00437719401402603, 6.50759151028720151 53.00437719401402603)))</t>
  </si>
  <si>
    <t>MultiPolygon (((6.51811936011572346 53.00366049714116201, 6.52200309624237207 53.00403529047180484, 6.52372780923888662 53.0030042189221362, 6.52013443972608098 52.99860911742297986, 6.51648451937488637 52.99893697940007797, 6.51732451705352833 53.00039953953267258, 6.51598052127055638 53.00182448174118832, 6.51811936011572346 53.00366049714116201, 6.51811936011572346 53.00366049714116201)))</t>
  </si>
  <si>
    <t>MultiPolygon (((6.51648451937488637 52.99893697940007797, 6.52013443972608098 52.99860911742297986, 6.52105528197254536 52.99674774527478149, 6.51971931674045369 52.99657763955710266, 6.51119127170173062 52.99546649429928635, 6.51115971558965168 52.99547938168974781, 6.51039790020956843 52.99694620838863557, 6.51239662452954082 52.99862658008014904, 6.51648451937488637 52.99893697940007797, 6.51648451937488637 52.99893697940007797)))</t>
  </si>
  <si>
    <t>MultiPolygon (((6.50599024336384435 53.00256665181949955, 6.51136155566382335 53.00123887944151591, 6.51239662452954082 52.99862658008014904, 6.51039790020956843 52.99694620838863557, 6.50742245109885964 52.99787937886902967, 6.50599024336384435 53.00256665181949955, 6.50599024336384435 53.00256665181949955)))</t>
  </si>
  <si>
    <t>MultiPolygon (((6.51136155566382335 53.00123887944151591, 6.51351105476949943 53.00214566070631861, 6.51598052127055638 53.00182448174118832, 6.51732451705352833 53.00039953953267258, 6.51648451937488637 52.99893697940007797, 6.51239662452954082 52.99862658008014904, 6.51136155566382335 53.00123887944151591, 6.51136155566382335 53.00123887944151591)))</t>
  </si>
  <si>
    <t>MultiPolygon (((6.58770868649258023 53.00525033343477332, 6.58942411805368078 53.0036545632360756, 6.58614930764535966 53.00250746882647945, 6.57978164401619914 53.00029206641273305, 6.57770715941616224 52.99955429240722538, 6.57415470811139979 52.99794241090054925, 6.57203359988118319 52.99546411966728243, 6.57152046630977082 52.9996487612639342, 6.57681898410671817 53.00044995344705256, 6.58770868649258023 53.00525033343477332, 6.58770868649258023 53.00525033343477332)))</t>
  </si>
  <si>
    <t>MultiPolygon (((6.58409058746840437 53.00790984852132226, 6.58770868649258023 53.00525033343477332, 6.57681898410671817 53.00044995344705256, 6.57152046630977082 52.9996487612639342, 6.57067673753622206 52.99950615718708491, 6.56927017146323866 53.00240871026470302, 6.57466623919923077 53.00346105282256559, 6.58409058746840437 53.00790984852132226, 6.58409058746840437 53.00790984852132226)))</t>
  </si>
  <si>
    <t>MultiPolygon (((6.58577055883327578 53.01223255972919901, 6.58645180580293133 53.01199556969132232, 6.58860904634082711 53.01162248194543736, 6.60091976999372498 53.01280616297987791, 6.60100194666423334 53.00971074585250165, 6.59744772947153368 53.00660631506237763, 6.58942411805368078 53.0036545632360756, 6.58770868649258023 53.00525033343477332, 6.58409058746840437 53.00790984852132226, 6.58194181845498516 53.00960719202582538, 6.58577055883327578 53.01223255972919901, 6.58577055883327578 53.01223255972919901)))</t>
  </si>
  <si>
    <t>MultiPolygon (((6.57420761673038889 53.01057921337608292, 6.58194181845498516 53.00960719202582538, 6.58409058746840437 53.00790984852132226, 6.57466623919923077 53.00346105282256559, 6.57367106518561428 53.00594645641965741, 6.57420761673038889 53.01057921337608292, 6.57420761673038889 53.01057921337608292)))</t>
  </si>
  <si>
    <t>MultiPolygon (((6.56936678248328132 53.01137172204062153, 6.57420761673038889 53.01057921337608292, 6.57367106518561428 53.00594645641965741, 6.57466623919923077 53.00346105282256559, 6.56927017146323866 53.00240871026470302, 6.56772479634449446 53.00536537803017012, 6.56776662180894988 53.00775468365195309, 6.56936678248328132 53.01137172204062153, 6.56936678248328132 53.01137172204062153)))</t>
  </si>
  <si>
    <t>MultiPolygon (((6.57020996455824058 53.01437058048261264, 6.57791077866109664 53.01309868490715616, 6.58053112065845092 53.01407649137043165, 6.582110047291577 53.01556974702759106, 6.58577055883327578 53.01223255972919901, 6.58194181845498516 53.00960719202582538, 6.57420761673038889 53.01057921337608292, 6.56936678248328132 53.01137172204062153, 6.56927153035157563 53.01139778858030382, 6.57020996455824058 53.01437058048261264, 6.57020996455824058 53.01437058048261264)))</t>
  </si>
  <si>
    <t>MultiPolygon (((6.58213698774441802 53.01559807081424225, 6.58408991901105356 53.01710176576360567, 6.58832450674536396 53.01547443890942901, 6.59033956777358654 53.0153178630692139, 6.58964683630422421 53.01401478098526354, 6.58645180580293133 53.01199556969132232, 6.58577055883327578 53.01223255972919901, 6.582110047291577 53.01556974702759106, 6.58213698774441802 53.01559807081424225, 6.58213698774441802 53.01559807081424225)))</t>
  </si>
  <si>
    <t>MultiPolygon (((6.5950687176527083 53.01743276694566731, 6.59932559148889286 53.01991844954612532, 6.601499405444474 53.01969203826093491, 6.60091976999372498 53.01280616297987791, 6.58860904634082711 53.01162248194543736, 6.58645180580293133 53.01199556969132232, 6.58964683630422421 53.01401478098526354, 6.59033956777358654 53.0153178630692139, 6.59195757860269715 53.01610941615396655, 6.5950687176527083 53.01743276694566731, 6.5950687176527083 53.01743276694566731)))</t>
  </si>
  <si>
    <t>MultiPolygon (((6.5904008670900236 53.02006256615782576, 6.59602553030327154 53.02082995596644821, 6.5950687176527083 53.01743276694566731, 6.59195757860269715 53.01610941615396655, 6.5904008670900236 53.02006256615782576, 6.5904008670900236 53.02006256615782576)))</t>
  </si>
  <si>
    <t>MultiPolygon (((6.58876057539943272 53.02037909681964578, 6.5904008670900236 53.02006256615782576, 6.59195757860269715 53.01610941615396655, 6.59033956777358654 53.0153178630692139, 6.58832450674536396 53.01547443890942901, 6.58408991901105356 53.01710176576360567, 6.58376738313940368 53.01846789486327083, 6.58876057539943272 53.02037909681964578, 6.58876057539943272 53.02037909681964578)))</t>
  </si>
  <si>
    <t>MultiPolygon (((6.58218087141755603 53.01935996575597443, 6.58376738313940368 53.01846789486327083, 6.58408991901105356 53.01710176576360567, 6.58213698774441802 53.01559807081424225, 6.57568098889671404 53.01770065591183823, 6.57630375221403884 53.01870085276025435, 6.57896989487240802 53.02000107642271587, 6.58218087141755603 53.01935996575597443, 6.58218087141755603 53.01935996575597443)))</t>
  </si>
  <si>
    <t>MultiPolygon (((6.57149474354789565 53.01780858688520937, 6.57568098889671404 53.01770065591183823, 6.58213698774441802 53.01559807081424225, 6.582110047291577 53.01556974702759106, 6.58053112065845092 53.01407649137043165, 6.57791077866109664 53.01309868490715616, 6.57020996455824058 53.01437058048261264, 6.57149474354789565 53.01780858688520937, 6.57149474354789565 53.01780858688520937)))</t>
  </si>
  <si>
    <t>MultiPolygon (((6.57200625358207446 53.02175235128687092, 6.57881273563619118 53.0222282557260769, 6.58471740960157881 53.023885645425608, 6.58502902606518692 53.02268760801194247, 6.58294292834084693 53.02120784105075302, 6.58218087141755603 53.01935996575597443, 6.57896989487240802 53.02000107642271587, 6.57630375221403884 53.01870085276025435, 6.57568098889671404 53.01770065591183823, 6.57149474354789565 53.01780858688520937, 6.57200625358207446 53.02175235128687092, 6.57200625358207446 53.02175235128687092)))</t>
  </si>
  <si>
    <t>MultiPolygon (((6.58880162574418637 53.02509536245883481, 6.58886728006922429 53.02501539285591292, 6.58933253423472287 53.02447394292362048, 6.58876057539943272 53.02037909681964578, 6.58376738313940368 53.01846789486327083, 6.58218087141755603 53.01935996575597443, 6.58294292834084693 53.02120784105075302, 6.58502902606518692 53.02268760801194247, 6.58471740960157881 53.023885645425608, 6.58880162574418637 53.02509536245883481, 6.58880162574418637 53.02509536245883481)))</t>
  </si>
  <si>
    <t>MultiPolygon (((6.58933253423472287 53.02447394292362048, 6.59607630169260162 53.02337113665372925, 6.59602553030327154 53.02082995596644821, 6.5904008670900236 53.02006256615782576, 6.58876057539943272 53.02037909681964578, 6.58933253423472287 53.02447394292362048, 6.58933253423472287 53.02447394292362048)))</t>
  </si>
  <si>
    <t>MultiPolygon (((6.59607630169260162 53.02337113665372925, 6.6015502514154516 53.02363813471682619, 6.601499405444474 53.01969203826093491, 6.59932559148889286 53.01991844954612532, 6.5950687176527083 53.01743276694566731, 6.59602553030327154 53.02082995596644821, 6.59607630169260162 53.02337113665372925, 6.59607630169260162 53.02337113665372925)))</t>
  </si>
  <si>
    <t>MultiPolygon (((6.58886728006922429 53.02501539285591292, 6.59847885084774077 53.02798567532777696, 6.60181142358375617 53.03008649332893754, 6.6015502514154516 53.02363813471682619, 6.59607630169260162 53.02337113665372925, 6.58933253423472287 53.02447394292362048, 6.58886728006922429 53.02501539285591292, 6.58886728006922429 53.02501539285591292)))</t>
  </si>
  <si>
    <t>MultiPolygon (((6.57133365186846863 53.03029524220480084, 6.57357276986826555 53.03028402060687796, 6.57657835006995306 53.03205101071791461, 6.57866165928975644 53.03160205936598004, 6.58397561569546053 53.02873269031323389, 6.59078790365249034 53.02823098393253787, 6.58880162574418637 53.02509536245883481, 6.58471740960157881 53.023885645425608, 6.57881273563619118 53.0222282557260769, 6.57200625358207446 53.02175235128687092, 6.57161727573591925 53.02206291436881003, 6.57133365186846863 53.03029524220480084, 6.57133365186846863 53.03029524220480084)))</t>
  </si>
  <si>
    <t>MultiPolygon (((6.56409921038908717 53.02647955717579009, 6.5663243916122207 53.02743656040274089, 6.56847609758469186 53.02949368200122393, 6.57133365186846863 53.03029524220480084, 6.57161727573591925 53.02206291436881003, 6.5666027299080838 53.02190846832353088, 6.56019053219322235 53.02183069581223407, 6.55407922775435381 53.02117668284985541, 6.54963856590920912 53.01848976080335518, 6.54905485504837159 53.01936212779519764, 6.55389752131432779 53.02257275005354842, 6.56409921038908717 53.02647955717579009, 6.56409921038908717 53.02647955717579009)))</t>
  </si>
  <si>
    <t>MultiPolygon (((6.5666027299080838 53.02190846832353088, 6.57161727573591925 53.02206291436881003, 6.57200625358207446 53.02175235128687092, 6.57149474354789565 53.01780858688520937, 6.57020996455824058 53.01437058048261264, 6.56927153035157563 53.01139778858030382, 6.56277558643130732 53.01246878024440434, 6.56493579244977532 53.01396559271297093, 6.56698848159906667 53.01701873737373205, 6.5666027299080838 53.02190846832353088, 6.5666027299080838 53.02190846832353088)))</t>
  </si>
  <si>
    <t>MultiPolygon (((6.56019053219322235 53.02183069581223407, 6.5666027299080838 53.02190846832353088, 6.56698848159906667 53.01701873737373205, 6.56493579244977532 53.01396559271297093, 6.56277558643130732 53.01246878024440434, 6.55997941773407334 53.01277190263763828, 6.55949739342795368 53.01743052089017283, 6.56019053219322235 53.02183069581223407, 6.56019053219322235 53.02183069581223407)))</t>
  </si>
  <si>
    <t>MultiPolygon (((6.54963856590920912 53.01848976080335518, 6.55407922775435381 53.02117668284985541, 6.56019053219322235 53.02183069581223407, 6.55949739342795368 53.01743052089017283, 6.55776922945314489 53.01809013325651421, 6.55360483606440702 53.01617605603428274, 6.55116151970307037 53.01596191533015912, 6.54967736099335607 53.01824426163540238, 6.54963856590920912 53.01848976080335518, 6.54963856590920912 53.01848976080335518)))</t>
  </si>
  <si>
    <t>MultiPolygon (((6.55116151970307037 53.01596191533015912, 6.55360483606440702 53.01617605603428274, 6.55776922945314489 53.01809013325651421, 6.55949739342795368 53.01743052089017283, 6.55997941773407334 53.01277190263763828, 6.55388503840665404 53.01147721176712224, 6.55116151970307037 53.01596191533015912, 6.55116151970307037 53.01596191533015912)))</t>
  </si>
  <si>
    <t>MultiPolygon (((6.53855076873176078 52.98376673646721713, 6.54566578731410065 52.9875296603025987, 6.5470122367687642 52.98707147570524256, 6.54848971852094408 52.98145348239287244, 6.55016189227895307 52.9792062827315533, 6.548338260806017 52.9777968745325083, 6.54383761671813158 52.9797847908436097, 6.54105161614876707 52.9811944065743532, 6.53855076873176078 52.98376673646721713, 6.53855076873176078 52.98376673646721713)))</t>
  </si>
  <si>
    <t>MultiPolygon (((6.54444002944612002 52.99158732739923039, 6.54603136325462032 52.99080759680694541, 6.54566578731410065 52.9875296603025987, 6.53855076873176078 52.98376673646721713, 6.53794225483704672 52.98396049697867483, 6.53463410330556638 52.98809416284171192, 6.54444002944612002 52.99158732739923039, 6.54444002944612002 52.99158732739923039)))</t>
  </si>
  <si>
    <t>MultiPolygon (((6.53577551461920248 52.99432171899891131, 6.54575713842797491 52.99399647156428728, 6.54444002944612002 52.99158732739923039, 6.53463410330556638 52.98809416284171192, 6.53459123230478056 52.98814067762000235, 6.53144338459052864 52.99146094880026681, 6.53114242685977509 52.99392275696935428, 6.53577551461920248 52.99432171899891131, 6.53577551461920248 52.99432171899891131)))</t>
  </si>
  <si>
    <t>MultiPolygon (((6.5312324870908034 52.99870298086921849, 6.53268642900036411 52.99808210924891938, 6.53188645468179541 52.99714474980822132, 6.53395715036208369 52.99574410888914144, 6.53608305109214882 52.99535549184432881, 6.53630089133792147 52.99439207788140749, 6.53577551461920248 52.99432171899891131, 6.53114242685977509 52.99392275696935428, 6.52586468820124566 52.99339064358633067, 6.52592277893095396 52.99702475698946813, 6.52610779262056084 52.99739334322831752, 6.5312324870908034 52.99870298086921849, 6.5312324870908034 52.99870298086921849)))</t>
  </si>
  <si>
    <t>MultiPolygon (((6.52586468820124566 52.99339064358633067, 6.53114242685977509 52.99392275696935428, 6.53144338459052864 52.99146094880026681, 6.52916029638606332 52.99096247255521774, 6.52815020723531081 52.99011322762862619, 6.52853691904778799 52.98629812763634561, 6.52724272165191621 52.98347183947862504, 6.52612739141801956 52.98935391304927833, 6.52586468820124566 52.99339064358633067, 6.52586468820124566 52.99339064358633067)))</t>
  </si>
  <si>
    <t>MultiPolygon (((6.53144338459052864 52.99146094880026681, 6.53459123230478056 52.98814067762000235, 6.52853691904778799 52.98629812763634561, 6.52815020723531081 52.99011322762862619, 6.52916029638606332 52.99096247255521774, 6.53144338459052864 52.99146094880026681, 6.53144338459052864 52.99146094880026681)))</t>
  </si>
  <si>
    <t>MultiPolygon (((6.53459123230478056 52.98814067762000235, 6.53463410330556638 52.98809416284171192, 6.53794225483704672 52.98396049697867483, 6.53373764635182841 52.98294305374466973, 6.53029246958413001 52.97923603132404224, 6.52724272165191621 52.98347183947862504, 6.52853691904778799 52.98629812763634561, 6.53459123230478056 52.98814067762000235, 6.53459123230478056 52.98814067762000235)))</t>
  </si>
  <si>
    <t>MultiPolygon (((6.53794225483704672 52.98396049697867483, 6.53855076873176078 52.98376673646721713, 6.54105161614876707 52.9811944065743532, 6.54383761671813158 52.9797847908436097, 6.53882513331480109 52.97620918448153304, 6.54294571231383149 52.97331523227165206, 6.53607925074635965 52.97576536855243035, 6.53029246958413001 52.97923603132404224, 6.53373764635182841 52.98294305374466973, 6.53794225483704672 52.98396049697867483, 6.53794225483704672 52.98396049697867483)))</t>
  </si>
  <si>
    <t>MultiPolygon (((6.54383761671813158 52.9797847908436097, 6.548338260806017 52.9777968745325083, 6.55599243841750479 52.97721765809550476, 6.55670954249534343 52.97722791579461443, 6.55475709869179024 52.97036452229091452, 6.54800097620679988 52.97183600005210735, 6.54294571231383149 52.97331523227165206, 6.53882513331480109 52.97620918448153304, 6.54383761671813158 52.9797847908436097, 6.54383761671813158 52.9797847908436097)))</t>
  </si>
  <si>
    <t>MultiPolygon (((6.55670954249534343 52.97722791579461443, 6.56247682722256531 52.97877197731917676, 6.567113849604298 52.98168955244742051, 6.56252293730496383 52.969180703474251, 6.56238046820328247 52.96907664675359939, 6.55475709869179024 52.97036452229091452, 6.55670954249534343 52.97722791579461443, 6.55670954249534343 52.97722791579461443)))</t>
  </si>
  <si>
    <t>MultiPolygon (((6.54967736099335607 53.01824426163540238, 6.55116151970307037 53.01596191533015912, 6.55388503840665404 53.01147721176712224, 6.55011699904592692 53.00933902233410322, 6.5488533544580223 53.00811487772259056, 6.54584692329596951 53.00949870574634559, 6.54634882175240929 53.01156892685498434, 6.54540751561261569 53.01357743491035279, 6.54346570129388461 53.01367620951371862, 6.54967736099335607 53.01824426163540238, 6.54967736099335607 53.01824426163540238)))</t>
  </si>
  <si>
    <t>MultiPolygon (((6.53888259056248256 53.01007447637195469, 6.54346570129388461 53.01367620951371862, 6.54540751561261569 53.01357743491035279, 6.54634882175240929 53.01156892685498434, 6.54584692329596951 53.00949870574634559, 6.5488533544580223 53.00811487772259056, 6.54593726212489457 53.0060362247286605, 6.53888259056248256 53.01007447637195469, 6.53888259056248256 53.01007447637195469)))</t>
  </si>
  <si>
    <t>MultiPolygon (((6.53888259056248256 53.01007447637195469, 6.54593726212489457 53.0060362247286605, 6.54577621400780263 53.00594159169142472, 6.54204083482576237 53.00370105563330014, 6.53992563458507714 53.00209551612189784, 6.53964785596015208 53.00210083348613921, 6.53719107396664612 53.0051975871427743, 6.53504325918872553 53.00610983388898489, 6.53888259056248256 53.01007447637195469, 6.53888259056248256 53.01007447637195469)))</t>
  </si>
  <si>
    <t>MultiPolygon (((6.53504325918872553 53.00610983388898489, 6.53719107396664612 53.0051975871427743, 6.53964785596015208 53.00210083348613921, 6.53268642900036411 52.99808210924891938, 6.5312324870908034 52.99870298086921849, 6.53395402357902366 53.00096901062745758, 6.53504325918872553 53.00610983388898489, 6.53504325918872553 53.00610983388898489)))</t>
  </si>
  <si>
    <t>MultiPolygon (((6.567113849604298 52.98168955244742051, 6.56947826477981778 52.97867374461461054, 6.5802304162928289 52.97646196459901091, 6.58073890376788118 52.97482901779595466, 6.57793069946828268 52.97394965950601886, 6.57302661186182746 52.97095929767252898, 6.564422975211472 52.9691289866074797, 6.56252293730496383 52.969180703474251, 6.567113849604298 52.98168955244742051, 6.567113849604298 52.98168955244742051)))</t>
  </si>
  <si>
    <t>MultiPolygon (((6.56816181097089391 52.98483478192991925, 6.5704677962465281 52.98482865971032396, 6.57489971206313228 52.98377995036538834, 6.57836622477255162 52.981359863670761, 6.57988049171430855 52.98282682936621057, 6.58109910793498099 52.98096383845989266, 6.57884631624748906 52.98092147785855133, 6.57877661254437651 52.98033404278197622, 6.5803229496866944 52.97655910336743545, 6.5802304162928289 52.97646196459901091, 6.56947826477981778 52.97867374461461054, 6.567113849604298 52.98168955244742051, 6.56816181097089391 52.98483478192991925, 6.56816181097089391 52.98483478192991925)))</t>
  </si>
  <si>
    <t>MultiPolygon (((6.56998700366325572 52.98910806129888584, 6.57077933661410096 52.99148907967985167, 6.57682008015985975 52.98887545450280356, 6.5704677962465281 52.98482865971032396, 6.56816181097089391 52.98483478192991925, 6.56869292345679145 52.9863404490252492, 6.56998700366325572 52.98910806129888584, 6.56998700366325572 52.98910806129888584)))</t>
  </si>
  <si>
    <t>MultiPolygon (((6.57682008015985975 52.98887545450280356, 6.57906748892337312 52.99023308409763899, 6.5853623161464423 52.98648100921454329, 6.57988049171430855 52.98282682936621057, 6.57836622477255162 52.981359863670761, 6.57489971206313228 52.98377995036538834, 6.5704677962465281 52.98482865971032396, 6.57682008015985975 52.98887545450280356, 6.57682008015985975 52.98887545450280356)))</t>
  </si>
  <si>
    <t>MultiPolygon (((6.58601235358847514 52.99467619861287204, 6.59088462635181838 52.99235075866364042, 6.59048279898949385 52.98918314736775415, 6.5853623161464423 52.98648100921454329, 6.57906748892337312 52.99023308409763899, 6.58601235358847514 52.99467619861287204, 6.58601235358847514 52.99467619861287204)))</t>
  </si>
  <si>
    <t>MultiPolygon (((6.57212871019289402 52.99529550610785833, 6.58226897504108699 52.9951936818225704, 6.58601235358847514 52.99467619861287204, 6.57906748892337312 52.99023308409763899, 6.57682008015985975 52.98887545450280356, 6.57077933661410096 52.99148907967985167, 6.57127117787311121 52.99287539454120122, 6.57212871019289402 52.99529550610785833, 6.57212871019289402 52.99529550610785833)))</t>
  </si>
  <si>
    <t>MultiPolygon (((6.57770715941616224 52.99955429240722538, 6.58163719586190066 52.99704756829537189, 6.58226897504108699 52.9951936818225704, 6.57212871019289402 52.99529550610785833, 6.57203359988118319 52.99546411966728243, 6.57415470811139979 52.99794241090054925, 6.57770715941616224 52.99955429240722538, 6.57770715941616224 52.99955429240722538)))</t>
  </si>
  <si>
    <t>MultiPolygon (((6.57770715941616224 52.99955429240722538, 6.57978164401619914 53.00029206641273305, 6.58753448689090515 52.99908549962059112, 6.58825269956877158 52.99902105695903742, 6.58322611148748482 52.99760703404080431, 6.58163719586190066 52.99704756829537189, 6.57770715941616224 52.99955429240722538, 6.57770715941616224 52.99955429240722538)))</t>
  </si>
  <si>
    <t>MultiPolygon (((6.58825269956877158 52.99902105695903742, 6.59106063532487418 52.99846845313756916, 6.59652492573042437 52.99610749991165903, 6.59418190431684081 52.99445995624451911, 6.58715342525737313 52.99742084132107323, 6.58322611148748482 52.99760703404080431, 6.58825269956877158 52.99902105695903742, 6.58825269956877158 52.99902105695903742)))</t>
  </si>
  <si>
    <t>MultiPolygon (((6.57978164401619914 53.00029206641273305, 6.58614930764535966 53.00250746882647945, 6.58975638032532451 52.99988015864195745, 6.58753448689090515 52.99908549962059112, 6.57978164401619914 53.00029206641273305, 6.57978164401619914 53.00029206641273305)))</t>
  </si>
  <si>
    <t>MultiPolygon (((6.60100194666423334 53.00971074585250165, 6.6048814065454895 53.00809165361723529, 6.60923471952576147 53.00617430906354599, 6.60595651290950237 53.00303396326727778, 6.60212934482136404 53.00270451902350999, 6.60025651067352381 53.0015123417200229, 6.59910432159231242 52.99956713299206967, 6.602941300838717 52.99809730247811501, 6.60157208532913575 52.99654515071422622, 6.59106063532487418 52.99846845313756916, 6.58825269956877158 52.99902105695903742, 6.58753448689090515 52.99908549962059112, 6.58975638032532451 52.99988015864195745, 6.58614930764535966 53.00250746882647945, 6.58942411805368078 53.0036545632360756, 6.59744772947153368 53.00660631506237763, 6.60100194666423334 53.00971074585250165, 6.60100194666423334 53.00971074585250165)))</t>
  </si>
  <si>
    <t>MultiPolygon (((6.55997941773407334 53.01277190263763828, 6.56277558643130732 53.01246878024440434, 6.56927153035157563 53.01139778858030382, 6.56936678248328132 53.01137172204062153, 6.56776662180894988 53.00775468365195309, 6.56665127625311751 53.00487138564433565, 6.55859167987298353 53.00692014680140574, 6.5608094855007435 53.01167701059121384, 6.55997941773407334 53.01277190263763828, 6.55997941773407334 53.01277190263763828)))</t>
  </si>
  <si>
    <t>MultiPolygon (((6.55388503840665404 53.01147721176712224, 6.55997941773407334 53.01277190263763828, 6.5608094855007435 53.01167701059121384, 6.55859167987298353 53.00692014680140574, 6.55373644856293058 53.00808609143211925, 6.55011699904592692 53.00933902233410322, 6.55388503840665404 53.01147721176712224, 6.55388503840665404 53.01147721176712224)))</t>
  </si>
  <si>
    <t>MultiPolygon (((6.55373644856293058 53.00808609143211925, 6.55859167987298353 53.00692014680140574, 6.56665127625311751 53.00487138564433565, 6.5654514130668673 53.00247630220446382, 6.56312002385042614 53.00247848998427003, 6.56261308597977511 53.00337791206582239, 6.55204361384037348 53.00601823267614066, 6.55373644856293058 53.00808609143211925, 6.55373644856293058 53.00808609143211925)))</t>
  </si>
  <si>
    <t>MultiPolygon (((6.54877418919993293 53.00419796597591926, 6.55204361384037348 53.00601823267614066, 6.56261308597977511 53.00337791206582239, 6.56312002385042614 53.00247848998427003, 6.55594961662351228 53.00123567301957905, 6.55144858705126598 52.99964688337554719, 6.54879392743722999 53.00245046154430639, 6.54877418919993293 53.00419796597591926, 6.54877418919993293 53.00419796597591926)))</t>
  </si>
  <si>
    <t>MultiPolygon (((6.56665127625311751 53.00487138564433565, 6.56776662180894988 53.00775468365195309, 6.56772479634449446 53.00536537803017012, 6.56927017146323866 53.00240871026470302, 6.57067673753622206 52.99950615718708491, 6.56736312210639017 52.99909368192317061, 6.56547763262163819 52.99905443940653527, 6.5654514130668673 53.00247630220446382, 6.56665127625311751 53.00487138564433565, 6.56665127625311751 53.00487138564433565)))</t>
  </si>
  <si>
    <t>MultiPolygon (((6.56312002385042614 53.00247848998427003, 6.5654514130668673 53.00247630220446382, 6.56547763262163819 52.99905443940653527, 6.56069018763983181 52.99873462175709449, 6.55584802305875769 52.99709164516173843, 6.55118125928275585 52.99929271135370357, 6.55144858705126598 52.99964688337554719, 6.55594961662351228 53.00123567301957905, 6.56312002385042614 53.00247848998427003, 6.56312002385042614 53.00247848998427003)))</t>
  </si>
  <si>
    <t>MultiPolygon (((6.55011699904592692 53.00933902233410322, 6.55373644856293058 53.00808609143211925, 6.55204361384037348 53.00601823267614066, 6.54877418919993293 53.00419796597591926, 6.54577621400780263 53.00594159169142472, 6.54593726212489457 53.0060362247286605, 6.5488533544580223 53.00811487772259056, 6.55011699904592692 53.00933902233410322, 6.55011699904592692 53.00933902233410322)))</t>
  </si>
  <si>
    <t>MultiPolygon (((6.54577621400780263 53.00594159169142472, 6.54877418919993293 53.00419796597591926, 6.54879392743722999 53.00245046154430639, 6.54204083482576237 53.00370105563330014, 6.54577621400780263 53.00594159169142472, 6.54577621400780263 53.00594159169142472)))</t>
  </si>
  <si>
    <t>MultiPolygon (((6.54204083482576237 53.00370105563330014, 6.54879392743722999 53.00245046154430639, 6.55144858705126598 52.99964688337554719, 6.55118125928275585 52.99929271135370357, 6.54733953534127888 52.99985360653572286, 6.54216365652562626 53.00092642851532077, 6.53992563458507714 53.00209551612189784, 6.54204083482576237 53.00370105563330014, 6.54204083482576237 53.00370105563330014)))</t>
  </si>
  <si>
    <t>MultiPolygon (((6.53964785596015208 53.00210083348613921, 6.53992563458507714 53.00209551612189784, 6.54216365652562626 53.00092642851532077, 6.54207564168977918 52.99987592151745019, 6.54071740762381726 52.99907498582960841, 6.53960151235645437 52.99462163934216363, 6.53630089133792147 52.99439207788140749, 6.53608305109214882 52.99535549184432881, 6.53395715036208369 52.99574410888914144, 6.53188645468179541 52.99714474980822132, 6.53268642900036411 52.99808210924891938, 6.53964785596015208 53.00210083348613921, 6.53964785596015208 53.00210083348613921)))</t>
  </si>
  <si>
    <t>MultiPolygon (((6.54216365652562626 53.00092642851532077, 6.54733953534127888 52.99985360653572286, 6.54500811031397323 52.99689638751296883, 6.55055809633467412 52.99409255590369838, 6.55053458245771481 52.99385475879375917, 6.54575713842797491 52.99399647156428728, 6.53577551461920248 52.99432171899891131, 6.53630089133792147 52.99439207788140749, 6.53960151235645437 52.99462163934216363, 6.54071740762381726 52.99907498582960841, 6.54207564168977918 52.99987592151745019, 6.54216365652562626 53.00092642851532077, 6.54216365652562626 53.00092642851532077)))</t>
  </si>
  <si>
    <t>MultiPolygon (((6.54733953534127888 52.99985360653572286, 6.55118125928275585 52.99929271135370357, 6.55584802305875769 52.99709164516173843, 6.55545540637427404 52.99695366690599485, 6.55286619644823443 52.99407510351831974, 6.55055809633467412 52.99409255590369838, 6.54500811031397323 52.99689638751296883, 6.54733953534127888 52.99985360653572286, 6.54733953534127888 52.99985360653572286)))</t>
  </si>
  <si>
    <t>MultiPolygon (((6.56177580713578745 52.98557190413831819, 6.56869292345679145 52.9863404490252492, 6.56816181097089391 52.98483478192991925, 6.567113849604298 52.98168955244742051, 6.56247682722256531 52.97877197731917676, 6.55670954249534343 52.97722791579461443, 6.55599243841750479 52.97721765809550476, 6.56142648394063244 52.98281792514867305, 6.56177580713578745 52.98557190413831819, 6.56177580713578745 52.98557190413831819)))</t>
  </si>
  <si>
    <t>MultiPolygon (((6.56590796223648798 52.98989254946167904, 6.56998700366325572 52.98910806129888584, 6.56869292345679145 52.9863404490252492, 6.56177580713578745 52.98557190413831819, 6.55962659661297387 52.98750561969575301, 6.56533499947372778 52.98869962864883831, 6.56590796223648798 52.98989254946167904, 6.56590796223648798 52.98989254946167904)))</t>
  </si>
  <si>
    <t>MultiPolygon (((6.55772556005895169 52.99018365825067178, 6.55970724831539354 52.99068899729272886, 6.56590796223648798 52.98989254946167904, 6.56533499947372778 52.98869962864883831, 6.55962659661297387 52.98750561969575301, 6.55772556005895169 52.99018365825067178, 6.55772556005895169 52.99018365825067178)))</t>
  </si>
  <si>
    <t>MultiPolygon (((6.54603136325462032 52.99080759680694541, 6.55258735996772046 52.9922885860577324, 6.55459016860506516 52.98957791384542304, 6.55772556005895169 52.99018365825067178, 6.55962659661297387 52.98750561969575301, 6.56177580713578745 52.98557190413831819, 6.56142648394063244 52.98281792514867305, 6.55599243841750479 52.97721765809550476, 6.548338260806017 52.9777968745325083, 6.55016189227895307 52.9792062827315533, 6.54848971852094408 52.98145348239287244, 6.5470122367687642 52.98707147570524256, 6.54566578731410065 52.9875296603025987, 6.54603136325462032 52.99080759680694541, 6.54603136325462032 52.99080759680694541)))</t>
  </si>
  <si>
    <t>MultiPolygon (((6.55055809633467412 52.99409255590369838, 6.55286619644823443 52.99407510351831974, 6.55947595888022406 52.99382629401583245, 6.56013664727632939 52.99216955538506113, 6.56018151592765442 52.99215242982724305, 6.55970724831539354 52.99068899729272886, 6.55772556005895169 52.99018365825067178, 6.55459016860506516 52.98957791384542304, 6.55258735996772046 52.9922885860577324, 6.55053458245771481 52.99385475879375917, 6.55055809633467412 52.99409255590369838, 6.55055809633467412 52.99409255590369838)))</t>
  </si>
  <si>
    <t>MultiPolygon (((6.54575713842797491 52.99399647156428728, 6.55053458245771481 52.99385475879375917, 6.55258735996772046 52.9922885860577324, 6.54603136325462032 52.99080759680694541, 6.54444002944612002 52.99158732739923039, 6.54575713842797491 52.99399647156428728, 6.54575713842797491 52.99399647156428728)))</t>
  </si>
  <si>
    <t>MultiPolygon (((6.55545540637427404 52.99695366690599485, 6.55946278731956767 52.99444886236735641, 6.55947595888022406 52.99382629401583245, 6.55286619644823443 52.99407510351831974, 6.55545540637427404 52.99695366690599485, 6.55545540637427404 52.99695366690599485)))</t>
  </si>
  <si>
    <t>MultiPolygon (((6.55584802305875769 52.99709164516173843, 6.56069018763983181 52.99873462175709449, 6.56547763262163819 52.99905443940653527, 6.56355603200213533 52.99525517642391037, 6.55946278731956767 52.99444886236735641, 6.55545540637427404 52.99695366690599485, 6.55584802305875769 52.99709164516173843, 6.55584802305875769 52.99709164516173843)))</t>
  </si>
  <si>
    <t>MultiPolygon (((6.56547763262163819 52.99905443940653527, 6.56736312210639017 52.99909368192317061, 6.56736318411804909 52.99560293626829832, 6.56675889686959824 52.99435741626535901, 6.56572077251348052 52.9942121672606774, 6.56555446639613915 52.99427192571858569, 6.56355603200213533 52.99525517642391037, 6.56547763262163819 52.99905443940653527, 6.56547763262163819 52.99905443940653527)))</t>
  </si>
  <si>
    <t>MultiPolygon (((6.57067673753622206 52.99950615718708491, 6.57152046630977082 52.9996487612639342, 6.57203359988118319 52.99546411966728243, 6.57212871019289402 52.99529550610785833, 6.57127117787311121 52.99287539454120122, 6.56577994242787089 52.99338146216977918, 6.56572077251348052 52.9942121672606774, 6.56675889686959824 52.99435741626535901, 6.56736318411804909 52.99560293626829832, 6.56736312210639017 52.99909368192317061, 6.57067673753622206 52.99950615718708491, 6.57067673753622206 52.99950615718708491)))</t>
  </si>
  <si>
    <t>MultiPolygon (((6.56577994242787089 52.99338146216977918, 6.57127117787311121 52.99287539454120122, 6.57077933661410096 52.99148907967985167, 6.56998700366325572 52.98910806129888584, 6.56590796223648798 52.98989254946167904, 6.55970724831539354 52.99068899729272886, 6.56018151592765442 52.99215242982724305, 6.56500802698788366 52.99204935646688597, 6.56577994242787089 52.99338146216977918, 6.56577994242787089 52.99338146216977918)))</t>
  </si>
  <si>
    <t>MultiPolygon (((6.56555446639613915 52.99427192571858569, 6.56572077251348052 52.9942121672606774, 6.56577994242787089 52.99338146216977918, 6.56500802698788366 52.99204935646688597, 6.56018151592765442 52.99215242982724305, 6.56013664727632939 52.99216955538506113, 6.56555446639613915 52.99427192571858569, 6.56555446639613915 52.99427192571858569)))</t>
  </si>
  <si>
    <t>MultiPolygon (((6.55946278731956767 52.99444886236735641, 6.56355603200213533 52.99525517642391037, 6.56555446639613915 52.99427192571858569, 6.56013664727632939 52.99216955538506113, 6.55947595888022406 52.99382629401583245, 6.55946278731956767 52.99444886236735641, 6.55946278731956767 52.99444886236735641)))</t>
  </si>
  <si>
    <t>MultiPolygon (((6.0627636593831884 52.9081161342754811, 6.06587752499018507 52.90977465567162596, 6.07364687527875446 52.90136272804924999, 6.0799873105299751 52.89827777668494946, 6.07697563504931004 52.89559959383165477, 6.07310168758341273 52.89398052513264048, 6.06793190640224633 52.88967029719746904, 6.06901907128945339 52.88335748211697052, 6.06586997856746368 52.87747589923601765, 6.06024808461631004 52.87405305085919593, 6.05739343594822977 52.87147651453639696, 6.05137233886417825 52.86846195234062407, 6.04664810547590825 52.86759194931256189, 6.04366212625084387 52.86714630100333778, 6.01316554226361522 52.89451644817020082, 6.01492093611700085 52.89460166873531222, 6.01654371847966107 52.8923715272188204, 6.02177872353093591 52.89316932067751509, 6.038284222534962 52.89563890297085891, 6.03729166290246244 52.89761218074499283, 6.03901423635167856 52.89797571449292946, 6.04042309340773009 52.89737333629744853, 6.04105800795208747 52.89604128651276227, 6.04231730715457083 52.89623362425751907, 6.04868910463953657 52.90082879413156292, 6.04890841346196684 52.90221703623621607, 6.0627636593831884 52.9081161342754811, 6.0627636593831884 52.9081161342754811),(6.05285327844169618 52.89642822784595211, 6.04353085983813987 52.89267708495019349, 6.03979683774888354 52.89177537005466689, 6.03892020346896796 52.88953478738983449, 6.04462891122027379 52.88951087195327716, 6.05443494562229301 52.89291066540467057, 6.05448704191674825 52.89509667624083988, 6.05285327844169618 52.89642822784595211, 6.05285327844169618 52.89642822784595211)))</t>
  </si>
  <si>
    <t>MultiPolygon (((6.05285327844169618 52.89642822784595211, 6.05448704191674825 52.89509667624083988, 6.05443494562229301 52.89291066540467057, 6.04462891122027379 52.88951087195327716, 6.03892020346896796 52.88953478738983449, 6.03979683774888354 52.89177537005466689, 6.04353085983813987 52.89267708495019349, 6.05285327844169618 52.89642822784595211, 6.05285327844169618 52.89642822784595211)))</t>
  </si>
  <si>
    <t>MultiPolygon (((6.08652534740044526 52.93634120762762763, 6.1105447452647681 52.91324414912038776, 6.10324656062632886 52.90982535745812498, 6.09937664762193155 52.90794015543679762, 6.08523387477547129 52.90354114123267948, 6.08219692567160575 52.89943023681173884, 6.0799873105299751 52.89827777668494946, 6.07364687527875446 52.90136272804924999, 6.06587752499018507 52.90977465567162596, 6.0627636593831884 52.9081161342754811, 6.0499813201918089 52.9206468631613447, 6.06210186973816789 52.92526051276229282, 6.07867495052186602 52.93165283274059618, 6.08484769678753601 52.93627448076834696, 6.08652534740044526 52.93634120762762763),(6.07365988428074832 52.91156190976929707, 6.07880816954261238 52.91023065369317635, 6.08111969414588227 52.91162767134778022, 6.07964138896251516 52.91363399633756615, 6.07821736231425458 52.91391501639066774, 6.07705257148145161 52.91526012803910817, 6.07601639690637363 52.9153283077383918, 6.07293876131051835 52.91230026518580587, 6.07365988428074832 52.91156190976929707, 6.07365988428074832 52.91156190976929707)))</t>
  </si>
  <si>
    <t>MultiPolygon (((6.07705257148145161 52.91526012803910817, 6.07821736231425458 52.91391501639066774, 6.07964138896251516 52.91363399633756615, 6.08111969414588227 52.91162767134778022, 6.07880816954261238 52.91023065369317635, 6.07365988428074832 52.91156190976929707, 6.07293876131051835 52.91230026518580587, 6.07601639690637363 52.9153283077383918, 6.07705257148145161 52.91526012803910817, 6.07705257148145161 52.91526012803910817)))</t>
  </si>
  <si>
    <t>MultiPolygon (((6.23229105330061639 52.91343817988594367, 6.22878529260333114 52.9103022961643461, 6.20690000703613176 52.89074386118998206, 6.20081195056722301 52.88837858263975988, 6.19067975156603811 52.88447885552955796, 6.18871915015216345 52.88577037442087203, 6.18753748181061258 52.88538798040007549, 6.186357282841632 52.88682498600369541, 6.18714702797266369 52.88716307241485737, 6.18463077462455502 52.89041860500230996, 6.18626304702159224 52.89093604011256389, 6.18305416693596666 52.89488314900862775, 6.17983356195272471 52.89485238672525469, 6.16880228291212518 52.90965750040832916, 6.17931218890554135 52.91362804491481597, 6.17559293159297162 52.92074872627048876, 6.17611087708277307 52.92223825373272916, 6.17470598714603547 52.92504172715796784, 6.16546052575473436 52.93344849805042429, 6.1726977339962934 52.93566295892635765, 6.17989099601824687 52.93702484968974176, 6.18834642375456134 52.93887394376674393, 6.20056123563387018 52.9430136540547096, 6.20252471819731621 52.9414992259447601, 6.20113503627063967 52.94047851267426807, 6.2008358651797284 52.93903335758408701, 6.20787656871105753 52.93386602029159604, 6.20918444059601438 52.93369574039407865, 6.21098038562514532 52.9315165268668153, 6.21363009916629228 52.92579449586244067, 6.24725868954985053 52.92334744566652915, 6.24482959280562966 52.9195869993494199, 6.24234301581249618 52.9183452175366611, 6.23229105330061639 52.91343817988594367, 6.23229105330061639 52.91343817988594367),(6.19576217980210675 52.90545371308508749, 6.19707838649692633 52.90506763306528626, 6.20718092799701093 52.9081127872140371, 6.20739660590694253 52.91057073168774849, 6.20597122238768772 52.91173504076476064, 6.2050989860918806 52.91130089180214213, 6.20384090727962523 52.91302647546177695, 6.19511770156182706 52.91074281338652696, 6.19397546994364756 52.90991209841983078, 6.19576217980210675 52.90545371308508749, 6.19576217980210675 52.90545371308508749)))</t>
  </si>
  <si>
    <t>MultiPolygon (((6.2050989860918806 52.91130089180214213, 6.20597122238768772 52.91173504076476064, 6.20739660590694253 52.91057073168774849, 6.20718092799701093 52.9081127872140371, 6.19707838649692633 52.90506763306528626, 6.19576217980210675 52.90545371308508749, 6.19397546994364756 52.90991209841983078, 6.19511770156182706 52.91074281338652696, 6.20384090727962523 52.91302647546177695, 6.2050989860918806 52.91130089180214213, 6.2050989860918806 52.91130089180214213)))</t>
  </si>
  <si>
    <t>MultiPolygon (((6.15258628502304283 52.90350603185147094, 6.15407121725196493 52.90143619511167117, 6.1451976477838377 52.89843886209383328, 6.14297902567610521 52.90169169646379999, 6.13817917286924875 52.90123767058663873, 6.12630091625506168 52.91951320201468434, 6.1300559446974443 52.92038701170301351, 6.1393557524829987 52.92406530494420025, 6.14466815018017254 52.92809186635194152, 6.15736784536894444 52.93055184552116543, 6.16546052575473436 52.93344849805042429, 6.17470598714603547 52.92504172715796784, 6.17611087708277307 52.92223825373272916, 6.17559293159297162 52.92074872627048876, 6.17931218890554135 52.91362804491481597, 6.16880228291212518 52.90965750040832916, 6.15258628502304283 52.90350603185147094, 6.15258628502304283 52.90350603185147094)))</t>
  </si>
  <si>
    <t>MultiPolygon (((6.1451976477838377 52.89843886209383328, 6.15407121725196493 52.90143619511167117, 6.15258628502304283 52.90350603185147094, 6.16880228291212518 52.90965750040832916, 6.17983356195272471 52.89485238672525469, 6.18305416693596666 52.89488314900862775, 6.18626304702159224 52.89093604011256389, 6.18463077462455502 52.89041860500230996, 6.18714702797266369 52.88716307241485737, 6.186357282841632 52.88682498600369541, 6.17434875192105448 52.88228837736569687, 6.17230400195002371 52.88462962648706167, 6.16750992201365555 52.88319124196218013, 6.16342512828449518 52.88854580872380495, 6.15603706152576446 52.88687250169916609, 6.15030182605188802 52.89518614938378249, 6.14920571491965795 52.89407745320880849, 6.14528212560799947 52.89839215963046115, 6.1451976477838377 52.89843886209383328, 6.1451976477838377 52.89843886209383328),(6.17028210099567254 52.90105411996889728, 6.16973749970617913 52.9017326889562014, 6.16903726049170142 52.90154470006874021, 6.16438073182747281 52.8993060930302974, 6.16633154460911825 52.89661056653532967, 6.17298896526659124 52.89854348457721755, 6.17099626648598409 52.9010577271282969, 6.17028210099567254 52.90105411996889728, 6.17028210099567254 52.90105411996889728)))</t>
  </si>
  <si>
    <t>MultiPolygon (((6.17028210099567254 52.90105411996889728, 6.17099626648598409 52.9010577271282969, 6.17298896526659124 52.89854348457721755, 6.16633154460911825 52.89661056653532967, 6.16438073182747281 52.8993060930302974, 6.16903726049170142 52.90154470006874021, 6.16973749970617913 52.9017326889562014, 6.17028210099567254 52.90105411996889728, 6.17028210099567254 52.90105411996889728)))</t>
  </si>
  <si>
    <t>MultiPolygon (((6.12630091625506168 52.91951320201468434, 6.13817917286924875 52.90123767058663873, 6.14297902567610521 52.90169169646379999, 6.1451976477838377 52.89843886209383328, 6.14528212560799947 52.89839215963046115, 6.14320222371487024 52.89793973005164673, 6.14403118846632434 52.89639345213987554, 6.13829922336951928 52.89392851426060105, 6.13765420908415127 52.89472282900616307, 6.1361470792102466 52.89444687677928414, 6.1366549942671913 52.89356858356592284, 6.1331786228068399 52.89170321431097932, 6.13525916178410657 52.88882428933401769, 6.13589241711658673 52.88802414290489651, 6.13454986950443537 52.88720905463294031, 6.13352113789803521 52.8882615365890203, 6.13321899315832564 52.88446557417282179, 6.13286605727746092 52.8835536617542985, 6.13380713961236612 52.88231819476727225, 6.13597756212649781 52.88285469417707674, 6.1388410982745949 52.87948888102312139, 6.1444727900230145 52.88110669093001803, 6.14059578836420705 52.88621447336648629, 6.14345944026151791 52.88617624372416515, 6.14730964229754573 52.88495743718084441, 6.14885457910220445 52.88297143207007878, 6.15368364714520588 52.88447047812010737, 6.15196227132211693 52.88718947186106334, 6.14884506531329311 52.88757006687751527, 6.14810434022538121 52.88849506717605209, 6.15114537844913034 52.89100954516964492, 6.14893543455845482 52.89383506171103733, 6.14920571491965795 52.89407745320880849, 6.15030182605188802 52.89518614938378249, 6.15603706152576446 52.88687250169916609, 6.16342512828449518 52.88854580872380495, 6.16750992201365555 52.88319124196218013, 6.17230400195002371 52.88462962648706167, 6.17434875192105448 52.88228837736569687, 6.186357282841632 52.88682498600369541, 6.18753748181061258 52.88538798040007549, 6.18871915015216345 52.88577037442087203, 6.19067975156603811 52.88447885552955796, 6.16045954795602402 52.87252077612225065, 6.14121909322294801 52.86379965260586289, 6.14051252120452062 52.86347811625286397, 6.13716009553867448 52.86611513115565941, 6.12722716756920871 52.87901545072531206, 6.12796692430113676 52.87979973035185566, 6.12087813264156644 52.88913147506808343, 6.10767698129906567 52.9068244411127111, 6.10324656062632886 52.90982535745812498, 6.1105447452647681 52.91324414912038776, 6.11681203624264214 52.91660495039266721, 6.12388318115861985 52.91789135178991188, 6.12630091625506168 52.91951320201468434, 6.12630091625506168 52.91951320201468434),(6.14356212346775798 52.87524890230086072, 6.14637131420571592 52.87258848279833501, 6.14996598630400459 52.8739615508428713, 6.15281344079757897 52.87281445726005558, 6.15543337194059514 52.87453407994386367, 6.15334993896032323 52.87740323065960268, 6.14810830980361267 52.8818944061382652, 6.14731756709025756 52.88167311331798714, 6.14425722095630888 52.87755574218905252, 6.14356212346775798 52.87524890230086072, 6.14356212346775798 52.87524890230086072)))</t>
  </si>
  <si>
    <t>MultiPolygon (((6.15334993896032323 52.87740323065960268, 6.15543337194059514 52.87453407994386367, 6.15281344079757897 52.87281445726005558, 6.14996598630400459 52.8739615508428713, 6.14637131420571592 52.87258848279833501, 6.14356212346775798 52.87524890230086072, 6.14425722095630888 52.87755574218905252, 6.14731756709025756 52.88167311331798714, 6.14810830980361267 52.8818944061382652, 6.15334993896032323 52.87740323065960268)))</t>
  </si>
  <si>
    <t>MultiPolygon (((6.14296905412653516 52.88733286223278895, 6.14884506531329311 52.88757006687751527, 6.15196227132211693 52.88718947186106334, 6.15368364714520588 52.88447047812010737, 6.14885457910220445 52.88297143207007878, 6.14730964229754573 52.88495743718084441, 6.14345944026151791 52.88617624372416515, 6.14296905412653516 52.88733286223278895, 6.14296905412653516 52.88733286223278895)))</t>
  </si>
  <si>
    <t>MultiPolygon (((6.13478080329343545 52.88600392685810192, 6.14059578836420705 52.88621447336648629, 6.1444727900230145 52.88110669093001803, 6.1388410982745949 52.87948888102312139, 6.13597756212649781 52.88285469417707674, 6.13380713961236612 52.88231819476727225, 6.13286605727746092 52.8835536617542985, 6.13321899315832564 52.88446557417282179, 6.13478080329343545 52.88600392685810192, 6.13478080329343545 52.88600392685810192)))</t>
  </si>
  <si>
    <t>MultiPolygon (((6.14678414093404424 52.8932259806135221, 6.14893543455845482 52.89383506171103733, 6.15114537844913034 52.89100954516964492, 6.14810434022538121 52.88849506717605209, 6.14884506531329311 52.88757006687751527, 6.14296905412653516 52.88733286223278895, 6.14184942467960759 52.89000107082797086, 6.14460071045371237 52.890416120725952, 6.14678414093404424 52.8932259806135221, 6.14678414093404424 52.8932259806135221)))</t>
  </si>
  <si>
    <t>MultiPolygon (((6.14184942467960759 52.89000107082797086, 6.14296905412653516 52.88733286223278895, 6.14345944026151791 52.88617624372416515, 6.14059578836420705 52.88621447336648629, 6.13478080329343545 52.88600392685810192, 6.13839678916416887 52.88961867405542705, 6.14184942467960759 52.89000107082797086, 6.14184942467960759 52.89000107082797086)))</t>
  </si>
  <si>
    <t>MultiPolygon (((6.13795325555074012 52.89296753021491782, 6.14165992386248139 52.8919769526346073, 6.14566417670665022 52.89338839524649671, 6.14678414093404424 52.8932259806135221, 6.14460071045371237 52.890416120725952, 6.14184942467960759 52.89000107082797086, 6.13839678916416887 52.88961867405542705, 6.13478080329343545 52.88600392685810192, 6.13321899315832564 52.88446557417282179, 6.13352113789803521 52.8882615365890203, 6.13454986950443537 52.88720905463294031, 6.13589241711658673 52.88802414290489651, 6.13525916178410657 52.88882428933401769, 6.1394683652037898 52.89089972964101349, 6.13795325555074012 52.89296753021491782, 6.13795325555074012 52.89296753021491782)))</t>
  </si>
  <si>
    <t>MultiPolygon (((6.14528212560799947 52.89839215963046115, 6.14920571491965795 52.89407745320880849, 6.14893543455845482 52.89383506171103733, 6.14678414093404424 52.8932259806135221, 6.14566417670665022 52.89338839524649671, 6.14165992386248139 52.8919769526346073, 6.13795325555074012 52.89296753021491782, 6.1366549942671913 52.89356858356592284, 6.1361470792102466 52.89444687677928414, 6.13765420908415127 52.89472282900616307, 6.13829922336951928 52.89392851426060105, 6.14403118846632434 52.89639345213987554, 6.14320222371487024 52.89793973005164673, 6.14528212560799947 52.89839215963046115, 6.14528212560799947 52.89839215963046115)))</t>
  </si>
  <si>
    <t>MultiPolygon (((6.1366549942671913 52.89356858356592284, 6.13795325555074012 52.89296753021491782, 6.1394683652037898 52.89089972964101349, 6.13525916178410657 52.88882428933401769, 6.1331786228068399 52.89170321431097932, 6.1366549942671913 52.89356858356592284, 6.1366549942671913 52.89356858356592284)))</t>
  </si>
  <si>
    <t>MultiPolygon (((6.1004863239994771 52.87949606556186666, 6.10833532648338462 52.88148543198116158, 6.10677024725438944 52.88348339282417498, 6.11355638802760559 52.88840446455255062, 6.12087813264156644 52.88913147506808343, 6.12796692430113676 52.87979973035185566, 6.12722716756920871 52.87901545072531206, 6.13716009553867448 52.86611513115565941, 6.14051252120452062 52.86347811625286397, 6.12099474439952473 52.85464975513311003, 6.1004863239994771 52.87949606556186666, 6.1004863239994771 52.87949606556186666)))</t>
  </si>
  <si>
    <t>MultiPolygon (((6.0799873105299751 52.89827777668494946, 6.08219692567160575 52.89943023681173884, 6.08523387477547129 52.90354114123267948, 6.09937664762193155 52.90794015543679762, 6.10324656062632886 52.90982535745812498, 6.10767698129906567 52.9068244411127111, 6.12087813264156644 52.88913147506808343, 6.11355638802760559 52.88840446455255062, 6.10677024725438944 52.88348339282417498, 6.10833532648338462 52.88148543198116158, 6.1004863239994771 52.87949606556186666, 6.09508198390889255 52.8781010984486386, 6.08505032271378266 52.87947406018346896, 6.07553725458540494 52.87846056314533172, 6.07478316393263018 52.88015734151209557, 6.06901907128945339 52.88335748211697052, 6.06793190640224633 52.88967029719746904, 6.07310168758341273 52.89398052513264048, 6.07697563504931004 52.89559959383165477, 6.0799873105299751 52.89827777668494946, 6.0799873105299751 52.89827777668494946),(6.08619644212261068 52.88868615739429657, 6.08428166961603711 52.88833874225635157, 6.08332538719314897 52.88743266496783235, 6.08714425807804993 52.88549462134379553, 6.0927520256547405 52.88645360674588858, 6.08923329575875183 52.88865489487855598, 6.08750853159341698 52.88813710322024519, 6.08619644212261068 52.88868615739429657, 6.08619644212261068 52.88868615739429657)))</t>
  </si>
  <si>
    <t>MultiPolygon (((6.08619644212261068 52.88868615739429657, 6.08750853159341698 52.88813710322024519, 6.08923329575875183 52.88865489487855598, 6.0927520256547405 52.88645360674588858, 6.08714425807804993 52.88549462134379553, 6.08332538719314897 52.88743266496783235, 6.08428166961603711 52.88833874225635157, 6.08619644212261068 52.88868615739429657, 6.08619644212261068 52.88868615739429657)))</t>
  </si>
  <si>
    <t>MultiPolygon (((6.07478316393263018 52.88015734151209557, 6.07553725458540494 52.87846056314533172, 6.08505032271378266 52.87947406018346896, 6.09508198390889255 52.8781010984486386, 6.1004863239994771 52.87949606556186666, 6.12099474439952473 52.85464975513311003, 6.11981988981395286 52.85421494321398228, 6.09319309806338527 52.84457941794481428, 6.08748041998270839 52.84311386268871047, 6.0832977843995879 52.83948697624229851, 6.08100026776764402 52.83873232330257252, 6.06151294938163776 52.8392962911839561, 6.05619278385577875 52.84937263502307303, 6.05718487346784951 52.84960538850403111, 6.05793610105540292 52.84830357753259733, 6.06718805613157208 52.85166329607826441, 6.0674491595718969 52.85330882926796647, 6.07187355228686698 52.85496728041285053, 6.07278179292217501 52.85367718233331402, 6.07427089202289938 52.85347149610414874, 6.07919161132874741 52.85602893196458751, 6.07650936499930872 52.85896476358703211, 6.07648960079732259 52.8581693199357403, 6.05489898913120594 52.85177085580109946, 6.04664810547590825 52.86759194931256189, 6.05137233886417825 52.86846195234062407, 6.05739343594822977 52.87147651453639696, 6.06024808461631004 52.87405305085919593, 6.06586997856746368 52.87747589923601765, 6.06901907128945339 52.88335748211697052, 6.07478316393263018 52.88015734151209557, 6.07478316393263018 52.88015734151209557)))</t>
  </si>
  <si>
    <t>MultiPolygon (((6.05619278385577875 52.84937263502307303, 6.05572938326849641 52.85022007656081655, 6.05489898913120594 52.85177085580109946, 6.07648960079732259 52.8581693199357403, 6.07650936499930872 52.85896476358703211, 6.07919161132874741 52.85602893196458751, 6.07427089202289938 52.85347149610414874, 6.07278179292217501 52.85367718233331402, 6.07187355228686698 52.85496728041285053, 6.0674491595718969 52.85330882926796647, 6.06718805613157208 52.85166329607826441, 6.05793610105540292 52.84830357753259733, 6.05718487346784951 52.84960538850403111, 6.05619278385577875 52.84937263502307303, 6.05619278385577875 52.84937263502307303)))</t>
  </si>
  <si>
    <t>MultiPolygon (((6.04664810547590825 52.86759194931256189, 6.05489898913120594 52.85177085580109946, 6.05572938326849641 52.85022007656081655, 6.05619278385577875 52.84937263502307303, 6.06151294938163776 52.8392962911839561, 6.05454699545666131 52.83763131340679564, 6.04711915207316419 52.84506967718679249, 6.02621909138482525 52.86237775746874945, 6.02898990808425239 52.86319057921019038, 6.03405505830238198 52.8629377675444232, 6.03771389958046623 52.86588463245822567, 6.04366212625084387 52.86714630100333778, 6.04664810547590825 52.86759194931256189, 6.04664810547590825 52.86759194931256189)))</t>
  </si>
  <si>
    <t>MultiPolygon (((6.02621909138482525 52.86237775746874945, 6.04711915207316419 52.84506967718679249, 6.05454699545666131 52.83763131340679564, 6.05260734800683675 52.83733911968907648, 6.05497922544523171 52.83134728677219272, 6.05930007115094327 52.82680556123847992, 6.05995103372484323 52.82611853669096291, 6.05781639973771746 52.82545265777395116, 6.03561844836590122 52.84513410835525349, 6.02759800205991869 52.85461668796536827, 6.02303897690205226 52.85431273143078101, 6.02143774213209326 52.85277386094273311, 6.02014191384235708 52.85448872638200868, 6.02418695132957893 52.86092050576160517, 6.02621909138482525 52.86237775746874945, 6.02621909138482525 52.86237775746874945)))</t>
  </si>
  <si>
    <t>MultiPolygon (((6.02759800205991869 52.85461668796536827, 6.03561844836590122 52.84513410835525349, 6.05781639973771746 52.82545265777395116, 6.05293585852617788 52.82412336535697506, 6.04695744293555126 52.82052638471819961, 6.03820901476942318 52.81771410923788324, 6.03116837964363572 52.81499070869166701, 6.02661649896668816 52.82107760196668522, 6.02455896254659518 52.82254466263565007, 6.01789959442992561 52.82190033689858666, 6.0074833978507467 52.82004646890508326, 5.99907838538231797 52.81691000759853694, 5.99650785655815177 52.81656150967961594, 5.99420950816088194 52.81911624336625977, 5.99057465540735556 52.82159656081811505, 5.98890413782845332 52.82206395354056383, 5.98647307444942989 52.82170312158759629, 5.98639430054110289 52.82185398401939835, 5.98177660924558641 52.82928326546539211, 5.97617498466914743 52.83474817201192053, 5.97287072790083773 52.84071357009159442, 5.97243808797426468 52.84191669502413191, 5.97312779531899984 52.84246971440310858, 5.97747041215446284 52.84645394790636175, 5.98075363045407116 52.84866779548494264, 5.98840428156792814 52.84902808638244665, 5.99253388041976631 52.85121811821161231, 5.99504725337772104 52.85143716535717573, 5.99818120092094809 52.85084103691310986, 6.0026940304957499 52.84907034463962106, 6.0060168070834079 52.84898492082386667, 6.01888976078985838 52.85452391612952994, 6.02014191384235708 52.85448872638200868, 6.02143774213209326 52.85277386094273311, 6.02303897690205226 52.85431273143078101, 6.02759800205991869 52.85461668796536827, 6.02759800205991869 52.85461668796536827),(6.00814543400756662 52.82827426227097334, 6.00944435651956788 52.82657814530904972, 6.01864922566412552 52.83094548497177101, 6.01872773800933292 52.83247358427962581, 6.01767458107267927 52.83348875589292248, 6.01543266173136537 52.83325287893747202, 6.00814543400756662 52.82827426227097334, 6.00814543400756662 52.82827426227097334)))</t>
  </si>
  <si>
    <t>MultiPolygon (((6.01767458107267927 52.83348875589292248, 6.01872773800933292 52.83247358427962581, 6.01864922566412552 52.83094548497177101, 6.00944435651956788 52.82657814530904972, 6.00814543400756662 52.82827426227097334, 6.01543266173136537 52.83325287893747202, 6.01767458107267927 52.83348875589292248, 6.01767458107267927 52.83348875589292248)))</t>
  </si>
  <si>
    <t>MultiPolygon (((5.96306636164304482 52.87909678278019499, 5.97106768345482752 52.88239059160920164, 5.97323681420998209 52.88021704664591738, 5.97435878564092704 52.88064661025517665, 5.98038189799733289 52.87445244652541021, 5.98126061957559685 52.87484612163831343, 5.98434816125058866 52.87154752517112399, 5.98397967894301441 52.86942203748320424, 5.98264451252067442 52.86655979344145351, 5.99818120092094809 52.85084103691310986, 5.99504725337772104 52.85143716535717573, 5.99253388041976631 52.85121811821161231, 5.98840428156792814 52.84902808638244665, 5.98075363045407116 52.84866779548494264, 5.97747041215446284 52.84645394790636175, 5.96655950261072476 52.85579644072019079, 5.96526615965762108 52.85716903938920552, 5.96613297988327584 52.8586150581765466, 5.96348175407088199 52.86124640207424363, 5.95794571826858288 52.86602023810841899, 5.95717509931966305 52.86576252687110866, 5.94955986548288696 52.87326199491639755, 5.96306636164304482 52.87909678278019499, 5.96306636164304482 52.87909678278019499)))</t>
  </si>
  <si>
    <t>MultiPolygon (((5.94955986548288696 52.87326199491639755, 5.95717509931966305 52.86576252687110866, 5.95794571826858288 52.86602023810841899, 5.96348175407088199 52.86124640207424363, 5.96613297988327584 52.8586150581765466, 5.96526615965762108 52.85716903938920552, 5.96655950261072476 52.85579644072019079, 5.97747041215446284 52.84645394790636175, 5.97312779531899984 52.84246971440310858, 5.96997626821709204 52.84237532308866037, 5.95873131894085617 52.83976596131216752, 5.95579233808414621 52.83744184616364237, 5.95685336022834644 52.83444270424989497, 5.95578367377805495 52.83323456910258642, 5.94624728798758007 52.8374247154435821, 5.94197575695465385 52.83601990750919697, 5.93801949430771625 52.83538176970294131, 5.915816035356535 52.85676142077856099, 5.92708440364375555 52.86386413205681123, 5.94955986548288696 52.87326199491639755, 5.94955986548288696 52.87326199491639755)))</t>
  </si>
  <si>
    <t>MultiPolygon (((5.9085836033734358 52.81371207914553878, 5.90065717352827601 52.81182486547333355, 5.89788147813640773 52.80780331216548973, 5.89278192979961268 52.80605089243267969, 5.88257794690250169 52.8039196006834004, 5.87958081791786569 52.80120267785416388, 5.87629224304216979 52.8008548718802686, 5.86867964098371253 52.80272622934943172, 5.86563613863618283 52.8046504553202638, 5.85963995776366975 52.80453624439987692, 5.85702677167972308 52.80722886085778356, 5.85480250342686137 52.80551819679691761, 5.84995182268899772 52.80616168726525217, 5.84359364337010589 52.80503254260125345, 5.84220196806102798 52.80758426538067596, 5.83844441925978064 52.80594702879679403, 5.83610186264308695 52.80595460983803946, 5.8373653458528878 52.80826181450017742, 5.83341115490056872 52.81176061882592876, 5.82872057565961565 52.81342693344568318, 5.82415449365375526 52.81329705446556488, 5.82729738699746935 52.81607407521303088, 5.8335985273292037 52.81797396365062269, 5.87032184592590411 52.82344441274381097, 5.8807983679887208 52.82572755554879507, 5.89190204545922658 52.82732843779112386, 5.88862443215300679 52.8308044574311424, 5.88844600009724317 52.83440644354264748, 5.90768098900954897 52.81891860015768003, 5.90807654450604325 52.81780795738309564, 5.91196572034902346 52.81611594882776473, 5.9085836033734358 52.81371207914553878, 5.9085836033734358 52.81371207914553878)))</t>
  </si>
  <si>
    <t>MultiPolygon (((5.85017656562807531 52.83745183356469965, 5.86606552234380807 52.83495524585995895, 5.88862194818431295 52.83510255252362242, 5.88844600009724317 52.83440644354264748, 5.88862443215300679 52.8308044574311424, 5.89190204545922658 52.82732843779112386, 5.8807983679887208 52.82572755554879507, 5.87032184592590411 52.82344441274381097, 5.8335985273292037 52.81797396365062269, 5.82729738699746935 52.81607407521303088, 5.82415449365375526 52.81329705446556488, 5.82235432506053741 52.81510942810976417, 5.82030603301838934 52.81595019382489653, 5.81989685679757063 52.81690330427487368, 5.83224780197984938 52.81935971924424678, 5.84577275576761934 52.82114603800997088, 5.84502357185193144 52.82485049893460172, 5.8455331833578601 52.82906037449080827, 5.85017656562807531 52.83745183356469965, 5.85017656562807531 52.83745183356469965),(5.87316103412502244 52.82720596362638332, 5.87458812811366826 52.82490594880984247, 5.87617962884606548 52.82533458588194719, 5.87518379712293815 52.83425994791247149, 5.87349333131473017 52.83270561112074404, 5.87316103412502244 52.82720596362638332, 5.87316103412502244 52.82720596362638332)))</t>
  </si>
  <si>
    <t>MultiPolygon (((5.87518379712293815 52.83425994791247149, 5.87617962884606548 52.82533458588194719, 5.87458812811366826 52.82490594880984247, 5.87316103412502244 52.82720596362638332, 5.87349333131473017 52.83270561112074404, 5.87518379712293815 52.83425994791247149, 5.87518379712293815 52.83425994791247149)))</t>
  </si>
  <si>
    <t>MultiPolygon (((5.915816035356535 52.85676142077856099, 5.93801949430771625 52.83538176970294131, 5.93015774736085444 52.83501290690459484, 5.92673215770888007 52.83329176849430553, 5.9306537985642942 52.83224756023206226, 5.93011512219557435 52.83135654178438045, 5.92698326557996236 52.83157678511724242, 5.92309763670317935 52.83103450332396278, 5.9227472582208156 52.82987258089561777, 5.92640957396153389 52.82818344496317309, 5.92294616925740858 52.82752583509279276, 5.92420201882695352 52.82358984331084883, 5.91632123036286295 52.82028033712465742, 5.91385994440870011 52.81862211419888098, 5.91196572034902346 52.81611594882776473, 5.90807654450604325 52.81780795738309564, 5.90768098900954897 52.81891860015768003, 5.88844600009724317 52.83440644354264748, 5.88862194818431295 52.83510255252362242, 5.89265150475803523 52.84279578312964532, 5.90252942699095318 52.85154688414247914, 5.91133841451250674 52.8546590391874247, 5.915816035356535 52.85676142077856099, 5.915816035356535 52.85676142077856099)))</t>
  </si>
  <si>
    <t>MultiPolygon (((5.87066524466045081 52.86419625440917969, 5.91133841451250674 52.8546590391874247, 5.90252942699095318 52.85154688414247914, 5.89265150475803523 52.84279578312964532, 5.88862194818431295 52.83510255252362242, 5.86606552234380807 52.83495524585995895, 5.85017656562807531 52.83745183356469965, 5.85828707530101944 52.85302649086369797, 5.87066524466045081 52.86419625440917969, 5.87066524466045081 52.86419625440917969),(5.88903831829670565 52.8519548214309296, 5.8840535120970161 52.85101690527548612, 5.88362045125751898 52.84744084255978436, 5.88720734680695212 52.84713616608021169, 5.89140242799108194 52.85115968221695937, 5.88903831829670565 52.8519548214309296, 5.88903831829670565 52.8519548214309296)))</t>
  </si>
  <si>
    <t>MultiPolygon (((5.88903831829670565 52.8519548214309296, 5.89140242799108194 52.85115968221695937, 5.88720734680695212 52.84713616608021169, 5.88362045125751898 52.84744084255978436, 5.8840535120970161 52.85101690527548612, 5.88903831829670565 52.8519548214309296, 5.88903831829670565 52.8519548214309296)))</t>
  </si>
  <si>
    <t>MultiPolygon (((5.85828707530101944 52.85302649086369797, 5.85017656562807531 52.83745183356469965, 5.8455331833578601 52.82906037449080827, 5.84502357185193144 52.82485049893460172, 5.84577275576761934 52.82114603800997088, 5.83224780197984938 52.81935971924424678, 5.81989685679757063 52.81690330427487368, 5.81974419827093659 52.81727838858881796, 5.81823805056591681 52.8197803405452504, 5.81812778774310413 52.82166848122346181, 5.81901426214076967 52.82307233237880695, 5.82156735885157595 52.82468998354217149, 5.82472869974756335 52.82558981759547123, 5.82775042951973621 52.8277094011379944, 5.82574633660076202 52.83016976677583187, 5.82870768829165176 52.83176805723442016, 5.82923669903211294 52.83346594893452419, 5.83300774018438872 52.83656006263188232, 5.83587947924682382 52.84104078195208132, 5.84001698295288385 52.84299620657045438, 5.83990903050875865 52.84692076499242575, 5.84083721946797851 52.84837376157080513, 5.84392754833836658 52.85487379709874745, 5.85127963363123627 52.86268936113582129, 5.85605606780585664 52.86764160278982416, 5.87066524466045081 52.86419625440917969, 5.85828707530101944 52.85302649086369797, 5.85828707530101944 52.85302649086369797),(5.84079935252488713 52.84163574313072331, 5.84743130225941687 52.84127756568439338, 5.84934623966506262 52.84184620693653756, 5.8494166642060641 52.84233430468071191, 5.84053435364535023 52.84363926844930859, 5.84034032035290718 52.84292486406345546, 5.83934985346097868 52.84222785192881844, 5.84079935252488713 52.84163574313072331, 5.84079935252488713 52.84163574313072331)))</t>
  </si>
  <si>
    <t>MultiPolygon (((5.84053435364535023 52.84363926844930859, 5.8494166642060641 52.84233430468071191, 5.84934623966506262 52.84184620693653756, 5.84743130225941687 52.84127756568439338, 5.84079935252488713 52.84163574313072331, 5.83934985346097868 52.84222785192881844, 5.84034032035290718 52.84292486406345546, 5.84053435364535023 52.84363926844930859, 5.84053435364535023 52.84363926844930859)))</t>
  </si>
  <si>
    <t>MultiPolygon (((5.89773707517983858 52.89306183876082912, 5.91315327315207018 52.88944047079188238, 5.91367076168411554 52.89031894812723067, 5.96306636164304482 52.87909678278019499, 5.94955986548288696 52.87326199491639755, 5.92708440364375555 52.86386413205681123, 5.915816035356535 52.85676142077856099, 5.91133841451250674 52.8546590391874247, 5.87066524466045081 52.86419625440917969, 5.85605606780585664 52.86764160278982416, 5.85695877307707935 52.87097531489648361, 5.86175457494891905 52.87467893098426686, 5.86454554196384237 52.87608743804639744, 5.86809860307337061 52.87903307264888042, 5.86842422819552034 52.8802981313556586, 5.87110316428113599 52.88167304063698282, 5.87697139173209138 52.88682803433874113, 5.88051255354661961 52.88880857744705111, 5.88323766649399804 52.88904566931209672, 5.88496946867313575 52.88981508760651451, 5.88601695785483603 52.89423942801580836, 5.89066586489788868 52.89538010030576487, 5.89156243577834626 52.89383799948497256, 5.8936310927075688 52.89308907620676337, 5.89773707517983858 52.89306183876082912, 5.89773707517983858 52.89306183876082912)))</t>
  </si>
  <si>
    <t>MultiPolygon (((5.92505780361659351 52.9038583355617007, 5.95430422526994541 52.89735720350709869, 5.9560205929889527 52.89914640301049786, 5.96707530548383058 52.8965896378813909, 5.96414963177498425 52.89495319905292092, 5.9789359795542234 52.89156336079917509, 5.98102169233688308 52.8922748616699181, 5.99421082472469191 52.88901646752547947, 5.99417806129002972 52.88900672189295449, 5.97106768345482752 52.88239059160920164, 5.96306636164304482 52.87909678278019499, 5.91367076168411554 52.89031894812723067, 5.91315327315207018 52.88944047079188238, 5.89773707517983858 52.89306183876082912, 5.8936310927075688 52.89308907620676337, 5.89156243577834626 52.89383799948497256, 5.89066586489788868 52.89538010030576487, 5.8961724458134066 52.89590429312543307, 5.89902565225400899 52.89562701289017355, 5.90146002350771592 52.89702815076825004, 5.90417470045274229 52.89670094778539067, 5.91116340386910188 52.89782747345088865, 5.92505780361659351 52.9038583355617007, 5.92505780361659351 52.9038583355617007)))</t>
  </si>
  <si>
    <t>MultiPolygon (((6.03820270175767781 52.91797037307487983, 6.04263141041776741 52.91793900643925497, 6.0499813201918089 52.9206468631613447, 6.0627636593831884 52.9081161342754811, 6.04890841346196684 52.90221703623621607, 6.04868910463953657 52.90082879413156292, 6.04231730715457083 52.89623362425751907, 6.04105800795208747 52.89604128651276227, 6.04042309340773009 52.89737333629744853, 6.03901423635167856 52.89797571449292946, 6.03729166290246244 52.89761218074499283, 6.038284222534962 52.89563890297085891, 6.02177872353093591 52.89316932067751509, 6.01261421803643792 52.91337959402114421, 6.01191191906599265 52.91331907897298947, 6.00390594085059615 52.92840691135481279, 6.00496988076671467 52.92857912110270746, 6.00224165042988655 52.93400431026719843, 6.00880360283951731 52.93137050345724504, 6.03820270175767781 52.91797037307487983, 6.03820270175767781 52.91797037307487983),(6.02752917724077886 52.9020345972929249, 6.02785299587855405 52.90133387730996617, 6.03600291824527702 52.90178504624939393, 6.03480502843226141 52.90415846390287413, 6.03546799115162802 52.90501425279411762, 6.03367253988782437 52.90483176604642779, 6.02752917724077886 52.9020345972929249, 6.02752917724077886 52.9020345972929249)))</t>
  </si>
  <si>
    <t>MultiPolygon (((6.03546799115162802 52.90501425279411762, 6.03480502843226141 52.90415846390287413, 6.03600291824527702 52.90178504624939393, 6.02785299587855405 52.90133387730996617, 6.02752917724077886 52.9020345972929249, 6.03367253988782437 52.90483176604642779, 6.03546799115162802 52.90501425279411762, 6.03546799115162802 52.90501425279411762)))</t>
  </si>
  <si>
    <t>MultiPolygon (((6.00390594085059615 52.92840691135481279, 6.01191191906599265 52.91331907897298947, 6.01261421803643792 52.91337959402114421, 6.02177872353093591 52.89316932067751509, 6.01654371847966107 52.8923715272188204, 6.01492093611700085 52.89460166873531222, 6.01305777269377284 52.89832237878479759, 6.01047889098777421 52.90066515145824155, 6.00017828712489987 52.90315541381528419, 5.99109164568099661 52.90381273471923151, 5.96707214813188802 52.90907630573802578, 5.96826761138590456 52.91085199455275756, 5.95893658878703469 52.91262323870090967, 5.94790493225176764 52.91991542834204409, 5.95241392929652768 52.92470993239579258, 5.95463909914788569 52.92600117054278286, 5.95915958651302713 52.92746025881431393, 5.96638097094670083 52.92831278939615203, 5.97022158050448581 52.92829546447769928, 5.97880383176482866 52.92703244577169386, 5.98816937708237873 52.9290330565291427, 5.99802385479951461 52.93324093035569433, 6.00224165042988655 52.93400431026719843, 6.00496988076671467 52.92857912110270746, 6.00390594085059615 52.92840691135481279, 6.00390594085059615 52.92840691135481279)))</t>
  </si>
  <si>
    <t>MultiPolygon (((6.01047889098777421 52.90066515145824155, 6.01305777269377284 52.89832237878479759, 6.01492093611700085 52.89460166873531222, 6.01316554226361522 52.89451644817020082, 6.00779771676638319 52.89295949606519542, 5.99421082472469191 52.88901646752547947, 5.98102169233688308 52.8922748616699181, 5.9789359795542234 52.89156336079917509, 5.96414963177498425 52.89495319905292092, 5.96707530548383058 52.8965896378813909, 5.9560205929889527 52.89914640301049786, 5.95430422526994541 52.89735720350709869, 5.92505780361659351 52.9038583355617007, 5.92984602408110106 52.90651500313401101, 5.93307361688862578 52.90734053984494523, 5.93784692746656972 52.91174044024062795, 5.94790493225176764 52.91991542834204409, 5.95893658878703469 52.91262323870090967, 5.96826761138590456 52.91085199455275756, 5.96707214813188802 52.90907630573802578, 5.99109164568099661 52.90381273471923151, 6.00017828712489987 52.90315541381528419, 6.01047889098777421 52.90066515145824155, 6.01047889098777421 52.90066515145824155)))</t>
  </si>
  <si>
    <t>MultiPolygon (((6.00779771676638319 52.89295949606519542, 6.01316554226361522 52.89451644817020082, 6.04366212625084387 52.86714630100333778, 6.03771389958046623 52.86588463245822567, 6.03405505830238198 52.8629377675444232, 6.02898990808425239 52.86319057921019038, 6.02621909138482525 52.86237775746874945, 6.02418695132957893 52.86092050576160517, 6.02014191384235708 52.85448872638200868, 6.01888976078985838 52.85452391612952994, 6.0060168070834079 52.84898492082386667, 6.0026940304957499 52.84907034463962106, 5.99818120092094809 52.85084103691310986, 5.98264451252067442 52.86655979344145351, 5.99872374135485931 52.86395065697348628, 5.99978981048329452 52.8656293546374485, 5.99918160199268957 52.8662770845809078, 6.00484159460330069 52.86741348177410771, 6.00771195145526615 52.86888310264158264, 6.00986598033864006 52.86929886489965469, 6.0208017555468416 52.85947958128831203, 6.02430667688291166 52.86396450937268554, 6.02061035639357023 52.86703163567674579, 6.02191180096495771 52.86736545918762431, 6.02396861561676911 52.86987626342202873, 6.02448813544642992 52.87799003011044618, 6.02148378032507914 52.88069848619245761, 6.02096964272427471 52.8804670903311731, 6.0172081669189863 52.88410191730251597, 6.00779771676638319 52.89295949606519542, 6.00779771676638319 52.89295949606519542)))</t>
  </si>
  <si>
    <t>MultiPolygon (((6.01906760837728161 52.87994458670370079, 6.02096964272427471 52.8804670903311731, 6.02148378032507914 52.88069848619245761, 6.02448813544642992 52.87799003011044618, 6.02396861561676911 52.86987626342202873, 6.02191180096495771 52.86736545918762431, 6.02061035639357023 52.86703163567674579, 6.01089989579540074 52.87507531590807019, 6.01046166585144803 52.87544048953561315, 6.01957838553007463 52.87917575385413471, 6.01906760837728161 52.87994458670370079, 6.01906760837728161 52.87994458670370079)))</t>
  </si>
  <si>
    <t>MultiPolygon (((6.01071898950455719 52.87821482086224734, 6.0185846482150005 52.88037219304645475, 6.01906760837728161 52.87994458670370079, 6.01957838553007463 52.87917575385413471, 6.01046166585144803 52.87544048953561315, 6.00868732593516253 52.87691427996354321, 6.00818699152374958 52.87732088258557894, 6.00917462257080359 52.87755975301443101, 6.01070526755050327 52.87621756103520454, 6.01139905989947554 52.87650212793015214, 6.01071898950455719 52.87821482086224734, 6.01071898950455719 52.87821482086224734)))</t>
  </si>
  <si>
    <t>MultiPolygon (((6.00554663672587541 52.87302317823397857, 6.01089989579540074 52.87507531590807019, 6.02061035639357023 52.86703163567674579, 6.02430667688291166 52.86396450937268554, 6.0208017555468416 52.85947958128831203, 6.00986598033864006 52.86929886489965469, 6.00771195145526615 52.86888310264158264, 6.00696837669721528 52.86967147322410199, 6.00848011607448829 52.8702870149349593, 6.00554663672587541 52.87302317823397857, 6.00554663672587541 52.87302317823397857)))</t>
  </si>
  <si>
    <t>MultiPolygon (((6.00868732593516253 52.87691427996354321, 6.01046166585144803 52.87544048953561315, 6.01089989579540074 52.87507531590807019, 6.00554663672587541 52.87302317823397857, 6.00504985484679743 52.87344464256405985, 6.00230072235396328 52.87603242758132893, 6.00595310460993392 52.87509752133249208, 6.00868732593516253 52.87691427996354321, 6.00868732593516253 52.87691427996354321)))</t>
  </si>
  <si>
    <t>MultiPolygon (((6.00504985484679743 52.87344464256405985, 6.00554663672587541 52.87302317823397857, 6.00848011607448829 52.8702870149349593, 6.00696837669721528 52.86967147322410199, 6.00264451719175085 52.86966609642320236, 6.00062939791842176 52.87188248969052751, 6.00504985484679743 52.87344464256405985, 6.00504985484679743 52.87344464256405985)))</t>
  </si>
  <si>
    <t>MultiPolygon (((5.99726514937146593 52.87431581502735867, 6.00230072235396328 52.87603242758132893, 6.00504985484679743 52.87344464256405985, 6.00062939791842176 52.87188248969052751, 5.99885235145847862 52.87122001923448522, 5.99647461854540165 52.87311099575210704, 5.99726514937146593 52.87431581502735867, 5.99726514937146593 52.87431581502735867)))</t>
  </si>
  <si>
    <t>MultiPolygon (((6.00615567385547511 52.87905313826765763, 6.00818699152374958 52.87732088258557894, 6.00868732593516253 52.87691427996354321, 6.00595310460993392 52.87509752133249208, 6.00230072235396328 52.87603242758132893, 5.99726514937146593 52.87431581502735867, 5.99364590856364732 52.87329617607702659, 5.99623742054622344 52.87511309651281977, 6.00172083081047969 52.87688461974136089, 6.00615567385547511 52.87905313826765763, 6.00615567385547511 52.87905313826765763)))</t>
  </si>
  <si>
    <t>MultiPolygon (((6.00264451719175085 52.86966609642320236, 6.00696837669721528 52.86967147322410199, 6.00771195145526615 52.86888310264158264, 6.00484159460330069 52.86741348177410771, 5.99918160199268957 52.8662770845809078, 5.99747094270884151 52.86786727998450885, 6.00264451719175085 52.86966609642320236, 6.00264451719175085 52.86966609642320236)))</t>
  </si>
  <si>
    <t>MultiPolygon (((5.99364590856364732 52.87329617607702659, 5.99726514937146593 52.87431581502735867, 5.99647461854540165 52.87311099575210704, 5.99885235145847862 52.87122001923448522, 6.00062939791842176 52.87188248969052751, 6.00264451719175085 52.86966609642320236, 5.99747094270884151 52.86786727998450885, 5.99548197578291298 52.86981533618340023, 5.99235473900213655 52.8727145915778749, 5.99364590856364732 52.87329617607702659, 5.99364590856364732 52.87329617607702659)))</t>
  </si>
  <si>
    <t>MultiPolygon (((5.98397967894301441 52.86942203748320424, 5.9864629643036098 52.87017209879389412, 5.98599625772134747 52.86842289790922678, 5.98721566298104779 52.86708407789237896, 5.99548197578291298 52.86981533618340023, 5.99747094270884151 52.86786727998450885, 5.99918160199268957 52.8662770845809078, 5.99978981048329452 52.8656293546374485, 5.99872374135485931 52.86395065697348628, 5.98264451252067442 52.86655979344145351, 5.98397967894301441 52.86942203748320424, 5.98397967894301441 52.86942203748320424)))</t>
  </si>
  <si>
    <t>MultiPolygon (((5.9864629643036098 52.87017209879389412, 5.99235473900213655 52.8727145915778749, 5.99548197578291298 52.86981533618340023, 5.98721566298104779 52.86708407789237896, 5.98599625772134747 52.86842289790922678, 5.9864629643036098 52.87017209879389412, 5.9864629643036098 52.87017209879389412)))</t>
  </si>
  <si>
    <t>MultiPolygon (((6.01031443965259271 52.88083121956947963, 6.0172081669189863 52.88410191730251597, 6.02096964272427471 52.8804670903311731, 6.01906760837728161 52.87994458670370079, 6.0185846482150005 52.88037219304645475, 6.01071898950455719 52.87821482086224734, 6.01031443965259271 52.88083121956947963, 6.01031443965259271 52.88083121956947963)))</t>
  </si>
  <si>
    <t>MultiPolygon (((6.00110525975170273 52.88318826103438397, 6.00555839843019967 52.88484726893937449, 6.01031443965259271 52.88083121956947963, 6.01071898950455719 52.87821482086224734, 6.01139905989947554 52.87650212793015214, 6.01070526755050327 52.87621756103520454, 6.00917462257080359 52.87755975301443101, 6.00818699152374958 52.87732088258557894, 6.00615567385547511 52.87905313826765763, 6.00110525975170273 52.88318826103438397, 6.00110525975170273 52.88318826103438397)))</t>
  </si>
  <si>
    <t>MultiPolygon (((6.00042209305509999 52.88256738817758418, 6.00110525975170273 52.88318826103438397, 6.00615567385547511 52.87905313826765763, 6.00172083081047969 52.87688461974136089, 6.00042209305509999 52.88256738817758418, 6.00042209305509999 52.88256738817758418)))</t>
  </si>
  <si>
    <t>MultiPolygon (((5.9985073458921212 52.88346527310871181, 6.00042209305509999 52.88256738817758418, 6.00172083081047969 52.87688461974136089, 5.99623742054622344 52.87511309651281977, 5.99424332130207294 52.87621675222946749, 5.99255965224405163 52.87917580626917413, 5.99942794955761105 52.8816726717941421, 5.99795689968607793 52.88301328046846805, 5.9985073458921212 52.88346527310871181, 5.9985073458921212 52.88346527310871181)))</t>
  </si>
  <si>
    <t>MultiPolygon (((5.98832597489075802 52.87781639520856913, 5.99072652896681834 52.87865366811475099, 5.99026986046196352 52.87912901856701353, 5.99116573624087945 52.87948769278783345, 5.99255965224405163 52.87917580626917413, 5.99424332130207294 52.87621675222946749, 5.99623742054622344 52.87511309651281977, 5.99364590856364732 52.87329617607702659, 5.99235473900213655 52.8727145915778749, 5.98832597489075802 52.87781639520856913, 5.98832597489075802 52.87781639520856913)))</t>
  </si>
  <si>
    <t>MultiPolygon (((5.98066334469047156 52.87536830928308973, 5.98531617787782722 52.87679428488127797, 5.98532815738374779 52.87744335128626005, 5.98796891091391537 52.87821349746944577, 5.98832597489075802 52.87781639520856913, 5.99235473900213655 52.8727145915778749, 5.9864629643036098 52.87017209879389412, 5.98397967894301441 52.86942203748320424, 5.98434816125058866 52.87154752517112399, 5.98126061957559685 52.87484612163831343, 5.98066334469047156 52.87536830928308973, 5.98066334469047156 52.87536830928308973)))</t>
  </si>
  <si>
    <t>MultiPolygon (((5.99421082472469191 52.88901646752547947, 6.00779771676638319 52.89295949606519542, 6.0172081669189863 52.88410191730251597, 6.01031443965259271 52.88083121956947963, 6.00555839843019967 52.88484726893937449, 6.00110525975170273 52.88318826103438397, 5.99417806129002972 52.88900672189295449, 5.99421082472469191 52.88901646752547947, 5.99421082472469191 52.88901646752547947)))</t>
  </si>
  <si>
    <t>MultiPolygon (((5.99255965224405163 52.87917580626917413, 5.99116573624087945 52.87948769278783345, 5.99026986046196352 52.87912901856701353, 5.99072652896681834 52.87865366811475099, 5.98832597489075802 52.87781639520856913, 5.98796891091391537 52.87821349746944577, 5.98532815738374779 52.87744335128626005, 5.98531617787782722 52.87679428488127797, 5.98066334469047156 52.87536830928308973, 5.97695624019899086 52.87907758486787912, 5.97752413236531233 52.88012522626701184, 5.99435315716461847 52.88504899672687287, 5.9985073458921212 52.88346527310871181, 5.99795689968607793 52.88301328046846805, 5.99942794955761105 52.8816726717941421, 5.99255965224405163 52.87917580626917413, 5.99255965224405163 52.87917580626917413)))</t>
  </si>
  <si>
    <t>MultiPolygon (((5.99417806129002972 52.88900672189295449, 6.00110525975170273 52.88318826103438397, 6.00042209305509999 52.88256738817758418, 5.9985073458921212 52.88346527310871181, 5.99435315716461847 52.88504899672687287, 5.97752413236531233 52.88012522626701184, 5.97695624019899086 52.87907758486787912, 5.98066334469047156 52.87536830928308973, 5.98126061957559685 52.87484612163831343, 5.98038189799733289 52.87445244652541021, 5.97435878564092704 52.88064661025517665, 5.97323681420998209 52.88021704664591738, 5.97106768345482752 52.88239059160920164, 5.99417806129002972 52.88900672189295449, 5.99417806129002972 52.88900672189295449)))</t>
  </si>
  <si>
    <t>MultiPolygon (((5.14199971819330326 53.29889552725038016, 5.1522038235515657 53.29828745703724735, 5.15774427878089181 53.29714961504269866, 5.1597577295885575 53.29616172963498855, 5.15693811467982233 53.2923155431650386, 5.15415581920076971 53.29183342961513148, 5.14886889651387225 53.29301495550195256, 5.14405170191586691 53.29218905514059657, 5.14121384450074892 53.29051258234411392, 5.12157549460067596 53.28493963148899581, 5.11970519629281906 53.28331019058965978, 5.1188387209450914 53.28309154996104269, 5.11709751240975041 53.28397615235396501, 5.11501657596170833 53.28711370035102135, 5.11533358093204882 53.28845799148119511, 5.11687817722531069 53.29013011103901931, 5.12177945682196611 53.29293653790535501, 5.13038628586647061 53.30091339187407584, 5.13486297180188966 53.30099764718906385, 5.14199971819330326 53.29889552725038016, 5.14199971819330326 53.29889552725038016)),((5.07360326398796335 53.30767545625906934, 5.09467891390223304 53.30559487716308809, 5.09861655243729128 53.30472807803825219, 5.10074358921846827 53.30305109290913634, 5.10041248455106455 53.30085643538919271, 5.09341095894718787 53.29573391437401142, 5.09259029568772537 53.29553402004089691, 5.09403301625534688 53.29645719033899098, 5.09413406456842921 53.29945236683427368, 5.09157829050960675 53.29967523693334641, 5.08759816000378251 53.29789668459122964, 5.08682589913658756 53.29769619506323153, 5.07979927254966412 53.29763298203799593, 5.07704437168289502 53.3009488017368227, 5.07365286918499425 53.3009506769179211, 5.07140242403830843 53.30022483644115994, 5.07055064797192667 53.29877089928771738, 5.06281367547058903 53.29725028204204307, 5.0590324641480322 53.29590288518615182, 5.05948933021226921 53.2934151830856635, 5.06185123543823146 53.29302429066312641, 5.05979693888755566 53.29118945303886079, 5.04649122858284205 53.28529524107528914, 5.03332891654669368 53.28103756197187124, 4.98762456372137031 53.27092119250144719, 4.97203877229159286 53.26483503783962448, 4.97161029074946192 53.2619978650445276, 4.97447594421247619 53.25668739931063556, 4.97624712015463544 53.25516517723226428, 4.97919078847085306 53.25591280475554612, 4.98035221224860525 53.25482454003719823, 4.9794930066308698 53.25222310427369621, 4.97857766895121578 53.25176352977853611, 4.97245916692569612 53.25155236386817847, 4.96921072258440155 53.25022758850969495, 4.97187173445057606 53.24686770419580739, 4.96679663980882147 53.24296293718993667, 4.96888763354792928 53.24190038941776493, 4.96883474252744506 53.24122263801848476, 4.96475084094094754 53.23938959875891186, 4.95851650274405742 53.2386542772567779, 4.95644529759232366 53.23771967116181969, 4.93770897422066124 53.22745174594972895, 4.92751177096917559 53.2195675260081984, 4.91940784079063054 53.21621966591037989, 4.90806212489730243 53.21603227231020128, 4.88308045452330131 53.21760186358497435, 4.87518833697438936 53.21505967299101769, 4.86880201104641319 53.20858455128626474, 4.86573664690040975 53.20663124407430189, 4.86301132350251297 53.20604877836166935, 4.85813897101070769 53.20618431860692965, 4.85380247098324791 53.20717792691325343, 4.85219688167941943 53.20828344975655, 4.8498170641539291 53.21240962776674621, 4.85191735611562525 53.22028617926577709, 4.85356773769066052 53.2220103753382574, 4.93309338279856036 53.25547962224889886, 4.9605101229126296 53.27112861315375625, 5.00105984838393169 53.28935976251874251, 5.036252795632433 53.30199447982869998, 5.04460055150651243 53.3043975707385016, 5.06399045245989843 53.30784424027047663, 5.07360326398796335 53.30767545625906934, 5.07360326398796335 53.30767545625906934)))</t>
  </si>
  <si>
    <t>MultiPolygon (((5.09403301625534688 53.29645719033899098, 5.09259029568772537 53.29553402004089691, 5.091371664118018 53.29502320689636008, 5.09097868473953685 53.29657010820270813, 5.08759816000378251 53.29789668459122964, 5.09157829050960675 53.29967523693334641, 5.09413406456842921 53.29945236683427368, 5.09403301625534688 53.29645719033899098, 5.09403301625534688 53.29645719033899098)),((5.07979927254966412 53.29763298203799593, 5.08682589913658756 53.29769619506323153, 5.08627563076639433 53.29700833990927578, 5.08895998768184121 53.29658865509613008, 5.09140603824162596 53.29458658230196022, 5.08742477300908202 53.29645647701967448, 5.07834586306744384 53.29639846467929942, 5.06296270442068064 53.29399573792949241, 5.06185123543823146 53.29302429066312641, 5.05948933021226921 53.2934151830856635, 5.0590324641480322 53.29590288518615182, 5.06281367547058903 53.29725028204204307, 5.07055064797192667 53.29877089928771738, 5.07140242403830843 53.30022483644115994, 5.07365286918499425 53.3009506769179211, 5.07704437168289502 53.3009488017368227, 5.07979927254966412 53.29763298203799593, 5.07979927254966412 53.29763298203799593)))</t>
  </si>
  <si>
    <t>MultiPolygon (((5.53401529598176456 53.44362067474802558, 5.54036667219836065 53.44203563874602736, 5.54618334542848146 53.43950766240926953, 5.5441346191035592 53.43587261154923596, 5.5409565345500118 53.43327429808025641, 5.52883407272527183 53.43027483012031098, 5.51081956294993791 53.42765766140394845, 5.4763349558883716 53.41747392297081376, 5.47434585599633383 53.41383103089304285, 5.4749445496204876 53.41075324487218268, 5.47798786105985691 53.4099791677104605, 5.47615740227734094 53.40835997465316609, 5.46978454949780257 53.40651500564046472, 5.45869756433821696 53.40457988058937389, 5.4279689716312971 53.40413733966433085, 5.42400256923031687 53.40782894877677478, 5.41036907941887169 53.40810528012655567, 5.40464791076800122 53.40872565173826558, 5.40159142178602814 53.41005414812936891, 5.3849679199391387 53.40576806496221707, 5.37718997001004517 53.40572107034202531, 5.37315912044607025 53.4045515051924653, 5.36583931835312455 53.40299154740267085, 5.3666619746618256 53.4055327491880476, 5.36623618026059113 53.40912778055616883, 5.36805433930698239 53.41210209681140952, 5.36771612293356615 53.41545342258724105, 5.36401506314003207 53.42174314224953235, 5.37604946382344728 53.42312316657047688, 5.47274707166637597 53.4411601229226747, 5.4947265997949275 53.44420755262313349, 5.51105680621127991 53.4452746122140212, 5.52692078566509792 53.4445871750587358, 5.53401529598176456 53.44362067474802558, 5.53401529598176456 53.44362067474802558)))</t>
  </si>
  <si>
    <t>MultiPolygon (((5.3849679199391387 53.40576806496221707, 5.40159142178602814 53.41005414812936891, 5.40464791076800122 53.40872565173826558, 5.41036907941887169 53.40810528012655567, 5.42400256923031687 53.40782894877677478, 5.4279689716312971 53.40413733966433085, 5.40447190741894357 53.40461183046250682, 5.39214238678711677 53.40331109901480744, 5.38391653355457311 53.40197025091469385, 5.37770929320647806 53.40002638044627048, 5.37153557755166222 53.39653428843620731, 5.36583931835312455 53.40299154740267085, 5.37315912044607025 53.4045515051924653, 5.37295391049636617 53.40276628125045022, 5.3800742800275918 53.4026489761471197, 5.38538759270823419 53.40369086083244099, 5.3860474717009712 53.40455173893027307, 5.3849679199391387 53.40576806496221707, 5.3849679199391387 53.40576806496221707)))</t>
  </si>
  <si>
    <t>MultiPolygon (((5.37315912044607025 53.4045515051924653, 5.37718997001004517 53.40572107034202531, 5.3849679199391387 53.40576806496221707, 5.3860474717009712 53.40455173893027307, 5.38538759270823419 53.40369086083244099, 5.3800742800275918 53.4026489761471197, 5.37295391049636617 53.40276628125045022, 5.37315912044607025 53.4045515051924653, 5.37315912044607025 53.4045515051924653)))</t>
  </si>
  <si>
    <t>MultiPolygon (((5.34741049573372962 53.40034250201389909, 5.35549279194440775 53.40234348613999771, 5.36583931835312455 53.40299154740267085, 5.37153557755166222 53.39653428843620731, 5.36787488897468545 53.39517823093336091, 5.35679272698329711 53.38776943790688989, 5.34958889954740791 53.38505323850892381, 5.33907442558926526 53.38814458355236781, 5.33693714600002878 53.38937185185920242, 5.33230752426752375 53.39445815557673569, 5.33114660400128582 53.39712784924630995, 5.33548496297587782 53.397855496464949, 5.33590710457857842 53.39491516449400876, 5.33883351875772139 53.39376910041386992, 5.34153180579804676 53.39365783923134501, 5.34836194979969637 53.39554033777879738, 5.35146319885893273 53.39734222289025212, 5.3519470715266122 53.39935331622069015, 5.34741049573372962 53.40034250201389909, 5.34741049573372962 53.40034250201389909)))</t>
  </si>
  <si>
    <t>MultiPolygon (((5.33548496297587782 53.397855496464949, 5.33777354393469228 53.3978815517136951, 5.34741049573372962 53.40034250201389909, 5.3519470715266122 53.39935331622069015, 5.35146319885893273 53.39734222289025212, 5.34836194979969637 53.39554033777879738, 5.34153180579804676 53.39365783923134501, 5.33883351875772139 53.39376910041386992, 5.33590710457857842 53.39491516449400876, 5.33548496297587782 53.397855496464949, 5.33548496297587782 53.397855496464949)))</t>
  </si>
  <si>
    <t>MultiPolygon (((5.31441229992846065 53.41400906645709057, 5.36401506314003207 53.42174314224953235, 5.36771612293356615 53.41545342258724105, 5.36805433930698239 53.41210209681140952, 5.36623618026059113 53.40912778055616883, 5.3666619746618256 53.4055327491880476, 5.36583931835312455 53.40299154740267085, 5.35549279194440775 53.40234348613999771, 5.34741049573372962 53.40034250201389909, 5.33777354393469228 53.3978815517136951, 5.33548496297587782 53.397855496464949, 5.33114660400128582 53.39712784924630995, 5.3211600271938444 53.39537072483800273, 5.32002060302584034 53.39629835784023015, 5.31829485363909615 53.40662561249670404, 5.31441229992846065 53.41400906645709057, 5.31441229992846065 53.41400906645709057)))</t>
  </si>
  <si>
    <t>MultiPolygon (((5.31823113603334185 53.39476709158521572, 5.31880222870938724 53.39485937092768353, 5.32138571373817637 53.39401786323769983, 5.32223793448274485 53.39221813614658885, 5.32465410587730847 53.39177858683159172, 5.33056425833270442 53.39288272935096558, 5.33230752426752375 53.39445815557673569, 5.33693714600002878 53.38937185185920242, 5.33907442558926526 53.38814458355236781, 5.34958889954740791 53.38505323850892381, 5.34466735225775391 53.38319814428396626, 5.33706437252000754 53.38153738065378917, 5.33281639031674715 53.38144348991663435, 5.32944897130832729 53.38022414992554587, 5.3241574088526944 53.38710162858937025, 5.31838251450861677 53.38939470702794665, 5.31925688234146943 53.39056100778489622, 5.31918074487935932 53.39118542294505687, 5.32053124845394709 53.3917348227908235, 5.32021636048209334 53.39215188953573232, 5.3157940667097261 53.39406765184565273, 5.31823113603334185 53.39476709158521572, 5.31823113603334185 53.39476709158521572)))</t>
  </si>
  <si>
    <t>MultiPolygon (((5.3211600271938444 53.39537072483800273, 5.33114660400128582 53.39712784924630995, 5.33230752426752375 53.39445815557673569, 5.33056425833270442 53.39288272935096558, 5.32465410587730847 53.39177858683159172, 5.32223793448274485 53.39221813614658885, 5.32138571373817637 53.39401786323769983, 5.31880222870938724 53.39485937092768353, 5.3211600271938444 53.39537072483800273, 5.3211600271938444 53.39537072483800273)))</t>
  </si>
  <si>
    <t>MultiPolygon (((5.29726865930102075 53.41134429862178479, 5.31441229992846065 53.41400906645709057, 5.31829485363909615 53.40662561249670404, 5.32002060302584034 53.39629835784023015, 5.3211600271938444 53.39537072483800273, 5.31880222870938724 53.39485937092768353, 5.31823113603334185 53.39476709158521572, 5.31217295494859965 53.39494486067669499, 5.30133990102902164 53.39325294808197242, 5.30134443501367247 53.40229297201685199, 5.29726865930102075 53.41134429862178479, 5.29726865930102075 53.41134429862178479)))</t>
  </si>
  <si>
    <t>MultiPolygon (((5.30133990102902164 53.39325294808197242, 5.31217295494859965 53.39494486067669499, 5.31823113603334185 53.39476709158521572, 5.3157940667097261 53.39406765184565273, 5.32021636048209334 53.39215188953573232, 5.32053124845394709 53.3917348227908235, 5.31918074487935932 53.39118542294505687, 5.31465792280627447 53.39215934592635904, 5.30768140989007442 53.39165234969059526, 5.30289971103560998 53.39033672917695128, 5.30189450844164867 53.3886990650449178, 5.30573019790196554 53.38706644305008808, 5.30854261793180626 53.38676899755159155, 5.31316468329244085 53.38737448131060148, 5.31838251450861677 53.38939470702794665, 5.3241574088526944 53.38710162858937025, 5.32944897130832729 53.38022414992554587, 5.32488750460488802 53.37821707175584862, 5.32215787378434246 53.37825360180966783, 5.31321446903160322 53.38031807191050859, 5.31077410119395843 53.37791965421607188, 5.30806573472417487 53.37670007148287254, 5.30539831174986176 53.37588138982384578, 5.30019195597560078 53.37585921052012594, 5.30036723734487758 53.38059067026256344, 5.29805807282014296 53.38907590686504534, 5.29635514689470988 53.39122935419398885, 5.3014995020057345 53.39236242313076986, 5.30133990102902164 53.39325294808197242, 5.30133990102902164 53.39325294808197242)))</t>
  </si>
  <si>
    <t>MultiPolygon (((5.31918074487935932 53.39118542294505687, 5.31925688234146943 53.39056100778489622, 5.31838251450861677 53.38939470702794665, 5.31316468329244085 53.38737448131060148, 5.30854261793180626 53.38676899755159155, 5.30573019790196554 53.38706644305008808, 5.30189450844164867 53.3886990650449178, 5.30289971103560998 53.39033672917695128, 5.30768140989007442 53.39165234969059526, 5.31465792280627447 53.39215934592635904, 5.31918074487935932 53.39118542294505687, 5.31918074487935932 53.39118542294505687)))</t>
  </si>
  <si>
    <t>MultiPolygon (((5.25122588680456381 53.40408955678766745, 5.29726865930102075 53.41134429862178479, 5.30134443501367247 53.40229297201685199, 5.30133990102902164 53.39325294808197242, 5.3014995020057345 53.39236242313076986, 5.28789762955923326 53.39303260245240779, 5.28109653150417913 53.39222433516705735, 5.26350191471375162 53.38881178860830801, 5.25935977120789744 53.38731089773002481, 5.2513235783221921 53.38298030253240256, 5.25122588680456381 53.40408955678766745, 5.25122588680456381 53.40408955678766745)))</t>
  </si>
  <si>
    <t>MultiPolygon (((5.30036723734487758 53.38059067026256344, 5.30019195597560078 53.37585921052012594, 5.29653969354809195 53.37613455638750537, 5.29581672712768725 53.37556251047050893, 5.29550698022189081 53.37117675430567232, 5.29349787129066662 53.37043930460790619, 5.28297439159284465 53.37203967440055408, 5.27818153412923508 53.37336623054423512, 5.27454624534778826 53.37337724502513936, 5.26796917868940096 53.37143280033897952, 5.25972795037628149 53.37297181729686457, 5.25681236145262076 53.37272794842520085, 5.25563660072592409 53.37458855564697302, 5.25125386888659662 53.3779126557733008, 5.2513235783221921 53.38298030253240256, 5.25935977120789744 53.38731089773002481, 5.26350191471375162 53.38881178860830801, 5.28109653150417913 53.39222433516705735, 5.28789762955923326 53.39303260245240779, 5.3014995020057345 53.39236242313076986, 5.29635514689470988 53.39122935419398885, 5.29805807282014296 53.38907590686504534, 5.30036723734487758 53.38059067026256344, 5.30036723734487758 53.38059067026256344),(5.28252033398309884 53.37932520253009017, 5.28963582347393402 53.38142567411428274, 5.29201281311509231 53.38309175095653103, 5.29258910529792992 53.38477184330598391, 5.28508793208751015 53.38560638546701398, 5.28015570815342716 53.38427512950551801, 5.2799855134339797 53.38321867415216104, 5.28252033398309884 53.37932520253009017, 5.28252033398309884 53.37932520253009017)))</t>
  </si>
  <si>
    <t>MultiPolygon (((5.29258910529792992 53.38477184330598391, 5.29201281311509231 53.38309175095653103, 5.28963582347393402 53.38142567411428274, 5.28252033398309884 53.37932520253009017, 5.2799855134339797 53.38321867415216104, 5.28015570815342716 53.38427512950551801, 5.28508793208751015 53.38560638546701398, 5.29258910529792992 53.38477184330598391, 5.29258910529792992 53.38477184330598391)))</t>
  </si>
  <si>
    <t>MultiPolygon (((5.24974329520761618 53.25541850000205102, 5.25289658420755412 53.25547339477595443, 5.25502270645004632 53.25442731824658438, 5.26737668976535645 53.25264891925916544, 5.26033915811860364 53.25025356856091463, 5.25131636347899633 53.24929869112890657, 5.24937910077816383 53.25010460800572787, 5.24625551918506972 53.25387412373198259, 5.24780064558483517 53.25539032864306677, 5.24974329520761618 53.25541850000205102, 5.24974329520761618 53.25541850000205102)),((5.1597577295885575 53.29616172963498855, 5.15977578924519342 53.2960266054957259, 5.15972497314742906 53.29604023897513088, 5.1597577295885575 53.29616172963498855, 5.1597577295885575 53.29616172963498855)),((5.25286612986380064 53.36981430990125119, 5.24333911553680831 53.36599599070125066, 5.23695587208891755 53.36811757500312581, 5.23566587582490328 53.36969379455075568, 5.22824920057180709 53.36970414976689625, 5.22677708016779263 53.37004138414973653, 5.22622842609224936 53.37125307800675955, 5.21782511435870333 53.37026554866491068, 5.20656923080389333 53.36563534462636227, 5.20593006827709015 53.36480606962675211, 5.20515043870543526 53.35956600792427906, 5.21134327855020985 53.35643369453976703, 5.209368481281345 53.35681947923259116, 5.20439735429181116 53.35523871902356063, 5.19846081023791307 53.35243686816788511, 5.19571483229358488 53.34976891888922523, 5.18511497773752161 53.34878805835419513, 5.17368999119568329 53.34918226410954389, 5.1653517847500634 53.352180107813858, 5.16180585206848352 53.35155166642145019, 5.15526209661949775 53.35518007488376924, 5.15453861076932363 53.35899304652013342, 5.16524762651935898 53.36980106853362571, 5.1793707875670032 53.38111378110028227, 5.18142373951182211 53.38432510643509943, 5.18798820228726854 53.38754043438420638, 5.19354133837630627 53.39254943531967967, 5.20143873850928706 53.39463662916137565, 5.25122588680456381 53.40408955678766745, 5.2513235783221921 53.38298030253240256, 5.25125386888659662 53.3779126557733008, 5.25563660072592409 53.37458855564697302, 5.25681236145262076 53.37272794842520085, 5.25286612986380064 53.36981430990125119, 5.25286612986380064 53.36981430990125119)))</t>
  </si>
  <si>
    <t>MultiPolygon (((5.21134327855020985 53.35643369453976703, 5.20515043870543526 53.35956600792427906, 5.20593006827709015 53.36480606962675211, 5.20656923080389333 53.36563534462636227, 5.21782511435870333 53.37026554866491068, 5.22622842609224936 53.37125307800675955, 5.22677708016779263 53.37004138414973653, 5.22824920057180709 53.36970414976689625, 5.23566587582490328 53.36969379455075568, 5.23695587208891755 53.36811757500312581, 5.24333911553680831 53.36599599070125066, 5.2435565931402861 53.36546482663948154, 5.2378644244036705 53.36720018850173375, 5.23574614701929253 53.36640748400790102, 5.23383855113192276 53.3665868332490021, 5.23316325734550336 53.36611039025181924, 5.22658205101674067 53.36568634550789625, 5.22603824079101109 53.36440278705907758, 5.22264506819988128 53.36399270505077652, 5.22591116499662611 53.36453913752463052, 5.22604474538013708 53.36571643224462491, 5.22125498447854408 53.36514558763703064, 5.22146564771892852 53.36441136605804303, 5.21775509651514469 53.36071908665632435, 5.2165959645436546 53.35853577153138616, 5.21762699716341416 53.35714471370278744, 5.21620098673193677 53.35623065042263136, 5.2151979348547659 53.35705261205367123, 5.21268157488590411 53.35590818471845154, 5.21134327855020985 53.35643369453976703, 5.21134327855020985 53.35643369453976703)))</t>
  </si>
  <si>
    <t>MultiPolygon (((6.04903488321265304 53.15641758118807303, 6.06165891206524243 53.1566022974383614, 6.0616490586193601 53.15627736082337407, 6.05036156814899684 53.15195349347140308, 6.04783325901459179 53.14377727061219048, 6.04457828087960447 53.14398050727642442, 6.03856216507028876 53.14452836963787519, 6.03838635005429225 53.14516733194366793, 6.03404531923392984 53.14612089367673775, 6.02992131743346427 53.14588024193132298, 6.02068097937352853 53.14961594571232695, 6.01605972197780314 53.14882761399618971, 6.01221418928701912 53.14635355914062131, 6.00313035166609588 53.14501394105732146, 6.00124751923770106 53.14962078911172938, 6.0130982967207256 53.1545368030919434, 6.04060282873158183 53.15648788334264907, 6.04903488321265304 53.15641758118807303, 6.04903488321265304 53.15641758118807303)))</t>
  </si>
  <si>
    <t>MultiPolygon (((6.00313035166609588 53.14501394105732146, 6.01221418928701912 53.14635355914062131, 6.01605972197780314 53.14882761399618971, 6.02068097937352853 53.14961594571232695, 6.02992131743346427 53.14588024193132298, 6.03404531923392984 53.14612089367673775, 6.03838635005429225 53.14516733194366793, 6.03856216507028876 53.14452836963787519, 6.04457828087960447 53.14398050727642442, 6.04397761262947242 53.1130588292389163, 6.04412813371308655 53.10866941116199769, 6.0407834616268703 53.1079957785947343, 6.03562761851603025 53.10843098867865564, 6.02761053929147916 53.10816859886750052, 6.01692623312209651 53.10725082434868227, 6.01380848002715584 53.10540256149066352, 6.01225255335825626 53.10653788563803346, 6.01365626980165313 53.10778692093037989, 6.01423889287468327 53.10832022955406018, 6.01198822419889911 53.11181915642226414, 6.01370108397164405 53.11368324563014909, 6.01679563268400663 53.1150177393003915, 6.01826404461180964 53.11709197350307932, 6.01467871044416658 53.12602554126198839, 6.01810943459623005 53.12895157569432314, 6.01473075334248541 53.13890673991710401, 6.01147674398709686 53.14060412019958335, 6.00691741762675324 53.14050759890465514, 6.00385227635344698 53.14323268877959805, 6.00313035166609588 53.14501394105732146, 6.00313035166609588 53.14501394105732146)))</t>
  </si>
  <si>
    <t>MultiPolygon (((6.00385227635344698 53.14323268877959805, 6.00691741762675324 53.14050759890465514, 6.01147674398709686 53.14060412019958335, 6.01473075334248541 53.13890673991710401, 6.01810943459623005 53.12895157569432314, 6.01467871044416658 53.12602554126198839, 6.01826404461180964 53.11709197350307932, 6.01679563268400663 53.1150177393003915, 6.01370108397164405 53.11368324563014909, 6.01198822419889911 53.11181915642226414, 6.01423889287468327 53.10832022955406018, 6.01365626980165313 53.10778692093037989, 6.00277253321855753 53.10763386933840025, 6.00110412490357703 53.1065523083509774, 5.99548298044719274 53.10596656758245615, 5.98616357224160112 53.10714017065366477, 5.97564409331734669 53.10684916503718256, 5.94898907948633493 53.10242011584502819, 5.94428685604932472 53.09819279680089466, 5.9381542148073807 53.09597633848605369, 5.93487804331145252 53.09543760195482065, 5.92943931910943434 53.09470134786064932, 5.92133812477627419 53.09461813525656027, 5.91494901114821303 53.10051548436807423, 5.90922719876648372 53.10146051274408308, 5.90384906745062921 53.10082336416620308, 5.90001121570437892 53.0989819970416832, 5.88435870292082441 53.0997089361545207, 5.88200581519821419 53.10693947524497815, 5.89928798370211815 53.10856178150499574, 5.90004509427626722 53.10796042344733792, 5.90791857047347158 53.10895576016119435, 5.91540427011243874 53.10907385346227727, 5.92786908194541251 53.10893849550561896, 5.92943420240666796 53.10912232768209407, 5.93158498371315623 53.1106084752167007, 5.93294059435600207 53.1094556698841842, 5.94594370353819635 53.10367598087653818, 5.94965660651072881 53.1048917024983993, 5.94345966643649337 53.12161397925926565, 5.94327751144304095 53.12444186650063216, 5.94834450371534729 53.12625754667617883, 5.95015779042263571 53.12624582223170933, 5.95095390619576659 53.12657759582431538, 5.95096841383373842 53.1274471761716427, 5.96187128549018119 53.13112626006914496, 5.97487964342940536 53.1348928175158548, 5.98684427520479545 53.14183455404400291, 6.00086649923443094 53.14946160793220997, 6.00124751923770106 53.14962078911172938, 6.00313035166609588 53.14501394105732146, 6.00385227635344698 53.14323268877959805)))</t>
  </si>
  <si>
    <t>MultiPolygon (((5.91494901114821303 53.10051548436807423, 5.92133812477627419 53.09461813525656027, 5.92943931910943434 53.09470134786064932, 5.93487804331145252 53.09543760195482065, 5.93221876300060202 53.08660574233940821, 5.93024306397298862 53.0827147532344128, 5.92653617823957202 53.07848768340936374, 5.90733524371541741 53.07826907792671989, 5.90376984401695992 53.07924758530950982, 5.89703924646788824 53.07900548454257006, 5.89541778601327238 53.0788373487523728, 5.89497402716624919 53.07622850068010933, 5.87301899436007702 53.0743488784420876, 5.87150205524534918 53.07421000856773929, 5.87031258893738084 53.08143212331104621, 5.87176529107971579 53.08180218384125482, 5.87188184606630958 53.08394571643392368, 5.87308111253539256 53.08422290941047805, 5.87299617596178081 53.08493342293822082, 5.87464327203949388 53.08507016305282633, 5.87744332811197356 53.08541199806447253, 5.88311437471388565 53.08896327814526472, 5.88311886528806571 53.0909755972006181, 5.88084763911354003 53.0901673425975531, 5.87836091910565184 53.09096136086225926, 5.87838281798197482 53.09097452005396889, 5.88256645058574978 53.09348829914969059, 5.88598494771805836 53.09443913607348264, 5.88435870292082441 53.0997089361545207, 5.90001121570437892 53.0989819970416832, 5.90384906745062921 53.10082336416620308, 5.90922719876648372 53.10146051274408308, 5.91494901114821303 53.10051548436807423, 5.91494901114821303 53.10051548436807423)))</t>
  </si>
  <si>
    <t>MultiPolygon (((5.99028037125823332 53.08543265209207362, 5.98749013191917356 53.08075976405434915, 5.98495427357755538 53.07975934404309015, 5.98355495754016431 53.0782665252043131, 5.9809437032553685 53.07756547500801503, 5.93279949236560089 53.08118035517538402, 5.93031334795340026 53.08101797726542515, 5.92758050896324917 53.07839481686198013, 5.92653617823957202 53.07848768340936374, 5.93024306397298862 53.0827147532344128, 5.93221876300060202 53.08660574233940821, 5.93487804331145252 53.09543760195482065, 5.9381542148073807 53.09597633848605369, 5.94428685604932472 53.09819279680089466, 5.94898907948633493 53.10242011584502819, 5.97564409331734669 53.10684916503718256, 5.97456532536041252 53.10503028704471973, 5.97530644475441264 53.10254480776278285, 5.99117989426171071 53.10127064778324524, 5.99010810723192488 53.09732216434158403, 5.99094515988420984 53.09674171243838714, 5.99166586120629585 53.09501105672037369, 5.9911130501737011 53.09003441182790795, 5.99028037125823332 53.08543265209207362, 5.99028037125823332 53.08543265209207362)))</t>
  </si>
  <si>
    <t>MultiPolygon (((5.97564409331734669 53.10684916503718256, 5.98616357224160112 53.10714017065366477, 5.99548298044719274 53.10596656758245615, 6.00110412490357703 53.1065523083509774, 6.00277253321855753 53.10763386933840025, 6.01365626980165313 53.10778692093037989, 6.01225255335825626 53.10653788563803346, 6.01380848002715584 53.10540256149066352, 6.01692623312209651 53.10725082434868227, 6.02761053929147916 53.10816859886750052, 6.03026457985302855 53.10345969380166764, 6.02843041122897372 53.10190088895344473, 6.01810142695425121 53.0997569609765776, 6.01777364956306648 53.10031751193049132, 6.01430787250529963 53.09997177428545001, 6.01199761728081761 53.09920655054767735, 6.01275028979065507 53.09715996279140882, 5.99094515988420984 53.09674171243838714, 5.99010810723192488 53.09732216434158403, 5.99117989426171071 53.10127064778324524, 5.97530644475441264 53.10254480776278285, 5.97456532536041252 53.10503028704471973, 5.97564409331734669 53.10684916503718256, 5.97564409331734669 53.10684916503718256)))</t>
  </si>
  <si>
    <t>MultiPolygon (((6.02761053929147916 53.10816859886750052, 6.03562761851603025 53.10843098867865564, 6.0407834616268703 53.1079957785947343, 6.04304108295119402 53.1020677565483652, 6.0486931850421497 53.09985415878046666, 6.04753565244634927 53.09890520769091893, 6.04741601807733975 53.09732879790249882, 6.05036956346007671 53.09347594772103207, 6.00277455038187391 53.09010363505294805, 6.00268941415472135 53.08872189297628807, 5.9911130501737011 53.09003441182790795, 5.99166586120629585 53.09501105672037369, 5.99094515988420984 53.09674171243838714, 6.01275028979065507 53.09715996279140882, 6.01199761728081761 53.09920655054767735, 6.01430787250529963 53.09997177428545001, 6.01777364956306648 53.10031751193049132, 6.01810142695425121 53.0997569609765776, 6.02843041122897372 53.10190088895344473, 6.03026457985302855 53.10345969380166764, 6.02761053929147916 53.10816859886750052, 6.02761053929147916 53.10816859886750052)))</t>
  </si>
  <si>
    <t>MultiPolygon (((6.05036956346007671 53.09347594772103207, 6.05352492487554628 53.09338479703972524, 6.05675982482564024 53.08940671448955584, 6.05900586062953117 53.08644273049836215, 6.06015673884599604 53.08505801005354385, 6.05962781420950858 53.08463526004372568, 6.06988041893996666 53.07210687765785906, 6.05104890248217853 53.07275105797892678, 6.03173626037315458 53.0738618689179944, 6.02439900182275689 53.07336087647392731, 6.01981585633849203 53.07682535367023746, 6.0174667538420179 53.076104984911332, 6.00247026860730237 53.08065278355644523, 5.98749013191917356 53.08075976405434915, 5.99028037125823332 53.08543265209207362, 5.9911130501737011 53.09003441182790795, 6.00268941415472135 53.08872189297628807, 6.00277455038187391 53.09010363505294805, 6.05036956346007671 53.09347594772103207, 6.05036956346007671 53.09347594772103207)))</t>
  </si>
  <si>
    <t>MultiPolygon (((6.05900586062953117 53.08644273049836215, 6.07318723757670398 53.08278636406888751, 6.07797079670445495 53.08667516183512447, 6.08665198503168803 53.08349642991248629, 6.08599446235858821 53.07918575720115228, 6.08879910918774314 53.07884247685791479, 6.08932047293973877 53.07101350328063916, 6.08845986650012261 53.07088920484519434, 6.08342651908463683 53.07098664458897019, 6.0761288305991048 53.07115876620234474, 6.06988041893996666 53.07210687765785906, 6.05962781420950858 53.08463526004372568, 6.06015673884599604 53.08505801005354385, 6.05900586062953117 53.08644273049836215, 6.05900586062953117 53.08644273049836215)))</t>
  </si>
  <si>
    <t>MultiPolygon (((6.17630387614727372 53.15278529385354034, 6.17567757627473668 53.13507637668683259, 6.1790692818453028 53.13399202465020466, 6.18571669533954349 53.1292134404095151, 6.16394645914661421 53.12076328423998461, 6.14818611163520234 53.11030603556697827, 6.1399302287060582 53.10643410715518797, 6.13604855120924686 53.11048376376846392, 6.13529190433748539 53.11048849308901509, 6.13087900483343873 53.10836939765919595, 6.1347744193728877 53.10477111598750355, 6.13227002529287102 53.10354227171737307, 6.12768317210411961 53.10924962777363589, 6.11056550278028077 53.13255476532781074, 6.11573616026587707 53.13430324779439218, 6.15535461019358454 53.14766922072598021, 6.15826812423294445 53.147778001430801, 6.1737605124986672 53.15288646320478705, 6.17630387614727372 53.15278529385354034, 6.17630387614727372 53.15278529385354034)))</t>
  </si>
  <si>
    <t>MultiPolygon (((6.1667632472317413 53.15599567645945456, 6.17675035960531904 53.15950451336303217, 6.17630387614727372 53.15278529385354034, 6.1737605124986672 53.15288646320478705, 6.15826812423294445 53.147778001430801, 6.15535461019358454 53.14766922072598021, 6.11573616026587707 53.13430324779439218, 6.12177712628247139 53.14177818360063554, 6.12468830581098533 53.14291726203511246, 6.12220855875188175 53.14527268300138729, 6.14306339603173956 53.15535202882795573, 6.14811825057719119 53.15782743194782256, 6.14858324560139646 53.15699298551137986, 6.15198645147997691 53.15083277671309503, 6.1667632472317413 53.15599567645945456, 6.1667632472317413 53.15599567645945456)))</t>
  </si>
  <si>
    <t>MultiPolygon (((6.06165891206524243 53.1566022974383614, 6.07893164736119473 53.15645515507559082, 6.08432571978424974 53.15865228241374751, 6.08675035530561548 53.15804280620004363, 6.0857600849296567 53.15711798089827766, 6.08879953765771731 53.15392826133268755, 6.09394307852978656 53.15613437734847224, 6.10452976995217789 53.15042143174623845, 6.10501297725506209 53.15179939790013464, 6.10797046825747714 53.15175883304218729, 6.10958472633279648 53.15104025408154342, 6.11933848640662337 53.14941995939294372, 6.11954317178898055 53.14568979430696771, 6.12220855875188175 53.14527268300138729, 6.12468830581098533 53.14291726203511246, 6.12177712628247139 53.14177818360063554, 6.11573616026587707 53.13430324779439218, 6.11056550278028077 53.13255476532781074, 6.10823517143519101 53.13187126529140158, 6.10751417424613763 53.13280734885486822, 6.09571478736302552 53.13170670318603328, 6.0936965318995 53.13373824626609832, 6.08882012982147103 53.1365503383423885, 6.08002835160966981 53.13844588738878372, 6.08472918202263546 53.14391078179460948, 6.07327792540617573 53.14860806788890812, 6.0616490586193601 53.15627736082337407, 6.06165891206524243 53.1566022974383614, 6.06165891206524243 53.1566022974383614)))</t>
  </si>
  <si>
    <t>MultiPolygon (((6.04457828087960447 53.14398050727642442, 6.04783325901459179 53.14377727061219048, 6.05036156814899684 53.15195349347140308, 6.0616490586193601 53.15627736082337407, 6.07327792540617573 53.14860806788890812, 6.08472918202263546 53.14391078179460948, 6.08002835160966981 53.13844588738878372, 6.08882012982147103 53.1365503383423885, 6.0936965318995 53.13373824626609832, 6.09571478736302552 53.13170670318603328, 6.0937718196456192 53.13152553873123907, 6.08609609701496268 53.13539189111340733, 6.08052274227314449 53.13010451074319462, 6.07670139182286828 53.12619683311350371, 6.07765744700014654 53.12165053748258714, 6.07854840515325989 53.11803971914471845, 6.07668083697396888 53.11857954204003818, 6.07580151942952185 53.12015660851812271, 6.06765001673803539 53.11905409140454282, 6.04397761262947242 53.1130588292389163, 6.04457828087960447 53.14398050727642442, 6.04457828087960447 53.14398050727642442)))</t>
  </si>
  <si>
    <t>MultiPolygon (((6.08052274227314449 53.13010451074319462, 6.08298159125912807 53.12924387798969406, 6.08859592572903896 53.12535273406716385, 6.07765744700014654 53.12165053748258714, 6.07670139182286828 53.12619683311350371, 6.08052274227314449 53.13010451074319462, 6.08052274227314449 53.13010451074319462)))</t>
  </si>
  <si>
    <t>MultiPolygon (((6.08052274227314449 53.13010451074319462, 6.08609609701496268 53.13539189111340733, 6.0937718196456192 53.13152553873123907, 6.09795176474114253 53.12851855223107833, 6.08859592572903896 53.12535273406716385, 6.08298159125912807 53.12924387798969406, 6.08052274227314449 53.13010451074319462, 6.08052274227314449 53.13010451074319462)))</t>
  </si>
  <si>
    <t>MultiPolygon (((6.1399302287060582 53.10643410715518797, 6.13892291421734981 53.10625467568525693, 6.1347744193728877 53.10477111598750355, 6.13087900483343873 53.10836939765919595, 6.13529190433748539 53.11048849308901509, 6.13604855120924686 53.11048376376846392, 6.1399302287060582 53.10643410715518797, 6.1399302287060582 53.10643410715518797)))</t>
  </si>
  <si>
    <t>MultiPolygon (((6.05675982482564024 53.08940671448955584, 6.06572305457691829 53.09235033709462925, 6.06739139668181426 53.09175227598467472, 6.0710355503036082 53.09280338251200249, 6.07262668310038389 53.09259067821231071, 6.07721850282334852 53.08965566131361413, 6.07516717156692376 53.08978381029576354, 6.07243363845235429 53.08880003606804365, 6.07797079670445495 53.08667516183512447, 6.07318723757670398 53.08278636406888751, 6.05900586062953117 53.08644273049836215, 6.05675982482564024 53.08940671448955584, 6.05675982482564024 53.08940671448955584)))</t>
  </si>
  <si>
    <t>MultiPolygon (((6.08859592572903896 53.12535273406716385, 6.09795176474114253 53.12851855223107833, 6.10698975397308086 53.12233100094148597, 6.10695580761568291 53.1202862982714592, 6.09542696689955488 53.11835054552509661, 6.09183113272351662 53.12332759909268987, 6.08859592572903896 53.12535273406716385, 6.08859592572903896 53.12535273406716385)))</t>
  </si>
  <si>
    <t>MultiPolygon (((6.05036956346007671 53.09347594772103207, 6.04741601807733975 53.09732879790249882, 6.04753565244634927 53.09890520769091893, 6.0486931850421497 53.09985415878046666, 6.05696845932106509 53.09769528961685836, 6.06080160747209273 53.09333915763754419, 6.06572305457691829 53.09235033709462925, 6.05675982482564024 53.08940671448955584, 6.05352492487554628 53.09338479703972524, 6.05036956346007671 53.09347594772103207, 6.05036956346007671 53.09347594772103207)))</t>
  </si>
  <si>
    <t>MultiPolygon (((6.04721307134208974 53.10953308894039537, 6.04906738883818207 53.10451870624432757, 6.06065336865174942 53.10503821309911388, 6.06097249688739659 53.09980872546692154, 6.05482589008758687 53.10000590399194209, 6.0543388730737453 53.09929714325271277, 6.06066496898240725 53.09564256085557332, 6.06373650941245135 53.09562524494004521, 6.0663251582451263 53.09280409637391784, 6.07304536855712218 53.09520553990560643, 6.08459641099257187 53.09079904840500319, 6.09966739601475272 53.09411047407595419, 6.10962731451395147 53.09607213197364928, 6.1219740954022992 53.09884731927225943, 6.12297865679987563 53.09861508127183072, 6.11427692075777074 53.08696263461510512, 6.10960946601215937 53.08221013770097585, 6.10359369971916443 53.0770051833269747, 6.08932047293973877 53.07101350328063916, 6.08879910918774314 53.07884247685791479, 6.08599446235858821 53.07918575720115228, 6.08665198503168803 53.08349642991248629, 6.07797079670445495 53.08667516183512447, 6.07243363845235429 53.08880003606804365, 6.07516717156692376 53.08978381029576354, 6.07721850282334852 53.08965566131361413, 6.07262668310038389 53.09259067821231071, 6.0710355503036082 53.09280338251200249, 6.06739139668181426 53.09175227598467472, 6.06572305457691829 53.09235033709462925, 6.06080160747209273 53.09333915763754419, 6.05696845932106509 53.09769528961685836, 6.0486931850421497 53.09985415878046666, 6.04304108295119402 53.1020677565483652, 6.0407834616268703 53.1079957785947343, 6.04412813371308655 53.10866941116199769, 6.04721307134208974 53.10953308894039537, 6.04721307134208974 53.10953308894039537)),((6.10751417424613763 53.13280734885486822, 6.10823517143519101 53.13187126529140158, 6.11056550278028077 53.13255476532781074, 6.12768317210411961 53.10924962777363589, 6.12014326704278133 53.11365879498325882, 6.1115718711611775 53.11909869950207508, 6.10723990917370063 53.12026723778088666, 6.10695580761568291 53.1202862982714592, 6.10698975397308086 53.12233100094148597, 6.09795176474114253 53.12851855223107833, 6.0937718196456192 53.13152553873123907, 6.09571478736302552 53.13170670318603328, 6.10751417424613763 53.13280734885486822, 6.10751417424613763 53.13280734885486822)))</t>
  </si>
  <si>
    <t>MultiPolygon (((6.07854840515325989 53.11803971914471845, 6.07930416416432351 53.11493008771725499, 6.08170063368767 53.10600139944665443, 6.08067093842947948 53.10595344935580897, 6.06065336865174942 53.10503821309911388, 6.04906738883818207 53.10451870624432757, 6.04721307134208974 53.10953308894039537, 6.04412813371308655 53.10866941116199769, 6.04397761262947242 53.1130588292389163, 6.06765001673803539 53.11905409140454282, 6.07580151942952185 53.12015660851812271, 6.07668083697396888 53.11857954204003818, 6.07854840515325989 53.11803971914471845, 6.07854840515325989 53.11803971914471845)))</t>
  </si>
  <si>
    <t>MultiPolygon (((6.10695580761568291 53.1202862982714592, 6.10723990917370063 53.12026723778088666, 6.10866390552691563 53.10707562164749618, 6.10838275251322571 53.10706750119840791, 6.10106477166580774 53.10709337214234438, 6.09977928902336242 53.10984180806126176, 6.09713262099247899 53.1096328714964443, 6.09682733983681935 53.11561721099930367, 6.09542696689955488 53.11835054552509661, 6.10695580761568291 53.1202862982714592, 6.10695580761568291 53.1202862982714592)))</t>
  </si>
  <si>
    <t>MultiPolygon (((6.10106477166580774 53.10709337214234438, 6.10838275251322571 53.10706750119840791, 6.10962731451395147 53.09607213197364928, 6.09966739601475272 53.09411047407595419, 6.09855852755739658 53.10314538195871137, 6.10114109142519556 53.10347323076263137, 6.10106477166580774 53.10709337214234438, 6.10106477166580774 53.10709337214234438)))</t>
  </si>
  <si>
    <t>MultiPolygon (((6.07930416416432351 53.11493008771725499, 6.09542696689955488 53.11835054552509661, 6.09682733983681935 53.11561721099930367, 6.09713262099247899 53.1096328714964443, 6.09415140875583017 53.10935561771007229, 6.09472304236181195 53.10656319066618636, 6.0930393200990558 53.10650067575357269, 6.08170063368767 53.10600139944665443, 6.07930416416432351 53.11493008771725499, 6.07930416416432351 53.11493008771725499)))</t>
  </si>
  <si>
    <t>MultiPolygon (((6.07765744700014654 53.12165053748258714, 6.08859592572903896 53.12535273406716385, 6.09183113272351662 53.12332759909268987, 6.09542696689955488 53.11835054552509661, 6.07930416416432351 53.11493008771725499, 6.07854840515325989 53.11803971914471845, 6.07765744700014654 53.12165053748258714, 6.07765744700014654 53.12165053748258714)))</t>
  </si>
  <si>
    <t>MultiPolygon (((6.10866390552691563 53.10707562164749618, 6.12045171660590537 53.1075283336934163, 6.12095440839007754 53.10445341886368453, 6.12213462435896005 53.10438502187552956, 6.1219740954022992 53.09884731927225943, 6.10962731451395147 53.09607213197364928, 6.10838275251322571 53.10706750119840791, 6.10866390552691563 53.10707562164749618, 6.10866390552691563 53.10707562164749618)))</t>
  </si>
  <si>
    <t>MultiPolygon (((6.12014326704278133 53.11365879498325882, 6.12768317210411961 53.10924962777363589, 6.13227002529287102 53.10354227171737307, 6.1306849763870952 53.1029096105588394, 6.12911721919766084 53.10272346200295601, 6.125659541847571 53.10146960526978432, 6.12297865679987563 53.09861508127183072, 6.1219740954022992 53.09884731927225943, 6.12213462435896005 53.10438502187552956, 6.12095440839007754 53.10445341886368453, 6.12045171660590537 53.1075283336934163, 6.11952427789398445 53.11318182106953856, 6.12014326704278133 53.11365879498325882, 6.12014326704278133 53.11365879498325882)))</t>
  </si>
  <si>
    <t>MultiPolygon (((6.06065336865174942 53.10503821309911388, 6.08067093842947948 53.10595344935580897, 6.08459641099257187 53.09079904840500319, 6.07304536855712218 53.09520553990560643, 6.0663251582451263 53.09280409637391784, 6.06373650941245135 53.09562524494004521, 6.06066496898240725 53.09564256085557332, 6.0543388730737453 53.09929714325271277, 6.05482589008758687 53.10000590399194209, 6.06097249688739659 53.09980872546692154, 6.06065336865174942 53.10503821309911388, 6.06065336865174942 53.10503821309911388)))</t>
  </si>
  <si>
    <t>MultiPolygon (((6.08170063368767 53.10600139944665443, 6.0930393200990558 53.10650067575357269, 6.09361585708394404 53.10312016119311096, 6.09855852755739658 53.10314538195871137, 6.09966739601475272 53.09411047407595419, 6.08459641099257187 53.09079904840500319, 6.08067093842947948 53.10595344935580897, 6.08170063368767 53.10600139944665443, 6.08170063368767 53.10600139944665443)))</t>
  </si>
  <si>
    <t>MultiPolygon (((6.10723990917370063 53.12026723778088666, 6.1115718711611775 53.11909869950207508, 6.12014326704278133 53.11365879498325882, 6.11952427789398445 53.11318182106953856, 6.12045171660590537 53.1075283336934163, 6.10866390552691563 53.10707562164749618, 6.10723990917370063 53.12026723778088666, 6.10723990917370063 53.12026723778088666)))</t>
  </si>
  <si>
    <t>MultiPolygon (((6.09713262099247899 53.1096328714964443, 6.09977928902336242 53.10984180806126176, 6.10106477166580774 53.10709337214234438, 6.10114109142519556 53.10347323076263137, 6.09855852755739658 53.10314538195871137, 6.09361585708394404 53.10312016119311096, 6.0930393200990558 53.10650067575357269, 6.09472304236181195 53.10656319066618636, 6.09415140875583017 53.10935561771007229, 6.09713262099247899 53.1096328714964443, 6.09713262099247899 53.1096328714964443)))</t>
  </si>
  <si>
    <t>MultiPolygon (((6.39860932012436834 53.51529196986801651, 6.39886269822638454 53.51394726201553453, 6.38070650874436485 53.51158077201616692, 6.37616906953868678 53.50938930573550323, 6.37065819664901145 53.51028109430214386, 6.36451881072513714 53.50805300066678427, 6.35610180179061501 53.50603860492265795, 6.34743068340405525 53.5059641630194065, 6.34442042772897263 53.50664037195112854, 6.33700029620906236 53.50579566268381626, 6.33407893224835128 53.50429781658741746, 6.33544976151734573 53.50334461323235047, 6.33477930983585935 53.50259865032038675, 6.3304102544961145 53.50091361990556038, 6.31895568953211662 53.49974555493501782, 6.30797130448981225 53.49558000298269889, 6.28893437517749909 53.49147022493752246, 6.28252255599196641 53.49083773352522542, 6.27593975458854647 53.48942581861228973, 6.27380898338941329 53.48858006588373115, 6.27398839737297909 53.48707363034072415, 6.27117103028295997 53.48486611794997003, 6.26001036580757386 53.4829186117734281, 6.26241861104003039 53.48079579367445291, 6.25223176537327419 53.47797590471807183, 6.24107056154857176 53.476575571895971, 6.23716850243025434 53.47714038879294662, 6.22746816556095695 53.47703860385835384, 6.1974678941056629 53.47287199499098165, 6.19682035876400317 53.47240353102069577, 6.19871428956373993 53.4705556552423289, 6.20295367089984495 53.46853241402869372, 6.2019950533154935 53.46823845420043853, 6.19513303046388142 53.47240443312501412, 6.16939120441602373 53.47249344342039734, 6.16746499330648845 53.47006743701853537, 6.16786693365294081 53.46814876140385309, 6.16656682138576162 53.46792470636459171, 6.16584142036912031 53.47196440114925764, 6.16057617829801796 53.47192371150855905, 6.15706827679128921 53.47038564921496118, 6.15589596965470331 53.46667176255914455, 6.15029443952347332 53.4656809526168928, 6.15216585300173691 53.46208659395946228, 6.15009880949373233 53.46015257905931861, 6.14523344830017049 53.46084814233592652, 6.14372704903647815 53.46213987892048181, 6.14591729280495258 53.46209818012141568, 6.1465022620178722 53.46258368129741712, 6.14549032917629301 53.46597777809638075, 6.13633594456199472 53.46918777217310037, 6.13160450017051595 53.47265049516292379, 6.13038884945289198 53.47447261610977876, 6.13116398169156707 53.48206653688298218, 6.13527588099987131 53.48766807659411882, 6.1391847853172008 53.49145691102097544, 6.14896951165454642 53.49817785417965155, 6.15493054229672332 53.5000589695152442, 6.22909651549521559 53.50531901623858033, 6.28926024784472038 53.50854006944979346, 6.32005948414599406 53.51183605036188595, 6.34515159850751687 53.51550754638068241, 6.36692109120977534 53.51735501772196812, 6.38808003617949538 53.51713840072339678, 6.39654425893494594 53.51598906729437033, 6.39860932012436834 53.51529196986801651),(6.15431578554965242 53.48041725366125121, 6.15306942314742322 53.47906862413648099, 6.15457822131283727 53.47558663124470968, 6.166848186735435 53.47698245261386063, 6.17180034809903866 53.48073822318292514, 6.17133700963668641 53.48201656092031442, 6.16290471841647491 53.48417644305219909, 6.15798979743027086 53.48345098410143805, 6.15431578554965242 53.48041725366125121)))</t>
  </si>
  <si>
    <t>MultiPolygon (((6.16290471841647491 53.48417644305219909, 6.17133700963668641 53.48201656092031442, 6.17180034809903866 53.48073822318292514, 6.166848186735435 53.47698245261386063, 6.15457822131283727 53.47558663124470968, 6.15306942314742322 53.47906862413648099, 6.15431578554965242 53.48041725366125121, 6.15798979743027086 53.48345098410143805, 6.16290471841647491 53.48417644305219909, 6.16290471841647491 53.48417644305219909)))</t>
  </si>
  <si>
    <t>MultiPolygon (((6.21780623612271555 53.08045535187120834, 6.25701900899649033 53.05889445783876113, 6.25270613411666787 53.05798082963544715, 6.25232596484450553 53.05707518290238767, 6.24687307145456572 53.05655176665281658, 6.25441272730285913 53.04918054620998191, 6.2517710095177863 53.04834085044923597, 6.2228372776071641 53.03918681989176065, 6.2151461829561967 53.03826860733270365, 6.21290109125718004 53.03714534133386849, 6.21285169680571592 53.03623565837825993, 6.20542364016526715 53.03793093119243451, 6.20039862711937229 53.03679211244836011, 6.1987826577186782 53.03376586094166356, 6.1966245361626493 53.03327088833752612, 6.19481947321450477 53.0309965191236401, 6.18569948505224776 53.02502020887560974, 6.17647029262132818 53.02093157115710653, 6.17130053411540214 53.01990206543999307, 6.16185551136060727 53.02949397525561182, 6.15998803750446111 53.02986829053774187, 6.15781633584534571 53.03239103490100348, 6.15886368505989434 53.03278609304823732, 6.13881288266206049 53.0533995755347334, 6.1384165135660167 53.05489119282067634, 6.13513433851726919 53.05829377055006546, 6.13268604355446545 53.05832732584988776, 6.13506231208427177 53.06175570175434331, 6.13487077163167349 53.06335065917821225, 6.13707119443729177 53.06357472409479215, 6.14024943290697856 53.06554877921468716, 6.14458709345287435 53.06301706155011289, 6.15255922228849972 53.06373188077787262, 6.15546026397982438 53.06557606206161637, 6.16419398606365743 53.06800124899433513, 6.16963673161015702 53.06633267624229688, 6.18233384452145618 53.06662537062149454, 6.18580915148875921 53.06738052240966397, 6.1947471357295445 53.0711066213707312, 6.20324202116096846 53.07349558910733123, 6.20672345804727676 53.07676996829997762, 6.21239432852513307 53.07766239231469996, 6.21672117856467921 53.07913164565812991, 6.21780623612271555 53.08045535187120834, 6.21780623612271555 53.08045535187120834),(6.19503730979450129 53.05275748761810917, 6.19676478682982879 53.0518476431301238, 6.19767697759116398 53.05230898160336039, 6.19676973156553057 53.05287264828794491, 6.1990629590798596 53.05425035056321548, 6.20453069589671902 53.05290361002370503, 6.2132036135758435 53.05679556380889039, 6.21424832989781173 53.05753285635915972, 6.20906307516232125 53.06040919686867596, 6.21457405912798144 53.06246480070322491, 6.20382574279167009 53.05969942178675325, 6.19665500654136103 53.05496442565567605, 6.19503730979450129 53.05275748761810917, 6.19503730979450129 53.05275748761810917)))</t>
  </si>
  <si>
    <t>MultiPolygon (((6.1990629590798596 53.05425035056321548, 6.20065363835660932 53.05526943323364009, 6.20319965921102678 53.05522585372059297, 6.20530106156225258 53.05630289239989139, 6.20906307516232125 53.06040919686867596, 6.21424832989781173 53.05753285635915972, 6.2132036135758435 53.05679556380889039, 6.20453069589671902 53.05290361002370503, 6.1990629590798596 53.05425035056321548, 6.1990629590798596 53.05425035056321548)))</t>
  </si>
  <si>
    <t>MultiPolygon (((6.1990629590798596 53.05425035056321548, 6.19676973156553057 53.05287264828794491, 6.19767697759116398 53.05230898160336039, 6.19676478682982879 53.0518476431301238, 6.19503730979450129 53.05275748761810917, 6.19665500654136103 53.05496442565567605, 6.20382574279167009 53.05969942178675325, 6.21457405912798144 53.06246480070322491, 6.20906307516232125 53.06040919686867596, 6.20530106156225258 53.05630289239989139, 6.20319965921102678 53.05522585372059297, 6.20065363835660932 53.05526943323364009, 6.1990629590798596 53.05425035056321548, 6.1990629590798596 53.05425035056321548)))</t>
  </si>
  <si>
    <t>MultiPolygon (((6.18571669533954349 53.1292134404095151, 6.19294118544944627 53.12335659409693278, 6.19033800265658485 53.11827311601692969, 6.19293022416167815 53.11816350027129374, 6.18989616592516345 53.1123118537562604, 6.19735587428747792 53.11115303155894907, 6.18974845710043109 53.09687815122563137, 6.19730134397333998 53.09544732161113245, 6.19593692473689206 53.09258565683749254, 6.19010135807946327 53.08107886067887904, 6.1947471357295445 53.0711066213707312, 6.18580915148875921 53.06738052240966397, 6.18233384452145618 53.06662537062149454, 6.16963673161015702 53.06633267624229688, 6.16419398606365743 53.06800124899433513, 6.15546026397982438 53.06557606206161637, 6.15255922228849972 53.06373188077787262, 6.14458709345287435 53.06301706155011289, 6.14024943290697856 53.06554877921468716, 6.13707119443729177 53.06357472409479215, 6.13487077163167349 53.06335065917821225, 6.12405690296567684 53.07762005276262585, 6.12504790081318884 53.0780672251068566, 6.12211745064208657 53.08183962367011333, 6.11971756360131813 53.08269198632297048, 6.11410824365807848 53.08190289298985221, 6.10960946601215937 53.08221013770097585, 6.11427692075777074 53.08696263461510512, 6.12297865679987563 53.09861508127183072, 6.125659541847571 53.10146960526978432, 6.13135137098380234 53.09305504407588927, 6.1368808039558278 53.09214751988091052, 6.13951199572526818 53.0926604592431417, 6.1385728760353917 53.09872656602863827, 6.1372615816065732 53.10139357643660674, 6.13524318332645269 53.10255127000986874, 6.1306849763870952 53.1029096105588394, 6.13227002529287102 53.10354227171737307, 6.1347744193728877 53.10477111598750355, 6.13892291421734981 53.10625467568525693, 6.1399302287060582 53.10643410715518797, 6.14818611163520234 53.11030603556697827, 6.16394645914661421 53.12076328423998461, 6.18571669533954349 53.1292134404095151, 6.18571669533954349 53.1292134404095151),(6.162363316037891 53.09637909772332165, 6.16025788211536973 53.09644804078136104, 6.15999714864600811 53.09497025621851662, 6.16326066861317212 53.09480520278589211, 6.16244699956483188 53.09277262257705132, 6.16356064199677256 53.09254805971159641, 6.16159500557383577 53.08782712465318809, 6.17049373940343937 53.08757513635482894, 6.17299156855705089 53.09245433006265813, 6.17415998274191047 53.09339363660436106, 6.17875320596645139 53.09186879485728383, 6.1794405101908767 53.09526294864475204, 6.17770239236711838 53.09661799862144704, 6.17896319947616224 53.0977781776205191, 6.18018923021440791 53.10124790661255645, 6.17880632878734559 53.10151344113473471, 6.17818838694225647 53.10034761493093924, 6.17645182241130897 53.09989613932116015, 6.16397802740607048 53.10138145416627964, 6.162363316037891 53.09637909772332165, 6.162363316037891 53.09637909772332165)))</t>
  </si>
  <si>
    <t>MultiPolygon (((6.125659541847571 53.10146960526978432, 6.12911721919766084 53.10272346200295601, 6.1306849763870952 53.1029096105588394, 6.13524318332645269 53.10255127000986874, 6.1372615816065732 53.10139357643660674, 6.1385728760353917 53.09872656602863827, 6.13951199572526818 53.0926604592431417, 6.1368808039558278 53.09214751988091052, 6.13135137098380234 53.09305504407588927, 6.125659541847571 53.10146960526978432, 6.125659541847571 53.10146960526978432)))</t>
  </si>
  <si>
    <t>MultiPolygon (((6.16464526525433953 53.0967048235774044, 6.162363316037891 53.09637909772332165, 6.16397802740607048 53.10138145416627964, 6.17645182241130897 53.09989613932116015, 6.17818838694225647 53.10034761493093924, 6.17880632878734559 53.10151344113473471, 6.18018923021440791 53.10124790661255645, 6.17896319947616224 53.0977781776205191, 6.17770239236711838 53.09661799862144704, 6.17695480058542934 53.09665968183522011, 6.16520181281630641 53.09826525147524734, 6.16464526525433953 53.0967048235774044, 6.16464526525433953 53.0967048235774044)))</t>
  </si>
  <si>
    <t>MultiPolygon (((6.16464526525433953 53.0967048235774044, 6.16520181281630641 53.09826525147524734, 6.17695480058542934 53.09665968183522011, 6.17252755250765528 53.09563964449526452, 6.16464526525433953 53.0967048235774044, 6.16464526525433953 53.0967048235774044)))</t>
  </si>
  <si>
    <t>MultiPolygon (((6.17415998274191047 53.09339363660436106, 6.17478677091091299 53.09504340604576811, 6.1794405101908767 53.09526294864475204, 6.17875320596645139 53.09186879485728383, 6.17415998274191047 53.09339363660436106, 6.17415998274191047 53.09339363660436106)))</t>
  </si>
  <si>
    <t>MultiPolygon (((6.16326066861317212 53.09480520278589211, 6.16982283775352691 53.094820159828096, 6.17382513976622604 53.09417173517228861, 6.17299156855705089 53.09245433006265813, 6.17049373940343937 53.08757513635482894, 6.16159500557383577 53.08782712465318809, 6.16356064199677256 53.09254805971159641, 6.16244699956483188 53.09277262257705132, 6.16326066861317212 53.09480520278589211, 6.16326066861317212 53.09480520278589211)))</t>
  </si>
  <si>
    <t>MultiPolygon (((6.17695480058542934 53.09665968183522011, 6.17770239236711838 53.09661799862144704, 6.1794405101908767 53.09526294864475204, 6.17478677091091299 53.09504340604576811, 6.17415998274191047 53.09339363660436106, 6.17299156855705089 53.09245433006265813, 6.17382513976622604 53.09417173517228861, 6.16982283775352691 53.094820159828096, 6.16326066861317212 53.09480520278589211, 6.15999714864600811 53.09497025621851662, 6.16025788211536973 53.09644804078136104, 6.162363316037891 53.09637909772332165, 6.16464526525433953 53.0967048235774044, 6.17252755250765528 53.09563964449526452, 6.17695480058542934 53.09665968183522011, 6.17695480058542934 53.09665968183522011)))</t>
  </si>
  <si>
    <t>MultiPolygon (((6.01487991822618007 53.03625451600183993, 6.0082096710783226 53.03214658537876858, 6.00057914129065839 53.02899041258084623, 6.00116394723794588 53.02539631197230818, 5.99947661387164288 53.02370067052405744, 6.00972437957835659 53.02158174902919541, 5.99952478755601959 53.00973471407991866, 5.99833411286044171 53.00815482171829274, 5.98667125127896682 53.00605834562710328, 5.98921470975308257 53.01543959418880547, 5.97890216108905914 53.01500750856952493, 5.98448374567427077 53.02528520895965158, 5.98391406762434563 53.02655888625697855, 5.97872117436927031 53.02817906624715505, 5.97911786594386374 53.02923868097872884, 5.9770366621844504 53.03012838747878988, 5.9660882154700321 53.03275720946363236, 5.96592619631016419 53.03316732699749281, 5.95217862989475055 53.03720777128598485, 5.95308758252886339 53.03834918518140285, 5.94286219900129176 53.04128352168230265, 5.94013759693220944 53.04221400402406061, 5.94063636197790235 53.04282081091510292, 5.9379960921547541 53.04426996483752532, 5.94394941891951945 53.04439420247815207, 5.94335520951274265 53.04743045276961055, 5.94417034399701372 53.04758531235329855, 5.94453132710941023 53.04907852354623543, 5.94859536399159605 53.04918582419888651, 5.94882093823410951 53.04995577347184366, 5.95290389766510053 53.05008434327417888, 5.95375995298100413 53.0520760311266244, 5.9563963070555177 53.05220981393179613, 5.95761886681833541 53.05354622839671919, 5.9708377193347637 53.05734464263741756, 5.99946774009943606 53.04903537030092764, 6.02002992704417306 53.04364137597352169, 6.01906389594931568 53.04108671893449412, 6.01364733399633344 53.03683352110409999, 6.01487991822618007 53.03625451600183993, 6.01487991822618007 53.03625451600183993),(5.9869498330166433 53.03581599642068056, 5.98539842842054082 53.03323800831278589, 5.98150320847291628 53.03417132978660931, 5.98037114887447352 53.03228467255288336, 5.98338791740882492 53.03178166471228394, 5.98369963735762056 53.03281088214207983, 5.98729837247092522 53.03251557352035661, 5.98640631299376746 53.02795642099488305, 5.98840040434256693 53.0277244164922692, 5.98884084856737786 53.02899162404997213, 5.99208576941907456 53.02801653596017672, 5.99094648986527822 53.02489414198173279, 5.99160755018059366 53.02390961475678921, 5.99627272227545394 53.02528494513114765, 5.99770020285720218 53.02696715967465479, 5.99808469213594364 53.03111252684723098, 5.99320763986646199 53.03224137130574434, 5.99027138952066718 53.03350405640334486, 5.99069660417304028 53.03452622228837043, 5.9869498330166433 53.03581599642068056, 5.9869498330166433 53.03581599642068056)))</t>
  </si>
  <si>
    <t>MultiPolygon (((5.9869498330166433 53.03581599642068056, 5.99069660417304028 53.03452622228837043, 5.99027138952066718 53.03350405640334486, 5.99320763986646199 53.03224137130574434, 5.99808469213594364 53.03111252684723098, 5.99770020285720218 53.02696715967465479, 5.99627272227545394 53.02528494513114765, 5.99160755018059366 53.02390961475678921, 5.99094648986527822 53.02489414198173279, 5.99208576941907456 53.02801653596017672, 5.98884084856737786 53.02899162404997213, 5.98840040434256693 53.0277244164922692, 5.98640631299376746 53.02795642099488305, 5.98729837247092522 53.03251557352035661, 5.98369963735762056 53.03281088214207983, 5.98338791740882492 53.03178166471228394, 5.98037114887447352 53.03228467255288336, 5.98150320847291628 53.03417132978660931, 5.98539842842054082 53.03323800831278589, 5.9869498330166433 53.03581599642068056, 5.9869498330166433 53.03581599642068056)))</t>
  </si>
  <si>
    <t>MultiPolygon (((5.99946774009943606 53.04903537030092764, 6.00636040326315701 53.05588139324296293, 6.01575161941192693 53.05424824582578225, 6.02323636101587034 53.05145511661890367, 6.03415580230654136 53.05107326499442166, 6.03693356610709841 53.05195529468743842, 6.0337291407110456 53.04848239332603299, 6.03116541391629646 53.04740688606056409, 6.03113260276458618 53.04588343800629247, 6.03330581767892848 53.04436570083578317, 6.03858466032657581 53.04286756497322841, 6.03964947243167316 53.04175484826244968, 6.0394384112242534 53.04062281758203312, 6.04590948875788303 53.03921578978268769, 6.05037999450423492 53.04045587596448286, 6.05210370296715805 53.03974446063992332, 6.05204678896351567 53.03919644992114257, 6.05479901480329552 53.03862698990202773, 6.0601585853341069 53.04038953330460515, 6.06653150818037279 53.0385876373238645, 6.06829053717524847 53.03108537050131588, 6.07389397577037737 53.01744363839313223, 6.0649526314762312 53.01614552182011408, 6.05165689877308388 53.01421386806466529, 6.05237907737237624 53.009730899280882, 6.04398912204530703 53.00928782589447508, 6.03974596959131382 53.00764761383614143, 6.04202161743716903 53.00652111456762583, 6.0417650232036193 53.00599365126019791, 6.00061391087892027 53.0097131717456449, 5.99952478755601959 53.00973471407991866, 6.00972437957835659 53.02158174902919541, 5.99947661387164288 53.02370067052405744, 6.00116394723794588 53.02539631197230818, 6.00057914129065839 53.02899041258084623, 6.0082096710783226 53.03214658537876858, 6.01487991822618007 53.03625451600183993, 6.01364733399633344 53.03683352110409999, 6.01906389594931568 53.04108671893449412, 6.02002992704417306 53.04364137597352169, 5.99946774009943606 53.04903537030092764, 5.99946774009943606 53.04903537030092764),(6.04864899733823513 53.02239179345103537, 6.04550162627847332 53.01972103891091592, 6.04461272493843449 53.01971407935086233, 6.04463216173640827 53.02048485143345147, 6.0381971372092158 53.02097959393406512, 6.03583277945928565 53.01795488428227543, 6.03724375660483492 53.01671865198158429, 6.04017368924533748 53.01689763935829092, 6.04032113130060111 53.01786561928230412, 6.04955011010702304 53.01798267434707412, 6.05871171773154238 53.01898449928365409, 6.05851133627516347 53.01973108461610451, 6.04864899733823513 53.02239179345103537, 6.04864899733823513 53.02239179345103537)))</t>
  </si>
  <si>
    <t>MultiPolygon (((6.04864899733823513 53.02239179345103537, 6.05851133627516347 53.01973108461610451, 6.05871171773154238 53.01898449928365409, 6.04955011010702304 53.01798267434707412, 6.04032113130060111 53.01786561928230412, 6.04017368924533748 53.01689763935829092, 6.03724375660483492 53.01671865198158429, 6.03583277945928565 53.01795488428227543, 6.0381971372092158 53.02097959393406512, 6.04463216173640827 53.02048485143345147, 6.04461272493843449 53.01971407935086233, 6.04550162627847332 53.01972103891091592, 6.04864899733823513 53.02239179345103537, 6.04864899733823513 53.02239179345103537)))</t>
  </si>
  <si>
    <t>MultiPolygon (((6.23936395905985641 53.11338882574913356, 6.25126470298616255 53.11393695951402805, 6.25270838704355914 53.1097349323955612, 6.25662688066088979 53.10973752593661601, 6.25443628738828394 53.11170970633065025, 6.2555948428241166 53.11419971583624999, 6.26168459116182508 53.11429269474496806, 6.27413882460213834 53.11116116546389065, 6.28305030535193154 53.10686313799070746, 6.29056560116528551 53.09982905081477611, 6.29317262220846452 53.09921001551229125, 6.27384144546654365 53.09511256708162108, 6.25900860532025671 53.09323267199166452, 6.25746734560588802 53.09419341860396457, 6.25310239704687465 53.09376948207854241, 6.24434221644240406 53.09080474051246057, 6.2428828617239045 53.09203468946955695, 6.23887646992544553 53.09013999571529752, 6.2383695661332883 53.0891356732468509, 6.23084966700194798 53.08421298310919667, 6.22744949761283983 53.08307583109740335, 6.22345072634953755 53.08273383483736296, 6.21780623612271555 53.08045535187120834, 6.21672117856467921 53.07913164565812991, 6.21239432852513307 53.07766239231469996, 6.20672345804727676 53.07676996829997762, 6.20324202116096846 53.07349558910733123, 6.1947471357295445 53.0711066213707312, 6.19010135807946327 53.08107886067887904, 6.19593692473689206 53.09258565683749254, 6.20238690656656999 53.09129898573861084, 6.20490332515118315 53.09585387940156664, 6.20897585885083103 53.10053964485936007, 6.21545287280809511 53.09859588491190863, 6.21837793119177906 53.10034697981736684, 6.22596181054648223 53.11430014007439837, 6.23936395905985641 53.11338882574913356, 6.23936395905985641 53.11338882574913356),(6.25257880646732467 53.10214364114685992, 6.25148722507801402 53.10021291159591073, 6.25567366879866249 53.09902228925564316, 6.25466021228696878 53.10196942550405907, 6.25257880646732467 53.10214364114685992, 6.25257880646732467 53.10214364114685992),(6.2435301119205171 53.10211761036079992, 6.24266006769923631 53.10050585011055801, 6.24405700532539765 53.10027974170450449, 6.24166024104303307 53.09638761583745747, 6.24415916009463068 53.09595644057949926, 6.24560546595280019 53.09973335439796926, 6.2452484774281114 53.10156670632244413, 6.2435301119205171 53.10211761036079992, 6.2435301119205171 53.10211761036079992)))</t>
  </si>
  <si>
    <t>MultiPolygon (((6.2435301119205171 53.10211761036079992, 6.2452484774281114 53.10156670632244413, 6.24560546595280019 53.09973335439796926, 6.24415916009463068 53.09595644057949926, 6.24166024104303307 53.09638761583745747, 6.24405700532539765 53.10027974170450449, 6.24266006769923631 53.10050585011055801, 6.2435301119205171 53.10211761036079992, 6.2435301119205171 53.10211761036079992)),((6.25257880646732467 53.10214364114685992, 6.25466021228696878 53.10196942550405907, 6.25567366879866249 53.09902228925564316, 6.25148722507801402 53.10021291159591073, 6.25257880646732467 53.10214364114685992, 6.25257880646732467 53.10214364114685992)),((6.25443628738828394 53.11170970633065025, 6.25662688066088979 53.10973752593661601, 6.25270838704355914 53.1097349323955612, 6.25126470298616255 53.11393695951402805, 6.25438144539703078 53.11413149412084778, 6.2555948428241166 53.11419971583624999, 6.25443628738828394 53.11170970633065025, 6.25443628738828394 53.11170970633065025)))</t>
  </si>
  <si>
    <t>MultiPolygon (((5.93279949236560089 53.08118035517538402, 5.9809437032553685 53.07756547500801503, 5.98355495754016431 53.0782665252043131, 5.98495427357755538 53.07975934404309015, 5.98749013191917356 53.08075976405434915, 6.00247026860730237 53.08065278355644523, 6.0174667538420179 53.076104984911332, 6.01981585633849203 53.07682535367023746, 6.02439900182275689 53.07336087647392731, 6.03173626037315458 53.0738618689179944, 6.05104890248217853 53.07275105797892678, 6.03594258226039937 53.06220608102776737, 6.04042340039180736 53.05983908168925467, 6.03816554204933453 53.05807342836776286, 6.04186662052375922 53.05629861639243927, 6.03693356610709841 53.05195529468743842, 6.03415580230654136 53.05107326499442166, 6.02323636101587034 53.05145511661890367, 6.01575161941192693 53.05424824582578225, 6.00636040326315701 53.05588139324296293, 5.99946774009943606 53.04903537030092764, 5.9708377193347637 53.05734464263741756, 5.95761886681833541 53.05354622839671919, 5.94263503375677349 53.05348621389761377, 5.94732823535743549 53.06248022200152548, 5.94426832586464471 53.06525457106891253, 5.94109038559708047 53.06390011780796101, 5.9399926641892371 53.06402128576642241, 5.93545631684696495 53.06657032026287624, 5.9304117497770692 53.07100487457550742, 5.93227744148847425 53.07141013215608183, 5.93229563852186814 53.07321358506413134, 5.93595175500932282 53.07381539417816185, 5.93431760444223766 53.07577539183096604, 5.93291663994747243 53.0760443161884865, 5.93364961836689364 53.07685320120136652, 5.93339021211602002 53.07811135521981782, 5.92758050896324917 53.07839481686198013, 5.93031334795340026 53.08101797726542515, 5.93279949236560089 53.08118035517538402, 5.93279949236560089 53.08118035517538402),(5.99132293503910773 53.07843920182264696, 5.99714654091084931 53.07569330726561674, 5.99778557227657227 53.07615580621555296, 6.0040326170558167 53.07294528867662109, 6.00158085161523225 53.07148951261681447, 5.99627478679381376 53.07105863998801709, 5.99204111749522905 53.06886365780975723, 5.98914007675861004 53.06719786613638234, 5.98732627963599562 53.06470115692975753, 5.98821291923711208 53.0641170033239149, 5.99573551463626497 53.06776088113895185, 5.99747674406106412 53.06799247661258079, 6.01166315590943157 53.06615289635986699, 6.01675270363621362 53.06347274519523438, 6.02115569676195062 53.06592499606690438, 6.02467077922840133 53.06657396848769537, 6.02248499894410472 53.06838673416618235, 6.01508641788581322 53.06838002852718716, 6.01037470765091886 53.06922989339219043, 6.00877217847495615 53.0704836958747137, 6.00956674776330946 53.07095507143600344, 6.00583787120186319 53.07401703693879114, 6.00204310161907895 53.0757445212697192, 5.99447719103305499 53.07792461236677894, 5.99400554026711152 53.07853093740684614, 5.99180153585885744 53.0788807872001982, 5.99132293503910773 53.07843920182264696, 5.99132293503910773 53.07843920182264696)))</t>
  </si>
  <si>
    <t>MultiPolygon (((5.99400554026711152 53.07853093740684614, 5.99447719103305499 53.07792461236677894, 6.00204310161907895 53.0757445212697192, 6.00583787120186319 53.07401703693879114, 6.00956674776330946 53.07095507143600344, 6.00877217847495615 53.0704836958747137, 6.01037470765091886 53.06922989339219043, 6.01508641788581322 53.06838002852718716, 6.02248499894410472 53.06838673416618235, 6.02467077922840133 53.06657396848769537, 6.02115569676195062 53.06592499606690438, 6.01675270363621362 53.06347274519523438, 6.01166315590943157 53.06615289635986699, 5.99747674406106412 53.06799247661258079, 5.99573551463626497 53.06776088113895185, 5.98821291923711208 53.0641170033239149, 5.98732627963599562 53.06470115692975753, 5.98914007675861004 53.06719786613638234, 5.99204111749522905 53.06886365780975723, 5.99627478679381376 53.07105863998801709, 6.00158085161523225 53.07148951261681447, 6.0040326170558167 53.07294528867662109, 5.99778557227657227 53.07615580621555296, 5.99714654091084931 53.07569330726561674, 5.99132293503910773 53.07843920182264696, 5.99180153585885744 53.0788807872001982, 5.99400554026711152 53.07853093740684614, 5.99400554026711152 53.07853093740684614)))</t>
  </si>
  <si>
    <t>MultiPolygon (((5.98921470975308257 53.01543959418880547, 5.98667125127896682 53.00605834562710328, 5.99833411286044171 53.00815482171829274, 5.99952478755601959 53.00973471407991866, 6.00061391087892027 53.0097131717456449, 5.99985574174224734 53.00875310144983388, 6.0026972187685077 53.00679768708318562, 5.99372486829342588 52.99225559253927287, 5.9900210556139637 52.99365979705586938, 5.98118413811718419 52.98040253367653207, 5.9777867637587585 52.9766747199938095, 5.97243474699390831 52.97774803153686207, 5.96790935827830982 52.97625161867076571, 5.96282630352338128 52.97731649010392374, 5.96489206832000196 52.97933701801096618, 5.96265339180801224 52.98100727578767533, 5.97282364415412559 52.98935329216079282, 5.97415501233243074 52.99054895541614485, 5.97675005988028651 52.99265873714871589, 5.97464879192973974 52.99428523804584756, 5.9764920963908672 52.99559086134828334, 5.97981678990332011 52.99390148640479481, 5.98244627823511443 52.99574577178054113, 5.98571727397189779 52.99518175848008639, 5.98515485708317385 52.99951705956283377, 5.98395833003270194 52.9994591651257565, 5.98171880482983376 52.9967052030139314, 5.9796100314420757 52.99781114437306684, 5.97396331252818413 53.00342477326798019, 5.97300898362465205 53.00557852988124807, 5.97391167453147709 53.00621900864896219, 5.97196357718551596 53.00965836998565806, 5.97712273686894502 53.01016537641213233, 5.97677173430854225 53.0112003296560772, 5.97890216108905914 53.01500750856952493, 5.98921470975308257 53.01543959418880547, 5.98921470975308257 53.01543959418880547)))</t>
  </si>
  <si>
    <t>MultiPolygon (((5.9764920963908672 52.99559086134828334, 5.97759276033355125 52.99638109479998604, 5.9796100314420757 52.99781114437306684, 5.98171880482983376 52.9967052030139314, 5.98395833003270194 52.9994591651257565, 5.98515485708317385 52.99951705956283377, 5.98571727397189779 52.99518175848008639, 5.98244627823511443 52.99574577178054113, 5.97981678990332011 52.99390148640479481, 5.9764920963908672 52.99559086134828334, 5.9764920963908672 52.99559086134828334)))</t>
  </si>
  <si>
    <t>MultiPolygon (((6.10148289450957027 53.04759521947090661, 6.13877382053307308 53.01348353711158978, 6.13155354443920775 53.01200554949960519, 6.12964066437143273 53.01082915343690161, 6.1287789629289664 53.01038463854053617, 6.12980448064266259 53.00875697213032822, 6.12048838127658001 53.00536222039200851, 6.11390439042160949 53.00173344344365489, 6.10740756122400175 52.99940644978621407, 6.10555556052686121 52.99776875475320281, 6.10077191062190494 52.99560615162916122, 6.09928571772737893 52.99407855917903021, 6.09647789729224154 52.9928533093805143, 6.09027267125242489 52.99328576221060416, 6.08039373050722709 53.01389634883597068, 6.08679694043380959 53.0158130372394325, 6.08988872980056417 53.01392209104630382, 6.09624277656080427 53.0140766231869307, 6.09915470524203052 53.01595372114712745, 6.09688494895601973 53.01829883788721531, 6.09760084094172683 53.01943113364068694, 6.09885177165394943 53.02074957862451754, 6.10217041633931423 53.02147992484266581, 6.10188201373829742 53.02326925118045864, 6.10048121890707673 53.0243970675034717, 6.09942565034832551 53.02391096650872981, 6.09924120884836629 53.02266120284962625, 6.09001977172441933 53.01753792038987712, 6.07473946338874615 53.01530760410823717, 6.07389397577037737 53.01744363839313223, 6.06829053717524847 53.03108537050131588, 6.06653150818037279 53.0385876373238645, 6.07070375208544544 53.03976384324617754, 6.08369048047504801 53.04065243571049137, 6.08834849984625759 53.04354666702374033, 6.09485124868543249 53.04432719735520152, 6.10148289450957027 53.04759521947090661, 6.10148289450957027 53.04759521947090661)))</t>
  </si>
  <si>
    <t>MultiPolygon (((6.07473946338874615 53.01530760410823717, 6.09001977172441933 53.01753792038987712, 6.09924120884836629 53.02266120284962625, 6.09942565034832551 53.02391096650872981, 6.10048121890707673 53.0243970675034717, 6.10188201373829742 53.02326925118045864, 6.10217041633931423 53.02147992484266581, 6.09885177165394943 53.02074957862451754, 6.09760084094172683 53.01943113364068694, 6.09688494895601973 53.01829883788721531, 6.09915470524203052 53.01595372114712745, 6.09624277656080427 53.0140766231869307, 6.08988872980056417 53.01392209104630382, 6.08679694043380959 53.0158130372394325, 6.08039373050722709 53.01389634883597068, 6.07585545577398545 53.0126569490095676, 6.07500399615957587 53.01463924515724102, 6.07473946338874615 53.01530760410823717, 6.07473946338874615 53.01530760410823717)))</t>
  </si>
  <si>
    <t>MultiPolygon (((6.03100998020387813 53.00057236764248358, 6.04352909459808174 52.9867416080267617, 6.03754980701978994 52.9854048653651617, 6.02841198191373362 52.98471590382177965, 6.02573495125354608 52.98521334528543747, 6.02345703384710696 52.98471683306298985, 6.02341864841262176 52.98792682156772571, 6.02245053366090133 52.98789867789978558, 6.02210615408468097 52.98656164609777619, 6.02037256402543974 52.98632305951178978, 6.01750952831712205 52.98650645427626671, 6.01322294080752506 52.98772808510689458, 6.01274607514969617 52.98651496105686931, 6.02115683706073401 52.98570056358386182, 6.02104479169088158 52.98456359979940089, 6.02340967233843116 52.98470650544694394, 6.02337553639594425 52.98287816625668967, 6.02086543334178614 52.98293486972087862, 6.01880381341447013 52.96608925841461968, 6.01634109932741623 52.96637541718293818, 5.96287261717998707 52.97242466848960163, 5.95810507039009263 52.97293542385515508, 5.96282630352338128 52.97731649010392374, 5.96790935827830982 52.97625161867076571, 5.97243474699390831 52.97774803153686207, 5.9777867637587585 52.9766747199938095, 5.98118413811718419 52.98040253367653207, 5.9900210556139637 52.99365979705586938, 5.99372486829342588 52.99225559253927287, 6.0026972187685077 53.00679768708318562, 5.99985574174224734 53.00875310144983388, 6.00061391087892027 53.0097131717456449, 6.0417650232036193 53.00599365126019791, 6.04010596036618708 53.00343298876786235, 6.03100998020387813 53.00057236764248358, 6.03100998020387813 53.00057236764248358),(5.99820196534165806 52.98190272234133857, 6.00078161484799999 52.98110796424941782, 6.00467189080893426 52.98158112308045276, 6.00734035031481461 52.98128373035558525, 6.01041463489799366 52.97892788000616093, 6.01181435669330444 52.98194872405629496, 6.01116220211543428 52.98300324360784685, 6.0099405553760894 52.98313529511942477, 6.00905293669575435 52.9821297696820821, 6.00690397785424501 52.98248384523227372, 6.00818832560765959 52.98547748811071045, 6.00029945051570568 52.98677324231054087, 5.998039237424166 52.98334526093628227, 5.99820196534165806 52.98190272234133857, 5.99820196534165806 52.98190272234133857)))</t>
  </si>
  <si>
    <t>MultiPolygon (((6.00029945051570568 52.98677324231054087, 6.00818832560765959 52.98547748811071045, 6.00690397785424501 52.98248384523227372, 6.00905293669575435 52.9821297696820821, 6.0099405553760894 52.98313529511942477, 6.01116220211543428 52.98300324360784685, 6.01181435669330444 52.98194872405629496, 6.01041463489799366 52.97892788000616093, 6.00734035031481461 52.98128373035558525, 6.00467189080893426 52.98158112308045276, 6.00078161484799999 52.98110796424941782, 5.99820196534165806 52.98190272234133857, 5.998039237424166 52.98334526093628227, 6.00029945051570568 52.98677324231054087, 6.00029945051570568 52.98677324231054087)),((6.02341864841262176 52.98792682156772571, 6.02345703384710696 52.98471683306298985, 6.02340967233843116 52.98470650544694394, 6.02104479169088158 52.98456359979940089, 6.02115683706073401 52.98570056358386182, 6.01274607514969617 52.98651496105686931, 6.01322294080752506 52.98772808510689458, 6.01750952831712205 52.98650645427626671, 6.02037256402543974 52.98632305951178978, 6.02210615408468097 52.98656164609777619, 6.02245053366090133 52.98789867789978558, 6.02341864841262176 52.98792682156772571, 6.02341864841262176 52.98792682156772571)))</t>
  </si>
  <si>
    <t>MultiPolygon (((6.02345703384710696 52.98471683306298985, 6.02573495125354608 52.98521334528543747, 6.02841198191373362 52.98471590382177965, 6.03754980701978994 52.9854048653651617, 6.04352909459808174 52.9867416080267617, 6.05888347527000271 52.97029110152457321, 6.04434693749672913 52.9662366386231156, 6.02694067787862764 52.96437241701161014, 6.02680544159134612 52.96499753174310854, 6.01880381341447013 52.96608925841461968, 6.02086543334178614 52.98293486972087862, 6.02337553639594425 52.98287816625668967, 6.02340967233843116 52.98470650544694394, 6.02345703384710696 52.98471683306298985, 6.02345703384710696 52.98471683306298985),(6.03937222571538168 52.98036806349976757, 6.03872936611521371 52.98151308871304366, 6.0366012437526031 52.98091803588403792, 6.0369908500896079 52.97846788856757883, 6.03794771932560703 52.97820512079727706, 6.04160514143960015 52.97900680001539797, 6.04347930071886097 52.98078804715765244, 6.04278077605329145 52.98131240398205222, 6.03937222571538168 52.98036806349976757, 6.03937222571538168 52.98036806349976757)))</t>
  </si>
  <si>
    <t>MultiPolygon (((6.03937222571538168 52.98036806349976757, 6.04278077605329145 52.98131240398205222, 6.04347930071886097 52.98078804715765244, 6.04160514143960015 52.97900680001539797, 6.03794771932560703 52.97820512079727706, 6.0369908500896079 52.97846788856757883, 6.0366012437526031 52.98091803588403792, 6.03872936611521371 52.98151308871304366, 6.03937222571538168 52.98036806349976757, 6.03937222571538168 52.98036806349976757)))</t>
  </si>
  <si>
    <t>MultiPolygon (((6.13881288266206049 53.0533995755347334, 6.15886368505989434 53.03278609304823732, 6.15781633584534571 53.03239103490100348, 6.15998803750446111 53.02986829053774187, 6.16185551136060727 53.02949397525561182, 6.17130053411540214 53.01990206543999307, 6.1585298565104214 53.01702275171607681, 6.15133759810956526 53.01661737373943595, 6.13877382053307308 53.01348353711158978, 6.10148289450957027 53.04759521947090661, 6.10445930935248349 53.04784060509255283, 6.11727721169709238 53.05144477323378993, 6.11864883528183956 53.0511901435652149, 6.12517796837254558 53.05350582223125144, 6.13126763173366118 53.05489698342825022, 6.13268604355446545 53.05832732584988776, 6.13513433851726919 53.05829377055006546, 6.1384165135660167 53.05489119282067634, 6.13881288266206049 53.0533995755347334, 6.13881288266206049 53.0533995755347334),(6.15211027978920821 53.03743662212173149, 6.14343813524098259 53.03495900474191416, 6.14232792998276089 53.03612740237340262, 6.13774214650436534 53.03470699137657363, 6.13833919483892831 53.03409126065286472, 6.13705082014945003 53.03319360415736838, 6.13065927680730827 53.03537015120912201, 6.12684361005923428 53.03485140262098696, 6.12956365999808739 53.03200391987752482, 6.13647208554335055 53.030571747776591, 6.13756742103756014 53.02943718955734198, 6.13935163630767011 53.02934966140880135, 6.14220909837785367 53.03008306075876277, 6.13988955392836555 53.03283167387591845, 6.14135716810789667 53.03408065578847186, 6.14619783259781194 53.03535795737509773, 6.14802377037563996 53.03490686128358078, 6.15258549851419723 53.03693571026079212, 6.15211027978920821 53.03743662212173149, 6.15211027978920821 53.03743662212173149)))</t>
  </si>
  <si>
    <t>MultiPolygon (((6.15258549851419723 53.03693571026079212, 6.14802377037563996 53.03490686128358078, 6.14619783259781194 53.03535795737509773, 6.14135716810789667 53.03408065578847186, 6.13988955392836555 53.03283167387591845, 6.14220909837785367 53.03008306075876277, 6.13935163630767011 53.02934966140880135, 6.13756742103756014 53.02943718955734198, 6.13647208554335055 53.030571747776591, 6.12956365999808739 53.03200391987752482, 6.12684361005923428 53.03485140262098696, 6.13065927680730827 53.03537015120912201, 6.13705082014945003 53.03319360415736838, 6.13833919483892831 53.03409126065286472, 6.13774214650436534 53.03470699137657363, 6.14232792998276089 53.03612740237340262, 6.14343813524098259 53.03495900474191416, 6.15211027978920821 53.03743662212173149, 6.15258549851419723 53.03693571026079212, 6.15258549851419723 53.03693571026079212)))</t>
  </si>
  <si>
    <t>MultiPolygon (((6.08039373050722709 53.01389634883597068, 6.09027267125242489 52.99328576221060416, 6.09647789729224154 52.9928533093805143, 6.09972205662184219 52.98949996140063234, 6.09898288198688743 52.98923802376248915, 6.09846805156087335 52.98975525936622688, 6.09645253886437377 52.98806331650878576, 6.09750785465550749 52.98695409250414201, 6.09248518676431505 52.98424871503271305, 6.08786298457927977 52.98328497842785367, 6.08620585454056862 52.9837530918119981, 6.08496758055257825 52.9829471036919557, 6.08429714703127011 52.98317343168915272, 6.07972529457831889 52.98045411511209579, 6.06984370600206713 52.97423378179043851, 6.0674934861664287 52.97316551479125479, 6.06683502893057902 52.97371558712502093, 6.06549704331909734 52.97299796048021392, 6.05888347527000271 52.97029110152457321, 6.04352909459808174 52.9867416080267617, 6.03100998020387813 53.00057236764248358, 6.04010596036618708 53.00343298876786235, 6.0417650232036193 53.00599365126019791, 6.04202161743716903 53.00652111456762583, 6.04959803826793241 53.00580489353237112, 6.05880569918566891 53.00215204517247258, 6.06077256289111777 53.00134235997870746, 6.05687499582843181 52.99929127977173948, 6.05617496254781429 52.99870797824998192, 6.05674075062390393 52.99801252136693108, 6.06213106065430551 52.99615507687907723, 6.0628614747477263 52.99673721176669972, 6.06880529010025871 52.99419854556558107, 6.070966507556526 52.99622816436265538, 6.07275290451744443 52.99545845401112132, 6.0733139298183545 52.99641461708103662, 6.07199780566983449 52.99666613676576077, 6.07370421370205715 52.9981876365195248, 6.07964483719300919 52.996821141112882, 6.07480272312004832 52.99825679587698346, 6.07563752402063262 53.00106793815733397, 6.0839529919876103 53.00235357141673376, 6.0845957540887623 53.004588877086249, 6.08268311334860989 53.00849333171134248, 6.07959076018495459 53.0080125387302985, 6.07809109449242868 53.00698384696550391, 6.07585545577398545 53.0126569490095676, 6.08039373050722709 53.01389634883597068, 6.08039373050722709 53.01389634883597068)),((6.07058565189636212 53.01363116646999174, 6.06687690771154564 53.01254948907963893, 6.0649526314762312 53.01614552182011408, 6.07389397577037737 53.01744363839313223, 6.07473946338874615 53.01530760410823717, 6.07500399615957587 53.01463924515724102, 6.07058565189636212 53.01363116646999174, 6.07058565189636212 53.01363116646999174)))</t>
  </si>
  <si>
    <t>MultiPolygon (((6.06077256289111777 53.00134235997870746, 6.06605740629890366 52.99911231032082526, 6.06798840913044302 53.00071062128071731, 6.07222561088397939 52.99896551780513221, 6.070966507556526 52.99622816436265538, 6.06880529010025871 52.99419854556558107, 6.0628614747477263 52.99673721176669972, 6.06213106065430551 52.99615507687907723, 6.05674075062390393 52.99801252136693108, 6.05617496254781429 52.99870797824998192, 6.05687499582843181 52.99929127977173948, 6.06077256289111777 53.00134235997870746, 6.06077256289111777 53.00134235997870746)))</t>
  </si>
  <si>
    <t>MultiPolygon (((6.07289983976600123 53.00730098242743793, 6.07304325937778522 53.00732605330477298, 6.07563752402063262 53.00106793815733397, 6.07480272312004832 52.99825679587698346, 6.06515685589784592 53.00299672786992744, 6.06467039632369254 53.00588799964166498, 6.07289983976600123 53.00730098242743793, 6.07289983976600123 53.00730098242743793)))</t>
  </si>
  <si>
    <t>MultiPolygon (((6.07304325937778522 53.00732605330477298, 6.07809109449242868 53.00698384696550391, 6.07959076018495459 53.0080125387302985, 6.08268311334860989 53.00849333171134248, 6.0845957540887623 53.004588877086249, 6.0839529919876103 53.00235357141673376, 6.07563752402063262 53.00106793815733397, 6.07304325937778522 53.00732605330477298, 6.07304325937778522 53.00732605330477298)))</t>
  </si>
  <si>
    <t>MultiPolygon (((6.07058565189636212 53.01363116646999174, 6.07500399615957587 53.01463924515724102, 6.07585545577398545 53.0126569490095676, 6.07809109449242868 53.00698384696550391, 6.07304325937778522 53.00732605330477298, 6.07289983976600123 53.00730098242743793, 6.07058565189636212 53.01363116646999174, 6.07058565189636212 53.01363116646999174)))</t>
  </si>
  <si>
    <t>MultiPolygon (((6.06687690771154564 53.01254948907963893, 6.07058565189636212 53.01363116646999174, 6.07289983976600123 53.00730098242743793, 6.06467039632369254 53.00588799964166498, 6.06226369568827383 53.01029783478750801, 6.06687690771154564 53.01254948907963893, 6.06687690771154564 53.01254948907963893)))</t>
  </si>
  <si>
    <t>MultiPolygon (((6.0649526314762312 53.01614552182011408, 6.06687690771154564 53.01254948907963893, 6.06226369568827383 53.01029783478750801, 6.06315573478727821 53.00593032643322289, 6.05948439367456526 53.0034829073280207, 6.05880569918566891 53.00215204517247258, 6.04959803826793241 53.00580489353237112, 6.04202161743716903 53.00652111456762583, 6.03974596959131382 53.00764761383614143, 6.04398912204530703 53.00928782589447508, 6.05237907737237624 53.009730899280882, 6.05165689877308388 53.01421386806466529, 6.0649526314762312 53.01614552182011408, 6.0649526314762312 53.01614552182011408)))</t>
  </si>
  <si>
    <t>MultiPolygon (((6.06226369568827383 53.01029783478750801, 6.06467039632369254 53.00588799964166498, 6.06515685589784592 53.00299672786992744, 6.07480272312004832 52.99825679587698346, 6.07964483719300919 52.996821141112882, 6.07370421370205715 52.9981876365195248, 6.07199780566983449 52.99666613676576077, 6.0733139298183545 52.99641461708103662, 6.07275290451744443 52.99545845401112132, 6.070966507556526 52.99622816436265538, 6.07222561088397939 52.99896551780513221, 6.06798840913044302 53.00071062128071731, 6.06605740629890366 52.99911231032082526, 6.06077256289111777 53.00134235997870746, 6.05880569918566891 53.00215204517247258, 6.05948439367456526 53.0034829073280207, 6.06315573478727821 53.00593032643322289, 6.06226369568827383 53.01029783478750801, 6.06226369568827383 53.01029783478750801)))</t>
  </si>
  <si>
    <t>MultiPolygon (((6.19294118544944627 53.12335659409693278, 6.2023815266707274 53.11722059123725614, 6.20560981368222464 53.11546645468492045, 6.2060844996761162 53.11387684744147464, 6.19964804348809562 53.101509899537227, 6.19924693921538417 53.10039083583482977, 6.20015170994168674 53.10017553239240584, 6.20363652264419851 53.10277960403040964, 6.20537067370696072 53.10295577903881536, 6.20852887286228405 53.10893716054292923, 6.21008505957504742 53.10999712679192442, 6.2151805566439533 53.10978575322494777, 6.21540397154207191 53.1101992529233371, 6.207536376135395 53.11144937914205144, 6.20649202613593154 53.11245854074254424, 6.20627131671622578 53.11544448455302359, 6.21286053676736216 53.11523253857383509, 6.22260676512802569 53.11491414619899842, 6.22596181054648223 53.11430014007439837, 6.21837793119177906 53.10034697981736684, 6.21545287280809511 53.09859588491190863, 6.20897585885083103 53.10053964485936007, 6.20490332515118315 53.09585387940156664, 6.20238690656656999 53.09129898573861084, 6.19593692473689206 53.09258565683749254, 6.19730134397333998 53.09544732161113245, 6.18974845710043109 53.09687815122563137, 6.19735587428747792 53.11115303155894907, 6.18989616592516345 53.1123118537562604, 6.19293022416167815 53.11816350027129374, 6.19033800265658485 53.11827311601692969, 6.19294118544944627 53.12335659409693278, 6.19294118544944627 53.12335659409693278)))</t>
  </si>
  <si>
    <t>MultiPolygon (((6.20560981368222464 53.11546645468492045, 6.20620538969999647 53.11544776331621875, 6.20627131671622578 53.11544448455302359, 6.20649202613593154 53.11245854074254424, 6.207536376135395 53.11144937914205144, 6.21540397154207191 53.1101992529233371, 6.2151805566439533 53.10978575322494777, 6.21008505957504742 53.10999712679192442, 6.20852887286228405 53.10893716054292923, 6.20537067370696072 53.10295577903881536, 6.20363652264419851 53.10277960403040964, 6.20015170994168674 53.10017553239240584, 6.19924693921538417 53.10039083583482977, 6.19964804348809562 53.101509899537227, 6.2060844996761162 53.11387684744147464, 6.20560981368222464 53.11546645468492045, 6.20560981368222464 53.11546645468492045)))</t>
  </si>
  <si>
    <t>MultiPolygon (((6.05104890248217853 53.07275105797892678, 6.06988041893996666 53.07210687765785906, 6.0761288305991048 53.07115876620234474, 6.07621431763699515 53.06988310351603388, 6.07577757375927963 53.06603088704991933, 6.07589579244538491 53.06366849827560372, 6.07449655814788247 53.06196249100632656, 6.07311065659676075 53.0620322724293132, 6.07306012930499417 53.06431008868952404, 6.07179971223489989 53.06445908526192312, 6.07029429562421008 53.06196578946543241, 6.07002143349488765 53.0590480047429196, 6.07135266408021401 53.05900875254903326, 6.07212130712637599 53.05819567936456593, 6.07203335115879117 53.05512259626492977, 6.07129551944738477 53.05158910324817612, 6.076735615410219 53.05199231042495711, 6.0841142873984726 53.05247440837698747, 6.08419525101716197 53.05526994158680054, 6.08407309633288573 53.05916766473927737, 6.08379061670271692 53.06428232668705647, 6.08342651908463683 53.07098664458897019, 6.08845986650012261 53.07088920484519434, 6.08888317757343245 53.06313181690660485, 6.12128711546293403 53.05627973523269247, 6.12517796837254558 53.05350582223125144, 6.11864883528183956 53.0511901435652149, 6.11727721169709238 53.05144477323378993, 6.10445930935248349 53.04784060509255283, 6.10148289450957027 53.04759521947090661, 6.09485124868543249 53.04432719735520152, 6.08834849984625759 53.04354666702374033, 6.08369048047504801 53.04065243571049137, 6.07070375208544544 53.03976384324617754, 6.06653150818037279 53.0385876373238645, 6.0601585853341069 53.04038953330460515, 6.05479901480329552 53.03862698990202773, 6.05204678896351567 53.03919644992114257, 6.05210370296715805 53.03974446063992332, 6.05037999450423492 53.04045587596448286, 6.04590948875788303 53.03921578978268769, 6.0394384112242534 53.04062281758203312, 6.03964947243167316 53.04175484826244968, 6.03858466032657581 53.04286756497322841, 6.03330581767892848 53.04436570083578317, 6.03113260276458618 53.04588343800629247, 6.03116541391629646 53.04740688606056409, 6.0337291407110456 53.04848239332603299, 6.03693356610709841 53.05195529468743842, 6.04186662052375922 53.05629861639243927, 6.03816554204933453 53.05807342836776286, 6.04042340039180736 53.05983908168925467, 6.03594258226039937 53.06220608102776737, 6.05104890248217853 53.07275105797892678, 6.05104890248217853 53.07275105797892678)))</t>
  </si>
  <si>
    <t>MultiPolygon (((6.08932047293973877 53.07101350328063916, 6.10359369971916443 53.0770051833269747, 6.10960946601215937 53.08221013770097585, 6.11410824365807848 53.08190289298985221, 6.11971756360131813 53.08269198632297048, 6.12211745064208657 53.08183962367011333, 6.12504790081318884 53.0780672251068566, 6.12405690296567684 53.07762005276262585, 6.13487077163167349 53.06335065917821225, 6.13506231208427177 53.06175570175434331, 6.13268604355446545 53.05832732584988776, 6.13126763173366118 53.05489698342825022, 6.12517796837254558 53.05350582223125144, 6.12128711546293403 53.05627973523269247, 6.08888317757343245 53.06313181690660485, 6.08845986650012261 53.07088920484519434, 6.08932047293973877 53.07101350328063916, 6.08932047293973877 53.07101350328063916)))</t>
  </si>
  <si>
    <t>MultiPolygon (((6.0761288305991048 53.07115876620234474, 6.08342651908463683 53.07098664458897019, 6.08379061670271692 53.06428232668705647, 6.08109628393872192 53.06643901057091028, 6.08097371984750712 53.06992137987774072, 6.07621431763699515 53.06988310351603388, 6.0761288305991048 53.07115876620234474, 6.0761288305991048 53.07115876620234474)))</t>
  </si>
  <si>
    <t>MultiPolygon (((6.07621431763699515 53.06988310351603388, 6.08097371984750712 53.06992137987774072, 6.08109628393872192 53.06643901057091028, 6.07577757375927963 53.06603088704991933, 6.07621431763699515 53.06988310351603388, 6.07621431763699515 53.06988310351603388)))</t>
  </si>
  <si>
    <t>MultiPolygon (((6.07203335115879117 53.05512259626492977, 6.07662041954585774 53.05541998240389745, 6.076735615410219 53.05199231042495711, 6.07129551944738477 53.05158910324817612, 6.07203335115879117 53.05512259626492977, 6.07203335115879117 53.05512259626492977)))</t>
  </si>
  <si>
    <t>MultiPolygon (((6.07662041954585774 53.05541998240389745, 6.08419525101716197 53.05526994158680054, 6.0841142873984726 53.05247440837698747, 6.076735615410219 53.05199231042495711, 6.07662041954585774 53.05541998240389745, 6.07662041954585774 53.05541998240389745)))</t>
  </si>
  <si>
    <t>MultiPolygon (((6.07577757375927963 53.06603088704991933, 6.08109628393872192 53.06643901057091028, 6.08379061670271692 53.06428232668705647, 6.08407309633288573 53.05916766473927737, 6.08337991799004119 53.05918003147484541, 6.07529458759749463 53.05997267579788712, 6.07135266408021401 53.05900875254903326, 6.07002143349488765 53.0590480047429196, 6.07029429562421008 53.06196578946543241, 6.07179971223489989 53.06445908526192312, 6.07306012930499417 53.06431008868952404, 6.07311065659676075 53.0620322724293132, 6.07449655814788247 53.06196249100632656, 6.07589579244538491 53.06366849827560372, 6.07577757375927963 53.06603088704991933, 6.07577757375927963 53.06603088704991933)))</t>
  </si>
  <si>
    <t>MultiPolygon (((6.08337991799004119 53.05918003147484541, 6.08407309633288573 53.05916766473927737, 6.08419525101716197 53.05526994158680054, 6.07662041954585774 53.05541998240389745, 6.07203335115879117 53.05512259626492977, 6.07212130712637599 53.05819567936456593, 6.07477998330464786 53.05909437612088198, 6.07825672533082884 53.0587700285475492, 6.07883432559950077 53.05693076596677571, 6.0803954832475684 53.05653593302022841, 6.08337991799004119 53.05918003147484541, 6.08337991799004119 53.05918003147484541)))</t>
  </si>
  <si>
    <t>MultiPolygon (((6.07135266408021401 53.05900875254903326, 6.07529458759749463 53.05997267579788712, 6.08337991799004119 53.05918003147484541, 6.0803954832475684 53.05653593302022841, 6.07883432559950077 53.05693076596677571, 6.07825672533082884 53.0587700285475492, 6.07477998330464786 53.05909437612088198, 6.07212130712637599 53.05819567936456593, 6.07135266408021401 53.05900875254903326, 6.07135266408021401 53.05900875254903326)))</t>
  </si>
  <si>
    <t>MultiPolygon (((6.29317262220846452 53.09921001551229125, 6.29642693359492345 53.09844333848249676, 6.31515744850533345 53.09405278464002009, 6.30527376123333649 53.08118954853579652, 6.33205534860200192 53.07527937865717149, 6.32778816123791188 53.07435643587848517, 6.30540786128775199 53.06940914497225492, 6.28142976075866422 53.06418658349328155, 6.28058374796054242 53.05856044043203923, 6.28053079109977741 53.05821066850226941, 6.27306251174945562 53.05590967120544832, 6.25441272730285913 53.04918054620998191, 6.24687307145456572 53.05655176665281658, 6.25232596484450553 53.05707518290238767, 6.25270613411666787 53.05798082963544715, 6.25701900899649033 53.05889445783876113, 6.21780623612271555 53.08045535187120834, 6.22345072634953755 53.08273383483736296, 6.22744949761283983 53.08307583109740335, 6.23084966700194798 53.08421298310919667, 6.2383695661332883 53.0891356732468509, 6.23887646992544553 53.09013999571529752, 6.2428828617239045 53.09203468946955695, 6.24434221644240406 53.09080474051246057, 6.25310239704687465 53.09376948207854241, 6.25746734560588802 53.09419341860396457, 6.25900860532025671 53.09323267199166452, 6.27384144546654365 53.09511256708162108, 6.29317262220846452 53.09921001551229125, 6.29317262220846452 53.09921001551229125),(6.25347718896048388 53.08454609962782911, 6.24906005495759498 53.08683285381228956, 6.25580497183332351 53.07964740500460721, 6.25856735669237541 53.07883891055190873, 6.26299767725413759 53.07512562278478896, 6.26384334811470467 53.07550397477404402, 6.26153300742821806 53.07793251941128432, 6.26712099350370355 53.08106360685776082, 6.25897718394953717 53.08696803128171382, 6.25347718896048388 53.08454609962782911, 6.25347718896048388 53.08454609962782911)))</t>
  </si>
  <si>
    <t>MultiPolygon (((6.25347718896048388 53.08454609962782911, 6.25897718394953717 53.08696803128171382, 6.26712099350370355 53.08106360685776082, 6.26153300742821806 53.07793251941128432, 6.25523430615911114 53.08241348239204882, 6.25347718896048388 53.08454609962782911, 6.25347718896048388 53.08454609962782911)))</t>
  </si>
  <si>
    <t>MultiPolygon (((6.26153300742821806 53.07793251941128432, 6.26384334811470467 53.07550397477404402, 6.26299767725413759 53.07512562278478896, 6.25856735669237541 53.07883891055190873, 6.25580497183332351 53.07964740500460721, 6.24906005495759498 53.08683285381228956, 6.25347718896048388 53.08454609962782911, 6.25523430615911114 53.08241348239204882, 6.26153300742821806 53.07793251941128432, 6.26153300742821806 53.07793251941128432)))</t>
  </si>
  <si>
    <t>MultiPolygon (((6.28058374796054242 53.05856044043203923, 6.28142976075866422 53.06418658349328155, 6.30540786128775199 53.06940914497225492, 6.30306680194180924 53.05505669400333346, 6.28506860767894349 53.05562408581645428, 6.28212946275961936 53.0363020123903226, 6.27455347330466839 53.03653409991539291, 6.25505628387763668 53.03860719581136607, 6.25528043977566295 53.04069168797545331, 6.25110712119996226 53.04079530802737708, 6.2517710095177863 53.04834085044923597, 6.25441272730285913 53.04918054620998191, 6.27306251174945562 53.05590967120544832, 6.27332141781554586 53.0544468576673296, 6.27643291941655868 53.05352342840378554, 6.28149029515307866 53.05380322233795454, 6.28262731152537857 53.05797380624358084, 6.28058374796054242 53.05856044043203923, 6.28058374796054242 53.05856044043203923)))</t>
  </si>
  <si>
    <t>MultiPolygon (((6.27306251174945562 53.05590967120544832, 6.28053079109977741 53.05821066850226941, 6.28058374796054242 53.05856044043203923, 6.28262731152537857 53.05797380624358084, 6.28149029515307866 53.05380322233795454, 6.27643291941655868 53.05352342840378554, 6.27332141781554586 53.0544468576673296, 6.27306251174945562 53.05590967120544832, 6.27306251174945562 53.05590967120544832)))</t>
  </si>
  <si>
    <t>MultiPolygon (((6.40268646302722733 52.9956533412612032, 6.41327983763448906 52.98552292733334212, 6.42262295508776404 52.97659313198896314, 6.39938262499596178 52.95325610048608667, 6.37955930428861251 52.9543786007950672, 6.36638545006662238 52.95912402711913813, 6.36443752492082471 52.95900064409528341, 6.36789084282418472 52.9638917173501298, 6.35641716296814785 52.9681526788919399, 6.3761805336498929 52.989890244694827, 6.37892110047611016 52.98893072988843755, 6.40268646302722733 52.9956533412612032, 6.40268646302722733 52.9956533412612032),(6.38473979134033787 52.96782729494780284, 6.38331812671998033 52.96835412253442854, 6.37953459611956486 52.9659833346498985, 6.37506703773559824 52.96763921374813577, 6.37318703817136534 52.9657619634326835, 6.38323001625040209 52.96212045667230939, 6.38414906366563972 52.96303042163056318, 6.38372666974307901 52.96459528535551442, 6.38227681885095688 52.96507577041720793, 6.38473979134033787 52.96782729494780284, 6.38473979134033787 52.96782729494780284)))</t>
  </si>
  <si>
    <t>MultiPolygon (((6.38473979134033787 52.96782729494780284, 6.38227681885095688 52.96507577041720793, 6.38372666974307901 52.96459528535551442, 6.38414906366563972 52.96303042163056318, 6.38323001625040209 52.96212045667230939, 6.37318703817136534 52.9657619634326835, 6.37506703773559824 52.96763921374813577, 6.37953459611956486 52.9659833346498985, 6.38331812671998033 52.96835412253442854, 6.38473979134033787 52.96782729494780284, 6.38473979134033787 52.96782729494780284)))</t>
  </si>
  <si>
    <t>MultiPolygon (((6.33568730241278733 53.0337252883253143, 6.36321882835212627 53.03926245401919459, 6.36252137221140757 53.03396902909501875, 6.37407193790400495 53.02295634085178477, 6.32014031710885238 53.00227494724673249, 6.32342948143330297 52.99989334063714352, 6.32439888402775097 52.99609017106789111, 6.32668794128507983 52.99210998269838768, 6.32457762993615802 52.98579118299957003, 6.31872792613252177 52.97941763312509522, 6.31909681167601089 52.97803980338186136, 6.3231451822347271 52.97402987657277151, 6.31784558648271588 52.97229826918104578, 6.31680151458229222 52.97302208267854695, 6.31111015995007119 52.97128347451295838, 6.31316041499618663 52.96883185304554331, 6.31011225344064464 52.96788878331253159, 6.30925861886698947 52.96898240234948219, 6.29914657957789004 52.96607390555795547, 6.29316293395765758 52.96448974075068605, 6.29127985748442686 52.96610239503510087, 6.2896187870466731 52.96941543781630202, 6.283577924865269 52.97346261065403894, 6.25981915735857797 52.97074649186288298, 6.26339494504567362 52.98434868097540118, 6.26106765176903757 52.98421846378271027, 6.25539847085693879 52.98663732473114152, 6.24838068457438656 52.99374387289266508, 6.24677503557438474 52.99404318085385057, 6.24587713146463841 52.99509327672710413, 6.26072025546764532 52.99483317169961083, 6.26048742091318644 53.00026519344996956, 6.26543408365063659 53.0075080696124985, 6.26678707214996589 53.01229187683161115, 6.27235829645433274 53.01782037222410082, 6.27516100886357986 53.01969358004092214, 6.27994022063391721 53.02047990359137231, 6.2905649785298996 53.01912744756646134, 6.29731835154692376 53.02103444272148636, 6.31169653273793241 53.02365074464471917, 6.31942777237969988 53.02572660962536588, 6.32027536019441261 53.02703834549793527, 6.32718329671225277 53.02691873476670281, 6.32817145229532496 53.0292194113063573, 6.33568730241278733 53.0337252883253143, 6.33568730241278733 53.0337252883253143),(6.28949525680543875 52.99566028424654007, 6.28808554350319771 52.99566891653546463, 6.2874198769262799 53.00075802695173621, 6.2829696875037655 53.0011043802429711, 6.27553134372193622 52.99958365281032258, 6.27686867156981698 52.99736343267790062, 6.27671439659737462 52.99632411334662407, 6.27473444815255377 52.99632488735486646, 6.27426697996767757 52.99443918358880268, 6.27457261056487514 52.99317657990319219, 6.27739866651044753 52.99254899761821491, 6.2780318540136566 52.99100928205051275, 6.27993492243405971 52.99118180213069706, 6.28087577741185044 52.98802353125292797, 6.28006687794468998 52.9879800121264779, 6.27759121929876329 52.98539482294420111, 6.28407638077955522 52.98200627963637288, 6.2879145142736359 52.9810051051396016, 6.28722380836983241 52.98034058025379522, 6.29350453001958599 52.97771887899932608, 6.29856412605141003 52.97241505934341887, 6.30639124959422848 52.97545788724346494, 6.30342329098878196 52.97810431127197006, 6.30607823654867605 52.98085052251830263, 6.31136563750034174 52.98139748696006279, 6.3042337029816764 52.9858834300493271, 6.30659359249697538 52.99143372548560649, 6.30617346065428563 52.99363059220343075, 6.30506085105181846 52.99752428618609201, 6.30303824208882535 52.99940571260450639, 6.294083771682911 52.99877353077740594, 6.28933283274555865 52.99683696509183051, 6.28949525680543875 52.99566028424654007, 6.28949525680543875 52.99566028424654007)))</t>
  </si>
  <si>
    <t>MultiPolygon (((6.29556272635813396 52.99071414471877972, 6.29922484343484612 52.98903304100938527, 6.30172194289016918 52.98746292887589249, 6.3042337029816764 52.9858834300493271, 6.31136563750034174 52.98139748696006279, 6.30607823654867605 52.98085052251830263, 6.30342329098878196 52.97810431127197006, 6.30639124959422848 52.97545788724346494, 6.29856412605141003 52.97241505934341887, 6.29350453001958599 52.97771887899932608, 6.29464411235181664 52.98175914908855333, 6.29650335137895834 52.98285127614901313, 6.30010479747380803 52.9849261843123216, 6.29742853301670902 52.98663216232764483, 6.29616730542081271 52.98698518662602197, 6.29556272635813396 52.99071414471877972, 6.29556272635813396 52.99071414471877972)))</t>
  </si>
  <si>
    <t>MultiPolygon (((6.29742853301670902 52.98663216232764483, 6.30010479747380803 52.9849261843123216, 6.29650335137895834 52.98285127614901313, 6.29492173490858775 52.98532555841256908, 6.29742853301670902 52.98663216232764483, 6.29742853301670902 52.98663216232764483)))</t>
  </si>
  <si>
    <t>MultiPolygon (((6.29204294418736065 52.98500127124160741, 6.29464411235181664 52.98175914908855333, 6.29350453001958599 52.97771887899932608, 6.28722380836983241 52.98034058025379522, 6.2879145142736359 52.9810051051396016, 6.29083389951571714 52.98116335113577691, 6.29172044031807065 52.98203585609834931, 6.29101454808563343 52.98229771884329864, 6.29101108682105981 52.98497264448937472, 6.29204294418736065 52.98500127124160741, 6.29204294418736065 52.98500127124160741)))</t>
  </si>
  <si>
    <t>MultiPolygon (((6.29174746123032502 52.98687186382883141, 6.29616730542081271 52.98698518662602197, 6.29742853301670902 52.98663216232764483, 6.29492173490858775 52.98532555841256908, 6.29650335137895834 52.98285127614901313, 6.29464411235181664 52.98175914908855333, 6.29204294418736065 52.98500127124160741, 6.29174746123032502 52.98687186382883141, 6.29174746123032502 52.98687186382883141)))</t>
  </si>
  <si>
    <t>MultiPolygon (((6.29177241993310155 52.99121995242079208, 6.29556272635813396 52.99071414471877972, 6.29616730542081271 52.98698518662602197, 6.29174746123032502 52.98687186382883141, 6.29056868791175283 52.98825097372442627, 6.29177241993310155 52.99121995242079208, 6.29177241993310155 52.99121995242079208)))</t>
  </si>
  <si>
    <t>MultiPolygon (((6.2859303295763862 52.98655581164214112, 6.29174746123032502 52.98687186382883141, 6.29204294418736065 52.98500127124160741, 6.29101108682105981 52.98497264448937472, 6.29101454808563343 52.98229771884329864, 6.29172044031807065 52.98203585609834931, 6.29083389951571714 52.98116335113577691, 6.2879145142736359 52.9810051051396016, 6.28407638077955522 52.98200627963637288, 6.28593820097247047 52.98470243949020642, 6.2859303295763862 52.98655581164214112, 6.2859303295763862 52.98655581164214112)))</t>
  </si>
  <si>
    <t>MultiPolygon (((6.28087577741185044 52.98802353125292797, 6.28428991549525229 52.98854337839769357, 6.28460369988406953 52.98702256856205395, 6.2859303295763862 52.98655581164214112, 6.28593820097247047 52.98470243949020642, 6.28407638077955522 52.98200627963637288, 6.27759121929876329 52.98539482294420111, 6.28006687794468998 52.9879800121264779, 6.28087577741185044 52.98802353125292797, 6.28087577741185044 52.98802353125292797)))</t>
  </si>
  <si>
    <t>MultiPolygon (((6.27739866651044753 52.99254899761821491, 6.2793012072825567 52.9926236663772201, 6.2853263846341596 52.99210642258973536, 6.29136611987111571 52.99127416411094771, 6.29177241993310155 52.99121995242079208, 6.29056868791175283 52.98825097372442627, 6.29174746123032502 52.98687186382883141, 6.2859303295763862 52.98655581164214112, 6.28460369988406953 52.98702256856205395, 6.28428991549525229 52.98854337839769357, 6.28087577741185044 52.98802353125292797, 6.27993492243405971 52.99118180213069706, 6.2780318540136566 52.99100928205051275, 6.27739866651044753 52.99254899761821491, 6.27739866651044753 52.99254899761821491)))</t>
  </si>
  <si>
    <t>MultiPolygon (((6.30450636015707921 52.99331422676931425, 6.30617346065428563 52.99363059220343075, 6.30659359249697538 52.99143372548560649, 6.3042337029816764 52.9858834300493271, 6.30172194289016918 52.98746292887589249, 6.30450636015707921 52.99331422676931425, 6.30450636015707921 52.99331422676931425)))</t>
  </si>
  <si>
    <t>MultiPolygon (((6.29851675902394881 52.99290232177825288, 6.30450636015707921 52.99331422676931425, 6.30172194289016918 52.98746292887589249, 6.29922484343484612 52.98903304100938527, 6.30096886897977093 52.99173716369869425, 6.29864275631238257 52.99156823120359405, 6.29851675902394881 52.99290232177825288, 6.29851675902394881 52.99290232177825288)))</t>
  </si>
  <si>
    <t>MultiPolygon (((6.30303824208882535 52.99940571260450639, 6.30506085105181846 52.99752428618609201, 6.30617346065428563 52.99363059220343075, 6.30450636015707921 52.99331422676931425, 6.29851675902394881 52.99290232177825288, 6.29408545718018786 52.99335775919104918, 6.29973856760987427 52.99630811190669277, 6.30303824208882535 52.99940571260450639, 6.30303824208882535 52.99940571260450639)))</t>
  </si>
  <si>
    <t>MultiPolygon (((6.29408545718018786 52.99335775919104918, 6.29851675902394881 52.99290232177825288, 6.29864275631238257 52.99156823120359405, 6.30096886897977093 52.99173716369869425, 6.29922484343484612 52.98903304100938527, 6.29556272635813396 52.99071414471877972, 6.29177241993310155 52.99121995242079208, 6.29136611987111571 52.99127416411094771, 6.29408545718018786 52.99335775919104918, 6.29408545718018786 52.99335775919104918)))</t>
  </si>
  <si>
    <t>MultiPolygon (((6.28949525680543875 52.99566028424654007, 6.28933283274555865 52.99683696509183051, 6.294083771682911 52.99877353077740594, 6.30303824208882535 52.99940571260450639, 6.29973856760987427 52.99630811190669277, 6.29408545718018786 52.99335775919104918, 6.29136611987111571 52.99127416411094771, 6.2853263846341596 52.99210642258973536, 6.28580509054153502 52.99316607414021263, 6.29010193637302173 52.99274322871992382, 6.29278448498075527 52.99357232559215447, 6.2930530893208374 52.99533850728481355, 6.28949525680543875 52.99566028424654007, 6.28949525680543875 52.99566028424654007)))</t>
  </si>
  <si>
    <t>MultiPolygon (((6.28808554350319771 52.99566891653546463, 6.28949525680543875 52.99566028424654007, 6.2930530893208374 52.99533850728481355, 6.29278448498075527 52.99357232559215447, 6.29010193637302173 52.99274322871992382, 6.28580509054153502 52.99316607414021263, 6.28673190866363552 52.99561688166341611, 6.28808554350319771 52.99566891653546463, 6.28808554350319771 52.99566891653546463)))</t>
  </si>
  <si>
    <t>MultiPolygon (((6.28013872510218274 52.99637978452450682, 6.28673190866363552 52.99561688166341611, 6.28580509054153502 52.99316607414021263, 6.2853263846341596 52.99210642258973536, 6.2793012072825567 52.9926236663772201, 6.28013872510218274 52.99637978452450682, 6.28013872510218274 52.99637978452450682)))</t>
  </si>
  <si>
    <t>MultiPolygon (((6.27686867156981698 52.99736343267790062, 6.28013872510218274 52.99637978452450682, 6.2793012072825567 52.9926236663772201, 6.27739866651044753 52.99254899761821491, 6.27457261056487514 52.99317657990319219, 6.27426697996767757 52.99443918358880268, 6.27473444815255377 52.99632488735486646, 6.27671439659737462 52.99632411334662407, 6.27686867156981698 52.99736343267790062, 6.27686867156981698 52.99736343267790062)))</t>
  </si>
  <si>
    <t>MultiPolygon (((6.27686867156981698 52.99736343267790062, 6.27553134372193622 52.99958365281032258, 6.2829696875037655 53.0011043802429711, 6.2874198769262799 53.00075802695173621, 6.28808554350319771 52.99566891653546463, 6.28673190866363552 52.99561688166341611, 6.28013872510218274 52.99637978452450682, 6.27686867156981698 52.99736343267790062, 6.27686867156981698 52.99736343267790062)))</t>
  </si>
  <si>
    <t>MultiPolygon (((6.14569306725451092 52.9693219523334804, 6.17989099601824687 52.93702484968974176, 6.1726977339962934 52.93566295892635765, 6.16546052575473436 52.93344849805042429, 6.15736784536894444 52.93055184552116543, 6.14466815018017254 52.92809186635194152, 6.1393557524829987 52.92406530494420025, 6.1300559446974443 52.92038701170301351, 6.12630091625506168 52.91951320201468434, 6.12388318115861985 52.91789135178991188, 6.11681203624264214 52.91660495039266721, 6.1105447452647681 52.91324414912038776, 6.08652534740044526 52.93634120762762763, 6.08484769678753601 52.93627448076834696, 6.08573042467181669 52.93639942010437949, 6.08634879885174307 52.9368888612878834, 6.08635526943204042 52.93693061117273402, 6.0925306304446174 52.94209309180077838, 6.1158589646062449 52.95130275339327852, 6.12503935621024365 52.95237751765983347, 6.12787102703332653 52.95339793866779843, 6.14386635294093875 52.96826835392727162, 6.14569306725451092 52.9693219523334804),(6.11801537767417347 52.94327726520810273, 6.1214302945023169 52.94007893509873952, 6.1194590923039156 52.93933503792722206, 6.11732667079174686 52.94141339426975179, 6.11425504806497599 52.94047891657334048, 6.11676223409186459 52.93803128309149741, 6.11842994364900683 52.93852782252263722, 6.12169685242850026 52.93544816749090387, 6.12794767187065403 52.93764052399125575, 6.1317073195940166 52.93484765022487437, 6.14187471758951986 52.93957897866076934, 6.139455102619646 52.93966819987171846, 6.13595288898626912 52.94298538139801025, 6.12925855313582169 52.94102485730959984, 6.12403692984356685 52.9413940980921538, 6.12039634891236073 52.94491984303716237, 6.11890546173338734 52.94439792272757472, 6.11949685350969386 52.94383095820622742, 6.11801537767417347 52.94327726520810273)))</t>
  </si>
  <si>
    <t>MultiPolygon (((6.11949685350969386 52.94383095820622742, 6.12149867550726778 52.94198494690417078, 6.12546354677952998 52.93995820259030438, 6.12794767187065403 52.93764052399125575, 6.12169685242850026 52.93544816749090387, 6.11842994364900683 52.93852782252263722, 6.11676223409186459 52.93803128309149741, 6.11425504806497599 52.94047891657334048, 6.11732667079174686 52.94141339426975179, 6.1194590923039156 52.93933503792722206, 6.1214302945023169 52.94007893509873952, 6.11801537767417347 52.94327726520810273, 6.11949685350969386 52.94383095820622742, 6.11949685350969386 52.94383095820622742)))</t>
  </si>
  <si>
    <t>MultiPolygon (((6.11949685350969386 52.94383095820622742, 6.11890546173338734 52.94439792272757472, 6.12039634891236073 52.94491984303716237, 6.12403692984356685 52.9413940980921538, 6.12925855313582169 52.94102485730959984, 6.13595288898626912 52.94298538139801025, 6.139455102619646 52.93966819987171846, 6.14187471758951986 52.93957897866076934, 6.1317073195940166 52.93484765022487437, 6.12794767187065403 52.93764052399125575, 6.12546354677952998 52.93995820259030438, 6.12149867550726778 52.94198494690417078, 6.11949685350969386 52.94383095820622742, 6.11949685350969386 52.94383095820622742)))</t>
  </si>
  <si>
    <t>MultiPolygon (((6.15251565294814906 52.97285899178108082, 6.15862777153769869 52.97584477458561736, 6.17545691688449949 52.98055599850496122, 6.18863254985282563 52.97041353341676029, 6.19123954440572799 52.97031072814421293, 6.19701517462504015 52.96596088131143887, 6.19986522729554057 52.96690775706323251, 6.20285414093790166 52.96466784093087909, 6.21097257937236247 52.95858227094939252, 6.21002752718408058 52.95673265721698186, 6.21777296855882611 52.95098867557531719, 6.20056123563387018 52.9430136540547096, 6.18834642375456134 52.93887394376674393, 6.17989099601824687 52.93702484968974176, 6.14569306725451092 52.9693219523334804, 6.15251565294814906 52.97285899178108082, 6.15251565294814906 52.97285899178108082),(6.19187747951260725 52.95928184802152572, 6.18461372862891601 52.95716487552344631, 6.18136513015920919 52.95493253637479114, 6.18277899737757242 52.9529556848922951, 6.18612301473127335 52.95443085492065904, 6.188378707666919 52.95766180184119065, 6.18986884257004544 52.95835153647555416, 6.19056842529215956 52.95781507578986691, 6.19280090573580289 52.95897630637806941, 6.19187747951260725 52.95928184802152572, 6.19187747951260725 52.95928184802152572)))</t>
  </si>
  <si>
    <t>MultiPolygon (((6.19187747951260725 52.95928184802152572, 6.19280090573580289 52.95897630637806941, 6.19056842529215956 52.95781507578986691, 6.18986884257004544 52.95835153647555416, 6.188378707666919 52.95766180184119065, 6.18612301473127335 52.95443085492065904, 6.18277899737757242 52.9529556848922951, 6.18136513015920919 52.95493253637479114, 6.18461372862891601 52.95716487552344631, 6.19187747951260725 52.95928184802152572, 6.19187747951260725 52.95928184802152572)))</t>
  </si>
  <si>
    <t>MultiPolygon (((6.20086983251241275 52.98849385231984854, 6.21343618079466165 52.99417237788955504, 6.22982680048726234 52.99555091083793457, 6.24587713146463841 52.99509327672710413, 6.24677503557438474 52.99404318085385057, 6.24838068457438656 52.99374387289266508, 6.25539847085693879 52.98663732473114152, 6.26106765176903757 52.98421846378271027, 6.26339494504567362 52.98434868097540118, 6.25981915735857797 52.97074649186288298, 6.25710532904652528 52.96252882483189239, 6.25200363920501001 52.95797853837418501, 6.24698084873040127 52.95761296795045325, 6.23933286582150437 52.95832465518377319, 6.22914847789373116 52.96014915884004637, 6.22489274703981632 52.96007428881423351, 6.21158891528376422 52.9624877877802831, 6.20622266046944748 52.96668969387636139, 6.20285414093790166 52.96466784093087909, 6.19986522729554057 52.96690775706323251, 6.19701517462504015 52.96596088131143887, 6.19123954440572799 52.97031072814421293, 6.18863254985282563 52.97041353341676029, 6.17545691688449949 52.98055599850496122, 6.19570341958448001 52.9862091845004457, 6.20086983251241275 52.98849385231984854, 6.20086983251241275 52.98849385231984854),(6.21994648873522316 52.98458312426828343, 6.2111529338605207 52.9787348470109194, 6.21106989670746756 52.97764023751677342, 6.21921784718795934 52.97682056348696022, 6.22073785345495622 52.98321476921901052, 6.21994648873522316 52.98458312426828343, 6.21994648873522316 52.98458312426828343)))</t>
  </si>
  <si>
    <t>MultiPolygon (((6.21994648873522316 52.98458312426828343, 6.22073785345495622 52.98321476921901052, 6.21921784718795934 52.97682056348696022, 6.21106989670746756 52.97764023751677342, 6.2111529338605207 52.9787348470109194, 6.21994648873522316 52.98458312426828343, 6.21994648873522316 52.98458312426828343)))</t>
  </si>
  <si>
    <t>MultiPolygon (((6.25981915735857797 52.97074649186288298, 6.283577924865269 52.97346261065403894, 6.2896187870466731 52.96941543781630202, 6.29127985748442686 52.96610239503510087, 6.29316293395765758 52.96448974075068605, 6.29914657957789004 52.96607390555795547, 6.3031285735071183 52.96130857558338789, 6.27154280189644098 52.95193580224823648, 6.2709005994634186 52.95281076006949661, 6.25200363920501001 52.95797853837418501, 6.25710532904652528 52.96252882483189239, 6.25981915735857797 52.97074649186288298, 6.25981915735857797 52.97074649186288298),(6.29163954563945449 52.96515768263792978, 6.29054382210930374 52.96657149787891683, 6.28065845969797021 52.96537811959340303, 6.27752416282082759 52.96412159842491008, 6.28119940775522334 52.96125056308878953, 6.29266428891709673 52.96409385299459416, 6.29163954563945449 52.96515768263792978, 6.29163954563945449 52.96515768263792978)))</t>
  </si>
  <si>
    <t>MultiPolygon (((6.29163954563945449 52.96515768263792978, 6.29266428891709673 52.96409385299459416, 6.28119940775522334 52.96125056308878953, 6.27752416282082759 52.96412159842491008, 6.28065845969797021 52.96537811959340303, 6.29054382210930374 52.96657149787891683, 6.29163954563945449 52.96515768263792978, 6.29163954563945449 52.96515768263792978)))</t>
  </si>
  <si>
    <t>MultiPolygon (((6.33238154265236641 53.07520718688915906, 6.35172458193503253 53.07093151193833336, 6.36781052018461136 53.06735999538987159, 6.3649239667361277 53.05197788689469718, 6.36321882835212627 53.03926245401919459, 6.33568730241278733 53.0337252883253143, 6.33554261270435504 53.03499036436387826, 6.33455568447701012 53.03551434807687315, 6.33575482604559337 53.04379085488697854, 6.34416383515422311 53.04465053327022872, 6.34951370348931032 53.05109869881363238, 6.34623639097418213 53.05929812880452801, 6.33171392517467968 53.05728599575725468, 6.32524470677099249 53.05701173039199858, 6.32499147042442811 53.055845033995638, 6.32080588309857205 53.05606681222509735, 6.32034072092228261 53.0543174280062857, 6.30306680194180924 53.05505669400333346, 6.30540786128775199 53.06940914497225492, 6.32778816123791188 53.07435643587848517, 6.32754463599407391 53.07263465889712961, 6.32559051735958988 53.07318453889463683, 6.32500542333723637 53.07206428414899335, 6.32439609782261414 53.06780751560248888, 6.32498714904603787 53.066565408867298, 6.32655607730927905 53.06651956055591057, 6.32643565058092339 53.06563920647585775, 6.32766468464221354 53.06317044560931606, 6.3273647897762979 53.06114874723535024, 6.32884581783493605 53.06030286381558625, 6.33277663537643143 53.06004582336797881, 6.33212917954184995 53.06093625659508461, 6.33230492298843384 53.06238987452540812, 6.33763642236128 53.06206713953447007, 6.33783134090617484 53.06348414106130207, 6.33823087089997017 53.0647053925892962, 6.34042650036655253 53.06453022785927232, 6.34051183082070313 53.06531054342804765, 6.34059357702709825 53.06605806492098054, 6.33819999185794902 53.0667485586297758, 6.33872482919885272 53.07093260479501851, 6.33396569242536867 53.07120869702966104, 6.33204267349857552 53.07064867774227679, 6.33238154265236641 53.07520718688915906, 6.33238154265236641 53.07520718688915906)))</t>
  </si>
  <si>
    <t>MultiPolygon (((6.33205534860200192 53.07527937865717149, 6.33238154265236641 53.07520718688915906, 6.33204267349857552 53.07064867774227679, 6.33135338857741115 53.07014105383473179, 6.33158213712991547 53.0669959921381249, 6.32986479319299544 53.06680202282089454, 6.33011978724334412 53.06849200372856501, 6.32873212833507459 53.06943054193135367, 6.32706640336323467 53.06951185899087164, 6.32655607730927905 53.06651956055591057, 6.32498714904603787 53.066565408867298, 6.32439609782261414 53.06780751560248888, 6.32500542333723637 53.07206428414899335, 6.32559051735958988 53.07318453889463683, 6.32754463599407391 53.07263465889712961, 6.32778816123791188 53.07435643587848517, 6.33205534860200192 53.07527937865717149, 6.33205534860200192 53.07527937865717149)))</t>
  </si>
  <si>
    <t>MultiPolygon (((6.33141357058097576 53.0655280066695525, 6.33297283095548824 53.06548698321776669, 6.33263342702444731 53.0637614511630531, 6.33783134090617484 53.06348414106130207, 6.33763642236128 53.06206713953447007, 6.33230492298843384 53.06238987452540812, 6.33212917954184995 53.06093625659508461, 6.33104522739957609 53.06297155933976484, 6.33141357058097576 53.0655280066695525, 6.33141357058097576 53.0655280066695525)))</t>
  </si>
  <si>
    <t>MultiPolygon (((6.32766468464221354 53.06317044560931606, 6.33104522739957609 53.06297155933976484, 6.33212917954184995 53.06093625659508461, 6.33277663537643143 53.06004582336797881, 6.32884581783493605 53.06030286381558625, 6.3273647897762979 53.06114874723535024, 6.32766468464221354 53.06317044560931606, 6.32766468464221354 53.06317044560931606)))</t>
  </si>
  <si>
    <t>MultiPolygon (((6.32655607730927905 53.06651956055591057, 6.32706640336323467 53.06951185899087164, 6.32873212833507459 53.06943054193135367, 6.33011978724334412 53.06849200372856501, 6.32986479319299544 53.06680202282089454, 6.33158213712991547 53.0669959921381249, 6.33141357058097576 53.0655280066695525, 6.32643565058092339 53.06563920647585775, 6.32655607730927905 53.06651956055591057, 6.32655607730927905 53.06651956055591057)))</t>
  </si>
  <si>
    <t>MultiPolygon (((6.33158213712991547 53.0669959921381249, 6.33135338857741115 53.07014105383473179, 6.33204267349857552 53.07064867774227679, 6.33396569242536867 53.07120869702966104, 6.33872482919885272 53.07093260479501851, 6.33819999185794902 53.0667485586297758, 6.34059357702709825 53.06605806492098054, 6.34051183082070313 53.06531054342804765, 6.33297283095548824 53.06548698321776669, 6.33141357058097576 53.0655280066695525, 6.33158213712991547 53.0669959921381249, 6.33158213712991547 53.0669959921381249)))</t>
  </si>
  <si>
    <t>MultiPolygon (((6.32643565058092339 53.06563920647585775, 6.33141357058097576 53.0655280066695525, 6.33104522739957609 53.06297155933976484, 6.32766468464221354 53.06317044560931606, 6.32643565058092339 53.06563920647585775, 6.32643565058092339 53.06563920647585775)))</t>
  </si>
  <si>
    <t>MultiPolygon (((6.33297283095548824 53.06548698321776669, 6.34051183082070313 53.06531054342804765, 6.34042650036655253 53.06453022785927232, 6.33823087089997017 53.0647053925892962, 6.33783134090617484 53.06348414106130207, 6.33263342702444731 53.0637614511630531, 6.33297283095548824 53.06548698321776669, 6.33297283095548824 53.06548698321776669)))</t>
  </si>
  <si>
    <t>MultiPolygon (((6.27455347330466839 53.03653409991539291, 6.28212946275961936 53.0363020123903226, 6.28506860767894349 53.05562408581645428, 6.30306680194180924 53.05505669400333346, 6.32034072092228261 53.0543174280062857, 6.32080588309857205 53.05606681222509735, 6.32499147042442811 53.055845033995638, 6.32524470677099249 53.05701173039199858, 6.33171392517467968 53.05728599575725468, 6.34623639097418213 53.05929812880452801, 6.34951370348931032 53.05109869881363238, 6.34416383515422311 53.04465053327022872, 6.33575482604559337 53.04379085488697854, 6.33455568447701012 53.03551434807687315, 6.33554261270435504 53.03499036436387826, 6.33568730241278733 53.0337252883253143, 6.32817145229532496 53.0292194113063573, 6.32718329671225277 53.02691873476670281, 6.32027536019441261 53.02703834549793527, 6.31942777237969988 53.02572660962536588, 6.31169653273793241 53.02365074464471917, 6.29731835154692376 53.02103444272148636, 6.2905649785298996 53.01912744756646134, 6.27994022063391721 53.02047990359137231, 6.27516100886357986 53.01969358004092214, 6.27235829645433274 53.01782037222410082, 6.27455347330466839 53.03653409991539291, 6.27455347330466839 53.03653409991539291),(6.30751047113531005 53.03842724925415553, 6.30615001878702763 53.03850914164224406, 6.29899384873235579 53.03622722210353402, 6.29919718509033544 53.03543272463226543, 6.30138716389632147 53.03454800479249087, 6.3038051255920724 53.03445636888334747, 6.30904636623250248 53.03573297705888479, 6.31006257713509289 53.03765914224251077, 6.30751047113531005 53.03842724925415553, 6.30751047113531005 53.03842724925415553)))</t>
  </si>
  <si>
    <t>MultiPolygon (((6.30751047113531005 53.03842724925415553, 6.31006257713509289 53.03765914224251077, 6.30904636623250248 53.03573297705888479, 6.3038051255920724 53.03445636888334747, 6.30138716389632147 53.03454800479249087, 6.29919718509033544 53.03543272463226543, 6.29899384873235579 53.03622722210353402, 6.30615001878702763 53.03850914164224406, 6.30751047113531005 53.03842724925415553, 6.30751047113531005 53.03842724925415553)))</t>
  </si>
  <si>
    <t>MultiPolygon (((6.37407193790400495 53.02295634085178477, 6.40268646302722733 52.9956533412612032, 6.37892110047611016 52.98893072988843755, 6.3761805336498929 52.989890244694827, 6.35641716296814785 52.9681526788919399, 6.33941657358531874 52.96417985504690051, 6.33680368354247392 52.96548711131735132, 6.3231451822347271 52.97402987657277151, 6.31909681167601089 52.97803980338186136, 6.31872792613252177 52.97941763312509522, 6.32457762993615802 52.98579118299957003, 6.32668794128507983 52.99210998269838768, 6.32439888402775097 52.99609017106789111, 6.32342948143330297 52.99989334063714352, 6.32014031710885238 53.00227494724673249, 6.37407193790400495 53.02295634085178477, 6.37407193790400495 53.02295634085178477),(6.3351167104113788 52.9939744707901923, 6.3345996889713998 52.99503573960308955, 6.33372622433450427 52.99489875446934661, 6.33365094011526697 52.99203018849395619, 6.33475365440341687 52.99018083671818147, 6.33831070474709612 52.99129533948153181, 6.33771189605518703 52.99229610308193372, 6.33581813795861493 52.9924700171333356, 6.3351167104113788 52.9939744707901923, 6.3351167104113788 52.9939744707901923)))</t>
  </si>
  <si>
    <t>MultiPolygon (((6.3351167104113788 52.9939744707901923, 6.33581813795861493 52.9924700171333356, 6.33771189605518703 52.99229610308193372, 6.33831070474709612 52.99129533948153181, 6.33475365440341687 52.99018083671818147, 6.33365094011526697 52.99203018849395619, 6.33372622433450427 52.99489875446934661, 6.3345996889713998 52.99503573960308955, 6.3351167104113788 52.9939744707901923, 6.3351167104113788 52.9939744707901923)))</t>
  </si>
  <si>
    <t>MultiPolygon (((6.21158891528376422 52.9624877877802831, 6.22489274703981632 52.96007428881423351, 6.22914847789373116 52.96014915884004637, 6.23933286582150437 52.95832465518377319, 6.24698084873040127 52.95761296795045325, 6.25200363920501001 52.95797853837418501, 6.2709005994634186 52.95281076006949661, 6.27154280189644098 52.95193580224823648, 6.27215244458163124 52.95110516188275085, 6.26599047288432054 52.94905634223218982, 6.26612384862941063 52.94805022789736171, 6.27133766047692998 52.94314593483120035, 6.2836168199639042 52.94678130265245386, 6.28711864858341318 52.94561138472928974, 6.29185377932142842 52.94160319893050115, 6.29010517582804063 52.93747071691073103, 6.28297528862716437 52.92813061188782342, 6.28315524257485958 52.92614773714616661, 6.25659306340923482 52.9276412329360042, 6.24755294660246818 52.92369168616267672, 6.24725868954985053 52.92334744566652915, 6.21363009916629228 52.92579449586244067, 6.21098038562514532 52.9315165268668153, 6.20918444059601438 52.93369574039407865, 6.20787656871105753 52.93386602029159604, 6.2008358651797284 52.93903335758408701, 6.20113503627063967 52.94047851267426807, 6.20252471819731621 52.9414992259447601, 6.20056123563387018 52.9430136540547096, 6.21777296855882611 52.95098867557531719, 6.21002752718408058 52.95673265721698186, 6.21097257937236247 52.95858227094939252, 6.20285414093790166 52.96466784093087909, 6.20622266046944748 52.96668969387636139, 6.21158891528376422 52.9624877877802831),(6.23615013457242462 52.94233240761357706, 6.23924435894992602 52.93925161793929846, 6.24412777134036467 52.93961022688221618, 6.24380626084862822 52.94062084291182657, 6.24020255426350001 52.94112725954880716, 6.23833208404940276 52.94885863951826366, 6.23448811487970289 52.94787540966513006, 6.23615013457242462 52.94233240761357706)))</t>
  </si>
  <si>
    <t>MultiPolygon (((6.24020255426350001 52.94112725954880716, 6.24380626084862822 52.94062084291182657, 6.24412777134036467 52.93961022688221618, 6.23924435894992602 52.93925161793929846, 6.23615013457242462 52.94233240761357706, 6.23448811487970289 52.94787540966513006, 6.23833208404940276 52.94885863951826366, 6.24020255426350001 52.94112725954880716)))</t>
  </si>
  <si>
    <t>MultiPolygon (((6.27455347330466839 53.03653409991539291, 6.27235829645433274 53.01782037222410082, 6.26678707214996589 53.01229187683161115, 6.26543408365063659 53.0075080696124985, 6.26048742091318644 53.00026519344996956, 6.26072025546764532 52.99483317169961083, 6.24587713146463841 52.99509327672710413, 6.22982680048726234 52.99555091083793457, 6.21343618079466165 52.99417237788955504, 6.20086983251241275 52.98849385231984854, 6.20094282185699974 52.98969435868943378, 6.20220586664093165 52.99031040207304244, 6.20542364016526715 53.03793093119243451, 6.21285169680571592 53.03623565837825993, 6.21290109125718004 53.03714534133386849, 6.2151461829561967 53.03826860733270365, 6.2228372776071641 53.03918681989176065, 6.2517710095177863 53.04834085044923597, 6.25110712119996226 53.04079530802737708, 6.25528043977566295 53.04069168797545331, 6.25505628387763668 53.03860719581136607, 6.27455347330466839 53.03653409991539291, 6.27455347330466839 53.03653409991539291),(6.2311699316781457 53.02118831052791137, 6.23303412192156259 53.01920016976885108, 6.23061090297893916 53.01971669262740505, 6.2305995248216286 53.01685532442866844, 6.23246722643105411 53.01467058360714901, 6.2372323167547874 53.01211427086565209, 6.23869810857139484 53.01213062204883641, 6.23871206664471956 53.01503939985171598, 6.24369116912264399 53.0176311603398176, 6.24904821784215958 53.0175062763990752, 6.24922163744079118 53.01854544521474821, 6.24813464479623715 53.01930217805510637, 6.23974022076584589 53.02055648314829028, 6.2311699316781457 53.02118831052791137, 6.2311699316781457 53.02118831052791137)))</t>
  </si>
  <si>
    <t>MultiPolygon (((6.2305995248216286 53.01685532442866844, 6.24183022326231374 53.01846158859942193, 6.24922163744079118 53.01854544521474821, 6.24904821784215958 53.0175062763990752, 6.24369116912264399 53.0176311603398176, 6.23871206664471956 53.01503939985171598, 6.23869810857139484 53.01213062204883641, 6.2372323167547874 53.01211427086565209, 6.23246722643105411 53.01467058360714901, 6.2305995248216286 53.01685532442866844, 6.2305995248216286 53.01685532442866844)))</t>
  </si>
  <si>
    <t>MultiPolygon (((6.2305995248216286 53.01685532442866844, 6.23061090297893916 53.01971669262740505, 6.23303412192156259 53.01920016976885108, 6.2311699316781457 53.02118831052791137, 6.23974022076584589 53.02055648314829028, 6.24813464479623715 53.01930217805510637, 6.24922163744079118 53.01854544521474821, 6.24183022326231374 53.01846158859942193, 6.2305995248216286 53.01685532442866844, 6.2305995248216286 53.01685532442866844)))</t>
  </si>
  <si>
    <t>MultiPolygon (((6.29914657957789004 52.96607390555795547, 6.30925861886698947 52.96898240234948219, 6.31011225344064464 52.96788878331253159, 6.31316041499618663 52.96883185304554331, 6.31111015995007119 52.97128347451295838, 6.31680151458229222 52.97302208267854695, 6.31784558648271588 52.97229826918104578, 6.3231451822347271 52.97402987657277151, 6.33680368354247392 52.96548711131735132, 6.33753400354844754 52.96304349045225024, 6.34054263231342752 52.96058482996632932, 6.34185490555441067 52.96117411890899973, 6.3438838256583141 52.95998630602568369, 6.33619760421010891 52.95451391591396373, 6.33592704231247072 52.95109392839164997, 6.34169034578598101 52.95267115037071903, 6.34354684583363593 52.95253144662904532, 6.34615130433938379 52.95171035117800784, 6.34621861554545319 52.95145766612904481, 6.34975714093536059 52.94283490462211006, 6.35220714838779177 52.94347022869055053, 6.35351149201360421 52.94472041352566549, 6.35277526044592289 52.94569035872437723, 6.3513817061689215 52.94525668330018675, 6.35159850146150262 52.94876230106633841, 6.35881355329688081 52.94624394775633647, 6.36309042390339741 52.95063476207824493, 6.36670155204236554 52.95134302400241921, 6.3687368812732652 52.95315456993992598, 6.36279034029789603 52.95531059530926399, 6.36466657549018766 52.95719755034029674, 6.36315831738208892 52.95774423877936243, 6.35788165969129082 52.95741833374079022, 6.35800299742298058 52.95569773361917498, 6.35658616533530108 52.95509748260295169, 6.35028624479109549 52.95771266820192125, 6.34877345140049343 52.95985047146600522, 6.34272311321607685 52.96264132993141516, 6.3422744189559328 52.96367857988440164, 6.33941657358531874 52.96417985504690051, 6.35641716296814785 52.9681526788919399, 6.36789084282418472 52.9638917173501298, 6.36443752492082471 52.95900064409528341, 6.36638545006662238 52.95912402711913813, 6.37955930428861251 52.9543786007950672, 6.39938262499596178 52.95325610048608667, 6.42262295508776404 52.97659313198896314, 6.42761470897186982 52.97181540007346712, 6.40267115605710213 52.94338181005711164, 6.39343577029687982 52.93284344736677127, 6.36902618702309464 52.92197562617857898, 6.33328054450782751 52.90635606520578449, 6.30298525513556029 52.92497236674813621, 6.28315524257485958 52.92614773714616661, 6.28297528862716437 52.92813061188782342, 6.29010517582804063 52.93747071691073103, 6.29185377932142842 52.94160319893050115, 6.28711864858341318 52.94561138472928974, 6.2836168199639042 52.94678130265245386, 6.27133766047692998 52.94314593483120035, 6.26612384862941063 52.94805022789736171, 6.26599047288432054 52.94905634223218982, 6.27215244458163124 52.95110516188275085, 6.27154280189644098 52.95193580224823648, 6.3031285735071183 52.96130857558338789, 6.29914657957789004 52.96607390555795547, 6.29914657957789004 52.96607390555795547)))</t>
  </si>
  <si>
    <t>MultiPolygon (((6.35058833571147563 52.95611041469814495, 6.35179656251541402 52.95562154303635793, 6.34615934347179689 52.95173866169384524, 6.34615130433938379 52.95171035117800784, 6.34354684583363593 52.95253144662904532, 6.34324271956532115 52.95273682523413328, 6.3463837954592881 52.95594684867315038, 6.34741855675393474 52.95412635120515432, 6.35058833571147563 52.95611041469814495, 6.35058833571147563 52.95611041469814495)))</t>
  </si>
  <si>
    <t>MultiPolygon (((6.33680368354247392 52.96548711131735132, 6.33941657358531874 52.96417985504690051, 6.3422744189559328 52.96367857988440164, 6.34272311321607685 52.96264132993141516, 6.34877345140049343 52.95985047146600522, 6.35028624479109549 52.95771266820192125, 6.35658616533530108 52.95509748260295169, 6.36094589861197068 52.95348796974978711, 6.36670155204236554 52.95134302400241921, 6.36309042390339741 52.95063476207824493, 6.36310715222809087 52.95140962185813294, 6.36020286320495476 52.95167665188157713, 6.36002445845453313 52.95261074996448514, 6.35598602618325348 52.95342368091528584, 6.35275030564098664 52.95462081793883158, 6.35179656251541402 52.95562154303635793, 6.35058833571147563 52.95611041469814495, 6.34536255479694944 52.95910552057324594, 6.3438838256583141 52.95998630602568369, 6.34185490555441067 52.96117411890899973, 6.34054263231342752 52.96058482996632932, 6.33753400354844754 52.96304349045225024, 6.33680368354247392 52.96548711131735132, 6.33680368354247392 52.96548711131735132)))</t>
  </si>
  <si>
    <t>MultiPolygon (((6.36094589861197068 52.95348796974978711, 6.36279034029789603 52.95531059530926399, 6.3687368812732652 52.95315456993992598, 6.36670155204236554 52.95134302400241921, 6.36094589861197068 52.95348796974978711, 6.36094589861197068 52.95348796974978711)))</t>
  </si>
  <si>
    <t>MultiPolygon (((6.34376898724668248 52.95817018608014592, 6.3463837954592881 52.95594684867315038, 6.34324271956532115 52.95273682523413328, 6.3389191238241489 52.95417875139914798, 6.34151667677310815 52.95692807005460168, 6.34376898724668248 52.95817018608014592, 6.34376898724668248 52.95817018608014592)))</t>
  </si>
  <si>
    <t>MultiPolygon (((6.35658616533530108 52.95509748260295169, 6.35800299742298058 52.95569773361917498, 6.35788165969129082 52.95741833374079022, 6.36315831738208892 52.95774423877936243, 6.36466657549018766 52.95719755034029674, 6.36279034029789603 52.95531059530926399, 6.36094589861197068 52.95348796974978711, 6.35658616533530108 52.95509748260295169, 6.35658616533530108 52.95509748260295169)))</t>
  </si>
  <si>
    <t>MultiPolygon (((6.34376898724668248 52.95817018608014592, 6.34536255479694944 52.95910552057324594, 6.35058833571147563 52.95611041469814495, 6.34741855675393474 52.95412635120515432, 6.3463837954592881 52.95594684867315038, 6.34376898724668248 52.95817018608014592, 6.34376898724668248 52.95817018608014592)))</t>
  </si>
  <si>
    <t>MultiPolygon (((6.35179656251541402 52.95562154303635793, 6.35275030564098664 52.95462081793883158, 6.35598602618325348 52.95342368091528584, 6.36002445845453313 52.95261074996448514, 6.36020286320495476 52.95167665188157713, 6.35921275365218008 52.95115289080469267, 6.34839360727788016 52.95231061050862564, 6.34615934347179689 52.95173866169384524, 6.35179656251541402 52.95562154303635793, 6.35179656251541402 52.95562154303635793)))</t>
  </si>
  <si>
    <t>MultiPolygon (((6.34615130433938379 52.95171035117800784, 6.34615934347179689 52.95173866169384524, 6.34839360727788016 52.95231061050862564, 6.35921275365218008 52.95115289080469267, 6.36020286320495476 52.95167665188157713, 6.36310715222809087 52.95140962185813294, 6.36309042390339741 52.95063476207824493, 6.35881355329688081 52.94624394775633647, 6.35159850146150262 52.94876230106633841, 6.35049830620018518 52.94920868800872427, 6.34621861554545319 52.95145766612904481, 6.34615130433938379 52.95171035117800784, 6.34615130433938379 52.95171035117800784)))</t>
  </si>
  <si>
    <t>MultiPolygon (((6.34621861554545319 52.95145766612904481, 6.35049830620018518 52.94920868800872427, 6.35159850146150262 52.94876230106633841, 6.3513817061689215 52.94525668330018675, 6.35277526044592289 52.94569035872437723, 6.35351149201360421 52.94472041352566549, 6.35220714838779177 52.94347022869055053, 6.34975714093536059 52.94283490462211006, 6.34621861554545319 52.95145766612904481, 6.34621861554545319 52.95145766612904481)))</t>
  </si>
  <si>
    <t>MultiPolygon (((6.3438838256583141 52.95998630602568369, 6.34536255479694944 52.95910552057324594, 6.34376898724668248 52.95817018608014592, 6.34151667677310815 52.95692807005460168, 6.3389191238241489 52.95417875139914798, 6.34324271956532115 52.95273682523413328, 6.34354684583363593 52.95253144662904532, 6.34169034578598101 52.95267115037071903, 6.33592704231247072 52.95109392839164997, 6.33619760421010891 52.95451391591396373, 6.3438838256583141 52.95998630602568369, 6.3438838256583141 52.95998630602568369)))</t>
  </si>
  <si>
    <t>MultiPolygon (((5.90376984401695992 53.07924758530950982, 5.90733524371541741 53.07826907792671989, 5.92653617823957202 53.07848768340936374, 5.92758050896324917 53.07839481686198013, 5.93339021211602002 53.07811135521981782, 5.93364961836689364 53.07685320120136652, 5.93291663994747243 53.0760443161884865, 5.93431760444223766 53.07577539183096604, 5.93595175500932282 53.07381539417816185, 5.93229563852186814 53.07321358506413134, 5.93227744148847425 53.07141013215608183, 5.9304117497770692 53.07100487457550742, 5.93545631684696495 53.06657032026287624, 5.9399926641892371 53.06402128576642241, 5.94109038559708047 53.06390011780796101, 5.94426832586464471 53.06525457106891253, 5.94732823535743549 53.06248022200152548, 5.94263503375677349 53.05348621389761377, 5.95761886681833541 53.05354622839671919, 5.9563963070555177 53.05220981393179613, 5.95375995298100413 53.0520760311266244, 5.95290389766510053 53.05008434327417888, 5.94882093823410951 53.04995577347184366, 5.94859536399159605 53.04918582419888651, 5.94453132710941023 53.04907852354623543, 5.94417034399701372 53.04758531235329855, 5.94335520951274265 53.04743045276961055, 5.94394941891951945 53.04439420247815207, 5.9379960921547541 53.04426996483752532, 5.94063636197790235 53.04282081091510292, 5.94013759693220944 53.04221400402406061, 5.94286219900129176 53.04128352168230265, 5.927702856350475 53.03435933186072759, 5.92205420994568588 53.03869107718522713, 5.92027529937506358 53.03831369680378316, 5.92372825815435178 53.0336308734241797, 5.91452765362162669 53.03072758566526801, 5.91501374820084624 53.02971374350417477, 5.90687545907831613 53.02798629027588362, 5.90689715945350269 53.02726924654051288, 5.90247804086337258 53.02671147798434959, 5.89905466446793003 53.03251716768713209, 5.89576156590138911 53.03197485013022572, 5.90221958335214847 53.02052814454906837, 5.89533841130219827 53.01985200038323143, 5.89221074756099128 53.02029237554144458, 5.89164091463344874 53.021265744305623, 5.86662617649233109 53.0235237093844205, 5.8642461853219956 53.02805276672093271, 5.86439470489166137 53.03172590808805609, 5.86219795862508963 53.03287927919427602, 5.85882757761643891 53.03242357219129133, 5.85593080935154298 53.03323608925982313, 5.85453100455018127 53.03436251381925359, 5.85497825158185314 53.03645630025965829, 5.85135989533964285 53.03870816155983192, 5.86213335777726119 53.04361164925207106, 5.86399253753380822 53.0493887653552747, 5.86683584455790452 53.05011444488270911, 5.8729783644045348 53.0572861133711271, 5.87065658241299371 53.05919311960898455, 5.87966657815005789 53.06343653505847158, 5.88223124174178658 53.06406795911854601, 5.87851230871540942 53.06662289220490436, 5.87588698857150682 53.06635774615138246, 5.87569585237501535 53.07059182205358638, 5.87301899436007702 53.0743488784420876, 5.89497402716624919 53.07622850068010933, 5.89541778601327238 53.0788373487523728, 5.89703924646788824 53.07900548454257006, 5.90376984401695992 53.07924758530950982, 5.90376984401695992 53.07924758530950982)))</t>
  </si>
  <si>
    <t>MultiPolygon (((5.87188184606630958 53.08394571643392368, 5.87176529107971579 53.08180218384125482, 5.87031258893738084 53.08143212331104621, 5.87150205524534918 53.07421000856773929, 5.87301899436007702 53.0743488784420876, 5.87569585237501535 53.07059182205358638, 5.87588698857150682 53.06635774615138246, 5.87851230871540942 53.06662289220490436, 5.88223124174178658 53.06406795911854601, 5.87966657815005789 53.06343653505847158, 5.87065658241299371 53.05919311960898455, 5.8729783644045348 53.0572861133711271, 5.86683584455790452 53.05011444488270911, 5.86399253753380822 53.0493887653552747, 5.86232003494826692 53.04954537917208768, 5.85956516321129417 53.05134816355474925, 5.84707947765954295 53.05440211411720952, 5.8431294824636506 53.05427563685010739, 5.84102965637011007 53.05250165092285641, 5.83554432554065983 53.0637678027669395, 5.83132774503965301 53.07470776641866905, 5.83102417174076137 53.07837500021207688, 5.8433618985882454 53.0803827311665728, 5.84476918649982036 53.07957473366586498, 5.85444182554472725 53.08241379739987309, 5.85949185985750809 53.08184883022115486, 5.87278586589436991 53.08511702582050162, 5.87464327203949388 53.08507016305282633, 5.87299617596178081 53.08493342293822082, 5.87308111253539256 53.08422290941047805, 5.87188184606630958 53.08394571643392368)))</t>
  </si>
  <si>
    <t>MultiPolygon (((5.83554432554065983 53.0637678027669395, 5.84102965637011007 53.05250165092285641, 5.8431294824636506 53.05427563685010739, 5.84707947765954295 53.05440211411720952, 5.85956516321129417 53.05134816355474925, 5.86232003494826692 53.04954537917208768, 5.86399253753380822 53.0493887653552747, 5.86213335777726119 53.04361164925207106, 5.85135989533964285 53.03870816155983192, 5.83600904447075042 53.03097370327524374, 5.82318590749858433 53.03843145259866532, 5.80904132866614908 53.04368456841276469, 5.80027259387455096 53.04790838693714505, 5.79794697929529335 53.04980869243660635, 5.79581784457732674 53.05301596634020456, 5.79645820574214099 53.05373723129917352, 5.79552502369566636 53.05487635366581145, 5.79874858582591823 53.05619529721309391, 5.7963860355491148 53.05883930184371167, 5.80670129020244907 53.06556961609532408, 5.80824273794573287 53.06658876667940916, 5.81417880635413908 53.07239321667653087, 5.81927433472098699 53.07586213324312752, 5.83016240590646628 53.07959512938229096, 5.83102417174076137 53.07837500021207688, 5.83132774503965301 53.07470776641866905, 5.83554432554065983 53.0637678027669395, 5.83554432554065983 53.0637678027669395)))</t>
  </si>
  <si>
    <t>MultiPolygon (((5.87748086067407449 52.99085471395370917, 5.88379596025055029 52.99295283018228986, 5.88436943049366779 52.9937692968879972, 5.89651190446658102 52.98629431085154806, 5.88763158527924801 52.9836751011975764, 5.88284112357836975 52.98672298469038822, 5.87748086067407449 52.99085471395370917, 5.87748086067407449 52.99085471395370917)))</t>
  </si>
  <si>
    <t>MultiPolygon (((5.85593080935154298 53.03323608925982313, 5.85882757761643891 53.03242357219129133, 5.86219795862508963 53.03287927919427602, 5.86439470489166137 53.03172590808805609, 5.8642461853219956 53.02805276672093271, 5.86662617649233109 53.0235237093844205, 5.89164091463344874 53.021265744305623, 5.89221074756099128 53.02029237554144458, 5.89533841130219827 53.01985200038323143, 5.89653799610274643 53.01720666152304773, 5.88281137744750104 53.01902504541860139, 5.88276006397814655 53.01721344148618442, 5.88838087405421096 53.01611924708979728, 5.88664542254854606 53.0122590178266222, 5.88927064826440549 53.00864180253297775, 5.88434900360064184 53.00709498971267664, 5.88891207044744203 52.99549243999312154, 5.88658445595312418 52.99526588276798833, 5.88436943049366779 52.9937692968879972, 5.88379596025055029 52.99295283018228986, 5.87748086067407449 52.99085471395370917, 5.86612694622838937 52.9997964614275574, 5.85760313362071372 53.01700828118474362, 5.84933548437481132 53.02390484846281282, 5.83600904447075042 53.03097370327524374, 5.85135989533964285 53.03870816155983192, 5.85497825158185314 53.03645630025965829, 5.85453100455018127 53.03436251381925359, 5.85593080935154298 53.03323608925982313, 5.85593080935154298 53.03323608925982313)))</t>
  </si>
  <si>
    <t>MultiPolygon (((5.96331716206723073 52.96015167120258127, 5.96507261790965959 52.96043604363173074, 5.96719265310149805 52.95789693376588758, 5.97438925723573977 52.95939301851836944, 5.9768445740569538 52.95764303182887289, 5.98307778051856509 52.96021006628470928, 5.98499535114039904 52.95831168251677923, 5.99385095638414978 52.94971784401545989, 5.98734812216424661 52.947823661945975, 5.99186471075763016 52.94336262197322185, 5.99004382700813665 52.94159255752490623, 5.98374829752783466 52.93957945568732271, 5.98315703144829225 52.94028587296043753, 5.98069889774663555 52.93969381408908248, 5.98154248081730699 52.93853298986132927, 5.97233684112370788 52.93756863377181077, 5.97039885170694351 52.93889574442961532, 5.96778255459699647 52.9431226365460148, 5.96354664987247673 52.94398779412193079, 5.95602430822675544 52.94265097156354472, 5.94965983456861292 52.94250618309467171, 5.94701813366125975 52.94178727293392939, 5.94658882940852695 52.94105926726641798, 5.94106780569791315 52.94535162260011418, 5.94047628838051889 52.94655454473862477, 5.94395787252875429 52.95056335554409799, 5.94386815381816813 52.95265868140418064, 5.94808603732796559 52.95418653638830619, 5.95198913071360991 52.94974161585087558, 5.96161384780621972 52.95142415301848615, 5.96515292654049301 52.95320357842852843, 5.96190328059426999 52.95851108390000661, 5.96363216807307328 52.95934728416001036, 5.96331716206723073 52.96015167120258127, 5.96331716206723073 52.96015167120258127)))</t>
  </si>
  <si>
    <t>MultiPolygon (((6.20220586664093165 52.99031040207304244, 6.20094282185699974 52.98969435868943378, 6.20086983251241275 52.98849385231984854, 6.19570341958448001 52.9862091845004457, 6.17545691688449949 52.98055599850496122, 6.15862777153769869 52.97584477458561736, 6.15251565294814906 52.97285899178108082, 6.13807776942178229 52.99781673605177446, 6.13985809730088405 52.99850259664809471, 6.13494387588362233 53.00351240007967846, 6.13214033085006083 53.00731938157800016, 6.13282379021927326 53.00754319808548587, 6.12964066437143273 53.01082915343690161, 6.13155354443920775 53.01200554949960519, 6.13877382053307308 53.01348353711158978, 6.15133759810956526 53.01661737373943595, 6.1585298565104214 53.01702275171607681, 6.17130053411540214 53.01990206543999307, 6.17647029262132818 53.02093157115710653, 6.18569948505224776 53.02502020887560974, 6.19481947321450477 53.0309965191236401, 6.1966245361626493 53.03327088833752612, 6.1987826577186782 53.03376586094166356, 6.20039862711937229 53.03679211244836011, 6.20542364016526715 53.03793093119243451, 6.20220586664093165 52.99031040207304244)))</t>
  </si>
  <si>
    <t>MultiPolygon (((6.13807776942178229 52.99781673605177446, 6.15251565294814906 52.97285899178108082, 6.14569306725451092 52.9693219523334804, 6.14386635294093875 52.96826835392727162, 6.12787102703332653 52.95339793866779843, 6.12503935621024365 52.95237751765983347, 6.1158589646062449 52.95130275339327852, 6.11243558548354127 52.95473394523499877, 6.10616225239409616 52.95879607433316494, 6.09862198726395377 52.96645885057407099, 6.09696067957241539 52.96576489505628871, 6.0946018524864467 52.96736346352621894, 6.07972529457831889 52.98045411511209579, 6.08429714703127011 52.98317343168915272, 6.08496758055257825 52.9829471036919557, 6.08620585454056862 52.9837530918119981, 6.08786298457927977 52.98328497842785367, 6.09248518676431505 52.98424871503271305, 6.09750785465550749 52.98695409250414201, 6.09645253886437377 52.98806331650878576, 6.09846805156087335 52.98975525936622688, 6.09898288198688743 52.98923802376248915, 6.09972205662184219 52.98949996140063234, 6.09647789729224154 52.9928533093805143, 6.09928571772737893 52.99407855917903021, 6.10077191062190494 52.99560615162916122, 6.10555556052686121 52.99776875475320281, 6.10740756122400175 52.99940644978621407, 6.11390439042160949 53.00173344344365489, 6.12048838127658001 53.00536222039200851, 6.12980448064266259 53.00875697213032822, 6.1287789629289664 53.01038463854053617, 6.12964066437143273 53.01082915343690161, 6.13282379021927326 53.00754319808548587, 6.13214033085006083 53.00731938157800016, 6.13494387588362233 53.00351240007967846, 6.13985809730088405 52.99850259664809471, 6.13807776942178229 52.99781673605177446, 6.13807776942178229 52.99781673605177446)))</t>
  </si>
  <si>
    <t>MultiPolygon (((6.07972529457831889 52.98045411511209579, 6.0946018524864467 52.96736346352621894, 6.09696067957241539 52.96576489505628871, 6.09862198726395377 52.96645885057407099, 6.10616225239409616 52.95879607433316494, 6.11243558548354127 52.95473394523499877, 6.1158589646062449 52.95130275339327852, 6.0925306304446174 52.94209309180077838, 6.08635526943204042 52.93693061117273402, 6.08634879885174307 52.9368888612878834, 6.08573042467181669 52.93639942010437949, 6.08484769678753601 52.93627448076834696, 6.06940815744642581 52.95127404693058537, 6.07050737559538955 52.95166222945557166, 6.06800622991515404 52.95404282426251541, 6.06720215199873714 52.95440231906048467, 6.06544925882042563 52.9537639672147975, 6.05605723083776581 52.96161055119172545, 6.06187769172499813 52.96374327234303081, 6.06607387897245598 52.96971663167546041, 6.06640035814350842 52.97221888558816971, 6.06549704331909734 52.97299796048021392, 6.06683502893057902 52.97371558712502093, 6.0674934861664287 52.97316551479125479, 6.06984370600206713 52.97423378179043851, 6.07972529457831889 52.98045411511209579, 6.07972529457831889 52.98045411511209579)))</t>
  </si>
  <si>
    <t>MultiPolygon (((6.03870622019430225 52.94899515280035018, 6.05140093424536918 52.95642854557997481, 6.0482555237129052 52.95917198524598746, 6.05078178660861532 52.96050576047876746, 6.05605723083776581 52.96161055119172545, 6.06544925882042563 52.9537639672147975, 6.06720215199873714 52.95440231906048467, 6.06800622991515404 52.95404282426251541, 6.07050737559538955 52.95166222945557166, 6.06940815744642581 52.95127404693058537, 6.08484769678753601 52.93627448076834696, 6.07867495052186602 52.93165283274059618, 6.06210186973816789 52.92526051276229282, 6.04657158508363235 52.94025983124863899, 6.04574346236474636 52.94196950351251729, 6.03870622019430225 52.94899515280035018, 6.03870622019430225 52.94899515280035018)))</t>
  </si>
  <si>
    <t>MultiPolygon (((5.98854638261455996 52.95937397189137386, 5.99176781419581861 52.9565911972348573, 5.9948214680629297 52.95750538294876009, 6.00243947741516948 52.95807146270293941, 6.00406120613558514 52.95642319977139323, 6.01799151126604936 52.95623867303503829, 6.02311710824248703 52.95690516756803135, 6.02412014713468391 52.95595606836203473, 6.02707213353708227 52.95630998140533308, 6.03054824542580814 52.95495041405015968, 6.03573720172141215 52.9518418630867842, 6.03870622019430225 52.94899515280035018, 6.04574346236474636 52.94196950351251729, 6.04657158508363235 52.94025983124863899, 6.06210186973816789 52.92526051276229282, 6.0499813201918089 52.9206468631613447, 6.04263141041776741 52.91793900643925497, 6.03820270175767781 52.91797037307487983, 6.00880360283951731 52.93137050345724504, 6.01339685676234748 52.93220459749009166, 5.9961325955960465 52.94898489594883273, 5.99385095638414978 52.94971784401545989, 5.98499535114039904 52.95831168251677923, 5.98854638261455996 52.95937397189137386, 5.98854638261455996 52.95937397189137386)))</t>
  </si>
  <si>
    <t>MultiPolygon (((5.9961325955960465 52.94898489594883273, 6.01339685676234748 52.93220459749009166, 6.00880360283951731 52.93137050345724504, 6.00224165042988655 52.93400431026719843, 5.99802385479951461 52.93324093035569433, 5.98816937708237873 52.9290330565291427, 5.98154248081730699 52.93853298986132927, 5.98069889774663555 52.93969381408908248, 5.98315703144829225 52.94028587296043753, 5.98374829752783466 52.93957945568732271, 5.99004382700813665 52.94159255752490623, 5.99186471075763016 52.94336262197322185, 5.98734812216424661 52.947823661945975, 5.99385095638414978 52.94971784401545989, 5.9961325955960465 52.94898489594883273, 5.9961325955960465 52.94898489594883273)))</t>
  </si>
  <si>
    <t>MultiPolygon (((5.97039885170694351 52.93889574442961532, 5.97233684112370788 52.93756863377181077, 5.98154248081730699 52.93853298986132927, 5.98816937708237873 52.9290330565291427, 5.97880383176482866 52.92703244577169386, 5.97022158050448581 52.92829546447769928, 5.96638097094670083 52.92831278939615203, 5.95915958651302713 52.92746025881431393, 5.95463909914788569 52.92600117054278286, 5.94389533452340579 52.93553123303419028, 5.94980461798283677 52.93836841212893773, 5.94658882940852695 52.94105926726641798, 5.94701813366125975 52.94178727293392939, 5.94965983456861292 52.94250618309467171, 5.95602430822675544 52.94265097156354472, 5.96354664987247673 52.94398779412193079, 5.96778255459699647 52.9431226365460148, 5.97039885170694351 52.93889574442961532, 5.97039885170694351 52.93889574442961532)))</t>
  </si>
  <si>
    <t>MultiPolygon (((6.06607387897245598 52.96971663167546041, 6.06187769172499813 52.96374327234303081, 6.05605723083776581 52.96161055119172545, 6.05078178660861532 52.96050576047876746, 6.0482555237129052 52.95917198524598746, 6.05140093424536918 52.95642854557997481, 6.03870622019430225 52.94899515280035018, 6.03573720172141215 52.9518418630867842, 6.03054824542580814 52.95495041405015968, 6.02707213353708227 52.95630998140533308, 6.02412014713468391 52.95595606836203473, 6.02311710824248703 52.95690516756803135, 6.01595527563496635 52.96414267183381241, 6.01634109932741623 52.96637541718293818, 6.01880381341447013 52.96608925841461968, 6.02680544159134612 52.96499753174310854, 6.02694067787862764 52.96437241701161014, 6.04434693749672913 52.9662366386231156, 6.05888347527000271 52.97029110152457321, 6.06549704331909734 52.97299796048021392, 6.06640035814350842 52.97221888558816971, 6.06607387897245598 52.96971663167546041, 6.06607387897245598 52.96971663167546041)))</t>
  </si>
  <si>
    <t>MultiPolygon (((6.01595527563496635 52.96414267183381241, 6.02311710824248703 52.95690516756803135, 6.01799151126604936 52.95623867303503829, 6.00406120613558514 52.95642319977139323, 6.00243947741516948 52.95807146270293941, 5.9948214680629297 52.95750538294876009, 5.99176781419581861 52.9565911972348573, 5.98854638261455996 52.95937397189137386, 5.98499535114039904 52.95831168251677923, 5.98307778051856509 52.96021006628470928, 5.9768445740569538 52.95764303182887289, 5.97438925723573977 52.95939301851836944, 5.96719265310149805 52.95789693376588758, 5.96507261790965959 52.96043604363173074, 5.96331716206723073 52.96015167120258127, 5.95830545176271098 52.96717021101233769, 5.9582343672275897 52.96792995864265663, 5.96287261717998707 52.97242466848960163, 6.01634109932741623 52.96637541718293818, 6.01595527563496635 52.96414267183381241, 6.01595527563496635 52.96414267183381241)))</t>
  </si>
  <si>
    <t>MultiPolygon (((5.95217862989475055 53.03720777128598485, 5.96592619631016419 53.03316732699749281, 5.9660882154700321 53.03275720946363236, 5.9770366621844504 53.03012838747878988, 5.97911786594386374 53.02923868097872884, 5.97872117436927031 53.02817906624715505, 5.98391406762434563 53.02655888625697855, 5.98448374567427077 53.02528520895965158, 5.97890216108905914 53.01500750856952493, 5.97677173430854225 53.0112003296560772, 5.97712273686894502 53.01016537641213233, 5.97196357718551596 53.00965836998565806, 5.96455608639586465 53.00837786203418744, 5.95742393692902539 53.00549579124770361, 5.93328786959799537 53.02795857845147509, 5.93123597602216801 53.02659331949756449, 5.92205420994568588 53.03869107718522713, 5.927702856350475 53.03435933186072759, 5.94286219900129176 53.04128352168230265, 5.95308758252886339 53.03834918518140285, 5.95217862989475055 53.03720777128598485, 5.95217862989475055 53.03720777128598485)))</t>
  </si>
  <si>
    <t>MultiPolygon (((5.97415501233243074 52.99054895541614485, 5.97294385227865554 52.99094453395567683, 5.95742393692902539 53.00549579124770361, 5.96455608639586465 53.00837786203418744, 5.97196357718551596 53.00965836998565806, 5.97391167453147709 53.00621900864896219, 5.97300898362465205 53.00557852988124807, 5.97396331252818413 53.00342477326798019, 5.9796100314420757 52.99781114437306684, 5.97759276033355125 52.99638109479998604, 5.9764920963908672 52.99559086134828334, 5.97464879192973974 52.99428523804584756, 5.97675005988028651 52.99265873714871589, 5.97415501233243074 52.99054895541614485)))</t>
  </si>
  <si>
    <t>MultiPolygon (((5.91501374820084624 53.02971374350417477, 5.91452765362162669 53.03072758566526801, 5.92372825815435178 53.0336308734241797, 5.92027529937506358 53.03831369680378316, 5.92205420994568588 53.03869107718522713, 5.93123597602216801 53.02659331949756449, 5.93328786959799537 53.02795857845147509, 5.95742393692902539 53.00549579124770361, 5.97294385227865554 52.99094453395567683, 5.97415501233243074 52.99054895541614485, 5.97282364415412559 52.98935329216079282, 5.94149249133254997 52.9822152556568895, 5.92502236831296614 53.01247183862857781, 5.91723394866802366 53.02301120619401331, 5.91904512600485333 53.02339546941725956, 5.91501374820084624 53.02971374350417477, 5.91501374820084624 53.02971374350417477)))</t>
  </si>
  <si>
    <t>MultiPolygon (((5.90221958335214847 53.02052814454906837, 5.89576156590138911 53.03197485013022572, 5.89905466446793003 53.03251716768713209, 5.90247804086337258 53.02671147798434959, 5.90689715945350269 53.02726924654051288, 5.90687545907831613 53.02798629027588362, 5.91501374820084624 53.02971374350417477, 5.91904512600485333 53.02339546941725956, 5.91723394866802366 53.02301120619401331, 5.92502236831296614 53.01247183862857781, 5.94149249133254997 52.9822152556568895, 5.92773587370589716 52.97907469456880847, 5.92296063174659437 52.98758455478947127, 5.92099791246282248 52.98702360157091107, 5.91962398597856509 52.98744472005114403, 5.91634326705084135 52.99314057654116539, 5.91766924625607249 52.99340771332125399, 5.90221958335214847 53.02052814454906837, 5.90221958335214847 53.02052814454906837)))</t>
  </si>
  <si>
    <t>MultiPolygon (((5.89533841130219827 53.01985200038323143, 5.90221958335214847 53.02052814454906837, 5.91766924625607249 52.99340771332125399, 5.91634326705084135 52.99314057654116539, 5.91962398597856509 52.98744472005114403, 5.92099791246282248 52.98702360157091107, 5.92296063174659437 52.98758455478947127, 5.92773587370589716 52.97907469456880847, 5.92154673404803233 52.97735282607069962, 5.91675796569795143 52.97749806559335894, 5.91121678869793499 52.97815934843806218, 5.89651190446658102 52.98629431085154806, 5.88436943049366779 52.9937692968879972, 5.88658445595312418 52.99526588276798833, 5.88891207044744203 52.99549243999312154, 5.88434900360064184 53.00709498971267664, 5.88927064826440549 53.00864180253297775, 5.88664542254854606 53.0122590178266222, 5.88838087405421096 53.01611924708979728, 5.88276006397814655 53.01721344148618442, 5.88281137744750104 53.01902504541860139, 5.89653799610274643 53.01720666152304773, 5.89533841130219827 53.01985200038323143, 5.89533841130219827 53.01985200038323143)))</t>
  </si>
  <si>
    <t>MultiPolygon (((5.88763158527924801 52.9836751011975764, 5.9084169331880636 52.96694086001141244, 5.9060197515732602 52.96598279180329882, 5.90941137529095162 52.96320579912211457, 5.9049600323669944 52.96173935125463572, 5.90262831180935343 52.96391833166261875, 5.89811326511689327 52.96239333992843967, 5.89741557514922832 52.9630769504921588, 5.89563345108422432 52.96214747229549147, 5.89476786969287403 52.96317917108912354, 5.89163021966030787 52.96227807542498311, 5.89168300030297143 52.96191498140147047, 5.89102684810629551 52.96169694535015537, 5.88851993133891849 52.96505633557132597, 5.88615407137321256 52.96571090740759047, 5.88598881790908024 52.96611142009963658, 5.88807669566059566 52.9664571087046383, 5.8875708409149361 52.96701018410069395, 5.87097061575220724 52.96444160615367025, 5.86923878793895515 52.96874054760049688, 5.86721520340793656 52.97862167907319275, 5.8872673832432767 52.98151510175028989, 5.88607676816893122 52.98402472649424766, 5.88284112357836975 52.98672298469038822, 5.88763158527924801 52.9836751011975764, 5.88763158527924801 52.9836751011975764)))</t>
  </si>
  <si>
    <t>MultiPolygon (((5.94389533452340579 52.93553123303419028, 5.95463909914788569 52.92600117054278286, 5.95241392929652768 52.92470993239579258, 5.94790493225176764 52.91991542834204409, 5.93784692746656972 52.91174044024062795, 5.93335969423624121 52.9150242998796756, 5.9235696123951973 52.92730314604977337, 5.91908828100736795 52.93294935365796761, 5.92224340674540972 52.93392761430786209, 5.92499539155852428 52.93299805449636608, 5.93073313224586229 52.93461276906853641, 5.94023496577347654 52.93466119127036507, 5.94389533452340579 52.93553123303419028, 5.94389533452340579 52.93553123303419028)))</t>
  </si>
  <si>
    <t>MultiPolygon (((5.96282630352338128 52.97731649010392374, 5.95810507039009263 52.97293542385515508, 5.96287261717998707 52.97242466848960163, 5.9582343672275897 52.96792995864265663, 5.95830545176271098 52.96717021101233769, 5.94392225654417317 52.96515336924971251, 5.9356935096964234 52.9629084085097972, 5.93340675068364121 52.96510413322702959, 5.92687880445027648 52.96956128938945341, 5.91617885123637777 52.9750861593005169, 5.91675796569795143 52.97749806559335894, 5.92154673404803233 52.97735282607069962, 5.92773587370589716 52.97907469456880847, 5.94149249133254997 52.9822152556568895, 5.97282364415412559 52.98935329216079282, 5.96265339180801224 52.98100727578767533, 5.96489206832000196 52.97933701801096618, 5.96282630352338128 52.97731649010392374, 5.96282630352338128 52.97731649010392374)))</t>
  </si>
  <si>
    <t>MultiPolygon (((5.9356935096964234 52.9629084085097972, 5.94392225654417317 52.96515336924971251, 5.95830545176271098 52.96717021101233769, 5.96331716206723073 52.96015167120258127, 5.96363216807307328 52.95934728416001036, 5.96190328059426999 52.95851108390000661, 5.96515292654049301 52.95320357842852843, 5.96161384780621972 52.95142415301848615, 5.95198913071360991 52.94974161585087558, 5.94808603732796559 52.95418653638830619, 5.94386815381816813 52.95265868140418064, 5.94176151128064767 52.95251012070630736, 5.93739175476787562 52.96090920516219569, 5.9356935096964234 52.9629084085097972, 5.9356935096964234 52.9629084085097972)))</t>
  </si>
  <si>
    <t>MultiPolygon (((5.94176151128064767 52.95251012070630736, 5.94386815381816813 52.95265868140418064, 5.94395787252875429 52.95056335554409799, 5.94047628838051889 52.94655454473862477, 5.94106780569791315 52.94535162260011418, 5.94658882940852695 52.94105926726641798, 5.94980461798283677 52.93836841212893773, 5.94389533452340579 52.93553123303419028, 5.93003915435739781 52.94781035209417297, 5.93715851168591691 52.95126489452226082, 5.94176151128064767 52.95251012070630736, 5.94176151128064767 52.95251012070630736)))</t>
  </si>
  <si>
    <t>MultiPolygon (((5.93073313224586229 52.93461276906853641, 5.92499539155852428 52.93299805449636608, 5.92224340674540972 52.93392761430786209, 5.91908828100736795 52.93294935365796761, 5.91298356148683801 52.94060264965447971, 5.91418110892048521 52.94292220839759722, 5.93003915435739781 52.94781035209417297, 5.94389533452340579 52.93553123303419028, 5.94023496577347654 52.93466119127036507, 5.93073313224586229 52.93461276906853641, 5.93073313224586229 52.93461276906853641)))</t>
  </si>
  <si>
    <t>MultiPolygon (((5.93003915435739781 52.94781035209417297, 5.91418110892048521 52.94292220839759722, 5.90488567292745525 52.95416388094354687, 5.90571109258511839 52.95551514084917955, 5.91765926110323015 52.95876259949453413, 5.92209962513685273 52.95483574794988613, 5.93003915435739781 52.94781035209417297, 5.93003915435739781 52.94781035209417297)))</t>
  </si>
  <si>
    <t>MultiPolygon (((5.9084169331880636 52.96694086001141244, 5.91563520692421019 52.96045845846910538, 5.91765926110323015 52.95876259949453413, 5.90571109258511839 52.95551514084917955, 5.90544763725648902 52.95562999126358505, 5.90230507532695814 52.95736896731518328, 5.89811326511689327 52.96239333992843967, 5.90262831180935343 52.96391833166261875, 5.9049600323669944 52.96173935125463572, 5.90941137529095162 52.96320579912211457, 5.9060197515732602 52.96598279180329882, 5.9084169331880636 52.96694086001141244, 5.9084169331880636 52.96694086001141244)))</t>
  </si>
  <si>
    <t>MultiPolygon (((5.92209962513685273 52.95483574794988613, 5.93739175476787562 52.96090920516219569, 5.94176151128064767 52.95251012070630736, 5.93715851168591691 52.95126489452226082, 5.93003915435739781 52.94781035209417297, 5.92209962513685273 52.95483574794988613, 5.92209962513685273 52.95483574794988613)))</t>
  </si>
  <si>
    <t>MultiPolygon (((5.93340675068364121 52.96510413322702959, 5.9356935096964234 52.9629084085097972, 5.93739175476787562 52.96090920516219569, 5.92209962513685273 52.95483574794988613, 5.91765926110323015 52.95876259949453413, 5.91563520692421019 52.96045845846910538, 5.93340675068364121 52.96510413322702959, 5.93340675068364121 52.96510413322702959)))</t>
  </si>
  <si>
    <t>MultiPolygon (((5.88763158527924801 52.9836751011975764, 5.89651190446658102 52.98629431085154806, 5.91121678869793499 52.97815934843806218, 5.91675796569795143 52.97749806559335894, 5.91617885123637777 52.9750861593005169, 5.92687880445027648 52.96956128938945341, 5.93340675068364121 52.96510413322702959, 5.91563520692421019 52.96045845846910538, 5.9084169331880636 52.96694086001141244, 5.88763158527924801 52.9836751011975764, 5.88763158527924801 52.9836751011975764)))</t>
  </si>
  <si>
    <t>MultiPolygon (((5.45800752610723983 53.20007097671592788, 5.46169938759693974 53.20111405719977427, 5.46245839834622604 53.19994169941688256, 5.4668427916784168 53.19935180738099234, 5.47934341483053622 53.19966934132963843, 5.48511261983789655 53.19988262994820616, 5.48955618124211053 53.20073880563711555, 5.49016866812193882 53.19406840604894882, 5.48760475254776381 53.19364411547232407, 5.48215776902185326 53.18520455401694846, 5.48088702966202046 53.1864692852100589, 5.47791687686337259 53.18692197713794911, 5.46431349844812164 53.18738528607153171, 5.46135414036001077 53.1871821703115657, 5.46037292728993329 53.18555974394705288, 5.45757596956119695 53.18581526638619295, 5.45329941905641835 53.18990055031577668, 5.44564267725523177 53.19118779411161313, 5.44499441827051278 53.19082419054174693, 5.43799883533910844 53.19309011869277271, 5.43898134543034928 53.19383316866694855, 5.43554026589638184 53.1952608489934633, 5.43466270261303208 53.19452584897484115, 5.42872828628692261 53.19670519903241512, 5.43798928089861988 53.2098381239166045, 5.45621306399451456 53.20303101529628265, 5.45800752610723983 53.20007097671592788),(5.45765154528185725 53.19732355258488354, 5.45762214004691781 53.19491992036967787, 5.46010628775824269 53.19334539040281129, 5.46223747614767685 53.19364509153476916, 5.46463877056253278 53.19527782037803121, 5.46191879084072784 53.19757182345792046, 5.45866675642885557 53.19814692590969685, 5.45765154528185725 53.19732355258488354, 5.45765154528185725 53.19732355258488354)))</t>
  </si>
  <si>
    <t>MultiPolygon (((5.46191879084072784 53.19757182345792046, 5.46463877056253278 53.19527782037803121, 5.46223747614767685 53.19364509153476916, 5.46010628775824269 53.19334539040281129, 5.45762214004691781 53.19491992036967787, 5.45765154528185725 53.19732355258488354, 5.45866675642885557 53.19814692590969685, 5.46191879084072784 53.19757182345792046, 5.46191879084072784 53.19757182345792046)))</t>
  </si>
  <si>
    <t>MultiPolygon (((5.43799883533910844 53.19309011869277271, 5.44499441827051278 53.19082419054174693, 5.44564267725523177 53.19118779411161313, 5.45329941905641835 53.18990055031577668, 5.45757596956119695 53.18581526638619295, 5.46037292728993329 53.18555974394705288, 5.46135414036001077 53.1871821703115657, 5.46431349844812164 53.18738528607153171, 5.47791687686337259 53.18692197713794911, 5.48088702966202046 53.1864692852100589, 5.48215776902185326 53.18520455401694846, 5.48169965968240813 53.18378038930973162, 5.4836391462963272 53.18379299543362748, 5.48093231049453866 53.18005558703205793, 5.48160730941488072 53.1800372920884854, 5.47940934241514999 53.17668463118228317, 5.48013542040003898 53.17631947012398541, 5.45625776085664516 53.17534325802923689, 5.45168813221999571 53.17489652407960676, 5.44268895336536396 53.17805051281823836, 5.43445441188047429 53.18126417506178427, 5.42902293855400941 53.18107693897344745, 5.42056327732402998 53.17965593788555623, 5.41908156464162172 53.17931711114718496, 5.41893604702999454 53.17974286854844479, 5.42102659169598322 53.18098680683399238, 5.43416979797214506 53.18495850932615099, 5.43888349567705998 53.18766854101856723, 5.43495762917917791 53.18906596928881925, 5.43799883533910844 53.19309011869277271, 5.43799883533910844 53.19309011869277271),(5.44276297231776329 53.18217545312568717, 5.44510945792457957 53.17952076638665915, 5.44701505837581923 53.17966584550877229, 5.45265560382078451 53.1817048814328146, 5.45053118106316425 53.18445787803339186, 5.44549292541447461 53.18427445787671815, 5.44276297231776329 53.18217545312568717, 5.44276297231776329 53.18217545312568717)),((5.43434573587444891 53.19072762584465863, 5.43295228173161782 53.18972528206035832, 5.43139211251864484 53.18991202686708419, 5.42565621163110468 53.19120038456419053, 5.42561200574665392 53.1912103135166987, 5.42872828628692261 53.19670519903241512, 5.43466270261303208 53.19452584897484115, 5.43233434959108941 53.1925152100719103, 5.43480836835030701 53.19149414043611301, 5.43434573587444891 53.19072762584465863, 5.43434573587444891 53.19072762584465863)))</t>
  </si>
  <si>
    <t>MultiPolygon (((5.45053118106316425 53.18445787803339186, 5.45265560382078451 53.1817048814328146, 5.44701505837581923 53.17966584550877229, 5.44510945792457957 53.17952076638665915, 5.44276297231776329 53.18217545312568717, 5.44549292541447461 53.18427445787671815, 5.45053118106316425 53.18445787803339186, 5.45053118106316425 53.18445787803339186)))</t>
  </si>
  <si>
    <t>MultiPolygon (((5.49636720809687596 53.17780531533374955, 5.49399620373213704 53.17429730159800982, 5.49343476189916746 53.17302635401605215, 5.49166381834069117 53.17222809686660412, 5.48940510799811854 53.17211655699167494, 5.48826596485951246 53.16988717875626236, 5.48601059013823988 53.16967948818836476, 5.48540191088879325 53.16787475521830686, 5.48604544450885978 53.16774892016651677, 5.48474379701931714 53.16583468709441007, 5.48668423145393014 53.16501602080307265, 5.48279533704671884 53.15913471914952737, 5.48025115044198596 53.1573381426739644, 5.47678567676847727 53.15076261159610738, 5.47672264706757161 53.15034436448335242, 5.47644160561823057 53.1504207599995766, 5.47480976134353003 53.15080647911455003, 5.47283450888808609 53.14885548705569818, 5.47219184225531663 53.14661448649404463, 5.46964378617531555 53.14512711454273131, 5.46833759650868512 53.14333277904007957, 5.46669702413221881 53.14372772721519311, 5.46143649708423418 53.14454716618271846, 5.46302806020644915 53.14726806888380395, 5.45511000739417007 53.1475826128908011, 5.4528498320681198 53.1480925373775861, 5.45111857669801392 53.14992338570414177, 5.44462887427198083 53.15109893122770046, 5.44390782955788755 53.14993659293786266, 5.4427403815528681 53.1502705658566299, 5.44264995697099341 53.15108960380718628, 5.43517608851910428 53.15278288326535261, 5.43550980905545256 53.15352550017805555, 5.42641880583690561 53.15313151796522106, 5.42143588797776665 53.1538140344678709, 5.41708980564285447 53.15082214560773366, 5.41419584657393482 53.15163632351433165, 5.41489455310136591 53.15219514759908748, 5.41347866766163666 53.15271763975793107, 5.41410865696912502 53.15477620004578085, 5.41874486972222336 53.15963184340783698, 5.42624895041984612 53.15858222733469063, 5.43049059810343682 53.15709745097331052, 5.43081911687058749 53.15621292289501554, 5.44146765502633922 53.15441333911870458, 5.44671634751049094 53.16251851314556376, 5.44727547404690249 53.1657727410752301, 5.44659978511815623 53.17135880514054946, 5.45556264715999717 53.17170895307668843, 5.45625776085664516 53.17534325802923689, 5.48013542040003898 53.17631947012398541, 5.48023726747730588 53.1759607524135518, 5.48186045833901758 53.17615711982023896, 5.49637255363543353 53.17838273812930083, 5.49636720809687596 53.17780531533374955, 5.49636720809687596 53.17780531533374955)))</t>
  </si>
  <si>
    <t>MultiPolygon (((5.42753751668743245 53.18547521840795156, 5.41382864221736959 53.18227942648149309, 5.41186991039467369 53.17797526433478339, 5.40885463468945193 53.17557833295104786, 5.40588006722473047 53.17519991078066965, 5.40844361133365314 53.17588081947841516, 5.4111025094478391 53.17806851124556289, 5.41192453796954798 53.18147239558131645, 5.4132455024157311 53.18277524828759084, 5.42200098823565213 53.18503611199740533, 5.42561200574665392 53.1912103135166987, 5.42565621163110468 53.19120038456419053, 5.43139211251864484 53.18991202686708419, 5.42753751668743245 53.18547521840795156, 5.42753751668743245 53.18547521840795156)))</t>
  </si>
  <si>
    <t>MultiPolygon (((5.43495762917917791 53.18906596928881925, 5.43888349567705998 53.18766854101856723, 5.43416979797214506 53.18495850932615099, 5.42102659169598322 53.18098680683399238, 5.41893604702999454 53.17974286854844479, 5.41908156464162172 53.17931711114718496, 5.42056327732402998 53.17965593788555623, 5.42451700929158243 53.17494628170876325, 5.42427094438489021 53.17413091001047576, 5.42454092091477857 53.17152666597385036, 5.42256524864140221 53.17116952438842503, 5.42239256701748573 53.17030077362496598, 5.41397094277475244 53.17073163761016019, 5.41342474409824259 53.17015663699555006, 5.40939630314706932 53.17462936322500155, 5.41118026103414174 53.17355092603089872, 5.41103187507067229 53.17529650416469877, 5.41388109156679231 53.1755835835554862, 5.41389165280359741 53.17613010893956016, 5.41178670609973178 53.17548831960734645, 5.41086040593885365 53.17598259100370939, 5.41922755815677082 53.17908867922852068, 5.41502037358078425 53.17868816384453368, 5.41462090799286333 53.17954771429239713, 5.41826917977288502 53.18029816762695816, 5.41968891624747773 53.1822948046091426, 5.42600944916671413 53.1838586603344865, 5.43495762917917791 53.18906596928881925, 5.43495762917917791 53.18906596928881925)))</t>
  </si>
  <si>
    <t>MultiPolygon (((5.44268895336536396 53.17805051281823836, 5.45168813221999571 53.17489652407960676, 5.45625776085664516 53.17534325802923689, 5.45556264715999717 53.17170895307668843, 5.44659978511815623 53.17135880514054946, 5.43047831232131184 53.17063564194025815, 5.43748402366114014 53.17421818337407302, 5.44268895336536396 53.17805051281823836, 5.44268895336536396 53.17805051281823836)))</t>
  </si>
  <si>
    <t>MultiPolygon (((5.43047831232131184 53.17063564194025815, 5.44659978511815623 53.17135880514054946, 5.44727547404690249 53.1657727410752301, 5.44671634751049094 53.16251851314556376, 5.44146765502633922 53.15441333911870458, 5.43081911687058749 53.15621292289501554, 5.43049059810343682 53.15709745097331052, 5.42624895041984612 53.15858222733469063, 5.41874486972222336 53.15963184340783698, 5.43047831232131184 53.17063564194025815, 5.43047831232131184 53.17063564194025815)))</t>
  </si>
  <si>
    <t>MultiPolygon (((5.4111908920260543 53.17008595906633417, 5.41513444066455385 53.16942361920596483, 5.41397094277475244 53.17073163761016019, 5.42239256701748573 53.17030077362496598, 5.43047831232131184 53.17063564194025815, 5.41874486972222336 53.15963184340783698, 5.41410865696912502 53.15477620004578085, 5.41347866766163666 53.15271763975793107, 5.41303187155546794 53.15288512181876968, 5.41269148691736834 53.1519673477388892, 5.41159832635395066 53.15193900472411315, 5.41237485135967944 53.15631232764434344, 5.4158030934468071 53.16458456884230088, 5.41501492197664813 53.16872426276144381, 5.41120800025955173 53.169793049428975, 5.40768384301258287 53.17264161081794072, 5.40443810575919148 53.17334176696874692, 5.40274883747310497 53.17598779338156589, 5.40457571560787109 53.17358542119676201, 5.40808614751053973 53.17271696571888384, 5.4111908920260543 53.17008595906633417, 5.4111908920260543 53.17008595906633417)))</t>
  </si>
  <si>
    <t>MultiPolygon (((5.42427094438489021 53.17413091001047576, 5.43748402366114014 53.17421818337407302, 5.43047831232131184 53.17063564194025815, 5.42239256701748573 53.17030077362496598, 5.42256524864140221 53.17116952438842503, 5.42454092091477857 53.17152666597385036, 5.42427094438489021 53.17413091001047576, 5.42427094438489021 53.17413091001047576)))</t>
  </si>
  <si>
    <t>MultiPolygon (((5.42056327732402998 53.17965593788555623, 5.42902293855400941 53.18107693897344745, 5.43445441188047429 53.18126417506178427, 5.44268895336536396 53.17805051281823836, 5.43748402366114014 53.17421818337407302, 5.42427094438489021 53.17413091001047576, 5.42451700929158243 53.17494628170876325, 5.42056327732402998 53.17965593788555623, 5.42056327732402998 53.17965593788555623)))</t>
  </si>
  <si>
    <t>MultiPolygon (((5.66151010466501692 53.44638049602276908, 5.66548240953565863 53.43764480863662669, 5.66392632749547342 53.4256984514388904, 5.6717680081772297 53.42498742956873059, 5.67028546532597311 53.42319752445683889, 5.65308577326586015 53.42603424939463252, 5.65134885174597379 53.42606059897268977, 5.65004815122495341 53.42454484832438766, 5.64256750264334528 53.42627585302476945, 5.62973021564881382 53.43034827918292251, 5.61642951140970847 53.4395164085748462, 5.61352974701072949 53.44638118217337563, 5.61416763838719124 53.45063386777950853, 5.61566390094819301 53.45343571843651631, 5.6209921557948288 53.45713001716048041, 5.64549153164490924 53.46927478536903067, 5.65087052822125102 53.47072770557009136, 5.66015188629378674 53.47147990250209659, 5.661846683622902 53.46634441152720285, 5.66151010466501692 53.44638049602276908, 5.66151010466501692 53.44638049602276908),(5.63415785234949418 53.44464320982818606, 5.63313985683015073 53.4394167392756998, 5.63437162438086592 53.437208426119291, 5.63950315052935469 53.43409696940215525, 5.64400418637952317 53.43386721964900943, 5.64704114375429178 53.43473504631683113, 5.64872730067478646 53.43686811707308237, 5.6490484045962539 53.4396735139520942, 5.64677053224454184 53.443985013090753, 5.64505579799042678 53.4456183288545148, 5.64245776114026043 53.44631850650722527, 5.63415785234949418 53.44464320982818606, 5.63415785234949418 53.44464320982818606)))</t>
  </si>
  <si>
    <t>MultiPolygon (((5.73109642179647505 53.46163379456015008, 5.75028461792247025 53.46045754021194085, 5.77145481277027184 53.46049481553520621, 5.78458088291956418 53.46119458591140727, 5.78586182403851446 53.4543463137380428, 5.79167867039348661 53.45452683419133422, 5.7921246180379562 53.4509128419221895, 5.78656649282936719 53.45080841958008477, 5.78837322754475547 53.44311581314464377, 5.78842164300270579 53.43816456138227977, 5.78001614397109087 53.43767565912801132, 5.77559559873903261 53.43587467533098589, 5.77528623064631841 53.43351496977834358, 5.77318936296553531 53.43267627036956213, 5.77443223650848658 53.43483590261476479, 5.77448698396492244 53.43810804558778216, 5.77248493857328526 53.43954736888106538, 5.75221835355010747 53.44035334857557018, 5.74106750275705036 53.44241074876946129, 5.73000681026063674 53.44302474830713123, 5.73485622009915286 53.44872481592791758, 5.73110958547266947 53.45167306993198508, 5.73109642179647505 53.46163379456015008, 5.73109642179647505 53.46163379456015008),(5.77253256364403455 53.44964566917249016, 5.76789098392481314 53.44933865871519174, 5.76281673094462921 53.44548230412787149, 5.76479676573104083 53.44170404899125515, 5.77007219717971598 53.44010184400050889, 5.7732428029739955 53.4402323738657401, 5.78243568776423711 53.44374945566906376, 5.7799289163743035 53.44770094204403676, 5.77668276785841428 53.44905447608712734, 5.77253256364403455 53.44964566917249016, 5.77253256364403455 53.44964566917249016)))</t>
  </si>
  <si>
    <t>MultiPolygon (((5.66015188629378674 53.47147990250209659, 5.66933894093944701 53.46824490980947076, 5.68651746746960285 53.46495841197655352, 5.73109642179647505 53.46163379456015008, 5.73110958547266947 53.45167306993198508, 5.73485622009915286 53.44872481592791758, 5.73000681026063674 53.44302474830713123, 5.72195404356120196 53.44171473054012722, 5.71566937828308763 53.43570670806936107, 5.70365495571403702 53.43043866247731444, 5.70328119456781835 53.42977979486579443, 5.68931079159332853 53.42751756962874765, 5.68036289457644816 53.42465444852152245, 5.6717680081772297 53.42498742956873059, 5.66392632749547342 53.4256984514388904, 5.66548240953565863 53.43764480863662669, 5.66151010466501692 53.44638049602276908, 5.661846683622902 53.46634441152720285, 5.66015188629378674 53.47147990250209659, 5.66015188629378674 53.47147990250209659),(5.6912375773428705 53.44814426585066514, 5.68812281184824364 53.44804764160156196, 5.68163033520712712 53.44602081061341892, 5.68524402229272585 53.4451239029183327, 5.68538683666156608 53.44181332082875002, 5.68702224323365524 53.43980225854533472, 5.69284291673875398 53.44026494626099577, 5.69538065982992769 53.44203973416754394, 5.69527083235560383 53.44580468512850757, 5.69444062642952797 53.44693890167646799, 5.6912375773428705 53.44814426585066514, 5.6912375773428705 53.44814426585066514)))</t>
  </si>
  <si>
    <t>MultiPolygon (((5.64245776114026043 53.44631850650722527, 5.64505579799042678 53.4456183288545148, 5.64677053224454184 53.443985013090753, 5.6490484045962539 53.4396735139520942, 5.64872730067478646 53.43686811707308237, 5.64704114375429178 53.43473504631683113, 5.64400418637952317 53.43386721964900943, 5.63950315052935469 53.43409696940215525, 5.63437162438086592 53.437208426119291, 5.63313985683015073 53.4394167392756998, 5.63415785234949418 53.44464320982818606, 5.64245776114026043 53.44631850650722527, 5.64245776114026043 53.44631850650722527)))</t>
  </si>
  <si>
    <t>MultiPolygon (((5.6912375773428705 53.44814426585066514, 5.69444062642952797 53.44693890167646799, 5.69527083235560383 53.44580468512850757, 5.69538065982992769 53.44203973416754394, 5.69284291673875398 53.44026494626099577, 5.68702224323365524 53.43980225854533472, 5.68538683666156608 53.44181332082875002, 5.68524402229272585 53.4451239029183327, 5.68163033520712712 53.44602081061341892, 5.68812281184824364 53.44804764160156196, 5.6912375773428705 53.44814426585066514, 5.6912375773428705 53.44814426585066514)))</t>
  </si>
  <si>
    <t>MultiPolygon (((5.78458088291956418 53.46119458591140727, 5.8836101811305177 53.46678952031519572, 5.93062385354867772 53.46828124413619321, 5.95980821356991708 53.46797780113219289, 5.96784432398622666 53.46575522209123221, 5.96971351877645517 53.4633921536294423, 5.96855558519991902 53.45817529470082974, 5.96651574671671714 53.4562460061802085, 5.96335208037739051 53.45470503073033797, 5.96357617686748931 53.45551192603768698, 5.96605507422094306 53.45682216451577062, 5.96742033573483877 53.46058862873604767, 5.96740074449560876 53.46149684457982687, 5.96519434405167903 53.4621207922172772, 5.94649313669720314 53.45948469358962996, 5.94451821410794334 53.45831947391368288, 5.9365615976204289 53.4572966119999009, 5.93086377129725673 53.45775029010341939, 5.91021810620772303 53.45770177240311227, 5.90185988177512666 53.45575474900488189, 5.89479911235275633 53.45331203094310268, 5.89092233990045688 53.45119748478649058, 5.86512909618553291 53.44808644673708642, 5.86539538126747662 53.44747093514422431, 5.86405731382961548 53.44709633822155581, 5.83367124713572593 53.44284097097146002, 5.80497260506878732 53.43754344494003305, 5.78842164300270579 53.43816456138227977, 5.78837322754475547 53.44311581314464377, 5.78656649282936719 53.45080841958008477, 5.7921246180379562 53.4509128419221895, 5.79167867039348661 53.45452683419133422, 5.78586182403851446 53.4543463137380428, 5.78458088291956418 53.46119458591140727, 5.78458088291956418 53.46119458591140727)))</t>
  </si>
  <si>
    <t>MultiPolygon (((5.77253256364403455 53.44964566917249016, 5.77668276785841428 53.44905447608712734, 5.7799289163743035 53.44770094204403676, 5.78243568776423711 53.44374945566906376, 5.7732428029739955 53.4402323738657401, 5.77007219717971598 53.44010184400050889, 5.76479676573104083 53.44170404899125515, 5.76281673094462921 53.44548230412787149, 5.76789098392481314 53.44933865871519174, 5.77253256364403455 53.44964566917249016, 5.77253256364403455 53.44964566917249016)))</t>
  </si>
  <si>
    <t>MultiPolygon (((6.11341712989573782 53.17295096361797846, 6.11830636553106544 53.17283495500261381, 6.12013168401244112 53.17101706233750491, 6.11979454678729073 53.16912812985827941, 6.12369185346918776 53.16861395280548663, 6.12224469120397075 53.16300488458007578, 6.14234559724981644 53.16879500722581753, 6.14298598047987721 53.16761323974385789, 6.15805615612287394 53.1715615681420033, 6.1667632472317413 53.15599567645945456, 6.15198645147997691 53.15083277671309503, 6.14858324560139646 53.15699298551137986, 6.1497669930675567 53.15791759014354056, 6.14961890274090628 53.1616466258352105, 6.14666380226693132 53.1652789004037345, 6.14305951474463985 53.16677988370140895, 6.13916417800735825 53.1632419770761544, 6.13799101248548595 53.16009522644009166, 6.14306339603173956 53.15535202882795573, 6.12220855875188175 53.14527268300138729, 6.11954317178898055 53.14568979430696771, 6.11933848640662337 53.14941995939294372, 6.10958472633279648 53.15104025408154342, 6.10797046825747714 53.15175883304218729, 6.10501297725506209 53.15179939790013464, 6.11341712989573782 53.17295096361797846, 6.11341712989573782 53.17295096361797846)))</t>
  </si>
  <si>
    <t>MultiPolygon (((6.19017005033377821 53.22377283307132956, 6.19252247381640863 53.22225417428634842, 6.20286114324876703 53.2294741737241921, 6.21213280693814252 53.22621237139283323, 6.22463209675297335 53.23007379490153568, 6.22533945746556583 53.22545538154753331, 6.23017332037841154 53.22244043154710624, 6.22998841868740083 53.21781844979831533, 6.22893410100199763 53.2168054779209001, 6.22475013696332358 53.2145785733409582, 6.22483962026341064 53.2120038239943085, 6.21924235890738419 53.20612981135383279, 6.20957817462374617 53.19996097745446662, 6.20411456248933924 53.19975847489948961, 6.19962142157068019 53.198355319732336, 6.19983060038543599 53.19532269832876636, 6.197037147762674 53.19201586889665379, 6.19527679656285457 53.19149850199762142, 6.19309742673177688 53.18927773238423384, 6.18803420529087234 53.1824867165186177, 6.16676548051387741 53.18913695287117349, 6.15685299038844391 53.18530835827063186, 6.15211617001947975 53.18544256622752897, 6.15092957579147015 53.18823129225641821, 6.15032244522259663 53.189606642483092, 6.14712622545744303 53.1971582997415311, 6.15030677895460887 53.19795582866886008, 6.15536716214060498 53.2009675196281222, 6.15455968372256113 53.20125406050015471, 6.16946930148584727 53.2108339368687524, 6.17410666845239398 53.20377378779200228, 6.17966898847597879 53.19802152969199227, 6.18368536092290544 53.19533675861575972, 6.18482093833259317 53.19605988686534914, 6.18351658724174502 53.20137084604479583, 6.18326879787695649 53.20966931043055581, 6.18144237851143963 53.20928366352227812, 6.17278076078755245 53.21291332303562882, 6.19017005033377821 53.22377283307132956, 6.19017005033377821 53.22377283307132956)))</t>
  </si>
  <si>
    <t>MultiPolygon (((6.11958065980138777 53.18963095241676342, 6.11580696880276342 53.17902747551688236, 6.12374547303758199 53.17800006414700675, 6.12718378843672795 53.1778929657126298, 6.13964583675276465 53.18158672092555861, 6.14675389404879358 53.18515540054514901, 6.15092957579147015 53.18823129225641821, 6.15211617001947975 53.18544256622752897, 6.1528482976044403 53.18337055326448848, 6.15147506500485974 53.1826935691791931, 6.12468436848899422 53.17227302075983886, 6.12369185346918776 53.16861395280548663, 6.11979454678729073 53.16912812985827941, 6.12013168401244112 53.17101706233750491, 6.11830636553106544 53.17283495500261381, 6.11341712989573782 53.17295096361797846, 6.11459342102939729 53.17597764529902093, 6.1093542602020614 53.17705721479231329, 6.1089467486754252 53.17633173227728349, 6.10232043370827881 53.18222223160995554, 6.10688018893114926 53.18549455404296111, 6.11958065980138777 53.18963095241676342)),((6.11958065980138777 53.18963095241676342, 6.12240878699578772 53.19776052750545858, 6.14537275317457965 53.20177918643491921, 6.14712622545744303 53.1971582997415311, 6.15032244522259663 53.189606642483092, 6.14392049796567896 53.18951578800749758, 6.14139656025770453 53.19328725880863828, 6.13959087307098361 53.1933867746325646, 6.13337903301597986 53.19255619110465005, 6.12270774920620564 53.18920295421906275, 6.11958065980138777 53.18963095241676342)))</t>
  </si>
  <si>
    <t>MultiPolygon (((6.15211617001947975 53.18544256622752897, 6.15685299038844391 53.18530835827063186, 6.15726040318268186 53.18214266892397291, 6.15590979739987176 53.18021485054897113, 6.13932672120031331 53.17484472840502008, 6.13915809826955972 53.17357258026659395, 6.14503813376778041 53.17345973870748566, 6.15431366066983987 53.17497611462720641, 6.16743288116697297 53.17380134198255348, 6.17615835691260884 53.17390093793717654, 6.1812443328550275 53.1746047802885542, 6.18301680107472151 53.17398436116940275, 6.18122387646844462 53.17034826482982623, 6.17733700150069698 53.16698276466402717, 6.17675035960531904 53.15950451336303217, 6.1667632472317413 53.15599567645945456, 6.15805615612287394 53.1715615681420033, 6.14298598047987721 53.16761323974385789, 6.14234559724981644 53.16879500722581753, 6.12224469120397075 53.16300488458007578, 6.12369185346918776 53.16861395280548663, 6.12468436848899422 53.17227302075983886, 6.15147506500485974 53.1826935691791931, 6.1528482976044403 53.18337055326448848, 6.15211617001947975 53.18544256622752897, 6.15211617001947975 53.18544256622752897)))</t>
  </si>
  <si>
    <t>MultiPolygon (((6.14306339603173956 53.15535202882795573, 6.13799101248548595 53.16009522644009166, 6.13916417800735825 53.1632419770761544, 6.14305951474463985 53.16677988370140895, 6.14666380226693132 53.1652789004037345, 6.14961890274090628 53.1616466258352105, 6.1497669930675567 53.15791759014354056, 6.14858324560139646 53.15699298551137986, 6.14811825057719119 53.15782743194782256, 6.14306339603173956 53.15535202882795573, 6.14306339603173956 53.15535202882795573)))</t>
  </si>
  <si>
    <t>MultiPolygon (((6.16946930148584727 53.2108339368687524, 6.17278076078755245 53.21291332303562882, 6.18144237851143963 53.20928366352227812, 6.18326879787695649 53.20966931043055581, 6.18351658724174502 53.20137084604479583, 6.18482093833259317 53.19605988686534914, 6.18368536092290544 53.19533675861575972, 6.17966898847597879 53.19802152969199227, 6.17410666845239398 53.20377378779200228, 6.16946930148584727 53.2108339368687524, 6.16946930148584727 53.2108339368687524)))</t>
  </si>
  <si>
    <t>MultiPolygon (((6.11958065980138777 53.18963095241676342, 6.12270774920620564 53.18920295421906275, 6.13337903301597986 53.19255619110465005, 6.13959087307098361 53.1933867746325646, 6.14139656025770453 53.19328725880863828, 6.14392049796567896 53.18951578800749758, 6.15032244522259663 53.189606642483092, 6.15092957579147015 53.18823129225641821, 6.14675389404879358 53.18515540054514901, 6.13964583675276465 53.18158672092555861, 6.12718378843672795 53.1778929657126298, 6.12374547303758199 53.17800006414700675, 6.11580696880276342 53.17902747551688236, 6.11958065980138777 53.18963095241676342, 6.11958065980138777 53.18963095241676342)))</t>
  </si>
  <si>
    <t>MultiPolygon (((6.15685299038844391 53.18530835827063186, 6.16676548051387741 53.18913695287117349, 6.18803420529087234 53.1824867165186177, 6.18579109766842627 53.17883236142513681, 6.18301680107472151 53.17398436116940275, 6.1812443328550275 53.1746047802885542, 6.17615835691260884 53.17390093793717654, 6.16743288116697297 53.17380134198255348, 6.15431366066983987 53.17497611462720641, 6.14503813376778041 53.17345973870748566, 6.13915809826955972 53.17357258026659395, 6.13932672120031331 53.17484472840502008, 6.15590979739987176 53.18021485054897113, 6.15726040318268186 53.18214266892397291, 6.15685299038844391 53.18530835827063186, 6.15685299038844391 53.18530835827063186)))</t>
  </si>
  <si>
    <t>MultiPolygon (((6.18190737419523906 53.23725331866774724, 6.18439174445316997 53.23333079419469982, 6.18643894677611783 53.22863103597593692, 6.19017005033377821 53.22377283307132956, 6.17278076078755245 53.21291332303562882, 6.16946930148584727 53.2108339368687524, 6.15455968372256113 53.20125406050015471, 6.15536716214060498 53.2009675196281222, 6.15030677895460887 53.19795582866886008, 6.14712622545744303 53.1971582997415311, 6.14537275317457965 53.20177918643491921, 6.1440051021501052 53.20521595621536903, 6.14743253413455815 53.22232591322840989, 6.13544362167516066 53.22108821022479219, 6.1377411910510915 53.22906678634893041, 6.15433883555720307 53.22710962319160188, 6.18190737419523906 53.23725331866774724, 6.18190737419523906 53.23725331866774724),(6.17011402940168452 53.22197507920017756, 6.1653111154257676 53.22190803680961579, 6.1558953362479043 53.21956612153870481, 6.14648790727094507 53.21227386962010542, 6.15117340854909056 53.2118611011432634, 6.16091524373148047 53.21287361228074531, 6.16558028314743201 53.2124839992376053, 6.16768358686577667 53.21887898097555336, 6.1711572723798378 53.22137351337865141, 6.17011402940168452 53.22197507920017756, 6.17011402940168452 53.22197507920017756)))</t>
  </si>
  <si>
    <t>MultiPolygon (((6.10943883863063597 53.21725502482023273, 6.11365963902620546 53.21942602507392905, 6.11838071817611073 53.22043072279460318, 6.13544362167516066 53.22108821022479219, 6.14743253413455815 53.22232591322840989, 6.1440051021501052 53.20521595621536903, 6.14537275317457965 53.20177918643491921, 6.12240878699578772 53.19776052750545858, 6.11958065980138777 53.18963095241676342, 6.10688018893114926 53.18549455404296111, 6.10232043370827881 53.18222223160995554, 6.09885230344745022 53.18645534439964706, 6.08880273731055688 53.19273156172346262, 6.0853042430149058 53.1942230957263078, 6.08225359652925412 53.1984289970276194, 6.0814024626969303 53.2024243603188367, 6.08436863307367659 53.20284341320500232, 6.09159943577039087 53.20409457703672018, 6.0951308879461914 53.20551770738821773, 6.10025650599686031 53.20876607345647358, 6.10450273977524205 53.21361952766887526, 6.10943883863063597 53.21725502482023273, 6.10943883863063597 53.21725502482023273),(6.11043883592214687 53.20588804291861607, 6.10389480365801429 53.20584307534375768, 6.10314125316617417 53.20408746263563415, 6.10504736240318646 53.19963759722867991, 6.11027618448021492 53.19687391018695166, 6.11501010848624915 53.19683404681209282, 6.11988810112385195 53.20017856305209847, 6.12631448712593141 53.20021551707505836, 6.12790582782928617 53.20138510366279405, 6.12876932187216283 53.20338699877100197, 6.12744329190716108 53.20486775494372012, 6.12142489331319162 53.2048530732301046, 6.11043883592214687 53.20588804291861607, 6.11043883592214687 53.20588804291861607)))</t>
  </si>
  <si>
    <t>MultiPolygon (((6.19400598876870667 53.23803524653376229, 6.20157358563467032 53.23815599472403903, 6.20409958711648013 53.23668760732423522, 6.21266769612460656 53.23547429847616996, 6.21480595117132584 53.23564852807710679, 6.21458393599662262 53.23371069740248629, 6.22168049206071849 53.23166769714316615, 6.22463209675297335 53.23007379490153568, 6.21213280693814252 53.22621237139283323, 6.20286114324876703 53.2294741737241921, 6.19252247381640863 53.22225417428634842, 6.19017005033377821 53.22377283307132956, 6.18643894677611783 53.22863103597593692, 6.18439174445316997 53.23333079419469982, 6.19400598876870667 53.23803524653376229, 6.19400598876870667 53.23803524653376229)))</t>
  </si>
  <si>
    <t>MultiPolygon (((6.17011402940168452 53.22197507920017756, 6.1711572723798378 53.22137351337865141, 6.16768358686577667 53.21887898097555336, 6.16558028314743201 53.2124839992376053, 6.16091524373148047 53.21287361228074531, 6.15117340854909056 53.2118611011432634, 6.14648790727094507 53.21227386962010542, 6.1558953362479043 53.21956612153870481, 6.1653111154257676 53.22190803680961579, 6.17011402940168452 53.22197507920017756, 6.17011402940168452 53.22197507920017756)))</t>
  </si>
  <si>
    <t>MultiPolygon (((6.11043883592214687 53.20588804291861607, 6.12142489331319162 53.2048530732301046, 6.12744329190716108 53.20486775494372012, 6.12876932187216283 53.20338699877100197, 6.12790582782928617 53.20138510366279405, 6.12631448712593141 53.20021551707505836, 6.11988810112385195 53.20017856305209847, 6.11501010848624915 53.19683404681209282, 6.11027618448021492 53.19687391018695166, 6.10504736240318646 53.19963759722867991, 6.10314125316617417 53.20408746263563415, 6.10389480365801429 53.20584307534375768, 6.11043883592214687 53.20588804291861607, 6.11043883592214687 53.20588804291861607)))</t>
  </si>
  <si>
    <t>MultiPolygon (((6.21284368619619976 53.23990762787393294, 6.21653455933937149 53.23983556975512954, 6.21844951535539181 53.24169130329169519, 6.22282344390746189 53.23949767281887802, 6.22461591919350532 53.23970094121700214, 6.22497205667808462 53.2385928391031058, 6.22023905420231227 53.23734776067461638, 6.21554252297971654 53.23698515481564897, 6.21480595117132584 53.23564852807710679, 6.21266769612460656 53.23547429847616996, 6.20409958711648013 53.23668760732423522, 6.20157358563467032 53.23815599472403903, 6.20805022640165127 53.23819701444219277, 6.21141884840667036 53.23879982692003665, 6.21284368619619976 53.23990762787393294, 6.21284368619619976 53.23990762787393294)))</t>
  </si>
  <si>
    <t>MultiPolygon (((6.22027156735146391 53.25945481551731575, 6.22397131126411018 53.25724012751132364, 6.2321730488927658 53.25674741236950638, 6.23174908492206825 53.25594662793961476, 6.23262526612874446 53.2545639167075322, 6.23510067936951806 53.25335484367729322, 6.23366518351285759 53.25039899832440682, 6.23031847926166904 53.25042641878552985, 6.22960156846869939 53.2489131972108396, 6.23207525566721632 53.24712466375614639, 6.23109486567497051 53.24510536235961666, 6.22970721297052688 53.24475189970333133, 6.22774333303897798 53.24523967288598669, 6.22511152999902251 53.24459042052552604, 6.21945349010247739 53.24286675052616857, 6.2179782381122557 53.2419321304914277, 6.21844951535539181 53.24169130329169519, 6.21653455933937149 53.23983556975512954, 6.21284368619619976 53.23990762787393294, 6.21102170202405812 53.24372623114476255, 6.2081021749842078 53.24459764380332416, 6.19791234208885555 53.24322971813649019, 6.19608007253631321 53.242177252879479, 6.19526394032651417 53.23898771152337872, 6.19400598876870667 53.23803524653376229, 6.18439174445316997 53.23333079419469982, 6.18190737419523906 53.23725331866774724, 6.17822788773006959 53.24358681869502163, 6.18068167079083963 53.24530039905405232, 6.1850871650196213 53.24536611067545522, 6.187453549257385 53.24654940773373824, 6.18711506669823041 53.24744631686429841, 6.1884871179516816 53.24953311407304568, 6.19620861282229196 53.25200185673547537, 6.20038632188027794 53.25544834228270474, 6.20427306182306371 53.2559931174313661, 6.20887502583618911 53.2552995671690681, 6.21081118247017905 53.25602033200095065, 6.21236153151527493 53.25802644638282146, 6.22027156735146391 53.25945481551731575, 6.22027156735146391 53.25945481551731575)))</t>
  </si>
  <si>
    <t>MultiPolygon (((6.05391710946786432 53.24521618948234192, 6.07477447316105756 53.24858279212021728, 6.07866930974141262 53.24754598809676764, 6.07836164793664313 53.24293357793274595, 6.0754301466567453 53.23860299724560718, 6.06759333157235048 53.23582334040342801, 6.06544425991629499 53.23192669278407152, 6.06622448561667937 53.23163417424699873, 6.06536381043386541 53.23033441762557061, 6.06204473575574987 53.23077096643329043, 6.05378239646329419 53.2272559670026979, 6.04518815954686861 53.2264233534534128, 6.0445032753792276 53.22586216912321078, 6.02739523512170816 53.23016431427320327, 6.01979068059862588 53.24091399317086371, 6.0213596523480426 53.24253238883800066, 6.02309416491508642 53.24279141799993198, 6.02770553446711865 53.241392866712836, 6.02869433436955049 53.24272026001656144, 6.03176952914166264 53.24223801274274592, 6.0356540049780536 53.23808147612787423, 6.04021191639989752 53.23609787331961485, 6.05038656093330474 53.23643408668102239, 6.05576647507445376 53.23779703102496086, 6.05929515541343111 53.24202477439018821, 6.06127096680870014 53.24204996685389801, 6.06183489884138194 53.24296988441901135, 6.05391710946786432 53.24521618948234192, 6.05391710946786432 53.24521618948234192)))</t>
  </si>
  <si>
    <t>MultiPolygon (((6.12338646331787384 53.23286067454183268, 6.1377411910510915 53.22906678634893041, 6.13544362167516066 53.22108821022479219, 6.11838071817611073 53.22043072279460318, 6.11365963902620546 53.21942602507392905, 6.10943883863063597 53.21725502482023273, 6.10614743903732915 53.21945217700984898, 6.10138516885019211 53.21737455855633669, 6.09664637462632442 53.21857626039810185, 6.09701447621044323 53.21912089807545954, 6.09505261388832942 53.21957974112227419, 6.08631716209892648 53.21922789530362508, 6.09090815904340577 53.21155072956665322, 6.09477958212191417 53.20874402528789915, 6.08850558532500585 53.20582058308694684, 6.08296144448058573 53.2050559313671414, 6.08436863307367659 53.20284341320500232, 6.0814024626969303 53.2024243603188367, 6.08128934289833101 53.20266550581073517, 6.07921094089238245 53.20683540968646952, 6.0840157344098964 53.2085112900438304, 6.08292280845617217 53.20997804240145257, 6.07926411431969438 53.20964709336528387, 6.07927026852390107 53.21076844766979264, 6.08177458688441952 53.21143159820287138, 6.08030251251899934 53.21327587592853092, 6.08169967378310972 53.21408576899575138, 6.08628898252013695 53.21502598378672388, 6.0445032753792276 53.22586216912321078, 6.04518815954686861 53.2264233534534128, 6.05378239646329419 53.2272559670026979, 6.06204473575574987 53.23077096643329043, 6.06536381043386541 53.23033441762557061, 6.06622448561667937 53.23163417424699873, 6.08244751246300286 53.22818509098294726, 6.09085680662863194 53.22670283989425144, 6.09119949914334047 53.22705745543966316, 6.10761434240116152 53.22337805626826679, 6.11785644918056715 53.22820667423540186, 6.12338646331787384 53.23286067454183268, 6.12338646331787384 53.23286067454183268)))</t>
  </si>
  <si>
    <t>MultiPolygon (((6.10761434240116152 53.22337805626826679, 6.09119949914334047 53.22705745543966316, 6.0947774033179769 53.23066050316485587, 6.10230028244842959 53.23622361755613497, 6.11566226544126579 53.24292136323048652, 6.12240379495250764 53.24516265281165062, 6.13174701446709935 53.24177526282490192, 6.12338646331787384 53.23286067454183268, 6.11785644918056715 53.22820667423540186, 6.10761434240116152 53.22337805626826679, 6.10761434240116152 53.22337805626826679)),((6.11320491099727459 53.24840802826705755, 6.09578299531665291 53.23918714514438477, 6.08180167444500341 53.23375609398758002, 6.08175239603517603 53.23301954450568729, 6.08430742583255846 53.23162484888151624, 6.08507427937584833 53.23033879251082112, 6.08244751246300286 53.22818509098294726, 6.06622448561667937 53.23163417424699873, 6.06544425991629499 53.23192669278407152, 6.06759333157235048 53.23582334040342801, 6.0754301466567453 53.23860299724560718, 6.07836164793664313 53.24293357793274595, 6.07866930974141262 53.24754598809676764, 6.07477447316105756 53.24858279212021728, 6.09654840200626769 53.25460205631297583, 6.11320491099727459 53.24840802826705755, 6.11320491099727459 53.24840802826705755)))</t>
  </si>
  <si>
    <t>MultiPolygon (((6.12733136662624389 53.26168966679406935, 6.14105834330968658 53.2643829282931236, 6.14497808835187165 53.26016480028559386, 6.14835877460567737 53.26000074983608812, 6.15485267368207989 53.26177372496457707, 6.15865966353699701 53.26363593065264723, 6.16052320682350896 53.26198467196496011, 6.16413406721871393 53.26395571023330433, 6.16738018914953745 53.2636513777586984, 6.17786420829786742 53.26007466891643105, 6.18109021526720426 53.25979340529750772, 6.18241217719590441 53.26100045411367034, 6.19038440261139922 53.26337766477729474, 6.18566958868935934 53.26727300682243538, 6.1855998714575211 53.26781550169065582, 6.1892199385829727 53.26989023290794023, 6.19515191541889276 53.26960829428772115, 6.19877154824161725 53.26884297222657949, 6.21709422255368871 53.26526720557976091, 6.21894733314575987 53.2598725910579347, 6.22027156735146391 53.25945481551731575, 6.21236153151527493 53.25802644638282146, 6.21081118247017905 53.25602033200095065, 6.20887502583618911 53.2552995671690681, 6.20427306182306371 53.2559931174313661, 6.20038632188027794 53.25544834228270474, 6.19620861282229196 53.25200185673547537, 6.1884871179516816 53.24953311407304568, 6.18711506669823041 53.24744631686429841, 6.187453549257385 53.24654940773373824, 6.1850871650196213 53.24536611067545522, 6.18068167079083963 53.24530039905405232, 6.17822788773006959 53.24358681869502163, 6.18190737419523906 53.23725331866774724, 6.15433883555720307 53.22710962319160188, 6.1377411910510915 53.22906678634893041, 6.12338646331787384 53.23286067454183268, 6.13174701446709935 53.24177526282490192, 6.12240379495250764 53.24516265281165062, 6.11320491099727459 53.24840802826705755, 6.09654840200626769 53.25460205631297583, 6.10596262829924097 53.25760988184564582, 6.11321161526032242 53.25977945069590902, 6.12733136662624389 53.26168966679406935, 6.12733136662624389 53.26168966679406935),(6.13544504047260908 53.26259647036744838, 6.13290013789083854 53.26214841264167177, 6.13187481400106194 53.26012961156089176, 6.1332555189934439 53.25774037631121161, 6.13752521574609311 53.25423571483324281, 6.13734800176880668 53.25274069020039036, 6.13281118393861302 53.24883598762706072, 6.13337644914381919 53.24739643383185239, 6.13620085814463678 53.24509238479561901, 6.13995392183745192 53.24347547415074189, 6.14329435005784852 53.2429089797974342, 6.14714879226971433 53.24299948156586737, 6.14679116442879714 53.24443616175837235, 6.15315047575981477 53.2458375251764835, 6.15562597617434637 53.24331875126802061, 6.16046561715950869 53.24496724222914423, 6.15884899422546983 53.24890507648031956, 6.15445612202290704 53.25420508899917849, 6.14881780396212996 53.25879536499702027, 6.14637159598106475 53.25975925806973521, 6.14484733630148927 53.25913828003936601, 6.13544504047260908 53.26259647036744838, 6.13544504047260908 53.26259647036744838)))</t>
  </si>
  <si>
    <t>MultiPolygon (((6.20157358563467032 53.23815599472403903, 6.19400598876870667 53.23803524653376229, 6.19526394032651417 53.23898771152337872, 6.19608007253631321 53.242177252879479, 6.19791234208885555 53.24322971813649019, 6.2081021749842078 53.24459764380332416, 6.21102170202405812 53.24372623114476255, 6.21284368619619976 53.23990762787393294, 6.21141884840667036 53.23879982692003665, 6.20805022640165127 53.23819701444219277, 6.20157358563467032 53.23815599472403903, 6.20157358563467032 53.23815599472403903)))</t>
  </si>
  <si>
    <t>MultiPolygon (((6.05010531329233192 53.24445930799821269, 6.05391710946786432 53.24521618948234192, 6.06183489884138194 53.24296988441901135, 6.06127096680870014 53.24204996685389801, 6.05929515541343111 53.24202477439018821, 6.05576647507445376 53.23779703102496086, 6.05038656093330474 53.23643408668102239, 6.04021191639989752 53.23609787331961485, 6.0356540049780536 53.23808147612787423, 6.03176952914166264 53.24223801274274592, 6.04396563503768025 53.24350247645844547, 6.05010531329233192 53.24445930799821269, 6.05010531329233192 53.24445930799821269)))</t>
  </si>
  <si>
    <t>MultiPolygon (((6.10943883863063597 53.21725502482023273, 6.10450273977524205 53.21361952766887526, 6.10025650599686031 53.20876607345647358, 6.0951308879461914 53.20551770738821773, 6.09159943577039087 53.20409457703672018, 6.08436863307367659 53.20284341320500232, 6.08296144448058573 53.2050559313671414, 6.08850558532500585 53.20582058308694684, 6.09477958212191417 53.20874402528789915, 6.09090815904340577 53.21155072956665322, 6.08631716209892648 53.21922789530362508, 6.09505261388832942 53.21957974112227419, 6.09701447621044323 53.21912089807545954, 6.09664637462632442 53.21857626039810185, 6.10138516885019211 53.21737455855633669, 6.10614743903732915 53.21945217700984898, 6.10943883863063597 53.21725502482023273, 6.10943883863063597 53.21725502482023273)))</t>
  </si>
  <si>
    <t>MultiPolygon (((6.11320491099727459 53.24840802826705755, 6.12240379495250764 53.24516265281165062, 6.11566226544126579 53.24292136323048652, 6.10230028244842959 53.23622361755613497, 6.0947774033179769 53.23066050316485587, 6.09119949914334047 53.22705745543966316, 6.09085680662863194 53.22670283989425144, 6.08244751246300286 53.22818509098294726, 6.08507427937584833 53.23033879251082112, 6.08430742583255846 53.23162484888151624, 6.08175239603517603 53.23301954450568729, 6.08180167444500341 53.23375609398758002, 6.09578299531665291 53.23918714514438477, 6.11320491099727459 53.24840802826705755, 6.11320491099727459 53.24840802826705755)))</t>
  </si>
  <si>
    <t>MultiPolygon (((6.13544504047260908 53.26259647036744838, 6.14484733630148927 53.25913828003936601, 6.14637159598106475 53.25975925806973521, 6.14881780396212996 53.25879536499702027, 6.15445612202290704 53.25420508899917849, 6.15884899422546983 53.24890507648031956, 6.16046561715950869 53.24496724222914423, 6.15562597617434637 53.24331875126802061, 6.15315047575981477 53.2458375251764835, 6.14679116442879714 53.24443616175837235, 6.14714879226971433 53.24299948156586737, 6.14329435005784852 53.2429089797974342, 6.13995392183745192 53.24347547415074189, 6.13620085814463678 53.24509238479561901, 6.13337644914381919 53.24739643383185239, 6.13281118393861302 53.24883598762706072, 6.13734800176880668 53.25274069020039036, 6.13752521574609311 53.25423571483324281, 6.1332555189934439 53.25774037631121161, 6.13187481400106194 53.26012961156089176, 6.13290013789083854 53.26214841264167177, 6.13544504047260908 53.26259647036744838, 6.13544504047260908 53.26259647036744838)))</t>
  </si>
  <si>
    <t>MultiPolygon (((5.4919597474536781 52.35415683734311187, 5.49444836617678334 52.35241235746912736, 5.50030858097859809 52.3488505828107975, 5.49430286125625233 52.34532481862373032, 5.48578917714722802 52.35046912618404491, 5.4919597474536781 52.35415683734311187, 5.4919597474536781 52.35415683734311187)))</t>
  </si>
  <si>
    <t>MultiPolygon (((5.48908088634822722 52.3561746337727314, 5.50122012441525765 52.36138350585692081, 5.50899500991550717 52.36570973326735867, 5.51984940156950632 52.35930787324080171, 5.5138053950962016 52.35559447754652496, 5.50169638459280463 52.34800696467700476, 5.50030858097859809 52.3488505828107975, 5.49444836617678334 52.35241235746912736, 5.4919597474536781 52.35415683734311187, 5.48908088634822722 52.3561746337727314, 5.48908088634822722 52.3561746337727314)))</t>
  </si>
  <si>
    <t>MultiPolygon (((5.61637767686564615 52.36946130048775672, 5.61620334312903502 52.36873726270139429, 5.61567467863406655 52.3684401178211516, 5.61629292399923674 52.36931388288749645, 5.61473411518527055 52.37056507159416441, 5.61518939629303482 52.3708404646618888, 5.61637767686564615 52.36946130048775672, 5.61637767686564615 52.36946130048775672)),((5.58906997696617402 52.41118658957994825, 5.61840096031866043 52.40856824614968446, 5.62298315572836316 52.40880160898527151, 5.61718765164272771 52.38478262280533215, 5.61185163084614747 52.37468742036067226, 5.61355656248742996 52.3710421097596992, 5.61466928570071921 52.37052585757282941, 5.61543546924580461 52.36982467820482867, 5.61276555200516114 52.36866245556960564, 5.61010172887477143 52.36647008208913689, 5.61144967776401504 52.36590482904112065, 5.61478437808919928 52.36790888204602368, 5.61309668106895376 52.36555435073908882, 5.61531868795675493 52.36261406929982343, 5.61403394052298133 52.36225042645234851, 5.60816453077720656 52.36529602557541097, 5.60704763921022931 52.36451266218485046, 5.6011047397015119 52.36555768934316291, 5.58859266110957531 52.36320742922622173, 5.58238265041787063 52.36307278217703498, 5.56381624311290945 52.36757250188556156, 5.54258003090155604 52.35334643704880619, 5.53405099379387089 52.35814235569277741, 5.52227769408097569 52.35078403007783265, 5.5138053950962016 52.35559447754652496, 5.51984940156950632 52.35930787324080171, 5.50899500991550717 52.36570973326735867, 5.52339970228186683 52.37530257655524935, 5.5327025166964825 52.38454678902176198, 5.53729791938521565 52.38500009145712966, 5.54522462189670051 52.3901605623524631, 5.55464166837005635 52.39638923139795423, 5.57801419079207506 52.40996789044670834, 5.58321691778196971 52.41135784454023394, 5.58906997696617402 52.41118658957994825, 5.58906997696617402 52.41118658957994825)))</t>
  </si>
  <si>
    <t>MultiPolygon (((5.50899160473963523 52.39766241461214236, 5.5327025166964825 52.38454678902176198, 5.52339970228186683 52.37530257655524935, 5.50899500991550717 52.36570973326735867, 5.50122012441525765 52.36138350585692081, 5.48908088634822722 52.3561746337727314, 5.38627180129329819 52.31494411806528433, 5.37915612609341309 52.31410864657122772, 5.30124449921884899 52.38198643651225694, 5.31303948313844021 52.38625277643258471, 5.31351699450100234 52.38574141319165278, 5.33293399784697897 52.39277276062533417, 5.33236985742980796 52.3932463329157585, 5.33935327814938887 52.39581277278669091, 5.34637130848051889 52.39611359697567394, 5.34816836239680704 52.39702832113320596, 5.35077240362185247 52.40020867868260268, 5.37898806362615822 52.41149396466796873, 5.39753287834418405 52.419840538794368, 5.42100808109609122 52.43208300010108047, 5.42377516724345465 52.43256390189771565, 5.42717684578994408 52.43455368930453631, 5.42688947527698318 52.43550538620343104, 5.43860826487871485 52.44263110944290673, 5.44889399563025467 52.43530139102734466, 5.47497880874851095 52.42003314757298682, 5.50899160473963523 52.39766241461214236)))</t>
  </si>
  <si>
    <t>MultiPolygon (((5.48578917714722802 52.35046912618404491, 5.49430286125625233 52.34532481862373032, 5.50030858097859809 52.3488505828107975, 5.50169638459280463 52.34800696467700476, 5.5065410460395805 52.34475567313858591, 5.50799645761407231 52.34301340388153534, 5.51701419094881551 52.32456400676320385, 5.52068453133520176 52.31689062939489787, 5.53213267854011814 52.31693190629878387, 5.54901890124343922 52.31354923709775306, 5.54909483699578132 52.31207137607081847, 5.54672671864958922 52.31196779696271904, 5.54706036814864945 52.31088141133134428, 5.54248079815712202 52.3003260616065333, 5.53822149553590215 52.29276466876297036, 5.53555725809709909 52.29051237103467997, 5.53813747113832289 52.28911217000818823, 5.53516683526915898 52.28874573712221974, 5.52869835013512922 52.27492580838875114, 5.52606455109298089 52.2733970427651613, 5.51802935551437024 52.27255756288472099, 5.49329326217121672 52.26828742504332581, 5.48860853014299455 52.26690835893204934, 5.48571349621306403 52.26665863162646986, 5.48727897519881669 52.26638995439623159, 5.47144718541225039 52.26354072297139908, 5.46981341967108659 52.26324728968902633, 5.43353324762530931 52.25640162941539302, 5.43304800034109636 52.25581602635606515, 5.41735311308594714 52.25345982907067821, 5.4096454078011309 52.25261251562150733, 5.402651031262236 52.25348994656969381, 5.39601384271695128 52.25647631353130151, 5.39641436702120725 52.25685943894806229, 5.39484282937774573 52.2578569667235584, 5.39354897384347787 52.25704213533155951, 5.39396137659611163 52.25796466899371495, 5.3926210453184904 52.25888367300205317, 5.3915950623668758 52.25811456590765403, 5.39199762251610526 52.25931110750046571, 5.38509614883749421 52.264042162027323, 5.31717233362101194 52.30356476882692363, 5.33292987183578582 52.31388766605798679, 5.33350482707737061 52.31427371533143145, 5.34492344465245495 52.30993900433049504, 5.3515010245812471 52.309235442741425, 5.37915612609341309 52.31410864657122772, 5.38627180129329819 52.31494411806528433, 5.48908088634822722 52.3561746337727314, 5.4919597474536781 52.35415683734311187, 5.48578917714722802 52.35046912618404491)))</t>
  </si>
  <si>
    <t>MultiPolygon (((5.5138053950962016 52.35559447754652496, 5.52227769408097569 52.35078403007783265, 5.51496659508142795 52.34596581022267969, 5.51460923665880909 52.34417400756741046, 5.50799645761407231 52.34301340388153534, 5.5065410460395805 52.34475567313858591, 5.50169638459280463 52.34800696467700476, 5.5138053950962016 52.35559447754652496, 5.5138053950962016 52.35559447754652496)))</t>
  </si>
  <si>
    <t>MultiPolygon (((5.52227769408097569 52.35078403007783265, 5.53405099379387089 52.35814235569277741, 5.54258003090155604 52.35334643704880619, 5.53834863603548389 52.35012566640073572, 5.53721937882649673 52.34722957380259345, 5.54154407110510494 52.33781113164143051, 5.54006679679086744 52.33819204072851505, 5.53110210856449758 52.33690289814723684, 5.52840514925431403 52.33827395780073033, 5.51813927165203388 52.34442798209315839, 5.51460923665880909 52.34417400756741046, 5.51496659508142795 52.34596581022267969, 5.52227769408097569 52.35078403007783265, 5.52227769408097569 52.35078403007783265)))</t>
  </si>
  <si>
    <t>MultiPolygon (((5.50799645761407231 52.34301340388153534, 5.51460923665880909 52.34417400756741046, 5.51813927165203388 52.34442798209315839, 5.52840514925431403 52.33827395780073033, 5.52503666469336796 52.3355701276090528, 5.52923720879535274 52.3268426403140765, 5.51701419094881551 52.32456400676320385, 5.50799645761407231 52.34301340388153534, 5.50799645761407231 52.34301340388153534)))</t>
  </si>
  <si>
    <t>MultiPolygon (((5.53880188586587074 52.32952171409269937, 5.53987596698583928 52.32831317672955151, 5.54544935553412532 52.32930628249570049, 5.54613931766742496 52.32816027329821651, 5.54973737755789909 52.32895348115290091, 5.54843353516149129 52.32729655819240122, 5.55251752800923271 52.32092632641275287, 5.55250304210472123 52.3197860986279295, 5.55062731944931542 52.3189675940928538, 5.54865189947452819 52.31449948835061292, 5.54901890124343922 52.31354923709775306, 5.53213267854011814 52.31693190629878387, 5.52068453133520176 52.31689062939489787, 5.51701419094881551 52.32456400676320385, 5.52923720879535274 52.3268426403140765, 5.53480161321517805 52.3278809154645046, 5.53880188586587074 52.32952171409269937, 5.53880188586587074 52.32952171409269937)))</t>
  </si>
  <si>
    <t>MultiPolygon (((5.52840514925431403 52.33827395780073033, 5.53110210856449758 52.33690289814723684, 5.54006679679086744 52.33819204072851505, 5.54154407110510494 52.33781113164143051, 5.54515629723743064 52.3350831848829614, 5.54299339558460247 52.33462012394656426, 5.54393395077831208 52.33278420030883638, 5.53779838652581891 52.33168705581801561, 5.53880188586587074 52.32952171409269937, 5.53480161321517805 52.3278809154645046, 5.52923720879535274 52.3268426403140765, 5.52503666469336796 52.3355701276090528, 5.52840514925431403 52.33827395780073033, 5.52840514925431403 52.33827395780073033)))</t>
  </si>
  <si>
    <t>MultiPolygon (((5.55283597708096899 52.33415242296231185, 5.55212984972630696 52.33169797005015766, 5.55204149483797416 52.3339773345464323, 5.54932857992710993 52.33473796424843272, 5.54549037979321291 52.33380854216178335, 5.54546478158142975 52.33327214687597007, 5.54673437320025897 52.33351591221292409, 5.54884690962249039 52.33283950253198213, 5.54862214252197017 52.33240879980824189, 5.54540901905112893 52.33210367611047786, 5.54554030957466093 52.33169563527192736, 5.54812465510916386 52.33228874090884375, 5.54902311026758532 52.33194884583651429, 5.54903629167053314 52.33135292398431915, 5.54586373156608037 52.33069043227561679, 5.54660150068407098 52.32933869378026515, 5.54921240532951909 52.32997360897240213, 5.55002992655706429 52.33149623328593236, 5.55114005130206145 52.33135374599254419, 5.54973737755789909 52.32895348115290091, 5.54613931766742496 52.32816027329821651, 5.54544935553412532 52.32930628249570049, 5.53987596698583928 52.32831317672955151, 5.53880188586587074 52.32952171409269937, 5.53779838652581891 52.33168705581801561, 5.54393395077831208 52.33278420030883638, 5.54299339558460247 52.33462012394656426, 5.54515629723743064 52.3350831848829614, 5.54801729196333504 52.33557842818377281, 5.55283597708096899 52.33415242296231185, 5.55283597708096899 52.33415242296231185)))</t>
  </si>
  <si>
    <t>MultiPolygon (((6.90235484086320206 53.0725642099774646, 6.9043478830569871 53.04367479977437938, 6.90552501184704681 53.04362951036806351, 6.90770275906542253 53.03888097188640671, 6.90189145068737275 53.03554358774898247, 6.90333408435697393 53.03436506613829238, 6.89893107576323494 53.03240647842646638, 6.88144342440188428 53.04661881354255115, 6.86864129632109144 53.04128416127776546, 6.86549470472146606 53.04289675286900518, 6.86391142657350972 53.04566535285954387, 6.86060479991080197 53.04680370116185628, 6.85402945394708407 53.05126750680933867, 6.86657205370703494 53.05907250137448727, 6.87322274194869554 53.06413759445316458, 6.8772004224093255 53.06957883368087181, 6.88646508124225942 53.08461575599537952, 6.90235484086320206 53.0725642099774646, 6.90235484086320206 53.0725642099774646),(6.88672138542337109 53.05081283137496939, 6.88985928665826108 53.05115374438982201, 6.89124810687826361 53.05192999394222397, 6.88922954923739272 53.05411850240476213, 6.88961506067272111 53.05750190523293242, 6.89848897652622384 53.06855248465365094, 6.89730582602374653 53.07000876542605283, 6.89514231267831779 53.06993212753724265, 6.89005034216955714 53.06788583131075399, 6.88721913058420565 53.06526839524747174, 6.88216192491086787 53.05813729896173925, 6.88164380657284536 53.0547442998879788, 6.88394104526803652 53.0520620638285223, 6.88672138542337109 53.05081283137496939, 6.88672138542337109 53.05081283137496939)),((6.83028617652056891 53.09733152082927887, 6.82993523060471919 53.08780934709046306, 6.84015448487603006 53.08753410518777827, 6.83978701240529219 53.09671448708061803, 6.84956489955670023 53.0962612612545044, 6.84878688675672453 53.09518983412621651, 6.84725194102342716 53.09546661075477658, 6.8451768045242174 53.09021751900489505, 6.85970078770622216 53.08718038936050476, 6.85504815120835076 53.07955936775725547, 6.83974935612655699 53.05593648799134598, 6.83717040469579995 53.05622843650471054, 6.81453553415328717 53.07059805818445852, 6.8139447460743412 53.07097158312734564, 6.80845053735278682 53.09227957956606048, 6.80695969150296776 53.09825521052989217, 6.83028617652056891 53.09733152082927887, 6.83028617652056891 53.09733152082927887)))</t>
  </si>
  <si>
    <t>MultiPolygon (((6.89730582602374653 53.07000876542605283, 6.89848897652622384 53.06855248465365094, 6.88961506067272111 53.05750190523293242, 6.88922954923739272 53.05411850240476213, 6.89124810687826361 53.05192999394222397, 6.88985928665826108 53.05115374438982201, 6.88672138542337109 53.05081283137496939, 6.88394104526803652 53.0520620638285223, 6.88164380657284536 53.0547442998879788, 6.88216192491086787 53.05813729896173925, 6.88721913058420565 53.06526839524747174, 6.89005034216955714 53.06788583131075399, 6.89514231267831779 53.06993212753724265, 6.89730582602374653 53.07000876542605283, 6.89730582602374653 53.07000876542605283)))</t>
  </si>
  <si>
    <t>MultiPolygon (((6.83717040469579995 53.05622843650471054, 6.83974935612655699 53.05593648799134598, 6.85180889563469631 53.05291074041258526, 6.85402945394708407 53.05126750680933867, 6.86060479991080197 53.04680370116185628, 6.86391142657350972 53.04566535285954387, 6.86549470472146606 53.04289675286900518, 6.86510360731613378 53.04280788257178614, 6.86128744651980949 53.04087401750008013, 6.84327302945781746 53.05234421684221502, 6.83717040469579995 53.05622843650471054, 6.83717040469579995 53.05622843650471054)))</t>
  </si>
  <si>
    <t>MultiPolygon (((6.85504815120835076 53.07955936775725547, 6.86658617076120414 53.07731262422208829, 6.8772004224093255 53.06957883368087181, 6.87322274194869554 53.06413759445316458, 6.86657205370703494 53.05907250137448727, 6.85402945394708407 53.05126750680933867, 6.85180889563469631 53.05291074041258526, 6.83974935612655699 53.05593648799134598, 6.85504815120835076 53.07955936775725547, 6.85504815120835076 53.07955936775725547)))</t>
  </si>
  <si>
    <t>MultiPolygon (((6.87112218337858138 53.09549107644575372, 6.8725474270854976 53.09486002570943697, 6.87644601257502064 53.09226202874851452, 6.88646508124225942 53.08461575599537952, 6.8772004224093255 53.06957883368087181, 6.86658617076120414 53.07731262422208829, 6.85504815120835076 53.07955936775725547, 6.85970078770622216 53.08718038936050476, 6.86248957687658834 53.08918657187364687, 6.86674647216612932 53.09569433781064163, 6.87112218337858138 53.09549107644575372, 6.87112218337858138 53.09549107644575372)))</t>
  </si>
  <si>
    <t>MultiPolygon (((6.92062916449951171 53.04525508954144897, 6.90552501184704681 53.04362951036806351, 6.9043478830569871 53.04367479977437938, 6.90235484086320206 53.0725642099774646, 6.88646508124225942 53.08461575599537952, 6.89220372682708593 53.09376303066589031, 6.90196989607101319 53.08680502710147664, 6.92909428707129216 53.07182908117712117, 6.92444049570525255 53.057777456456229, 6.93302190785616901 53.0535877851335016, 6.93334354422778709 53.04961279448131251, 6.9199049506275534 53.04931216909216829, 6.92062916449951171 53.04525508954144897)),((6.93689309098628559 53.07742188034095676, 6.91450969871420185 53.09047600280221246, 6.91378770377287388 53.09345833087927957, 6.91478419555292767 53.09419831006721324, 6.91817498942559084 53.09433137881753595, 6.94716066170461843 53.0942566429204561, 6.95540953615500346 53.0932708783418903, 6.94383642170339677 53.08191417477370067, 6.93689309098628559 53.07742188034095676, 6.93689309098628559 53.07742188034095676)),((6.85154218341813337 53.12502114722700952, 6.86515901620403834 53.12442116935556413, 6.86582831547217243 53.1209560608777025, 6.84423407282096896 53.12185256770039388, 6.8430392271449163 53.11078147012773343, 6.83951193999544937 53.1108394590773969, 6.83726685721419347 53.10989492728500494, 6.83666479784299241 53.10832440951985234, 6.83796444801940595 53.10717629399622552, 6.85273670901788456 53.10649133984946957, 6.8514357396532235 53.0961738030935777, 6.84956489955670023 53.0962612612545044, 6.83978701240529219 53.09671448708061803, 6.81580593804219159 53.12742235898350884, 6.82116903519561291 53.12883168773741005, 6.82310112523710099 53.12621902331301271, 6.85154218341813337 53.12502114722700952, 6.85154218341813337 53.12502114722700952)),((6.9498357245834752 53.12116882045753385, 6.95933912392234699 53.12017590041461546, 6.96173525910875313 53.11002129733444832, 6.96078480062554661 53.09743023052102728, 6.95304485270458272 53.09922232332010594, 6.92436809924612984 53.09892432240319948, 6.90821551149359436 53.0968157915114034, 6.90437682552324095 53.09480696114904674, 6.89578623616609132 53.09945351744282505, 6.89807948755921085 53.10295828798706452, 6.89931652366202197 53.10756100451399675, 6.89962730480781961 53.12807347112160983, 6.93480153165326918 53.12414247697126513, 6.9498357245834752 53.12116882045753385, 6.9498357245834752 53.12116882045753385)))</t>
  </si>
  <si>
    <t>MultiPolygon (((6.96078480062554661 53.09743023052102728, 6.96059812582886472 53.09580134586038724, 6.95938209584781831 53.09493672114144402, 6.95839727185052226 53.09526669049351, 6.95795153326221971 53.09435486189927644, 6.95689087431682829 53.09471066122368654, 6.95540953615500346 53.0932708783418903, 6.94716066170461843 53.0942566429204561, 6.91817498942559084 53.09433137881753595, 6.91478419555292767 53.09419831006721324, 6.91378770377287388 53.09345833087927957, 6.90437682552324095 53.09480696114904674, 6.90821551149359436 53.0968157915114034, 6.92436809924612984 53.09892432240319948, 6.95304485270458272 53.09922232332010594, 6.96078480062554661 53.09743023052102728, 6.96078480062554661 53.09743023052102728)))</t>
  </si>
  <si>
    <t>MultiPolygon (((6.89578623616609132 53.09945351744282505, 6.90437682552324095 53.09480696114904674, 6.91378770377287388 53.09345833087927957, 6.91450969871420185 53.09047600280221246, 6.93689309098628559 53.07742188034095676, 6.93059450914622577 53.07285161760483305, 6.92960602223143685 53.07336403260512014, 6.92909428707129216 53.07182908117712117, 6.90196989607101319 53.08680502710147664, 6.89220372682708593 53.09376303066589031, 6.89578623616609132 53.09945351744282505, 6.89578623616609132 53.09945351744282505)))</t>
  </si>
  <si>
    <t>MultiPolygon (((6.80323953597209208 53.12408968370961304, 6.81580593804219159 53.12742235898350884, 6.83978701240529219 53.09671448708061803, 6.84015448487603006 53.08753410518777827, 6.82993523060471919 53.08780934709046306, 6.83028617652056891 53.09733152082927887, 6.80695969150296776 53.09825521052989217, 6.80167395281819953 53.11917167734163314, 6.80598809828510021 53.12032594739789459, 6.80323953597209208 53.12408968370961304, 6.80323953597209208 53.12408968370961304)))</t>
  </si>
  <si>
    <t>MultiPolygon (((6.86582831547217243 53.1209560608777025, 6.86699937737663024 53.11828139950726069, 6.86748205026688741 53.11713448472018229, 6.86943159415496662 53.11703097991119904, 6.87101444176688236 53.115426262319275, 6.87148182071303992 53.11035884678900487, 6.86717298355390948 53.10949316219699767, 6.8430392271449163 53.11078147012773343, 6.84423407282096896 53.12185256770039388, 6.86582831547217243 53.1209560608777025, 6.86582831547217243 53.1209560608777025)))</t>
  </si>
  <si>
    <t>MultiPolygon (((6.8989433614861353 53.1281632973642175, 6.89962730480781961 53.12807347112160983, 6.89931652366202197 53.10756100451399675, 6.89807948755921085 53.10295828798706452, 6.89578623616609132 53.09945351744282505, 6.89220372682708593 53.09376303066589031, 6.88646508124225942 53.08461575599537952, 6.87644601257502064 53.09226202874851452, 6.88260729100246049 53.10144379461420527, 6.89089455917877292 53.10903364293375262, 6.89423490308176401 53.11896694332402546, 6.89538714691244259 53.1237943014230396, 6.89471773018648282 53.12785377137518594, 6.89709975695904554 53.12757809729307468, 6.89703982280829742 53.12849418954445468, 6.8989433614861353 53.1281632973642175, 6.8989433614861353 53.1281632973642175)))</t>
  </si>
  <si>
    <t>MultiPolygon (((6.85273670901788456 53.10649133984946957, 6.85273264415278494 53.10719543942709464, 6.85476879754740054 53.10714899230442398, 6.85951347610447026 53.10685411107382947, 6.86656936816607377 53.10529306081745915, 6.86868647325098092 53.10587488951522062, 6.87011995409243159 53.10557086687334305, 6.87112218337858138 53.09549107644575372, 6.86674647216612932 53.09569433781064163, 6.86248957687658834 53.08918657187364687, 6.85970078770622216 53.08718038936050476, 6.8451768045242174 53.09021751900489505, 6.84725194102342716 53.09546661075477658, 6.84878688675672453 53.09518983412621651, 6.84956489955670023 53.0962612612545044, 6.8514357396532235 53.0961738030935777, 6.85273670901788456 53.10649133984946957, 6.85273670901788456 53.10649133984946957)))</t>
  </si>
  <si>
    <t>MultiPolygon (((6.87011995409243159 53.10557086687334305, 6.87554869247591771 53.10574898676325262, 6.87893712509302979 53.10340328917243369, 6.87657482434727374 53.1012336283496964, 6.8725474270854976 53.09486002570943697, 6.87112218337858138 53.09549107644575372, 6.87011995409243159 53.10557086687334305, 6.87011995409243159 53.10557086687334305)))</t>
  </si>
  <si>
    <t>MultiPolygon (((6.88611112216432364 53.11023669013688675, 6.89089455917877292 53.10903364293375262, 6.88260729100246049 53.10144379461420527, 6.87644601257502064 53.09226202874851452, 6.8725474270854976 53.09486002570943697, 6.87657482434727374 53.1012336283496964, 6.87893712509302979 53.10340328917243369, 6.88274878768415643 53.10632602908968636, 6.88611112216432364 53.11023669013688675, 6.88611112216432364 53.11023669013688675)))</t>
  </si>
  <si>
    <t>MultiPolygon (((6.88001735029620409 53.12564761884934228, 6.88281499865624902 53.12519543118828125, 6.88302693512997443 53.12581725010375067, 6.88426875580202857 53.12561636863542702, 6.88504747934189343 53.12742564859276939, 6.88625355447806076 53.12859950389230335, 6.89471773018648282 53.12785377137518594, 6.89538714691244259 53.1237943014230396, 6.89423490308176401 53.11896694332402546, 6.88978183164234981 53.11914252632955424, 6.88958036027652287 53.11807052118524552, 6.87726769376174651 53.11874725963672716, 6.87668852212371196 53.11771925225242796, 6.86699937737663024 53.11828139950726069, 6.86582831547217243 53.1209560608777025, 6.86515901620403834 53.12442116935556413, 6.86592893920276737 53.124387295044734, 6.86595802092228169 53.12392810612368521, 6.87412387413484627 53.12354730313366247, 6.87429285654150668 53.12536844052712581, 6.87861923572265699 53.12514871880841127, 6.87893953776526779 53.12582177923070503, 6.88001735029620409 53.12564761884934228, 6.88001735029620409 53.12564761884934228)))</t>
  </si>
  <si>
    <t>MultiPolygon (((6.86699937737663024 53.11828139950726069, 6.87668852212371196 53.11771925225242796, 6.87726769376174651 53.11874725963672716, 6.88958036027652287 53.11807052118524552, 6.88978183164234981 53.11914252632955424, 6.89423490308176401 53.11896694332402546, 6.89089455917877292 53.10903364293375262, 6.88611112216432364 53.11023669013688675, 6.87148182071303992 53.11035884678900487, 6.87101444176688236 53.115426262319275, 6.86943159415496662 53.11703097991119904, 6.86748205026688741 53.11713448472018229, 6.86699937737663024 53.11828139950726069, 6.86699937737663024 53.11828139950726069)))</t>
  </si>
  <si>
    <t>MultiPolygon (((6.87148182071303992 53.11035884678900487, 6.88611112216432364 53.11023669013688675, 6.88274878768415643 53.10632602908968636, 6.87893712509302979 53.10340328917243369, 6.87554869247591771 53.10574898676325262, 6.87011995409243159 53.10557086687334305, 6.86868647325098092 53.10587488951522062, 6.86656936816607377 53.10529306081745915, 6.85951347610447026 53.10685411107382947, 6.85476879754740054 53.10714899230442398, 6.85273264415278494 53.10719543942709464, 6.85273670901788456 53.10649133984946957, 6.83796444801940595 53.10717629399622552, 6.83666479784299241 53.10832440951985234, 6.83726685721419347 53.10989492728500494, 6.83951193999544937 53.1108394590773969, 6.8430392271449163 53.11078147012773343, 6.86717298355390948 53.10949316219699767, 6.87148182071303992 53.11035884678900487, 6.87148182071303992 53.11035884678900487)))</t>
  </si>
  <si>
    <t>MultiPolygon (((7.00178674873424889 53.04808067390860771, 7.01981450477600166 53.04304564810390588, 7.01503696502592256 53.04193438848550812, 7.01124933769680947 53.03993844331359497, 7.01456884380701506 53.03704710010494949, 7.00610996718955104 53.03340346488663215, 6.98488781429239314 53.01905708629504943, 6.99012989589630607 53.01724329060107266, 6.98946864640106558 53.01644177965209792, 6.96907516296877105 53.0102058316386362, 6.95370805546934356 53.01405051923823208, 6.95399998811053877 53.01432857203778326, 6.95465413859288617 53.01414518988967473, 6.95579004507895604 53.01386065707655604, 6.98038786863145067 53.04090878834676914, 6.98500718247505592 53.03919115117624727, 6.99364151075638318 53.04841164661127095, 6.99556184688017169 53.04855927179409036, 7.00178674873424889 53.04808067390860771, 7.00178674873424889 53.04808067390860771)),((7.01013338619617166 53.07370169922014469, 7.01333302216095955 53.06944051108822435, 7.01544586960088878 53.0717741355537882, 7.01910074297630882 53.07146698155295894, 7.02953283456739708 53.06664899744051667, 7.03237894358506122 53.06677559200377203, 7.03364804059986781 53.06474787596830822, 7.03719861470438968 53.06483134565775117, 7.03732025182192444 53.06227065595375336, 7.03940190795804455 53.06215453451656572, 7.03866746382259656 53.05760002881334003, 7.03308214620881333 53.05863087988355886, 7.02614996314547469 53.04743775191220578, 6.99492887584165413 53.05684252001403678, 7.00080975230610747 53.0633066297381859, 7.01013338619617166 53.07370169922014469, 7.01013338619617166 53.07370169922014469)))</t>
  </si>
  <si>
    <t>MultiPolygon (((6.99492887584165413 53.05684252001403678, 7.02614996314547469 53.04743775191220578, 7.0264802193434388 53.04483810137033117, 7.01981450477600166 53.04304564810390588, 7.00178674873424889 53.04808067390860771, 6.99556184688017169 53.04855927179409036, 6.99364151075638318 53.04841164661127095, 6.98500718247505592 53.03919115117624727, 6.98038786863145067 53.04090878834676914, 6.98782845970858979 53.04907639116599682, 6.99036282056183467 53.05438183879062564, 6.99291012149934055 53.05509610527332853, 6.99492887584165413 53.05684252001403678, 6.99492887584165413 53.05684252001403678)))</t>
  </si>
  <si>
    <t>MultiPolygon (((7.0699360940621947 52.95318908226969512, 7.06734198244811651 52.95211145932456986, 7.0671234638506677 52.95617669785367099, 7.06401099224341067 52.95611563164318625, 7.06368695801042623 52.97060631343422443, 7.06046841480790466 52.96977589497869587, 7.05763051120095142 52.96784090813257961, 7.05407823057615158 52.96038039086637639, 7.06251587859283259 52.95072749473474261, 7.06465375911536775 52.95077390696916098, 7.06342597184532561 52.93097048762075474, 7.03629977826932951 52.92926598064794774, 7.0318872678896911 52.92530575126447445, 7.03133844216486725 52.92640684756756286, 7.03254560723336297 52.93031049869099292, 7.03042100944394388 52.93624777108361457, 7.03211621564998168 52.93655871101726973, 7.04123357050831356 52.94537808927949385, 7.04279928717295522 52.95066422721952648, 7.04256304583985226 52.95316450655310092, 7.05123388658491645 52.95477501613504501, 7.05160619451766735 52.9554237393430256, 7.05182157814839616 52.95598458882105319, 7.04479779088725788 52.95519387848457882, 7.04329513956330011 52.95675826376874085, 7.05142829928252457 52.98600969883489142, 7.06173716625536851 52.98472073923302617, 7.06195025548095145 52.98325459871275456, 7.07111831567556415 52.98309281950438532, 7.0699360940621947 52.95318908226969512, 7.0699360940621947 52.95318908226969512)),((7.04346243783103088 52.99568373898210893, 7.0474593789210056 52.98650994927348279, 7.03145659206686702 52.9595727883117533, 7.03514293106409649 52.9563984138980004, 7.03213480752684017 52.95503140372419892, 7.02969138814927419 52.9429906828243233, 7.02628473750574489 52.94161642685079272, 7.02463592435932771 52.94381967284289203, 7.0107018491490356 52.96192877832644541, 6.99781423050082552 52.9785187068372494, 6.99028200441401459 52.98789652466368949, 6.98622646101529376 52.99352462383105689, 7.00009426385093558 52.99783293847376342, 7.00128320951221994 52.99559566906999919, 7.00204876234930307 52.98134183657583662, 7.02401416694550296 52.96285478648303524, 7.03181602823984342 52.96628938763267058, 7.01959230986014049 52.97631805795370497, 7.02273589116875474 52.97768379279645501, 7.00897394737719726 52.98885929456848487, 7.00844067531431403 52.99988066823602395, 7.02045134693288109 53.00403430582895936, 7.02173052516462626 53.00291414457876016, 7.02609961652553583 53.00478407626857802, 7.03429754368961913 53.00344217240387223, 7.04346243783103088 52.99568373898210893, 7.04346243783103088 52.99568373898210893)))</t>
  </si>
  <si>
    <t>MultiPolygon (((7.00009426385093558 52.99783293847376342, 7.00513529156083337 52.99873467028425011, 7.00844067531431403 52.99988066823602395, 7.00897394737719726 52.98885929456848487, 7.02273589116875474 52.97768379279645501, 7.01959230986014049 52.97631805795370497, 7.03181602823984342 52.96628938763267058, 7.02401416694550296 52.96285478648303524, 7.00204876234930307 52.98134183657583662, 7.00128320951221994 52.99559566906999919, 7.00009426385093558 52.99783293847376342, 7.00009426385093558 52.99783293847376342)))</t>
  </si>
  <si>
    <t>MultiPolygon (((7.06465375911536775 52.95077390696916098, 7.06251587859283259 52.95072749473474261, 7.05407823057615158 52.96038039086637639, 7.05763051120095142 52.96784090813257961, 7.06046841480790466 52.96977589497869587, 7.06368695801042623 52.97060631343422443, 7.06401099224341067 52.95611563164318625, 7.0671234638506677 52.95617669785367099, 7.06734198244811651 52.95211145932456986, 7.06467547502224846 52.95118460422997231, 7.06465375911536775 52.95077390696916098, 7.06465375911536775 52.95077390696916098)))</t>
  </si>
  <si>
    <t>MultiPolygon (((7.0474593789210056 52.98650994927348279, 7.05142829928252457 52.98600969883489142, 7.04329513956330011 52.95675826376874085, 7.04479779088725788 52.95519387848457882, 7.05182157814839616 52.95598458882105319, 7.05160619451766735 52.9554237393430256, 7.05123388658491645 52.95477501613504501, 7.04256304583985226 52.95316450655310092, 7.04279928717295522 52.95066422721952648, 7.04123357050831356 52.94537808927949385, 7.03211621564998168 52.93655871101726973, 7.03042100944394388 52.93624777108361457, 7.02959295083600111 52.93735404697886793, 7.02628473750574489 52.94161642685079272, 7.02969138814927419 52.9429906828243233, 7.03213480752684017 52.95503140372419892, 7.03514293106409649 52.9563984138980004, 7.03145659206686702 52.9595727883117533, 7.0474593789210056 52.98650994927348279, 7.0474593789210056 52.98650994927348279)))</t>
  </si>
  <si>
    <t>MultiPolygon (((7.01981450477600166 53.04304564810390588, 7.02706389235947704 53.03354143793217901, 7.02999352722412407 53.03396981095468021, 7.03200015335302897 53.03358434408875155, 7.03700909374645089 53.02965936526024393, 7.04255355653831483 53.02941351833590744, 7.05124557833702248 53.03044085610228819, 7.05262678672493415 53.03340685464061011, 7.06710312651386108 53.03185459964222304, 7.06747988113629511 53.01975342528491808, 7.07431197424047919 53.01983219366019284, 7.07873797082660161 53.018795997065574, 7.08393542464406423 53.02022901799065124, 7.08639996002038153 53.02033421639140442, 7.09567285497521461 53.01450031605399715, 7.09220059650144208 53.01294154989416541, 7.0720581829081377 53.00378668357065948, 7.07111831567556415 52.98309281950438532, 7.06195025548095145 52.98325459871275456, 7.06173716625536851 52.98472073923302617, 7.05142829928252457 52.98600969883489142, 7.0474593789210056 52.98650994927348279, 7.04346243783103088 52.99568373898210893, 7.03429754368961913 53.00344217240387223, 7.02609961652553583 53.00478407626857802, 7.02173052516462626 53.00291414457876016, 7.02045134693288109 53.00403430582895936, 7.00844067531431403 52.99988066823602395, 7.00513529156083337 52.99873467028425011, 7.00009426385093558 52.99783293847376342, 6.98622646101529376 52.99352462383105689, 6.97958296918500132 53.00484708244237453, 6.97565579771626698 53.00771982006729388, 6.96907516296877105 53.0102058316386362, 6.98946864640106558 53.01644177965209792, 6.99012989589630607 53.01724329060107266, 6.98488781429239314 53.01905708629504943, 7.00610996718955104 53.03340346488663215, 7.01456884380701506 53.03704710010494949, 7.01124933769680947 53.03993844331359497, 7.01503696502592256 53.04193438848550812, 7.01981450477600166 53.04304564810390588, 7.01981450477600166 53.04304564810390588)))</t>
  </si>
  <si>
    <t>MultiPolygon (((7.03719861470438968 53.06483134565775117, 7.06016347968507141 53.06580826269814821, 7.06465336770601926 53.06695011545060936, 7.065946720670504 53.06727899527309944, 7.07046597729641668 53.06619287915822269, 7.07688043656424703 53.06369064289551574, 7.08009541662674202 53.06144222995062165, 7.08016291036211776 53.05917303885186698, 7.07664014626935511 53.05118405876866916, 7.07454110310127415 53.04994689098595018, 7.07199616974268341 53.05073470613407238, 7.06832849260754603 53.05078423796081211, 7.06705549141268374 53.04769077656477094, 7.0680480172007778 53.04350837823459131, 7.07010834569354163 53.04277098780950439, 7.07172520925531511 53.04360317522601065, 7.08165511166361128 53.04446450438256733, 7.08611936616283788 53.0423469123401361, 7.08667641808053439 53.04048887734741413, 7.0842634299107603 53.03950391727443048, 7.08263785126307166 53.03351535399181671, 7.08037782784095704 53.02974951957934735, 7.08274930820088322 53.02549768197256697, 7.08844763830293001 53.02634165398639965, 7.09195947325693865 53.02284614167970744, 7.09578626570704962 53.02119890492119936, 7.09795871734914563 53.02122247493380769, 7.10001347235818248 53.01644444417268431, 7.09567285497521461 53.01450031605399715, 7.08639996002038153 53.02033421639140442, 7.08393542464406423 53.02022901799065124, 7.07873797082660161 53.018795997065574, 7.07431197424047919 53.01983219366019284, 7.06747988113629511 53.01975342528491808, 7.06710312651386108 53.03185459964222304, 7.05262678672493415 53.03340685464061011, 7.05082141194968948 53.03510139811615431, 7.04828114247950133 53.03439870859006078, 7.04645205649664419 53.03907596718506312, 7.04959469211814493 53.03913260286763887, 7.05240808259019669 53.04150772186626028, 7.04707490830008609 53.04286818143615534, 7.03481627744452798 53.04358567410834269, 7.0264802193434388 53.04483810137033117, 7.02614996314547469 53.04743775191220578, 7.03308214620881333 53.05863087988355886, 7.03866746382259656 53.05760002881334003, 7.03940190795804455 53.06215453451656572, 7.03732025182192444 53.06227065595375336, 7.03719861470438968 53.06483134565775117, 7.03719861470438968 53.06483134565775117),(7.05036516933305002 53.05882098669449221, 7.04970963844676035 53.05916387152043256, 7.04586480722573683 53.05379095907991882, 7.04739894051728832 53.05352108127444666, 7.05303490295143032 53.05739749140520445, 7.05036516933305002 53.05882098669449221, 7.05036516933305002 53.05882098669449221)))</t>
  </si>
  <si>
    <t>MultiPolygon (((7.05036516933305002 53.05882098669449221, 7.05303490295143032 53.05739749140520445, 7.04739894051728832 53.05352108127444666, 7.04586480722573683 53.05379095907991882, 7.04970963844676035 53.05916387152043256, 7.05036516933305002 53.05882098669449221, 7.05036516933305002 53.05882098669449221)))</t>
  </si>
  <si>
    <t>MultiPolygon (((7.01981450477600166 53.04304564810390588, 7.0264802193434388 53.04483810137033117, 7.03481627744452798 53.04358567410834269, 7.04707490830008609 53.04286818143615534, 7.05240808259019669 53.04150772186626028, 7.04959469211814493 53.03913260286763887, 7.04645205649664419 53.03907596718506312, 7.04828114247950133 53.03439870859006078, 7.05082141194968948 53.03510139811615431, 7.05262678672493415 53.03340685464061011, 7.05124557833702248 53.03044085610228819, 7.04255355653831483 53.02941351833590744, 7.03700909374645089 53.02965936526024393, 7.03200015335302897 53.03358434408875155, 7.02999352722412407 53.03396981095468021, 7.02706389235947704 53.03354143793217901, 7.01981450477600166 53.04304564810390588, 7.01981450477600166 53.04304564810390588)))</t>
  </si>
  <si>
    <t>MultiPolygon (((6.97080837089404604 52.96658522017804671, 6.99302522448689423 52.97576373227940394, 6.99781423050082552 52.9785187068372494, 7.0107018491490356 52.96192877832644541, 6.99168370709782749 52.95385607533398087, 6.98509963161688496 52.95951167416367866, 6.9785635186365722 52.95671684965252979, 6.97035266055297953 52.9637690122785969, 6.96958628156596305 52.96442721488396188, 6.97080837089404604 52.96658522017804671, 6.97080837089404604 52.96658522017804671)))</t>
  </si>
  <si>
    <t>MultiPolygon (((6.97986092647946865 52.95560423101137815, 6.9785635186365722 52.95671684965252979, 6.98509963161688496 52.95951167416367866, 6.99168370709782749 52.95385607533398087, 7.0107018491490356 52.96192877832644541, 7.02463592435932771 52.94381967284289203, 7.01431431567031627 52.93981708396409402, 7.0126840211121797 52.94085663582451673, 7.00289922041481905 52.93581483714427804, 6.99502371180154814 52.94258782218370385, 6.98788057025568055 52.94872321642204582, 6.98602241273926339 52.95031893425051805, 6.97986092647946865 52.95560423101137815)))</t>
  </si>
  <si>
    <t>MultiPolygon (((7.02959295083600111 52.93735404697886793, 7.03042100944394388 52.93624777108361457, 7.03254560723336297 52.93031049869099292, 7.03133844216486725 52.92640684756756286, 7.0318872678896911 52.92530575126447445, 7.02783157629525501 52.92164628598909815, 7.02685437541606284 52.91903701141880134, 7.0246707104370385 52.91986999620711174, 7.01569768107908409 52.9248156556931022, 7.0187881302754942 52.9269374078752719, 7.02959295083600111 52.93735404697886793)))</t>
  </si>
  <si>
    <t>MultiPolygon (((7.02463592435932771 52.94381967284289203, 7.02628473750574489 52.94161642685079272, 7.02959295083600111 52.93735404697886793, 7.0187881302754942 52.9269374078752719, 7.01569768107908409 52.9248156556931022, 7.00955864709699572 52.93009314610162619, 7.00289922041481905 52.93581483714427804, 7.0126840211121797 52.94085663582451673, 7.01431431567031627 52.93981708396409402, 7.02463592435932771 52.94381967284289203)))</t>
  </si>
  <si>
    <t>MultiPolygon (((6.95834374770375774 52.99791440937622156, 6.95799325398141022 52.9977994704051838, 6.94593172570382933 52.9939368329281919, 6.94064112801768029 52.99578266807738203, 6.94388106207977795 52.99684649411183557, 6.94260318223713924 52.99829291772565654, 6.95411226738527599 53.00193209006484807, 6.95834374770375774 52.99791440937622156, 6.95834374770375774 52.99791440937622156)))</t>
  </si>
  <si>
    <t>MultiPolygon (((6.86510360731613378 53.04280788257178614, 6.86549470472146606 53.04289675286900518, 6.86864129632109144 53.04128416127776546, 6.88144342440188428 53.04661881354255115, 6.89893107576323494 53.03240647842646638, 6.90333408435697393 53.03436506613829238, 6.90189145068737275 53.03554358774898247, 6.90770275906542253 53.03888097188640671, 6.91191102550341796 53.0347112627665922, 6.93585396752886574 53.01962292189209336, 6.94166290732555691 53.01741926068196875, 6.95399998811053877 53.01432857203778326, 6.95370805546934356 53.01405051923823208, 6.94372732513034574 53.00815268175647788, 6.94122981899492242 53.00975080840702702, 6.93073849512873075 53.00376462918687537, 6.92572020241096098 53.00699732788861951, 6.92336380994750478 53.00564781421260818, 6.86510360731613378 53.04280788257178614, 6.86510360731613378 53.04280788257178614)))</t>
  </si>
  <si>
    <t>MultiPolygon (((6.95370805546934356 53.01405051923823208, 6.96907516296877105 53.0102058316386362, 6.97565579771626698 53.00771982006729388, 6.97958296918500132 53.00484708244237453, 6.95834374770375774 52.99791440937622156, 6.95411226738527599 53.00193209006484807, 6.94260318223713924 52.99829291772565654, 6.94388106207977795 52.99684649411183557, 6.94064112801768029 52.99578266807738203, 6.93948661221789109 52.99534796926182878, 6.93936291361185287 52.99542701924740129, 6.92336380994750478 53.00564781421260818, 6.92572020241096098 53.00699732788861951, 6.93073849512873075 53.00376462918687537, 6.94122981899492242 53.00975080840702702, 6.94372732513034574 53.00815268175647788, 6.95370805546934356 53.01405051923823208, 6.95370805546934356 53.01405051923823208)))</t>
  </si>
  <si>
    <t>MultiPolygon (((6.86128744651980949 53.04087401750008013, 6.86510360731613378 53.04280788257178614, 6.92336380994750478 53.00564781421260818, 6.93936291361185287 52.99542701924740129, 6.93467992559338953 52.99399610385791703, 6.92217126290755047 53.00200466502831631, 6.9071844553306434 53.01159424719815405, 6.90713051186586657 53.01162876557211234, 6.90462000266835396 53.01323453406027397, 6.89708799873780443 53.01805119303970315, 6.86128744651980949 53.04087401750008013, 6.86128744651980949 53.04087401750008013)))</t>
  </si>
  <si>
    <t>MultiPolygon (((6.93936291361185287 52.99542701924740129, 6.93948661221789109 52.99534796926182878, 6.96400881092871238 52.97964651460495844, 6.9566504421593276 52.97553387161497085, 6.94841144829187662 52.98261789793135534, 6.9429272582346977 52.98733178557018419, 6.93661060646850114 52.99275957555698113, 6.93568480387260422 52.99335254551783692, 6.93467992559338953 52.99399610385791703, 6.93936291361185287 52.99542701924740129)))</t>
  </si>
  <si>
    <t>MultiPolygon (((6.96400881092871238 52.97964651460495844, 6.9641924254736125 52.9795279614446244, 6.97420592813195128 52.97304593704410536, 6.97080837089404604 52.96658522017804671, 6.96958628156596305 52.96442721488396188, 6.96329230081563288 52.96982094259550422, 6.95672087475973822 52.97547329507212055, 6.9566504421593276 52.97553387161497085, 6.96400881092871238 52.97964651460495844)))</t>
  </si>
  <si>
    <t>MultiPolygon (((6.98734682921731842 52.98688288904816801, 6.99028200441401459 52.98789652466368949, 6.99781423050082552 52.9785187068372494, 6.99302522448689423 52.97576373227940394, 6.97080837089404604 52.96658522017804671, 6.97420592813195128 52.97304593704410536, 6.9641924254736125 52.9795279614446244, 6.966749696458165 52.98060276228162024, 6.97009659885476562 52.98188782802839114, 6.97432999487860794 52.98226904449442998, 6.98734682921731842 52.98688288904816801, 6.98734682921731842 52.98688288904816801)))</t>
  </si>
  <si>
    <t>MultiPolygon (((6.96698763443737956 52.9873339972850701, 6.9733499822535423 52.99067827841168565, 6.97385980074398493 52.99319260971409307, 6.97834384403373953 52.99362284541163604, 6.97996666841404068 52.9930653482330456, 6.98734682921731842 52.98688288904816801, 6.97432999487860794 52.98226904449442998, 6.97009659885476562 52.98188782802839114, 6.96923678614297248 52.98503592828566156, 6.96698763443737956 52.9873339972850701, 6.96698763443737956 52.9873339972850701)))</t>
  </si>
  <si>
    <t>MultiPolygon (((6.96681814443852954 52.98727774537723434, 6.96698763443737956 52.9873339972850701, 6.96923678614297248 52.98503592828566156, 6.97009659885476562 52.98188782802839114, 6.966749696458165 52.98060276228162024, 6.96017089498608765 52.98485844471519357, 6.96110643504776228 52.98533814234343708, 6.96681814443852954 52.98727774537723434, 6.96681814443852954 52.98727774537723434)))</t>
  </si>
  <si>
    <t>MultiPolygon (((6.95834374770375774 52.99791440937622156, 6.97958296918500132 53.00484708244237453, 6.98622646101529376 52.99352462383105689, 6.99028200441401459 52.98789652466368949, 6.98734682921731842 52.98688288904816801, 6.97996666841404068 52.9930653482330456, 6.97834384403373953 52.99362284541163604, 6.97385980074398493 52.99319260971409307, 6.9733499822535423 52.99067827841168565, 6.96698763443737956 52.9873339972850701, 6.96681814443852954 52.98727774537723434, 6.96279521777326504 52.99180520687574614, 6.95799325398141022 52.9977994704051838, 6.95834374770375774 52.99791440937622156, 6.95834374770375774 52.99791440937622156)))</t>
  </si>
  <si>
    <t>MultiPolygon (((6.94593172570382933 52.9939368329281919, 6.95799325398141022 52.9977994704051838, 6.96279521777326504 52.99180520687574614, 6.95685964179734384 52.98986615646430209, 6.95624232015329724 52.9896565179345771, 6.95277114710407584 52.99323020666200534, 6.94912607392767878 52.99190334439432348, 6.94593172570382933 52.9939368329281919, 6.94593172570382933 52.9939368329281919)))</t>
  </si>
  <si>
    <t>MultiPolygon (((6.95685964179734384 52.98986615646430209, 6.96279521777326504 52.99180520687574614, 6.96681814443852954 52.98727774537723434, 6.96110643504776228 52.98533814234343708, 6.95685964179734384 52.98986615646430209, 6.95685964179734384 52.98986615646430209)))</t>
  </si>
  <si>
    <t>MultiPolygon (((6.93948661221789109 52.99534796926182878, 6.94064112801768029 52.99578266807738203, 6.94593172570382933 52.9939368329281919, 6.94912607392767878 52.99190334439432348, 6.95277114710407584 52.99323020666200534, 6.95624232015329724 52.9896565179345771, 6.95685964179734384 52.98986615646430209, 6.96110643504776228 52.98533814234343708, 6.96017089498608765 52.98485844471519357, 6.966749696458165 52.98060276228162024, 6.9641924254736125 52.9795279614446244, 6.96400881092871238 52.97964651460495844, 6.93948661221789109 52.99534796926182878, 6.93948661221789109 52.99534796926182878)))</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 x14ac:knownFonts="1">
    <font>
      <sz val="10"/>
      <name val="Arial"/>
      <family val="2"/>
    </font>
  </fonts>
  <fills count="2">
    <fill>
      <patternFill patternType="none"/>
    </fill>
    <fill>
      <patternFill patternType="gray125"/>
    </fill>
  </fills>
  <borders count="1">
    <border>
      <left/>
      <right/>
      <top/>
      <bottom/>
      <diagonal/>
    </border>
  </borders>
  <cellStyleXfs count="1">
    <xf numFmtId="0" fontId="0" fillId="0" borderId="0"/>
  </cellStyleXfs>
  <cellXfs count="1">
    <xf numFmtId="0" fontId="0" fillId="0" borderId="0" xfId="0"/>
  </cellXfs>
  <cellStyles count="1">
    <cellStyle name="Standaard"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2013 - 2022 Thema">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39BE2F-A3A0-498C-BC85-14736F168CA5}">
  <dimension ref="A1:J14081"/>
  <sheetViews>
    <sheetView tabSelected="1" workbookViewId="0">
      <selection activeCell="D14" sqref="D14"/>
    </sheetView>
  </sheetViews>
  <sheetFormatPr defaultRowHeight="13.2" x14ac:dyDescent="0.25"/>
  <sheetData>
    <row r="1" spans="1:10" x14ac:dyDescent="0.25">
      <c r="A1" t="s">
        <v>0</v>
      </c>
      <c r="B1" t="s">
        <v>1</v>
      </c>
      <c r="C1" t="s">
        <v>2</v>
      </c>
      <c r="D1" t="s">
        <v>3</v>
      </c>
      <c r="E1" t="s">
        <v>4</v>
      </c>
      <c r="F1" t="s">
        <v>5</v>
      </c>
      <c r="G1" t="s">
        <v>6</v>
      </c>
      <c r="H1" t="s">
        <v>7</v>
      </c>
      <c r="I1" t="s">
        <v>8</v>
      </c>
      <c r="J1" t="s">
        <v>55686</v>
      </c>
    </row>
    <row r="2" spans="1:10" x14ac:dyDescent="0.25">
      <c r="A2" t="s">
        <v>55682</v>
      </c>
      <c r="B2" t="s">
        <v>55683</v>
      </c>
      <c r="C2" t="s">
        <v>55684</v>
      </c>
      <c r="D2" t="s">
        <v>55529</v>
      </c>
      <c r="E2" t="s">
        <v>13</v>
      </c>
      <c r="F2">
        <v>14080</v>
      </c>
      <c r="G2" t="s">
        <v>55685</v>
      </c>
      <c r="H2">
        <v>3.8916267149300001</v>
      </c>
      <c r="I2">
        <v>51.236079108310001</v>
      </c>
      <c r="J2" t="s">
        <v>55687</v>
      </c>
    </row>
    <row r="3" spans="1:10" x14ac:dyDescent="0.25">
      <c r="A3" t="s">
        <v>55678</v>
      </c>
      <c r="B3" t="s">
        <v>55679</v>
      </c>
      <c r="C3" t="s">
        <v>55680</v>
      </c>
      <c r="D3" t="s">
        <v>55529</v>
      </c>
      <c r="E3" t="s">
        <v>13</v>
      </c>
      <c r="F3">
        <v>14079</v>
      </c>
      <c r="G3" t="s">
        <v>55681</v>
      </c>
      <c r="H3">
        <v>3.8996072694269999</v>
      </c>
      <c r="I3">
        <v>51.231793123568004</v>
      </c>
      <c r="J3" t="s">
        <v>55688</v>
      </c>
    </row>
    <row r="4" spans="1:10" x14ac:dyDescent="0.25">
      <c r="A4" t="s">
        <v>55674</v>
      </c>
      <c r="B4" t="s">
        <v>55675</v>
      </c>
      <c r="C4" t="s">
        <v>55676</v>
      </c>
      <c r="D4" t="s">
        <v>55529</v>
      </c>
      <c r="E4" t="s">
        <v>13</v>
      </c>
      <c r="F4">
        <v>14078</v>
      </c>
      <c r="G4" t="s">
        <v>55677</v>
      </c>
      <c r="H4">
        <v>3.9210175822659998</v>
      </c>
      <c r="I4">
        <v>51.328301874315002</v>
      </c>
      <c r="J4" t="s">
        <v>55689</v>
      </c>
    </row>
    <row r="5" spans="1:10" x14ac:dyDescent="0.25">
      <c r="A5" t="s">
        <v>55670</v>
      </c>
      <c r="B5" t="s">
        <v>55671</v>
      </c>
      <c r="C5" t="s">
        <v>55672</v>
      </c>
      <c r="D5" t="s">
        <v>55529</v>
      </c>
      <c r="E5" t="s">
        <v>13</v>
      </c>
      <c r="F5">
        <v>14077</v>
      </c>
      <c r="G5" t="s">
        <v>55673</v>
      </c>
      <c r="H5">
        <v>3.9116955615419999</v>
      </c>
      <c r="I5">
        <v>51.312351159697997</v>
      </c>
      <c r="J5" t="s">
        <v>55690</v>
      </c>
    </row>
    <row r="6" spans="1:10" x14ac:dyDescent="0.25">
      <c r="A6" t="s">
        <v>55666</v>
      </c>
      <c r="B6" t="s">
        <v>55667</v>
      </c>
      <c r="C6" t="s">
        <v>55668</v>
      </c>
      <c r="D6" t="s">
        <v>55529</v>
      </c>
      <c r="E6" t="s">
        <v>13</v>
      </c>
      <c r="F6">
        <v>14076</v>
      </c>
      <c r="G6" t="s">
        <v>55669</v>
      </c>
      <c r="H6">
        <v>3.843615406034</v>
      </c>
      <c r="I6">
        <v>51.238156447043998</v>
      </c>
      <c r="J6" t="s">
        <v>55691</v>
      </c>
    </row>
    <row r="7" spans="1:10" x14ac:dyDescent="0.25">
      <c r="A7" t="s">
        <v>55662</v>
      </c>
      <c r="B7" t="s">
        <v>55663</v>
      </c>
      <c r="C7" t="s">
        <v>55664</v>
      </c>
      <c r="D7" t="s">
        <v>55529</v>
      </c>
      <c r="E7" t="s">
        <v>13</v>
      </c>
      <c r="F7">
        <v>14075</v>
      </c>
      <c r="G7" t="s">
        <v>55665</v>
      </c>
      <c r="H7">
        <v>3.8315906852769999</v>
      </c>
      <c r="I7">
        <v>51.234897240709003</v>
      </c>
      <c r="J7" t="s">
        <v>55692</v>
      </c>
    </row>
    <row r="8" spans="1:10" x14ac:dyDescent="0.25">
      <c r="A8" t="s">
        <v>55658</v>
      </c>
      <c r="B8" t="s">
        <v>55659</v>
      </c>
      <c r="C8" t="s">
        <v>55660</v>
      </c>
      <c r="D8" t="s">
        <v>55529</v>
      </c>
      <c r="E8" t="s">
        <v>13</v>
      </c>
      <c r="F8">
        <v>14074</v>
      </c>
      <c r="G8" t="s">
        <v>55661</v>
      </c>
      <c r="H8">
        <v>3.8641935394820002</v>
      </c>
      <c r="I8">
        <v>51.328089337107002</v>
      </c>
      <c r="J8" t="s">
        <v>55693</v>
      </c>
    </row>
    <row r="9" spans="1:10" x14ac:dyDescent="0.25">
      <c r="A9" t="s">
        <v>55655</v>
      </c>
      <c r="B9" t="s">
        <v>55656</v>
      </c>
      <c r="C9" t="s">
        <v>47272</v>
      </c>
      <c r="D9" t="s">
        <v>55529</v>
      </c>
      <c r="E9" t="s">
        <v>13</v>
      </c>
      <c r="F9">
        <v>14073</v>
      </c>
      <c r="G9" t="s">
        <v>55657</v>
      </c>
      <c r="H9">
        <v>3.8587215843189999</v>
      </c>
      <c r="I9">
        <v>51.311151696387</v>
      </c>
      <c r="J9" t="s">
        <v>55694</v>
      </c>
    </row>
    <row r="10" spans="1:10" x14ac:dyDescent="0.25">
      <c r="A10" t="s">
        <v>55651</v>
      </c>
      <c r="B10" t="s">
        <v>55652</v>
      </c>
      <c r="C10" t="s">
        <v>55653</v>
      </c>
      <c r="D10" t="s">
        <v>55529</v>
      </c>
      <c r="E10" t="s">
        <v>13</v>
      </c>
      <c r="F10">
        <v>14072</v>
      </c>
      <c r="G10" t="s">
        <v>55654</v>
      </c>
      <c r="H10">
        <v>3.8557773349879998</v>
      </c>
      <c r="I10">
        <v>51.320510722869997</v>
      </c>
      <c r="J10" t="s">
        <v>55695</v>
      </c>
    </row>
    <row r="11" spans="1:10" x14ac:dyDescent="0.25">
      <c r="A11" t="s">
        <v>55647</v>
      </c>
      <c r="B11" t="s">
        <v>55648</v>
      </c>
      <c r="C11" t="s">
        <v>55649</v>
      </c>
      <c r="D11" t="s">
        <v>55529</v>
      </c>
      <c r="E11" t="s">
        <v>13</v>
      </c>
      <c r="F11">
        <v>14071</v>
      </c>
      <c r="G11" t="s">
        <v>55650</v>
      </c>
      <c r="H11">
        <v>3.849795036558</v>
      </c>
      <c r="I11">
        <v>51.317142123971998</v>
      </c>
      <c r="J11" t="s">
        <v>55696</v>
      </c>
    </row>
    <row r="12" spans="1:10" x14ac:dyDescent="0.25">
      <c r="A12" t="s">
        <v>55643</v>
      </c>
      <c r="B12" t="s">
        <v>55644</v>
      </c>
      <c r="C12" t="s">
        <v>55645</v>
      </c>
      <c r="D12" t="s">
        <v>55529</v>
      </c>
      <c r="E12" t="s">
        <v>13</v>
      </c>
      <c r="F12">
        <v>14070</v>
      </c>
      <c r="G12" t="s">
        <v>55646</v>
      </c>
      <c r="H12">
        <v>3.8475056541449999</v>
      </c>
      <c r="I12">
        <v>51.311505286718003</v>
      </c>
      <c r="J12" t="s">
        <v>55697</v>
      </c>
    </row>
    <row r="13" spans="1:10" x14ac:dyDescent="0.25">
      <c r="A13" t="s">
        <v>55640</v>
      </c>
      <c r="B13" t="s">
        <v>55641</v>
      </c>
      <c r="C13" t="s">
        <v>7744</v>
      </c>
      <c r="D13" t="s">
        <v>55529</v>
      </c>
      <c r="E13" t="s">
        <v>13</v>
      </c>
      <c r="F13">
        <v>14069</v>
      </c>
      <c r="G13" t="s">
        <v>55642</v>
      </c>
      <c r="H13">
        <v>3.8407376214000002</v>
      </c>
      <c r="I13">
        <v>51.318490791663002</v>
      </c>
      <c r="J13" t="s">
        <v>55698</v>
      </c>
    </row>
    <row r="14" spans="1:10" x14ac:dyDescent="0.25">
      <c r="A14" t="s">
        <v>55636</v>
      </c>
      <c r="B14" t="s">
        <v>55637</v>
      </c>
      <c r="C14" t="s">
        <v>55638</v>
      </c>
      <c r="D14" t="s">
        <v>55529</v>
      </c>
      <c r="E14" t="s">
        <v>13</v>
      </c>
      <c r="F14">
        <v>14068</v>
      </c>
      <c r="G14" t="s">
        <v>55639</v>
      </c>
      <c r="H14">
        <v>3.8359118597949999</v>
      </c>
      <c r="I14">
        <v>51.307299021688003</v>
      </c>
      <c r="J14" t="s">
        <v>55699</v>
      </c>
    </row>
    <row r="15" spans="1:10" x14ac:dyDescent="0.25">
      <c r="A15" t="s">
        <v>55633</v>
      </c>
      <c r="B15" t="s">
        <v>55634</v>
      </c>
      <c r="C15" t="s">
        <v>21513</v>
      </c>
      <c r="D15" t="s">
        <v>55529</v>
      </c>
      <c r="E15" t="s">
        <v>13</v>
      </c>
      <c r="F15">
        <v>14067</v>
      </c>
      <c r="G15" t="s">
        <v>55635</v>
      </c>
      <c r="H15">
        <v>3.856180461508</v>
      </c>
      <c r="I15">
        <v>51.290885224063999</v>
      </c>
      <c r="J15" t="s">
        <v>55700</v>
      </c>
    </row>
    <row r="16" spans="1:10" x14ac:dyDescent="0.25">
      <c r="A16" t="s">
        <v>55629</v>
      </c>
      <c r="B16" t="s">
        <v>55630</v>
      </c>
      <c r="C16" t="s">
        <v>55631</v>
      </c>
      <c r="D16" t="s">
        <v>55529</v>
      </c>
      <c r="E16" t="s">
        <v>13</v>
      </c>
      <c r="F16">
        <v>14066</v>
      </c>
      <c r="G16" t="s">
        <v>55632</v>
      </c>
      <c r="H16">
        <v>3.8488249913030002</v>
      </c>
      <c r="I16">
        <v>51.304828083787001</v>
      </c>
      <c r="J16" t="s">
        <v>55701</v>
      </c>
    </row>
    <row r="17" spans="1:10" x14ac:dyDescent="0.25">
      <c r="A17" t="s">
        <v>55625</v>
      </c>
      <c r="B17" t="s">
        <v>55626</v>
      </c>
      <c r="C17" t="s">
        <v>55627</v>
      </c>
      <c r="D17" t="s">
        <v>55529</v>
      </c>
      <c r="E17" t="s">
        <v>13</v>
      </c>
      <c r="F17">
        <v>14065</v>
      </c>
      <c r="G17" t="s">
        <v>55628</v>
      </c>
      <c r="H17">
        <v>3.8227261728320001</v>
      </c>
      <c r="I17">
        <v>51.327423206558002</v>
      </c>
      <c r="J17" t="s">
        <v>55702</v>
      </c>
    </row>
    <row r="18" spans="1:10" x14ac:dyDescent="0.25">
      <c r="A18" t="s">
        <v>55621</v>
      </c>
      <c r="B18" t="s">
        <v>55622</v>
      </c>
      <c r="C18" t="s">
        <v>55623</v>
      </c>
      <c r="D18" t="s">
        <v>55529</v>
      </c>
      <c r="E18" t="s">
        <v>13</v>
      </c>
      <c r="F18">
        <v>14064</v>
      </c>
      <c r="G18" t="s">
        <v>55624</v>
      </c>
      <c r="H18">
        <v>3.835875462447</v>
      </c>
      <c r="I18">
        <v>51.325302177280001</v>
      </c>
      <c r="J18" t="s">
        <v>55703</v>
      </c>
    </row>
    <row r="19" spans="1:10" x14ac:dyDescent="0.25">
      <c r="A19" t="s">
        <v>55617</v>
      </c>
      <c r="B19" t="s">
        <v>55618</v>
      </c>
      <c r="C19" t="s">
        <v>55619</v>
      </c>
      <c r="D19" t="s">
        <v>55529</v>
      </c>
      <c r="E19" t="s">
        <v>13</v>
      </c>
      <c r="F19">
        <v>14063</v>
      </c>
      <c r="G19" t="s">
        <v>55620</v>
      </c>
      <c r="H19">
        <v>3.8326187653730002</v>
      </c>
      <c r="I19">
        <v>51.330527078388002</v>
      </c>
      <c r="J19" t="s">
        <v>55704</v>
      </c>
    </row>
    <row r="20" spans="1:10" x14ac:dyDescent="0.25">
      <c r="A20" t="s">
        <v>55614</v>
      </c>
      <c r="B20" t="s">
        <v>55615</v>
      </c>
      <c r="C20" t="s">
        <v>6552</v>
      </c>
      <c r="D20" t="s">
        <v>55529</v>
      </c>
      <c r="E20" t="s">
        <v>13</v>
      </c>
      <c r="F20">
        <v>14062</v>
      </c>
      <c r="G20" t="s">
        <v>55616</v>
      </c>
      <c r="H20">
        <v>3.84522938311</v>
      </c>
      <c r="I20">
        <v>51.324948569759997</v>
      </c>
      <c r="J20" t="s">
        <v>55705</v>
      </c>
    </row>
    <row r="21" spans="1:10" x14ac:dyDescent="0.25">
      <c r="A21" t="s">
        <v>55610</v>
      </c>
      <c r="B21" t="s">
        <v>55611</v>
      </c>
      <c r="C21" t="s">
        <v>55612</v>
      </c>
      <c r="D21" t="s">
        <v>55529</v>
      </c>
      <c r="E21" t="s">
        <v>13</v>
      </c>
      <c r="F21">
        <v>14061</v>
      </c>
      <c r="G21" t="s">
        <v>55613</v>
      </c>
      <c r="H21">
        <v>3.8522325462640001</v>
      </c>
      <c r="I21">
        <v>51.331071539607002</v>
      </c>
      <c r="J21" t="s">
        <v>55706</v>
      </c>
    </row>
    <row r="22" spans="1:10" x14ac:dyDescent="0.25">
      <c r="A22" t="s">
        <v>55607</v>
      </c>
      <c r="B22" t="s">
        <v>55608</v>
      </c>
      <c r="C22" t="s">
        <v>20928</v>
      </c>
      <c r="D22" t="s">
        <v>55529</v>
      </c>
      <c r="E22" t="s">
        <v>13</v>
      </c>
      <c r="F22">
        <v>14060</v>
      </c>
      <c r="G22" t="s">
        <v>55609</v>
      </c>
      <c r="H22">
        <v>3.8412188976519999</v>
      </c>
      <c r="I22">
        <v>51.333096126487</v>
      </c>
      <c r="J22" t="s">
        <v>55707</v>
      </c>
    </row>
    <row r="23" spans="1:10" x14ac:dyDescent="0.25">
      <c r="A23" t="s">
        <v>55603</v>
      </c>
      <c r="B23" t="s">
        <v>55604</v>
      </c>
      <c r="C23" t="s">
        <v>55605</v>
      </c>
      <c r="D23" t="s">
        <v>55529</v>
      </c>
      <c r="E23" t="s">
        <v>13</v>
      </c>
      <c r="F23">
        <v>14059</v>
      </c>
      <c r="G23" t="s">
        <v>55606</v>
      </c>
      <c r="H23">
        <v>3.826740556211</v>
      </c>
      <c r="I23">
        <v>51.336935311342998</v>
      </c>
      <c r="J23" t="s">
        <v>55708</v>
      </c>
    </row>
    <row r="24" spans="1:10" x14ac:dyDescent="0.25">
      <c r="A24" t="s">
        <v>55599</v>
      </c>
      <c r="B24" t="s">
        <v>55600</v>
      </c>
      <c r="C24" t="s">
        <v>55601</v>
      </c>
      <c r="D24" t="s">
        <v>55529</v>
      </c>
      <c r="E24" t="s">
        <v>13</v>
      </c>
      <c r="F24">
        <v>14058</v>
      </c>
      <c r="G24" t="s">
        <v>55602</v>
      </c>
      <c r="H24">
        <v>3.8773165332700001</v>
      </c>
      <c r="I24">
        <v>51.325870746924998</v>
      </c>
      <c r="J24" t="s">
        <v>55709</v>
      </c>
    </row>
    <row r="25" spans="1:10" x14ac:dyDescent="0.25">
      <c r="A25" t="s">
        <v>55595</v>
      </c>
      <c r="B25" t="s">
        <v>55596</v>
      </c>
      <c r="C25" t="s">
        <v>55597</v>
      </c>
      <c r="D25" t="s">
        <v>55529</v>
      </c>
      <c r="E25" t="s">
        <v>13</v>
      </c>
      <c r="F25">
        <v>14057</v>
      </c>
      <c r="G25" t="s">
        <v>55598</v>
      </c>
      <c r="H25">
        <v>3.872198229521</v>
      </c>
      <c r="I25">
        <v>51.296618061971998</v>
      </c>
      <c r="J25" t="s">
        <v>55710</v>
      </c>
    </row>
    <row r="26" spans="1:10" x14ac:dyDescent="0.25">
      <c r="A26" t="s">
        <v>55591</v>
      </c>
      <c r="B26" t="s">
        <v>55592</v>
      </c>
      <c r="C26" t="s">
        <v>55593</v>
      </c>
      <c r="D26" t="s">
        <v>55529</v>
      </c>
      <c r="E26" t="s">
        <v>13</v>
      </c>
      <c r="F26">
        <v>14056</v>
      </c>
      <c r="G26" t="s">
        <v>55594</v>
      </c>
      <c r="H26">
        <v>3.875492185058</v>
      </c>
      <c r="I26">
        <v>51.297513844694002</v>
      </c>
      <c r="J26" t="s">
        <v>55711</v>
      </c>
    </row>
    <row r="27" spans="1:10" x14ac:dyDescent="0.25">
      <c r="A27" t="s">
        <v>55587</v>
      </c>
      <c r="B27" t="s">
        <v>55588</v>
      </c>
      <c r="C27" t="s">
        <v>55589</v>
      </c>
      <c r="D27" t="s">
        <v>55529</v>
      </c>
      <c r="E27" t="s">
        <v>13</v>
      </c>
      <c r="F27">
        <v>14055</v>
      </c>
      <c r="G27" t="s">
        <v>55590</v>
      </c>
      <c r="H27">
        <v>3.8377557631069998</v>
      </c>
      <c r="I27">
        <v>51.287186132183997</v>
      </c>
      <c r="J27" t="s">
        <v>55712</v>
      </c>
    </row>
    <row r="28" spans="1:10" x14ac:dyDescent="0.25">
      <c r="A28" t="s">
        <v>55583</v>
      </c>
      <c r="B28" t="s">
        <v>55584</v>
      </c>
      <c r="C28" t="s">
        <v>55585</v>
      </c>
      <c r="D28" t="s">
        <v>55529</v>
      </c>
      <c r="E28" t="s">
        <v>13</v>
      </c>
      <c r="F28">
        <v>14054</v>
      </c>
      <c r="G28" t="s">
        <v>55586</v>
      </c>
      <c r="H28">
        <v>3.8325014394960002</v>
      </c>
      <c r="I28">
        <v>51.278470150773003</v>
      </c>
      <c r="J28" t="s">
        <v>55713</v>
      </c>
    </row>
    <row r="29" spans="1:10" x14ac:dyDescent="0.25">
      <c r="A29" t="s">
        <v>55579</v>
      </c>
      <c r="B29" t="s">
        <v>55580</v>
      </c>
      <c r="C29" t="s">
        <v>55581</v>
      </c>
      <c r="D29" t="s">
        <v>55529</v>
      </c>
      <c r="E29" t="s">
        <v>13</v>
      </c>
      <c r="F29">
        <v>14053</v>
      </c>
      <c r="G29" t="s">
        <v>55582</v>
      </c>
      <c r="H29">
        <v>3.8049728652739998</v>
      </c>
      <c r="I29">
        <v>51.260130654382003</v>
      </c>
      <c r="J29" t="s">
        <v>55714</v>
      </c>
    </row>
    <row r="30" spans="1:10" x14ac:dyDescent="0.25">
      <c r="A30" t="s">
        <v>55575</v>
      </c>
      <c r="B30" t="s">
        <v>55576</v>
      </c>
      <c r="C30" t="s">
        <v>55577</v>
      </c>
      <c r="D30" t="s">
        <v>55529</v>
      </c>
      <c r="E30" t="s">
        <v>13</v>
      </c>
      <c r="F30">
        <v>14052</v>
      </c>
      <c r="G30" t="s">
        <v>55578</v>
      </c>
      <c r="H30">
        <v>3.7982270306500001</v>
      </c>
      <c r="I30">
        <v>51.231682298880003</v>
      </c>
      <c r="J30" t="s">
        <v>55715</v>
      </c>
    </row>
    <row r="31" spans="1:10" x14ac:dyDescent="0.25">
      <c r="A31" t="s">
        <v>55571</v>
      </c>
      <c r="B31" t="s">
        <v>55572</v>
      </c>
      <c r="C31" t="s">
        <v>55573</v>
      </c>
      <c r="D31" t="s">
        <v>55529</v>
      </c>
      <c r="E31" t="s">
        <v>13</v>
      </c>
      <c r="F31">
        <v>14051</v>
      </c>
      <c r="G31" t="s">
        <v>55574</v>
      </c>
      <c r="H31">
        <v>3.7378374586900001</v>
      </c>
      <c r="I31">
        <v>51.286743878995999</v>
      </c>
      <c r="J31" t="s">
        <v>55716</v>
      </c>
    </row>
    <row r="32" spans="1:10" x14ac:dyDescent="0.25">
      <c r="A32" t="s">
        <v>55567</v>
      </c>
      <c r="B32" t="s">
        <v>55568</v>
      </c>
      <c r="C32" t="s">
        <v>55569</v>
      </c>
      <c r="D32" t="s">
        <v>55529</v>
      </c>
      <c r="E32" t="s">
        <v>13</v>
      </c>
      <c r="F32">
        <v>14050</v>
      </c>
      <c r="G32" t="s">
        <v>55570</v>
      </c>
      <c r="H32">
        <v>3.7587526550549999</v>
      </c>
      <c r="I32">
        <v>51.282637229801999</v>
      </c>
      <c r="J32" t="s">
        <v>55717</v>
      </c>
    </row>
    <row r="33" spans="1:10" x14ac:dyDescent="0.25">
      <c r="A33" t="s">
        <v>55563</v>
      </c>
      <c r="B33" t="s">
        <v>55564</v>
      </c>
      <c r="C33" t="s">
        <v>55565</v>
      </c>
      <c r="D33" t="s">
        <v>55529</v>
      </c>
      <c r="E33" t="s">
        <v>13</v>
      </c>
      <c r="F33">
        <v>14049</v>
      </c>
      <c r="G33" t="s">
        <v>55566</v>
      </c>
      <c r="H33">
        <v>3.907900934153</v>
      </c>
      <c r="I33">
        <v>51.217188440054002</v>
      </c>
      <c r="J33" t="s">
        <v>55718</v>
      </c>
    </row>
    <row r="34" spans="1:10" x14ac:dyDescent="0.25">
      <c r="A34" t="s">
        <v>55559</v>
      </c>
      <c r="B34" t="s">
        <v>55560</v>
      </c>
      <c r="C34" t="s">
        <v>55561</v>
      </c>
      <c r="D34" t="s">
        <v>55529</v>
      </c>
      <c r="E34" t="s">
        <v>13</v>
      </c>
      <c r="F34">
        <v>14048</v>
      </c>
      <c r="G34" t="s">
        <v>55562</v>
      </c>
      <c r="H34">
        <v>3.8868412020649998</v>
      </c>
      <c r="I34">
        <v>51.203778206911998</v>
      </c>
      <c r="J34" t="s">
        <v>55719</v>
      </c>
    </row>
    <row r="35" spans="1:10" x14ac:dyDescent="0.25">
      <c r="A35" t="s">
        <v>55555</v>
      </c>
      <c r="B35" t="s">
        <v>55556</v>
      </c>
      <c r="C35" t="s">
        <v>55557</v>
      </c>
      <c r="D35" t="s">
        <v>55529</v>
      </c>
      <c r="E35" t="s">
        <v>13</v>
      </c>
      <c r="F35">
        <v>14047</v>
      </c>
      <c r="G35" t="s">
        <v>55558</v>
      </c>
      <c r="H35">
        <v>3.9552128008560001</v>
      </c>
      <c r="I35">
        <v>51.240133539250003</v>
      </c>
      <c r="J35" t="s">
        <v>55720</v>
      </c>
    </row>
    <row r="36" spans="1:10" x14ac:dyDescent="0.25">
      <c r="A36" t="s">
        <v>55551</v>
      </c>
      <c r="B36" t="s">
        <v>55552</v>
      </c>
      <c r="C36" t="s">
        <v>55553</v>
      </c>
      <c r="D36" t="s">
        <v>55529</v>
      </c>
      <c r="E36" t="s">
        <v>13</v>
      </c>
      <c r="F36">
        <v>14046</v>
      </c>
      <c r="G36" t="s">
        <v>55554</v>
      </c>
      <c r="H36">
        <v>3.9628119075420001</v>
      </c>
      <c r="I36">
        <v>51.229746213216998</v>
      </c>
      <c r="J36" t="s">
        <v>55721</v>
      </c>
    </row>
    <row r="37" spans="1:10" x14ac:dyDescent="0.25">
      <c r="A37" t="s">
        <v>55547</v>
      </c>
      <c r="B37" t="s">
        <v>55548</v>
      </c>
      <c r="C37" t="s">
        <v>55549</v>
      </c>
      <c r="D37" t="s">
        <v>55529</v>
      </c>
      <c r="E37" t="s">
        <v>13</v>
      </c>
      <c r="F37">
        <v>14045</v>
      </c>
      <c r="G37" t="s">
        <v>55550</v>
      </c>
      <c r="H37">
        <v>3.774867751161</v>
      </c>
      <c r="I37">
        <v>51.319620883040002</v>
      </c>
      <c r="J37" t="s">
        <v>55722</v>
      </c>
    </row>
    <row r="38" spans="1:10" x14ac:dyDescent="0.25">
      <c r="A38" t="s">
        <v>55543</v>
      </c>
      <c r="B38" t="s">
        <v>55544</v>
      </c>
      <c r="C38" t="s">
        <v>55545</v>
      </c>
      <c r="D38" t="s">
        <v>55529</v>
      </c>
      <c r="E38" t="s">
        <v>13</v>
      </c>
      <c r="F38">
        <v>14044</v>
      </c>
      <c r="G38" t="s">
        <v>55546</v>
      </c>
      <c r="H38">
        <v>3.7801809770069998</v>
      </c>
      <c r="I38">
        <v>51.311744038804001</v>
      </c>
      <c r="J38" t="s">
        <v>55723</v>
      </c>
    </row>
    <row r="39" spans="1:10" x14ac:dyDescent="0.25">
      <c r="A39" t="s">
        <v>55539</v>
      </c>
      <c r="B39" t="s">
        <v>55540</v>
      </c>
      <c r="C39" t="s">
        <v>55541</v>
      </c>
      <c r="D39" t="s">
        <v>55529</v>
      </c>
      <c r="E39" t="s">
        <v>13</v>
      </c>
      <c r="F39">
        <v>14043</v>
      </c>
      <c r="G39" t="s">
        <v>55542</v>
      </c>
      <c r="H39">
        <v>3.694846568939</v>
      </c>
      <c r="I39">
        <v>51.337718741091997</v>
      </c>
      <c r="J39" t="s">
        <v>55724</v>
      </c>
    </row>
    <row r="40" spans="1:10" x14ac:dyDescent="0.25">
      <c r="A40" t="s">
        <v>55535</v>
      </c>
      <c r="B40" t="s">
        <v>55536</v>
      </c>
      <c r="C40" t="s">
        <v>55537</v>
      </c>
      <c r="D40" t="s">
        <v>55529</v>
      </c>
      <c r="E40" t="s">
        <v>13</v>
      </c>
      <c r="F40">
        <v>14042</v>
      </c>
      <c r="G40" t="s">
        <v>55538</v>
      </c>
      <c r="H40">
        <v>3.6848965569850001</v>
      </c>
      <c r="I40">
        <v>51.328618396754997</v>
      </c>
      <c r="J40" t="s">
        <v>55725</v>
      </c>
    </row>
    <row r="41" spans="1:10" x14ac:dyDescent="0.25">
      <c r="A41" t="s">
        <v>55531</v>
      </c>
      <c r="B41" t="s">
        <v>55532</v>
      </c>
      <c r="C41" t="s">
        <v>55533</v>
      </c>
      <c r="D41" t="s">
        <v>55529</v>
      </c>
      <c r="E41" t="s">
        <v>13</v>
      </c>
      <c r="F41">
        <v>14041</v>
      </c>
      <c r="G41" t="s">
        <v>55534</v>
      </c>
      <c r="H41">
        <v>3.9265906922579998</v>
      </c>
      <c r="I41">
        <v>51.275824390928001</v>
      </c>
      <c r="J41" t="s">
        <v>55726</v>
      </c>
    </row>
    <row r="42" spans="1:10" x14ac:dyDescent="0.25">
      <c r="A42" t="s">
        <v>55526</v>
      </c>
      <c r="B42" t="s">
        <v>55527</v>
      </c>
      <c r="C42" t="s">
        <v>55528</v>
      </c>
      <c r="D42" t="s">
        <v>55529</v>
      </c>
      <c r="E42" t="s">
        <v>13</v>
      </c>
      <c r="F42">
        <v>14040</v>
      </c>
      <c r="G42" t="s">
        <v>55530</v>
      </c>
      <c r="H42">
        <v>3.9098354441379999</v>
      </c>
      <c r="I42">
        <v>51.266218373264998</v>
      </c>
      <c r="J42" t="s">
        <v>55727</v>
      </c>
    </row>
    <row r="43" spans="1:10" x14ac:dyDescent="0.25">
      <c r="A43" t="s">
        <v>55522</v>
      </c>
      <c r="B43" t="s">
        <v>55523</v>
      </c>
      <c r="C43" t="s">
        <v>55524</v>
      </c>
      <c r="D43" t="s">
        <v>55400</v>
      </c>
      <c r="E43" t="s">
        <v>13</v>
      </c>
      <c r="F43">
        <v>14039</v>
      </c>
      <c r="G43" t="s">
        <v>55525</v>
      </c>
      <c r="H43">
        <v>3.773774852421</v>
      </c>
      <c r="I43">
        <v>51.456093287592999</v>
      </c>
      <c r="J43" t="s">
        <v>55728</v>
      </c>
    </row>
    <row r="44" spans="1:10" x14ac:dyDescent="0.25">
      <c r="A44" t="s">
        <v>55518</v>
      </c>
      <c r="B44" t="s">
        <v>55519</v>
      </c>
      <c r="C44" t="s">
        <v>55520</v>
      </c>
      <c r="D44" t="s">
        <v>55400</v>
      </c>
      <c r="E44" t="s">
        <v>13</v>
      </c>
      <c r="F44">
        <v>14038</v>
      </c>
      <c r="G44" t="s">
        <v>55521</v>
      </c>
      <c r="H44">
        <v>3.7701838771039999</v>
      </c>
      <c r="I44">
        <v>51.454032421355002</v>
      </c>
      <c r="J44" t="s">
        <v>55729</v>
      </c>
    </row>
    <row r="45" spans="1:10" x14ac:dyDescent="0.25">
      <c r="A45" t="s">
        <v>55514</v>
      </c>
      <c r="B45" t="s">
        <v>55515</v>
      </c>
      <c r="C45" t="s">
        <v>55516</v>
      </c>
      <c r="D45" t="s">
        <v>55400</v>
      </c>
      <c r="E45" t="s">
        <v>13</v>
      </c>
      <c r="F45">
        <v>14037</v>
      </c>
      <c r="G45" t="s">
        <v>55517</v>
      </c>
      <c r="H45">
        <v>3.8613339498200001</v>
      </c>
      <c r="I45">
        <v>51.473060519824998</v>
      </c>
      <c r="J45" t="s">
        <v>55730</v>
      </c>
    </row>
    <row r="46" spans="1:10" x14ac:dyDescent="0.25">
      <c r="A46" t="s">
        <v>55510</v>
      </c>
      <c r="B46" t="s">
        <v>55511</v>
      </c>
      <c r="C46" t="s">
        <v>55512</v>
      </c>
      <c r="D46" t="s">
        <v>55400</v>
      </c>
      <c r="E46" t="s">
        <v>13</v>
      </c>
      <c r="F46">
        <v>14036</v>
      </c>
      <c r="G46" t="s">
        <v>55513</v>
      </c>
      <c r="H46">
        <v>3.8808906149090001</v>
      </c>
      <c r="I46">
        <v>51.470392084555002</v>
      </c>
      <c r="J46" t="s">
        <v>55731</v>
      </c>
    </row>
    <row r="47" spans="1:10" x14ac:dyDescent="0.25">
      <c r="A47" t="s">
        <v>55506</v>
      </c>
      <c r="B47" t="s">
        <v>55507</v>
      </c>
      <c r="C47" t="s">
        <v>55508</v>
      </c>
      <c r="D47" t="s">
        <v>55400</v>
      </c>
      <c r="E47" t="s">
        <v>13</v>
      </c>
      <c r="F47">
        <v>14035</v>
      </c>
      <c r="G47" t="s">
        <v>55509</v>
      </c>
      <c r="H47">
        <v>3.9021923396410001</v>
      </c>
      <c r="I47">
        <v>51.456896513178002</v>
      </c>
      <c r="J47" t="s">
        <v>55732</v>
      </c>
    </row>
    <row r="48" spans="1:10" x14ac:dyDescent="0.25">
      <c r="A48" t="s">
        <v>55502</v>
      </c>
      <c r="B48" t="s">
        <v>55503</v>
      </c>
      <c r="C48" t="s">
        <v>55504</v>
      </c>
      <c r="D48" t="s">
        <v>55400</v>
      </c>
      <c r="E48" t="s">
        <v>13</v>
      </c>
      <c r="F48">
        <v>14034</v>
      </c>
      <c r="G48" t="s">
        <v>55505</v>
      </c>
      <c r="H48">
        <v>3.9017645820609999</v>
      </c>
      <c r="I48">
        <v>51.458385788561003</v>
      </c>
      <c r="J48" t="s">
        <v>55733</v>
      </c>
    </row>
    <row r="49" spans="1:10" x14ac:dyDescent="0.25">
      <c r="A49" t="s">
        <v>55498</v>
      </c>
      <c r="B49" t="s">
        <v>55499</v>
      </c>
      <c r="C49" t="s">
        <v>55500</v>
      </c>
      <c r="D49" t="s">
        <v>55400</v>
      </c>
      <c r="E49" t="s">
        <v>13</v>
      </c>
      <c r="F49">
        <v>14033</v>
      </c>
      <c r="G49" t="s">
        <v>55501</v>
      </c>
      <c r="H49">
        <v>3.8037238942</v>
      </c>
      <c r="I49">
        <v>51.434936518857</v>
      </c>
      <c r="J49" t="s">
        <v>55734</v>
      </c>
    </row>
    <row r="50" spans="1:10" x14ac:dyDescent="0.25">
      <c r="A50" t="s">
        <v>55494</v>
      </c>
      <c r="B50" t="s">
        <v>55495</v>
      </c>
      <c r="C50" t="s">
        <v>55496</v>
      </c>
      <c r="D50" t="s">
        <v>55400</v>
      </c>
      <c r="E50" t="s">
        <v>13</v>
      </c>
      <c r="F50">
        <v>14032</v>
      </c>
      <c r="G50" t="s">
        <v>55497</v>
      </c>
      <c r="H50">
        <v>3.822142750712</v>
      </c>
      <c r="I50">
        <v>51.428990318851</v>
      </c>
      <c r="J50" t="s">
        <v>55735</v>
      </c>
    </row>
    <row r="51" spans="1:10" x14ac:dyDescent="0.25">
      <c r="A51" t="s">
        <v>55490</v>
      </c>
      <c r="B51" t="s">
        <v>55491</v>
      </c>
      <c r="C51" t="s">
        <v>55492</v>
      </c>
      <c r="D51" t="s">
        <v>55400</v>
      </c>
      <c r="E51" t="s">
        <v>13</v>
      </c>
      <c r="F51">
        <v>14031</v>
      </c>
      <c r="G51" t="s">
        <v>55493</v>
      </c>
      <c r="H51">
        <v>3.844794988216</v>
      </c>
      <c r="I51">
        <v>51.408074059969003</v>
      </c>
      <c r="J51" t="s">
        <v>55736</v>
      </c>
    </row>
    <row r="52" spans="1:10" x14ac:dyDescent="0.25">
      <c r="A52" t="s">
        <v>55486</v>
      </c>
      <c r="B52" t="s">
        <v>55487</v>
      </c>
      <c r="C52" t="s">
        <v>55488</v>
      </c>
      <c r="D52" t="s">
        <v>55400</v>
      </c>
      <c r="E52" t="s">
        <v>13</v>
      </c>
      <c r="F52">
        <v>14030</v>
      </c>
      <c r="G52" t="s">
        <v>55489</v>
      </c>
      <c r="H52">
        <v>3.8539547390319999</v>
      </c>
      <c r="I52">
        <v>51.40903072655</v>
      </c>
      <c r="J52" t="s">
        <v>55737</v>
      </c>
    </row>
    <row r="53" spans="1:10" x14ac:dyDescent="0.25">
      <c r="A53" t="s">
        <v>55482</v>
      </c>
      <c r="B53" t="s">
        <v>55483</v>
      </c>
      <c r="C53" t="s">
        <v>55484</v>
      </c>
      <c r="D53" t="s">
        <v>55400</v>
      </c>
      <c r="E53" t="s">
        <v>13</v>
      </c>
      <c r="F53">
        <v>14029</v>
      </c>
      <c r="G53" t="s">
        <v>55485</v>
      </c>
      <c r="H53">
        <v>3.8511156154180002</v>
      </c>
      <c r="I53">
        <v>51.448101439387997</v>
      </c>
      <c r="J53" t="s">
        <v>55738</v>
      </c>
    </row>
    <row r="54" spans="1:10" x14ac:dyDescent="0.25">
      <c r="A54" t="s">
        <v>55478</v>
      </c>
      <c r="B54" t="s">
        <v>55479</v>
      </c>
      <c r="C54" t="s">
        <v>55480</v>
      </c>
      <c r="D54" t="s">
        <v>55400</v>
      </c>
      <c r="E54" t="s">
        <v>13</v>
      </c>
      <c r="F54">
        <v>14028</v>
      </c>
      <c r="G54" t="s">
        <v>55481</v>
      </c>
      <c r="H54">
        <v>3.8528870833669999</v>
      </c>
      <c r="I54">
        <v>51.454728698356</v>
      </c>
      <c r="J54" t="s">
        <v>55739</v>
      </c>
    </row>
    <row r="55" spans="1:10" x14ac:dyDescent="0.25">
      <c r="A55" t="s">
        <v>55474</v>
      </c>
      <c r="B55" t="s">
        <v>55475</v>
      </c>
      <c r="C55" t="s">
        <v>55476</v>
      </c>
      <c r="D55" t="s">
        <v>55400</v>
      </c>
      <c r="E55" t="s">
        <v>13</v>
      </c>
      <c r="F55">
        <v>14027</v>
      </c>
      <c r="G55" t="s">
        <v>55477</v>
      </c>
      <c r="H55">
        <v>3.7240510608299999</v>
      </c>
      <c r="I55">
        <v>51.453963122220998</v>
      </c>
      <c r="J55" t="s">
        <v>55740</v>
      </c>
    </row>
    <row r="56" spans="1:10" x14ac:dyDescent="0.25">
      <c r="A56" t="s">
        <v>55470</v>
      </c>
      <c r="B56" t="s">
        <v>55471</v>
      </c>
      <c r="C56" t="s">
        <v>55472</v>
      </c>
      <c r="D56" t="s">
        <v>55400</v>
      </c>
      <c r="E56" t="s">
        <v>13</v>
      </c>
      <c r="F56">
        <v>14026</v>
      </c>
      <c r="G56" t="s">
        <v>55473</v>
      </c>
      <c r="H56">
        <v>3.744621522493</v>
      </c>
      <c r="I56">
        <v>51.470890194667</v>
      </c>
      <c r="J56" t="s">
        <v>55741</v>
      </c>
    </row>
    <row r="57" spans="1:10" x14ac:dyDescent="0.25">
      <c r="A57" t="s">
        <v>55466</v>
      </c>
      <c r="B57" t="s">
        <v>55467</v>
      </c>
      <c r="C57" t="s">
        <v>55468</v>
      </c>
      <c r="D57" t="s">
        <v>55400</v>
      </c>
      <c r="E57" t="s">
        <v>13</v>
      </c>
      <c r="F57">
        <v>14025</v>
      </c>
      <c r="G57" t="s">
        <v>55469</v>
      </c>
      <c r="H57">
        <v>3.737812096761</v>
      </c>
      <c r="I57">
        <v>51.469143213433</v>
      </c>
      <c r="J57" t="s">
        <v>55742</v>
      </c>
    </row>
    <row r="58" spans="1:10" x14ac:dyDescent="0.25">
      <c r="A58" t="s">
        <v>55462</v>
      </c>
      <c r="B58" t="s">
        <v>55463</v>
      </c>
      <c r="C58" t="s">
        <v>55464</v>
      </c>
      <c r="D58" t="s">
        <v>55400</v>
      </c>
      <c r="E58" t="s">
        <v>13</v>
      </c>
      <c r="F58">
        <v>14024</v>
      </c>
      <c r="G58" t="s">
        <v>55465</v>
      </c>
      <c r="H58">
        <v>3.7446716108009999</v>
      </c>
      <c r="I58">
        <v>51.488148176201001</v>
      </c>
      <c r="J58" t="s">
        <v>55743</v>
      </c>
    </row>
    <row r="59" spans="1:10" x14ac:dyDescent="0.25">
      <c r="A59" t="s">
        <v>55458</v>
      </c>
      <c r="B59" t="s">
        <v>55459</v>
      </c>
      <c r="C59" t="s">
        <v>55460</v>
      </c>
      <c r="D59" t="s">
        <v>55400</v>
      </c>
      <c r="E59" t="s">
        <v>13</v>
      </c>
      <c r="F59">
        <v>14023</v>
      </c>
      <c r="G59" t="s">
        <v>55461</v>
      </c>
      <c r="H59">
        <v>3.7484612863810001</v>
      </c>
      <c r="I59">
        <v>51.495000189721999</v>
      </c>
      <c r="J59" t="s">
        <v>55744</v>
      </c>
    </row>
    <row r="60" spans="1:10" x14ac:dyDescent="0.25">
      <c r="A60" t="s">
        <v>55454</v>
      </c>
      <c r="B60" t="s">
        <v>55455</v>
      </c>
      <c r="C60" t="s">
        <v>55456</v>
      </c>
      <c r="D60" t="s">
        <v>55400</v>
      </c>
      <c r="E60" t="s">
        <v>13</v>
      </c>
      <c r="F60">
        <v>14022</v>
      </c>
      <c r="G60" t="s">
        <v>55457</v>
      </c>
      <c r="H60">
        <v>3.8769751106669998</v>
      </c>
      <c r="I60">
        <v>51.435074471790998</v>
      </c>
      <c r="J60" t="s">
        <v>55745</v>
      </c>
    </row>
    <row r="61" spans="1:10" x14ac:dyDescent="0.25">
      <c r="A61" t="s">
        <v>55450</v>
      </c>
      <c r="B61" t="s">
        <v>55451</v>
      </c>
      <c r="C61" t="s">
        <v>55452</v>
      </c>
      <c r="D61" t="s">
        <v>55400</v>
      </c>
      <c r="E61" t="s">
        <v>13</v>
      </c>
      <c r="F61">
        <v>14021</v>
      </c>
      <c r="G61" t="s">
        <v>55453</v>
      </c>
      <c r="H61">
        <v>3.8776618770310001</v>
      </c>
      <c r="I61">
        <v>51.433540026834002</v>
      </c>
      <c r="J61" t="s">
        <v>55746</v>
      </c>
    </row>
    <row r="62" spans="1:10" x14ac:dyDescent="0.25">
      <c r="A62" t="s">
        <v>55446</v>
      </c>
      <c r="B62" t="s">
        <v>55447</v>
      </c>
      <c r="C62" t="s">
        <v>55448</v>
      </c>
      <c r="D62" t="s">
        <v>55400</v>
      </c>
      <c r="E62" t="s">
        <v>13</v>
      </c>
      <c r="F62">
        <v>14020</v>
      </c>
      <c r="G62" t="s">
        <v>55449</v>
      </c>
      <c r="H62">
        <v>3.9053664966510002</v>
      </c>
      <c r="I62">
        <v>51.429720907139</v>
      </c>
      <c r="J62" t="s">
        <v>55747</v>
      </c>
    </row>
    <row r="63" spans="1:10" x14ac:dyDescent="0.25">
      <c r="A63" t="s">
        <v>55442</v>
      </c>
      <c r="B63" t="s">
        <v>55443</v>
      </c>
      <c r="C63" t="s">
        <v>55444</v>
      </c>
      <c r="D63" t="s">
        <v>55400</v>
      </c>
      <c r="E63" t="s">
        <v>13</v>
      </c>
      <c r="F63">
        <v>14019</v>
      </c>
      <c r="G63" t="s">
        <v>55445</v>
      </c>
      <c r="H63">
        <v>3.9105345756359999</v>
      </c>
      <c r="I63">
        <v>51.425045724755002</v>
      </c>
      <c r="J63" t="s">
        <v>55748</v>
      </c>
    </row>
    <row r="64" spans="1:10" x14ac:dyDescent="0.25">
      <c r="A64" t="s">
        <v>55438</v>
      </c>
      <c r="B64" t="s">
        <v>55439</v>
      </c>
      <c r="C64" t="s">
        <v>55440</v>
      </c>
      <c r="D64" t="s">
        <v>55400</v>
      </c>
      <c r="E64" t="s">
        <v>13</v>
      </c>
      <c r="F64">
        <v>14018</v>
      </c>
      <c r="G64" t="s">
        <v>55441</v>
      </c>
      <c r="H64">
        <v>3.8075447331830001</v>
      </c>
      <c r="I64">
        <v>51.46397380781</v>
      </c>
      <c r="J64" t="s">
        <v>55749</v>
      </c>
    </row>
    <row r="65" spans="1:10" x14ac:dyDescent="0.25">
      <c r="A65" t="s">
        <v>55434</v>
      </c>
      <c r="B65" t="s">
        <v>55435</v>
      </c>
      <c r="C65" t="s">
        <v>55436</v>
      </c>
      <c r="D65" t="s">
        <v>55400</v>
      </c>
      <c r="E65" t="s">
        <v>13</v>
      </c>
      <c r="F65">
        <v>14017</v>
      </c>
      <c r="G65" t="s">
        <v>55437</v>
      </c>
      <c r="H65">
        <v>3.814811266285</v>
      </c>
      <c r="I65">
        <v>51.473337429940003</v>
      </c>
      <c r="J65" t="s">
        <v>55750</v>
      </c>
    </row>
    <row r="66" spans="1:10" x14ac:dyDescent="0.25">
      <c r="A66" t="s">
        <v>55430</v>
      </c>
      <c r="B66" t="s">
        <v>55431</v>
      </c>
      <c r="C66" t="s">
        <v>55432</v>
      </c>
      <c r="D66" t="s">
        <v>55400</v>
      </c>
      <c r="E66" t="s">
        <v>13</v>
      </c>
      <c r="F66">
        <v>14016</v>
      </c>
      <c r="G66" t="s">
        <v>55433</v>
      </c>
      <c r="H66">
        <v>3.8164298253750002</v>
      </c>
      <c r="I66">
        <v>51.398854698161998</v>
      </c>
      <c r="J66" t="s">
        <v>55751</v>
      </c>
    </row>
    <row r="67" spans="1:10" x14ac:dyDescent="0.25">
      <c r="A67" t="s">
        <v>55426</v>
      </c>
      <c r="B67" t="s">
        <v>55427</v>
      </c>
      <c r="C67" t="s">
        <v>55428</v>
      </c>
      <c r="D67" t="s">
        <v>55400</v>
      </c>
      <c r="E67" t="s">
        <v>13</v>
      </c>
      <c r="F67">
        <v>14015</v>
      </c>
      <c r="G67" t="s">
        <v>55429</v>
      </c>
      <c r="H67">
        <v>3.8160893661249999</v>
      </c>
      <c r="I67">
        <v>51.389922055553001</v>
      </c>
      <c r="J67" t="s">
        <v>55752</v>
      </c>
    </row>
    <row r="68" spans="1:10" x14ac:dyDescent="0.25">
      <c r="A68" t="s">
        <v>55422</v>
      </c>
      <c r="B68" t="s">
        <v>55423</v>
      </c>
      <c r="C68" t="s">
        <v>55424</v>
      </c>
      <c r="D68" t="s">
        <v>55400</v>
      </c>
      <c r="E68" t="s">
        <v>13</v>
      </c>
      <c r="F68">
        <v>14014</v>
      </c>
      <c r="G68" t="s">
        <v>55425</v>
      </c>
      <c r="H68">
        <v>3.7982264936969998</v>
      </c>
      <c r="I68">
        <v>51.415049978154002</v>
      </c>
      <c r="J68" t="s">
        <v>55753</v>
      </c>
    </row>
    <row r="69" spans="1:10" x14ac:dyDescent="0.25">
      <c r="A69" t="s">
        <v>55418</v>
      </c>
      <c r="B69" t="s">
        <v>55419</v>
      </c>
      <c r="C69" t="s">
        <v>55420</v>
      </c>
      <c r="D69" t="s">
        <v>55400</v>
      </c>
      <c r="E69" t="s">
        <v>13</v>
      </c>
      <c r="F69">
        <v>14013</v>
      </c>
      <c r="G69" t="s">
        <v>55421</v>
      </c>
      <c r="H69">
        <v>3.804078849323</v>
      </c>
      <c r="I69">
        <v>51.419267306385997</v>
      </c>
      <c r="J69" t="s">
        <v>55754</v>
      </c>
    </row>
    <row r="70" spans="1:10" x14ac:dyDescent="0.25">
      <c r="A70" t="s">
        <v>55414</v>
      </c>
      <c r="B70" t="s">
        <v>55415</v>
      </c>
      <c r="C70" t="s">
        <v>55416</v>
      </c>
      <c r="D70" t="s">
        <v>55400</v>
      </c>
      <c r="E70" t="s">
        <v>13</v>
      </c>
      <c r="F70">
        <v>14012</v>
      </c>
      <c r="G70" t="s">
        <v>55417</v>
      </c>
      <c r="H70">
        <v>3.7218487658189998</v>
      </c>
      <c r="I70">
        <v>51.432615418379001</v>
      </c>
      <c r="J70" t="s">
        <v>55755</v>
      </c>
    </row>
    <row r="71" spans="1:10" x14ac:dyDescent="0.25">
      <c r="A71" t="s">
        <v>55410</v>
      </c>
      <c r="B71" t="s">
        <v>55411</v>
      </c>
      <c r="C71" t="s">
        <v>55412</v>
      </c>
      <c r="D71" t="s">
        <v>55400</v>
      </c>
      <c r="E71" t="s">
        <v>13</v>
      </c>
      <c r="F71">
        <v>14011</v>
      </c>
      <c r="G71" t="s">
        <v>55413</v>
      </c>
      <c r="H71">
        <v>3.754273686656</v>
      </c>
      <c r="I71">
        <v>51.425628718086998</v>
      </c>
      <c r="J71" t="s">
        <v>55756</v>
      </c>
    </row>
    <row r="72" spans="1:10" x14ac:dyDescent="0.25">
      <c r="A72" t="s">
        <v>55406</v>
      </c>
      <c r="B72" t="s">
        <v>55407</v>
      </c>
      <c r="C72" t="s">
        <v>55408</v>
      </c>
      <c r="D72" t="s">
        <v>55400</v>
      </c>
      <c r="E72" t="s">
        <v>13</v>
      </c>
      <c r="F72">
        <v>14010</v>
      </c>
      <c r="G72" t="s">
        <v>55409</v>
      </c>
      <c r="H72">
        <v>3.7374326731840002</v>
      </c>
      <c r="I72">
        <v>51.424724212737999</v>
      </c>
      <c r="J72" t="s">
        <v>55757</v>
      </c>
    </row>
    <row r="73" spans="1:10" x14ac:dyDescent="0.25">
      <c r="A73" t="s">
        <v>55402</v>
      </c>
      <c r="B73" t="s">
        <v>55403</v>
      </c>
      <c r="C73" t="s">
        <v>55404</v>
      </c>
      <c r="D73" t="s">
        <v>55400</v>
      </c>
      <c r="E73" t="s">
        <v>13</v>
      </c>
      <c r="F73">
        <v>14009</v>
      </c>
      <c r="G73" t="s">
        <v>55405</v>
      </c>
      <c r="H73">
        <v>3.8833966718380002</v>
      </c>
      <c r="I73">
        <v>51.409670821416</v>
      </c>
      <c r="J73" t="s">
        <v>55758</v>
      </c>
    </row>
    <row r="74" spans="1:10" x14ac:dyDescent="0.25">
      <c r="A74" t="s">
        <v>55397</v>
      </c>
      <c r="B74" t="s">
        <v>55398</v>
      </c>
      <c r="C74" t="s">
        <v>55399</v>
      </c>
      <c r="D74" t="s">
        <v>55400</v>
      </c>
      <c r="E74" t="s">
        <v>13</v>
      </c>
      <c r="F74">
        <v>14008</v>
      </c>
      <c r="G74" t="s">
        <v>55401</v>
      </c>
      <c r="H74">
        <v>3.8848666217179999</v>
      </c>
      <c r="I74">
        <v>51.409177665332997</v>
      </c>
      <c r="J74" t="s">
        <v>55759</v>
      </c>
    </row>
    <row r="75" spans="1:10" x14ac:dyDescent="0.25">
      <c r="A75" t="s">
        <v>55394</v>
      </c>
      <c r="B75" t="s">
        <v>55395</v>
      </c>
      <c r="C75" t="s">
        <v>109</v>
      </c>
      <c r="D75" t="s">
        <v>2256</v>
      </c>
      <c r="E75" t="s">
        <v>13</v>
      </c>
      <c r="F75">
        <v>14007</v>
      </c>
      <c r="G75" t="s">
        <v>55396</v>
      </c>
      <c r="H75">
        <v>4.6950191323060002</v>
      </c>
      <c r="I75">
        <v>51.711216830418003</v>
      </c>
      <c r="J75" t="s">
        <v>55760</v>
      </c>
    </row>
    <row r="76" spans="1:10" x14ac:dyDescent="0.25">
      <c r="A76" t="s">
        <v>55390</v>
      </c>
      <c r="B76" t="s">
        <v>55391</v>
      </c>
      <c r="C76" t="s">
        <v>55392</v>
      </c>
      <c r="D76" t="s">
        <v>2256</v>
      </c>
      <c r="E76" t="s">
        <v>13</v>
      </c>
      <c r="F76">
        <v>14006</v>
      </c>
      <c r="G76" t="s">
        <v>55393</v>
      </c>
      <c r="H76">
        <v>4.7011650099480002</v>
      </c>
      <c r="I76">
        <v>51.708828409707998</v>
      </c>
      <c r="J76" t="s">
        <v>55761</v>
      </c>
    </row>
    <row r="77" spans="1:10" x14ac:dyDescent="0.25">
      <c r="A77" t="s">
        <v>55386</v>
      </c>
      <c r="B77" t="s">
        <v>55387</v>
      </c>
      <c r="C77" t="s">
        <v>55388</v>
      </c>
      <c r="D77" t="s">
        <v>2256</v>
      </c>
      <c r="E77" t="s">
        <v>13</v>
      </c>
      <c r="F77">
        <v>14005</v>
      </c>
      <c r="G77" t="s">
        <v>55389</v>
      </c>
      <c r="H77">
        <v>4.6995727671139997</v>
      </c>
      <c r="I77">
        <v>51.696875864003999</v>
      </c>
      <c r="J77" t="s">
        <v>55762</v>
      </c>
    </row>
    <row r="78" spans="1:10" x14ac:dyDescent="0.25">
      <c r="A78" t="s">
        <v>55382</v>
      </c>
      <c r="B78" t="s">
        <v>55383</v>
      </c>
      <c r="C78" t="s">
        <v>55384</v>
      </c>
      <c r="D78" t="s">
        <v>2256</v>
      </c>
      <c r="E78" t="s">
        <v>13</v>
      </c>
      <c r="F78">
        <v>14004</v>
      </c>
      <c r="G78" t="s">
        <v>55385</v>
      </c>
      <c r="H78">
        <v>4.7058772206399997</v>
      </c>
      <c r="I78">
        <v>51.706925895886997</v>
      </c>
      <c r="J78" t="s">
        <v>55763</v>
      </c>
    </row>
    <row r="79" spans="1:10" x14ac:dyDescent="0.25">
      <c r="A79" t="s">
        <v>55378</v>
      </c>
      <c r="B79" t="s">
        <v>55379</v>
      </c>
      <c r="C79" t="s">
        <v>55380</v>
      </c>
      <c r="D79" t="s">
        <v>2256</v>
      </c>
      <c r="E79" t="s">
        <v>13</v>
      </c>
      <c r="F79">
        <v>14003</v>
      </c>
      <c r="G79" t="s">
        <v>55381</v>
      </c>
      <c r="H79">
        <v>4.7020988980389999</v>
      </c>
      <c r="I79">
        <v>51.708799191750998</v>
      </c>
      <c r="J79" t="s">
        <v>55764</v>
      </c>
    </row>
    <row r="80" spans="1:10" x14ac:dyDescent="0.25">
      <c r="A80" t="s">
        <v>55374</v>
      </c>
      <c r="B80" t="s">
        <v>55375</v>
      </c>
      <c r="C80" t="s">
        <v>55376</v>
      </c>
      <c r="D80" t="s">
        <v>2256</v>
      </c>
      <c r="E80" t="s">
        <v>13</v>
      </c>
      <c r="F80">
        <v>14002</v>
      </c>
      <c r="G80" t="s">
        <v>55377</v>
      </c>
      <c r="H80">
        <v>4.6990297513880002</v>
      </c>
      <c r="I80">
        <v>51.716028930596003</v>
      </c>
      <c r="J80" t="s">
        <v>55765</v>
      </c>
    </row>
    <row r="81" spans="1:10" x14ac:dyDescent="0.25">
      <c r="A81" t="s">
        <v>55370</v>
      </c>
      <c r="B81" t="s">
        <v>55371</v>
      </c>
      <c r="C81" t="s">
        <v>55372</v>
      </c>
      <c r="D81" t="s">
        <v>2256</v>
      </c>
      <c r="E81" t="s">
        <v>13</v>
      </c>
      <c r="F81">
        <v>14001</v>
      </c>
      <c r="G81" t="s">
        <v>55373</v>
      </c>
      <c r="H81">
        <v>4.6969820907970004</v>
      </c>
      <c r="I81">
        <v>51.702657134928998</v>
      </c>
      <c r="J81" t="s">
        <v>55766</v>
      </c>
    </row>
    <row r="82" spans="1:10" x14ac:dyDescent="0.25">
      <c r="A82" t="s">
        <v>55366</v>
      </c>
      <c r="B82" t="s">
        <v>55367</v>
      </c>
      <c r="C82" t="s">
        <v>55368</v>
      </c>
      <c r="D82" t="s">
        <v>2256</v>
      </c>
      <c r="E82" t="s">
        <v>13</v>
      </c>
      <c r="F82">
        <v>14000</v>
      </c>
      <c r="G82" t="s">
        <v>55369</v>
      </c>
      <c r="H82">
        <v>4.748203436322</v>
      </c>
      <c r="I82">
        <v>51.683567306992998</v>
      </c>
      <c r="J82" t="s">
        <v>55767</v>
      </c>
    </row>
    <row r="83" spans="1:10" x14ac:dyDescent="0.25">
      <c r="A83" t="s">
        <v>55362</v>
      </c>
      <c r="B83" t="s">
        <v>55363</v>
      </c>
      <c r="C83" t="s">
        <v>55364</v>
      </c>
      <c r="D83" t="s">
        <v>2256</v>
      </c>
      <c r="E83" t="s">
        <v>13</v>
      </c>
      <c r="F83">
        <v>13999</v>
      </c>
      <c r="G83" t="s">
        <v>55365</v>
      </c>
      <c r="H83">
        <v>4.7439646225420002</v>
      </c>
      <c r="I83">
        <v>51.689166289569002</v>
      </c>
      <c r="J83" t="s">
        <v>55768</v>
      </c>
    </row>
    <row r="84" spans="1:10" x14ac:dyDescent="0.25">
      <c r="A84" t="s">
        <v>55358</v>
      </c>
      <c r="B84" t="s">
        <v>55359</v>
      </c>
      <c r="C84" t="s">
        <v>55360</v>
      </c>
      <c r="D84" t="s">
        <v>2256</v>
      </c>
      <c r="E84" t="s">
        <v>13</v>
      </c>
      <c r="F84">
        <v>13998</v>
      </c>
      <c r="G84" t="s">
        <v>55361</v>
      </c>
      <c r="H84">
        <v>4.7579693445639997</v>
      </c>
      <c r="I84">
        <v>51.673861753677002</v>
      </c>
      <c r="J84" t="s">
        <v>55769</v>
      </c>
    </row>
    <row r="85" spans="1:10" x14ac:dyDescent="0.25">
      <c r="A85" t="s">
        <v>55355</v>
      </c>
      <c r="B85" t="s">
        <v>55356</v>
      </c>
      <c r="C85" t="s">
        <v>34578</v>
      </c>
      <c r="D85" t="s">
        <v>2256</v>
      </c>
      <c r="E85" t="s">
        <v>13</v>
      </c>
      <c r="F85">
        <v>13997</v>
      </c>
      <c r="G85" t="s">
        <v>55357</v>
      </c>
      <c r="H85">
        <v>4.705912338249</v>
      </c>
      <c r="I85">
        <v>51.664985423372997</v>
      </c>
      <c r="J85" t="s">
        <v>55770</v>
      </c>
    </row>
    <row r="86" spans="1:10" x14ac:dyDescent="0.25">
      <c r="A86" t="s">
        <v>55351</v>
      </c>
      <c r="B86" t="s">
        <v>55352</v>
      </c>
      <c r="C86" t="s">
        <v>55353</v>
      </c>
      <c r="D86" t="s">
        <v>2256</v>
      </c>
      <c r="E86" t="s">
        <v>13</v>
      </c>
      <c r="F86">
        <v>13996</v>
      </c>
      <c r="G86" t="s">
        <v>55354</v>
      </c>
      <c r="H86">
        <v>4.7452229010930003</v>
      </c>
      <c r="I86">
        <v>51.691364837782999</v>
      </c>
      <c r="J86" t="s">
        <v>55771</v>
      </c>
    </row>
    <row r="87" spans="1:10" x14ac:dyDescent="0.25">
      <c r="A87" t="s">
        <v>55347</v>
      </c>
      <c r="B87" t="s">
        <v>55348</v>
      </c>
      <c r="C87" t="s">
        <v>55349</v>
      </c>
      <c r="D87" t="s">
        <v>2256</v>
      </c>
      <c r="E87" t="s">
        <v>13</v>
      </c>
      <c r="F87">
        <v>13995</v>
      </c>
      <c r="G87" t="s">
        <v>55350</v>
      </c>
      <c r="H87">
        <v>4.7500362058740002</v>
      </c>
      <c r="I87">
        <v>51.663416111591999</v>
      </c>
      <c r="J87" t="s">
        <v>55772</v>
      </c>
    </row>
    <row r="88" spans="1:10" x14ac:dyDescent="0.25">
      <c r="A88" t="s">
        <v>55343</v>
      </c>
      <c r="B88" t="s">
        <v>55344</v>
      </c>
      <c r="C88" t="s">
        <v>55345</v>
      </c>
      <c r="D88" t="s">
        <v>2256</v>
      </c>
      <c r="E88" t="s">
        <v>13</v>
      </c>
      <c r="F88">
        <v>13994</v>
      </c>
      <c r="G88" t="s">
        <v>55346</v>
      </c>
      <c r="H88">
        <v>4.7441455131719996</v>
      </c>
      <c r="I88">
        <v>51.663531345217002</v>
      </c>
      <c r="J88" t="s">
        <v>55773</v>
      </c>
    </row>
    <row r="89" spans="1:10" x14ac:dyDescent="0.25">
      <c r="A89" t="s">
        <v>55339</v>
      </c>
      <c r="B89" t="s">
        <v>55340</v>
      </c>
      <c r="C89" t="s">
        <v>55341</v>
      </c>
      <c r="D89" t="s">
        <v>2256</v>
      </c>
      <c r="E89" t="s">
        <v>13</v>
      </c>
      <c r="F89">
        <v>13993</v>
      </c>
      <c r="G89" t="s">
        <v>55342</v>
      </c>
      <c r="H89">
        <v>4.751799865383</v>
      </c>
      <c r="I89">
        <v>51.663599136498</v>
      </c>
      <c r="J89" t="s">
        <v>55774</v>
      </c>
    </row>
    <row r="90" spans="1:10" x14ac:dyDescent="0.25">
      <c r="A90" t="s">
        <v>55335</v>
      </c>
      <c r="B90" t="s">
        <v>55336</v>
      </c>
      <c r="C90" t="s">
        <v>55337</v>
      </c>
      <c r="D90" t="s">
        <v>2256</v>
      </c>
      <c r="E90" t="s">
        <v>13</v>
      </c>
      <c r="F90">
        <v>13992</v>
      </c>
      <c r="G90" t="s">
        <v>55338</v>
      </c>
      <c r="H90">
        <v>4.7473058536129997</v>
      </c>
      <c r="I90">
        <v>51.647039660510998</v>
      </c>
      <c r="J90" t="s">
        <v>55775</v>
      </c>
    </row>
    <row r="91" spans="1:10" x14ac:dyDescent="0.25">
      <c r="A91" t="s">
        <v>55331</v>
      </c>
      <c r="B91" t="s">
        <v>55332</v>
      </c>
      <c r="C91" t="s">
        <v>55333</v>
      </c>
      <c r="D91" t="s">
        <v>2256</v>
      </c>
      <c r="E91" t="s">
        <v>13</v>
      </c>
      <c r="F91">
        <v>13991</v>
      </c>
      <c r="G91" t="s">
        <v>55334</v>
      </c>
      <c r="H91">
        <v>4.7436467897299996</v>
      </c>
      <c r="I91">
        <v>51.643558359415003</v>
      </c>
      <c r="J91" t="s">
        <v>55776</v>
      </c>
    </row>
    <row r="92" spans="1:10" x14ac:dyDescent="0.25">
      <c r="A92" t="s">
        <v>55328</v>
      </c>
      <c r="B92" t="s">
        <v>55329</v>
      </c>
      <c r="C92" t="s">
        <v>39195</v>
      </c>
      <c r="D92" t="s">
        <v>2256</v>
      </c>
      <c r="E92" t="s">
        <v>13</v>
      </c>
      <c r="F92">
        <v>13990</v>
      </c>
      <c r="G92" t="s">
        <v>55330</v>
      </c>
      <c r="H92">
        <v>4.7508380075450001</v>
      </c>
      <c r="I92">
        <v>51.640811467448998</v>
      </c>
      <c r="J92" t="s">
        <v>55777</v>
      </c>
    </row>
    <row r="93" spans="1:10" x14ac:dyDescent="0.25">
      <c r="A93" t="s">
        <v>55325</v>
      </c>
      <c r="B93" t="s">
        <v>55326</v>
      </c>
      <c r="C93" t="s">
        <v>26440</v>
      </c>
      <c r="D93" t="s">
        <v>2256</v>
      </c>
      <c r="E93" t="s">
        <v>13</v>
      </c>
      <c r="F93">
        <v>13989</v>
      </c>
      <c r="G93" t="s">
        <v>55327</v>
      </c>
      <c r="H93">
        <v>4.7629390947339996</v>
      </c>
      <c r="I93">
        <v>51.637627461763998</v>
      </c>
      <c r="J93" t="s">
        <v>55778</v>
      </c>
    </row>
    <row r="94" spans="1:10" x14ac:dyDescent="0.25">
      <c r="A94" t="s">
        <v>55321</v>
      </c>
      <c r="B94" t="s">
        <v>55322</v>
      </c>
      <c r="C94" t="s">
        <v>55323</v>
      </c>
      <c r="D94" t="s">
        <v>2256</v>
      </c>
      <c r="E94" t="s">
        <v>13</v>
      </c>
      <c r="F94">
        <v>13988</v>
      </c>
      <c r="G94" t="s">
        <v>55324</v>
      </c>
      <c r="H94">
        <v>4.7576331444979996</v>
      </c>
      <c r="I94">
        <v>51.641915725638</v>
      </c>
      <c r="J94" t="s">
        <v>55779</v>
      </c>
    </row>
    <row r="95" spans="1:10" x14ac:dyDescent="0.25">
      <c r="A95" t="s">
        <v>55317</v>
      </c>
      <c r="B95" t="s">
        <v>55318</v>
      </c>
      <c r="C95" t="s">
        <v>55319</v>
      </c>
      <c r="D95" t="s">
        <v>2256</v>
      </c>
      <c r="E95" t="s">
        <v>13</v>
      </c>
      <c r="F95">
        <v>13987</v>
      </c>
      <c r="G95" t="s">
        <v>55320</v>
      </c>
      <c r="H95">
        <v>4.7601681316870001</v>
      </c>
      <c r="I95">
        <v>51.645427906286997</v>
      </c>
      <c r="J95" t="s">
        <v>55780</v>
      </c>
    </row>
    <row r="96" spans="1:10" x14ac:dyDescent="0.25">
      <c r="A96" t="s">
        <v>55313</v>
      </c>
      <c r="B96" t="s">
        <v>55314</v>
      </c>
      <c r="C96" t="s">
        <v>55315</v>
      </c>
      <c r="D96" t="s">
        <v>2256</v>
      </c>
      <c r="E96" t="s">
        <v>13</v>
      </c>
      <c r="F96">
        <v>13986</v>
      </c>
      <c r="G96" t="s">
        <v>55316</v>
      </c>
      <c r="H96">
        <v>4.7544435717139999</v>
      </c>
      <c r="I96">
        <v>51.644991526127001</v>
      </c>
      <c r="J96" t="s">
        <v>55781</v>
      </c>
    </row>
    <row r="97" spans="1:10" x14ac:dyDescent="0.25">
      <c r="A97" t="s">
        <v>55309</v>
      </c>
      <c r="B97" t="s">
        <v>55310</v>
      </c>
      <c r="C97" t="s">
        <v>55311</v>
      </c>
      <c r="D97" t="s">
        <v>2256</v>
      </c>
      <c r="E97" t="s">
        <v>13</v>
      </c>
      <c r="F97">
        <v>13985</v>
      </c>
      <c r="G97" t="s">
        <v>55312</v>
      </c>
      <c r="H97">
        <v>4.7554903092679996</v>
      </c>
      <c r="I97">
        <v>51.648791842858998</v>
      </c>
      <c r="J97" t="s">
        <v>55782</v>
      </c>
    </row>
    <row r="98" spans="1:10" x14ac:dyDescent="0.25">
      <c r="A98" t="s">
        <v>55305</v>
      </c>
      <c r="B98" t="s">
        <v>55306</v>
      </c>
      <c r="C98" t="s">
        <v>55307</v>
      </c>
      <c r="D98" t="s">
        <v>2256</v>
      </c>
      <c r="E98" t="s">
        <v>13</v>
      </c>
      <c r="F98">
        <v>13984</v>
      </c>
      <c r="G98" t="s">
        <v>55308</v>
      </c>
      <c r="H98">
        <v>4.7456791119529997</v>
      </c>
      <c r="I98">
        <v>51.648357878273004</v>
      </c>
      <c r="J98" t="s">
        <v>55783</v>
      </c>
    </row>
    <row r="99" spans="1:10" x14ac:dyDescent="0.25">
      <c r="A99" t="s">
        <v>55301</v>
      </c>
      <c r="B99" t="s">
        <v>55302</v>
      </c>
      <c r="C99" t="s">
        <v>55303</v>
      </c>
      <c r="D99" t="s">
        <v>2256</v>
      </c>
      <c r="E99" t="s">
        <v>13</v>
      </c>
      <c r="F99">
        <v>13983</v>
      </c>
      <c r="G99" t="s">
        <v>55304</v>
      </c>
      <c r="H99">
        <v>4.7956160654530002</v>
      </c>
      <c r="I99">
        <v>51.681754426295001</v>
      </c>
      <c r="J99" t="s">
        <v>55784</v>
      </c>
    </row>
    <row r="100" spans="1:10" x14ac:dyDescent="0.25">
      <c r="A100" t="s">
        <v>55298</v>
      </c>
      <c r="B100" t="s">
        <v>55299</v>
      </c>
      <c r="C100" t="s">
        <v>4875</v>
      </c>
      <c r="D100" t="s">
        <v>2256</v>
      </c>
      <c r="E100" t="s">
        <v>13</v>
      </c>
      <c r="F100">
        <v>13982</v>
      </c>
      <c r="G100" t="s">
        <v>55300</v>
      </c>
      <c r="H100">
        <v>4.7890291684950004</v>
      </c>
      <c r="I100">
        <v>51.681383134897999</v>
      </c>
      <c r="J100" t="s">
        <v>55785</v>
      </c>
    </row>
    <row r="101" spans="1:10" x14ac:dyDescent="0.25">
      <c r="A101" t="s">
        <v>55294</v>
      </c>
      <c r="B101" t="s">
        <v>55295</v>
      </c>
      <c r="C101" t="s">
        <v>55296</v>
      </c>
      <c r="D101" t="s">
        <v>2256</v>
      </c>
      <c r="E101" t="s">
        <v>13</v>
      </c>
      <c r="F101">
        <v>13981</v>
      </c>
      <c r="G101" t="s">
        <v>55297</v>
      </c>
      <c r="H101">
        <v>4.7808114782970001</v>
      </c>
      <c r="I101">
        <v>51.676781012423</v>
      </c>
      <c r="J101" t="s">
        <v>55786</v>
      </c>
    </row>
    <row r="102" spans="1:10" x14ac:dyDescent="0.25">
      <c r="A102" t="s">
        <v>55290</v>
      </c>
      <c r="B102" t="s">
        <v>55291</v>
      </c>
      <c r="C102" t="s">
        <v>55292</v>
      </c>
      <c r="D102" t="s">
        <v>2256</v>
      </c>
      <c r="E102" t="s">
        <v>13</v>
      </c>
      <c r="F102">
        <v>13980</v>
      </c>
      <c r="G102" t="s">
        <v>55293</v>
      </c>
      <c r="H102">
        <v>4.7871893946749999</v>
      </c>
      <c r="I102">
        <v>51.673425401328998</v>
      </c>
      <c r="J102" t="s">
        <v>55787</v>
      </c>
    </row>
    <row r="103" spans="1:10" x14ac:dyDescent="0.25">
      <c r="A103" t="s">
        <v>55287</v>
      </c>
      <c r="B103" t="s">
        <v>55288</v>
      </c>
      <c r="C103" t="s">
        <v>29010</v>
      </c>
      <c r="D103" t="s">
        <v>2256</v>
      </c>
      <c r="E103" t="s">
        <v>13</v>
      </c>
      <c r="F103">
        <v>13979</v>
      </c>
      <c r="G103" t="s">
        <v>55289</v>
      </c>
      <c r="H103">
        <v>4.7861159617510003</v>
      </c>
      <c r="I103">
        <v>51.668897995757</v>
      </c>
      <c r="J103" t="s">
        <v>55788</v>
      </c>
    </row>
    <row r="104" spans="1:10" x14ac:dyDescent="0.25">
      <c r="A104" t="s">
        <v>55283</v>
      </c>
      <c r="B104" t="s">
        <v>55284</v>
      </c>
      <c r="C104" t="s">
        <v>55285</v>
      </c>
      <c r="D104" t="s">
        <v>2256</v>
      </c>
      <c r="E104" t="s">
        <v>13</v>
      </c>
      <c r="F104">
        <v>13978</v>
      </c>
      <c r="G104" t="s">
        <v>55286</v>
      </c>
      <c r="H104">
        <v>4.7978859671149996</v>
      </c>
      <c r="I104">
        <v>51.671801097466997</v>
      </c>
      <c r="J104" t="s">
        <v>55789</v>
      </c>
    </row>
    <row r="105" spans="1:10" x14ac:dyDescent="0.25">
      <c r="A105" t="s">
        <v>55279</v>
      </c>
      <c r="B105" t="s">
        <v>55280</v>
      </c>
      <c r="C105" t="s">
        <v>55281</v>
      </c>
      <c r="D105" t="s">
        <v>2256</v>
      </c>
      <c r="E105" t="s">
        <v>13</v>
      </c>
      <c r="F105">
        <v>13977</v>
      </c>
      <c r="G105" t="s">
        <v>55282</v>
      </c>
      <c r="H105">
        <v>4.800201447789</v>
      </c>
      <c r="I105">
        <v>51.674791452194</v>
      </c>
      <c r="J105" t="s">
        <v>55790</v>
      </c>
    </row>
    <row r="106" spans="1:10" x14ac:dyDescent="0.25">
      <c r="A106" t="s">
        <v>55275</v>
      </c>
      <c r="B106" t="s">
        <v>55276</v>
      </c>
      <c r="C106" t="s">
        <v>55277</v>
      </c>
      <c r="D106" t="s">
        <v>2256</v>
      </c>
      <c r="E106" t="s">
        <v>13</v>
      </c>
      <c r="F106">
        <v>13976</v>
      </c>
      <c r="G106" t="s">
        <v>55278</v>
      </c>
      <c r="H106">
        <v>4.8096468611379999</v>
      </c>
      <c r="I106">
        <v>51.675415213870998</v>
      </c>
      <c r="J106" t="s">
        <v>55791</v>
      </c>
    </row>
    <row r="107" spans="1:10" x14ac:dyDescent="0.25">
      <c r="A107" t="s">
        <v>55271</v>
      </c>
      <c r="B107" t="s">
        <v>55272</v>
      </c>
      <c r="C107" t="s">
        <v>55273</v>
      </c>
      <c r="D107" t="s">
        <v>2256</v>
      </c>
      <c r="E107" t="s">
        <v>13</v>
      </c>
      <c r="F107">
        <v>13975</v>
      </c>
      <c r="G107" t="s">
        <v>55274</v>
      </c>
      <c r="H107">
        <v>4.8035434263200001</v>
      </c>
      <c r="I107">
        <v>51.683275419876999</v>
      </c>
      <c r="J107" t="s">
        <v>55792</v>
      </c>
    </row>
    <row r="108" spans="1:10" x14ac:dyDescent="0.25">
      <c r="A108" t="s">
        <v>55267</v>
      </c>
      <c r="B108" t="s">
        <v>55268</v>
      </c>
      <c r="C108" t="s">
        <v>55269</v>
      </c>
      <c r="D108" t="s">
        <v>2256</v>
      </c>
      <c r="E108" t="s">
        <v>13</v>
      </c>
      <c r="F108">
        <v>13974</v>
      </c>
      <c r="G108" t="s">
        <v>55270</v>
      </c>
      <c r="H108">
        <v>4.8063667883769998</v>
      </c>
      <c r="I108">
        <v>51.686592593651</v>
      </c>
      <c r="J108" t="s">
        <v>55793</v>
      </c>
    </row>
    <row r="109" spans="1:10" x14ac:dyDescent="0.25">
      <c r="A109" t="s">
        <v>55263</v>
      </c>
      <c r="B109" t="s">
        <v>55264</v>
      </c>
      <c r="C109" t="s">
        <v>55265</v>
      </c>
      <c r="D109" t="s">
        <v>2256</v>
      </c>
      <c r="E109" t="s">
        <v>13</v>
      </c>
      <c r="F109">
        <v>13973</v>
      </c>
      <c r="G109" t="s">
        <v>55266</v>
      </c>
      <c r="H109">
        <v>4.8047732823380001</v>
      </c>
      <c r="I109">
        <v>51.707040777849997</v>
      </c>
      <c r="J109" t="s">
        <v>55794</v>
      </c>
    </row>
    <row r="110" spans="1:10" x14ac:dyDescent="0.25">
      <c r="A110" t="s">
        <v>55259</v>
      </c>
      <c r="B110" t="s">
        <v>55260</v>
      </c>
      <c r="C110" t="s">
        <v>55261</v>
      </c>
      <c r="D110" t="s">
        <v>2256</v>
      </c>
      <c r="E110" t="s">
        <v>13</v>
      </c>
      <c r="F110">
        <v>13972</v>
      </c>
      <c r="G110" t="s">
        <v>55262</v>
      </c>
      <c r="H110">
        <v>4.8163529408760004</v>
      </c>
      <c r="I110">
        <v>51.707458324862998</v>
      </c>
      <c r="J110" t="s">
        <v>55795</v>
      </c>
    </row>
    <row r="111" spans="1:10" x14ac:dyDescent="0.25">
      <c r="A111" t="s">
        <v>55255</v>
      </c>
      <c r="B111" t="s">
        <v>55256</v>
      </c>
      <c r="C111" t="s">
        <v>55257</v>
      </c>
      <c r="D111" t="s">
        <v>2256</v>
      </c>
      <c r="E111" t="s">
        <v>13</v>
      </c>
      <c r="F111">
        <v>13971</v>
      </c>
      <c r="G111" t="s">
        <v>55258</v>
      </c>
      <c r="H111">
        <v>4.7834843969870002</v>
      </c>
      <c r="I111">
        <v>51.705087665382997</v>
      </c>
      <c r="J111" t="s">
        <v>55796</v>
      </c>
    </row>
    <row r="112" spans="1:10" x14ac:dyDescent="0.25">
      <c r="A112" t="s">
        <v>2253</v>
      </c>
      <c r="B112" t="s">
        <v>2254</v>
      </c>
      <c r="C112" t="s">
        <v>2255</v>
      </c>
      <c r="D112" t="s">
        <v>2256</v>
      </c>
      <c r="E112" t="s">
        <v>13</v>
      </c>
      <c r="F112">
        <v>13970</v>
      </c>
      <c r="G112" t="s">
        <v>2257</v>
      </c>
      <c r="H112">
        <v>4.7911893647539996</v>
      </c>
      <c r="I112">
        <v>51.735388847080998</v>
      </c>
      <c r="J112" t="s">
        <v>55797</v>
      </c>
    </row>
    <row r="113" spans="1:10" x14ac:dyDescent="0.25">
      <c r="A113" t="s">
        <v>55251</v>
      </c>
      <c r="B113" t="s">
        <v>55252</v>
      </c>
      <c r="C113" t="s">
        <v>55253</v>
      </c>
      <c r="D113" t="s">
        <v>55183</v>
      </c>
      <c r="E113" t="s">
        <v>13</v>
      </c>
      <c r="F113">
        <v>13969</v>
      </c>
      <c r="G113" t="s">
        <v>55254</v>
      </c>
      <c r="H113">
        <v>4.8515740598999999</v>
      </c>
      <c r="I113">
        <v>51.551266632469002</v>
      </c>
      <c r="J113" t="s">
        <v>55798</v>
      </c>
    </row>
    <row r="114" spans="1:10" x14ac:dyDescent="0.25">
      <c r="A114" t="s">
        <v>55247</v>
      </c>
      <c r="B114" t="s">
        <v>55248</v>
      </c>
      <c r="C114" t="s">
        <v>55249</v>
      </c>
      <c r="D114" t="s">
        <v>55183</v>
      </c>
      <c r="E114" t="s">
        <v>13</v>
      </c>
      <c r="F114">
        <v>13968</v>
      </c>
      <c r="G114" t="s">
        <v>55250</v>
      </c>
      <c r="H114">
        <v>4.8215329132190003</v>
      </c>
      <c r="I114">
        <v>51.533200324386002</v>
      </c>
      <c r="J114" t="s">
        <v>55799</v>
      </c>
    </row>
    <row r="115" spans="1:10" x14ac:dyDescent="0.25">
      <c r="A115" t="s">
        <v>55243</v>
      </c>
      <c r="B115" t="s">
        <v>55244</v>
      </c>
      <c r="C115" t="s">
        <v>55245</v>
      </c>
      <c r="D115" t="s">
        <v>55183</v>
      </c>
      <c r="E115" t="s">
        <v>13</v>
      </c>
      <c r="F115">
        <v>13967</v>
      </c>
      <c r="G115" t="s">
        <v>55246</v>
      </c>
      <c r="H115">
        <v>4.7692970527689997</v>
      </c>
      <c r="I115">
        <v>51.514776182112001</v>
      </c>
      <c r="J115" t="s">
        <v>55800</v>
      </c>
    </row>
    <row r="116" spans="1:10" x14ac:dyDescent="0.25">
      <c r="A116" t="s">
        <v>55239</v>
      </c>
      <c r="B116" t="s">
        <v>55240</v>
      </c>
      <c r="C116" t="s">
        <v>55241</v>
      </c>
      <c r="D116" t="s">
        <v>55183</v>
      </c>
      <c r="E116" t="s">
        <v>13</v>
      </c>
      <c r="F116">
        <v>13966</v>
      </c>
      <c r="G116" t="s">
        <v>55242</v>
      </c>
      <c r="H116">
        <v>4.7750281591380004</v>
      </c>
      <c r="I116">
        <v>51.515286006304002</v>
      </c>
      <c r="J116" t="s">
        <v>55801</v>
      </c>
    </row>
    <row r="117" spans="1:10" x14ac:dyDescent="0.25">
      <c r="A117" t="s">
        <v>55235</v>
      </c>
      <c r="B117" t="s">
        <v>55236</v>
      </c>
      <c r="C117" t="s">
        <v>55237</v>
      </c>
      <c r="D117" t="s">
        <v>55183</v>
      </c>
      <c r="E117" t="s">
        <v>13</v>
      </c>
      <c r="F117">
        <v>13965</v>
      </c>
      <c r="G117" t="s">
        <v>55238</v>
      </c>
      <c r="H117">
        <v>4.8037273016709996</v>
      </c>
      <c r="I117">
        <v>51.509849221639001</v>
      </c>
      <c r="J117" t="s">
        <v>55802</v>
      </c>
    </row>
    <row r="118" spans="1:10" x14ac:dyDescent="0.25">
      <c r="A118" t="s">
        <v>55231</v>
      </c>
      <c r="B118" t="s">
        <v>55232</v>
      </c>
      <c r="C118" t="s">
        <v>55233</v>
      </c>
      <c r="D118" t="s">
        <v>55183</v>
      </c>
      <c r="E118" t="s">
        <v>13</v>
      </c>
      <c r="F118">
        <v>13964</v>
      </c>
      <c r="G118" t="s">
        <v>55234</v>
      </c>
      <c r="H118">
        <v>4.8647676475030002</v>
      </c>
      <c r="I118">
        <v>51.505192995534998</v>
      </c>
      <c r="J118" t="s">
        <v>55803</v>
      </c>
    </row>
    <row r="119" spans="1:10" x14ac:dyDescent="0.25">
      <c r="A119" t="s">
        <v>55227</v>
      </c>
      <c r="B119" t="s">
        <v>55228</v>
      </c>
      <c r="C119" t="s">
        <v>55229</v>
      </c>
      <c r="D119" t="s">
        <v>55183</v>
      </c>
      <c r="E119" t="s">
        <v>13</v>
      </c>
      <c r="F119">
        <v>13963</v>
      </c>
      <c r="G119" t="s">
        <v>55230</v>
      </c>
      <c r="H119">
        <v>4.8664580644809998</v>
      </c>
      <c r="I119">
        <v>51.501391879822997</v>
      </c>
      <c r="J119" t="s">
        <v>55804</v>
      </c>
    </row>
    <row r="120" spans="1:10" x14ac:dyDescent="0.25">
      <c r="A120" t="s">
        <v>55223</v>
      </c>
      <c r="B120" t="s">
        <v>55224</v>
      </c>
      <c r="C120" t="s">
        <v>55225</v>
      </c>
      <c r="D120" t="s">
        <v>55183</v>
      </c>
      <c r="E120" t="s">
        <v>13</v>
      </c>
      <c r="F120">
        <v>13962</v>
      </c>
      <c r="G120" t="s">
        <v>55226</v>
      </c>
      <c r="H120">
        <v>4.8705883616980001</v>
      </c>
      <c r="I120">
        <v>51.502657845480996</v>
      </c>
      <c r="J120" t="s">
        <v>55805</v>
      </c>
    </row>
    <row r="121" spans="1:10" x14ac:dyDescent="0.25">
      <c r="A121" t="s">
        <v>55219</v>
      </c>
      <c r="B121" t="s">
        <v>55220</v>
      </c>
      <c r="C121" t="s">
        <v>55221</v>
      </c>
      <c r="D121" t="s">
        <v>55183</v>
      </c>
      <c r="E121" t="s">
        <v>13</v>
      </c>
      <c r="F121">
        <v>13961</v>
      </c>
      <c r="G121" t="s">
        <v>55222</v>
      </c>
      <c r="H121">
        <v>4.8657780694110002</v>
      </c>
      <c r="I121">
        <v>51.505080079137997</v>
      </c>
      <c r="J121" t="s">
        <v>55806</v>
      </c>
    </row>
    <row r="122" spans="1:10" x14ac:dyDescent="0.25">
      <c r="A122" t="s">
        <v>55215</v>
      </c>
      <c r="B122" t="s">
        <v>55216</v>
      </c>
      <c r="C122" t="s">
        <v>55217</v>
      </c>
      <c r="D122" t="s">
        <v>55183</v>
      </c>
      <c r="E122" t="s">
        <v>13</v>
      </c>
      <c r="F122">
        <v>13960</v>
      </c>
      <c r="G122" t="s">
        <v>55218</v>
      </c>
      <c r="H122">
        <v>4.8600173355380001</v>
      </c>
      <c r="I122">
        <v>51.508808002837</v>
      </c>
      <c r="J122" t="s">
        <v>55807</v>
      </c>
    </row>
    <row r="123" spans="1:10" x14ac:dyDescent="0.25">
      <c r="A123" t="s">
        <v>55211</v>
      </c>
      <c r="B123" t="s">
        <v>55212</v>
      </c>
      <c r="C123" t="s">
        <v>55213</v>
      </c>
      <c r="D123" t="s">
        <v>55183</v>
      </c>
      <c r="E123" t="s">
        <v>13</v>
      </c>
      <c r="F123">
        <v>13959</v>
      </c>
      <c r="G123" t="s">
        <v>55214</v>
      </c>
      <c r="H123">
        <v>4.8557061715899996</v>
      </c>
      <c r="I123">
        <v>51.506449939366</v>
      </c>
      <c r="J123" t="s">
        <v>55808</v>
      </c>
    </row>
    <row r="124" spans="1:10" x14ac:dyDescent="0.25">
      <c r="A124" t="s">
        <v>55207</v>
      </c>
      <c r="B124" t="s">
        <v>55208</v>
      </c>
      <c r="C124" t="s">
        <v>55209</v>
      </c>
      <c r="D124" t="s">
        <v>55183</v>
      </c>
      <c r="E124" t="s">
        <v>13</v>
      </c>
      <c r="F124">
        <v>13958</v>
      </c>
      <c r="G124" t="s">
        <v>55210</v>
      </c>
      <c r="H124">
        <v>4.8611317850280003</v>
      </c>
      <c r="I124">
        <v>51.503735730313998</v>
      </c>
      <c r="J124" t="s">
        <v>55809</v>
      </c>
    </row>
    <row r="125" spans="1:10" x14ac:dyDescent="0.25">
      <c r="A125" t="s">
        <v>55204</v>
      </c>
      <c r="B125" t="s">
        <v>55205</v>
      </c>
      <c r="C125" t="s">
        <v>24875</v>
      </c>
      <c r="D125" t="s">
        <v>55183</v>
      </c>
      <c r="E125" t="s">
        <v>13</v>
      </c>
      <c r="F125">
        <v>13957</v>
      </c>
      <c r="G125" t="s">
        <v>55206</v>
      </c>
      <c r="H125">
        <v>4.9533257814359999</v>
      </c>
      <c r="I125">
        <v>51.487064578099996</v>
      </c>
      <c r="J125" t="s">
        <v>55810</v>
      </c>
    </row>
    <row r="126" spans="1:10" x14ac:dyDescent="0.25">
      <c r="A126" t="s">
        <v>55200</v>
      </c>
      <c r="B126" t="s">
        <v>55201</v>
      </c>
      <c r="C126" t="s">
        <v>55202</v>
      </c>
      <c r="D126" t="s">
        <v>55183</v>
      </c>
      <c r="E126" t="s">
        <v>13</v>
      </c>
      <c r="F126">
        <v>13956</v>
      </c>
      <c r="G126" t="s">
        <v>55203</v>
      </c>
      <c r="H126">
        <v>4.9617459899340002</v>
      </c>
      <c r="I126">
        <v>51.485056935262001</v>
      </c>
      <c r="J126" t="s">
        <v>55811</v>
      </c>
    </row>
    <row r="127" spans="1:10" x14ac:dyDescent="0.25">
      <c r="A127" t="s">
        <v>55197</v>
      </c>
      <c r="B127" t="s">
        <v>55198</v>
      </c>
      <c r="C127" t="s">
        <v>28483</v>
      </c>
      <c r="D127" t="s">
        <v>55183</v>
      </c>
      <c r="E127" t="s">
        <v>13</v>
      </c>
      <c r="F127">
        <v>13955</v>
      </c>
      <c r="G127" t="s">
        <v>55199</v>
      </c>
      <c r="H127">
        <v>4.9530908386199997</v>
      </c>
      <c r="I127">
        <v>51.495595520978</v>
      </c>
      <c r="J127" t="s">
        <v>55812</v>
      </c>
    </row>
    <row r="128" spans="1:10" x14ac:dyDescent="0.25">
      <c r="A128" t="s">
        <v>55193</v>
      </c>
      <c r="B128" t="s">
        <v>55194</v>
      </c>
      <c r="C128" t="s">
        <v>55195</v>
      </c>
      <c r="D128" t="s">
        <v>55183</v>
      </c>
      <c r="E128" t="s">
        <v>13</v>
      </c>
      <c r="F128">
        <v>13954</v>
      </c>
      <c r="G128" t="s">
        <v>55196</v>
      </c>
      <c r="H128">
        <v>4.9570461008329998</v>
      </c>
      <c r="I128">
        <v>51.475733783949003</v>
      </c>
      <c r="J128" t="s">
        <v>55813</v>
      </c>
    </row>
    <row r="129" spans="1:10" x14ac:dyDescent="0.25">
      <c r="A129" t="s">
        <v>55189</v>
      </c>
      <c r="B129" t="s">
        <v>55190</v>
      </c>
      <c r="C129" t="s">
        <v>55191</v>
      </c>
      <c r="D129" t="s">
        <v>55183</v>
      </c>
      <c r="E129" t="s">
        <v>13</v>
      </c>
      <c r="F129">
        <v>13953</v>
      </c>
      <c r="G129" t="s">
        <v>55192</v>
      </c>
      <c r="H129">
        <v>4.952530387006</v>
      </c>
      <c r="I129">
        <v>51.479935046674001</v>
      </c>
      <c r="J129" t="s">
        <v>55814</v>
      </c>
    </row>
    <row r="130" spans="1:10" x14ac:dyDescent="0.25">
      <c r="A130" t="s">
        <v>55185</v>
      </c>
      <c r="B130" t="s">
        <v>55186</v>
      </c>
      <c r="C130" t="s">
        <v>55187</v>
      </c>
      <c r="D130" t="s">
        <v>55183</v>
      </c>
      <c r="E130" t="s">
        <v>13</v>
      </c>
      <c r="F130">
        <v>13952</v>
      </c>
      <c r="G130" t="s">
        <v>55188</v>
      </c>
      <c r="H130">
        <v>4.9604236854119996</v>
      </c>
      <c r="I130">
        <v>51.480178967805003</v>
      </c>
      <c r="J130" t="s">
        <v>55815</v>
      </c>
    </row>
    <row r="131" spans="1:10" x14ac:dyDescent="0.25">
      <c r="A131" t="s">
        <v>55180</v>
      </c>
      <c r="B131" t="s">
        <v>55181</v>
      </c>
      <c r="C131" t="s">
        <v>55182</v>
      </c>
      <c r="D131" t="s">
        <v>55183</v>
      </c>
      <c r="E131" t="s">
        <v>13</v>
      </c>
      <c r="F131">
        <v>13951</v>
      </c>
      <c r="G131" t="s">
        <v>55184</v>
      </c>
      <c r="H131">
        <v>4.9514734762810004</v>
      </c>
      <c r="I131">
        <v>51.484784588007997</v>
      </c>
      <c r="J131" t="s">
        <v>55816</v>
      </c>
    </row>
    <row r="132" spans="1:10" x14ac:dyDescent="0.25">
      <c r="A132" t="s">
        <v>55176</v>
      </c>
      <c r="B132" t="s">
        <v>55177</v>
      </c>
      <c r="C132" t="s">
        <v>55178</v>
      </c>
      <c r="D132" t="s">
        <v>55091</v>
      </c>
      <c r="E132" t="s">
        <v>13</v>
      </c>
      <c r="F132">
        <v>13950</v>
      </c>
      <c r="G132" t="s">
        <v>55179</v>
      </c>
      <c r="H132">
        <v>5.2352224227770003</v>
      </c>
      <c r="I132">
        <v>51.628580736015003</v>
      </c>
      <c r="J132" t="s">
        <v>55817</v>
      </c>
    </row>
    <row r="133" spans="1:10" x14ac:dyDescent="0.25">
      <c r="A133" t="s">
        <v>55172</v>
      </c>
      <c r="B133" t="s">
        <v>55173</v>
      </c>
      <c r="C133" t="s">
        <v>55174</v>
      </c>
      <c r="D133" t="s">
        <v>55091</v>
      </c>
      <c r="E133" t="s">
        <v>13</v>
      </c>
      <c r="F133">
        <v>13949</v>
      </c>
      <c r="G133" t="s">
        <v>55175</v>
      </c>
      <c r="H133">
        <v>5.206225485819</v>
      </c>
      <c r="I133">
        <v>51.633554076674997</v>
      </c>
      <c r="J133" t="s">
        <v>55818</v>
      </c>
    </row>
    <row r="134" spans="1:10" x14ac:dyDescent="0.25">
      <c r="A134" t="s">
        <v>55168</v>
      </c>
      <c r="B134" t="s">
        <v>55169</v>
      </c>
      <c r="C134" t="s">
        <v>55170</v>
      </c>
      <c r="D134" t="s">
        <v>55091</v>
      </c>
      <c r="E134" t="s">
        <v>13</v>
      </c>
      <c r="F134">
        <v>13948</v>
      </c>
      <c r="G134" t="s">
        <v>55171</v>
      </c>
      <c r="H134">
        <v>5.1893545705859996</v>
      </c>
      <c r="I134">
        <v>51.652596634604002</v>
      </c>
      <c r="J134" t="s">
        <v>55819</v>
      </c>
    </row>
    <row r="135" spans="1:10" x14ac:dyDescent="0.25">
      <c r="A135" t="s">
        <v>55164</v>
      </c>
      <c r="B135" t="s">
        <v>55165</v>
      </c>
      <c r="C135" t="s">
        <v>55166</v>
      </c>
      <c r="D135" t="s">
        <v>55091</v>
      </c>
      <c r="E135" t="s">
        <v>13</v>
      </c>
      <c r="F135">
        <v>13947</v>
      </c>
      <c r="G135" t="s">
        <v>55167</v>
      </c>
      <c r="H135">
        <v>5.215189405386</v>
      </c>
      <c r="I135">
        <v>51.657361740010003</v>
      </c>
      <c r="J135" t="s">
        <v>55820</v>
      </c>
    </row>
    <row r="136" spans="1:10" x14ac:dyDescent="0.25">
      <c r="A136" t="s">
        <v>55160</v>
      </c>
      <c r="B136" t="s">
        <v>55161</v>
      </c>
      <c r="C136" t="s">
        <v>55162</v>
      </c>
      <c r="D136" t="s">
        <v>55091</v>
      </c>
      <c r="E136" t="s">
        <v>13</v>
      </c>
      <c r="F136">
        <v>13946</v>
      </c>
      <c r="G136" t="s">
        <v>55163</v>
      </c>
      <c r="H136">
        <v>5.2298420975240001</v>
      </c>
      <c r="I136">
        <v>51.633657241628001</v>
      </c>
      <c r="J136" t="s">
        <v>55821</v>
      </c>
    </row>
    <row r="137" spans="1:10" x14ac:dyDescent="0.25">
      <c r="A137" t="s">
        <v>55156</v>
      </c>
      <c r="B137" t="s">
        <v>55157</v>
      </c>
      <c r="C137" t="s">
        <v>55158</v>
      </c>
      <c r="D137" t="s">
        <v>55091</v>
      </c>
      <c r="E137" t="s">
        <v>13</v>
      </c>
      <c r="F137">
        <v>13945</v>
      </c>
      <c r="G137" t="s">
        <v>55159</v>
      </c>
      <c r="H137">
        <v>5.24144127906</v>
      </c>
      <c r="I137">
        <v>51.657931073674</v>
      </c>
      <c r="J137" t="s">
        <v>55822</v>
      </c>
    </row>
    <row r="138" spans="1:10" x14ac:dyDescent="0.25">
      <c r="A138" t="s">
        <v>55152</v>
      </c>
      <c r="B138" t="s">
        <v>55153</v>
      </c>
      <c r="C138" t="s">
        <v>55154</v>
      </c>
      <c r="D138" t="s">
        <v>55091</v>
      </c>
      <c r="E138" t="s">
        <v>13</v>
      </c>
      <c r="F138">
        <v>13944</v>
      </c>
      <c r="G138" t="s">
        <v>55155</v>
      </c>
      <c r="H138">
        <v>5.2352982649130002</v>
      </c>
      <c r="I138">
        <v>51.660149175835997</v>
      </c>
      <c r="J138" t="s">
        <v>55823</v>
      </c>
    </row>
    <row r="139" spans="1:10" x14ac:dyDescent="0.25">
      <c r="A139" t="s">
        <v>55148</v>
      </c>
      <c r="B139" t="s">
        <v>55149</v>
      </c>
      <c r="C139" t="s">
        <v>55150</v>
      </c>
      <c r="D139" t="s">
        <v>55091</v>
      </c>
      <c r="E139" t="s">
        <v>13</v>
      </c>
      <c r="F139">
        <v>13943</v>
      </c>
      <c r="G139" t="s">
        <v>55151</v>
      </c>
      <c r="H139">
        <v>5.2694650167020001</v>
      </c>
      <c r="I139">
        <v>51.618782165671</v>
      </c>
      <c r="J139" t="s">
        <v>55824</v>
      </c>
    </row>
    <row r="140" spans="1:10" x14ac:dyDescent="0.25">
      <c r="A140" t="s">
        <v>55144</v>
      </c>
      <c r="B140" t="s">
        <v>55145</v>
      </c>
      <c r="C140" t="s">
        <v>55146</v>
      </c>
      <c r="D140" t="s">
        <v>55091</v>
      </c>
      <c r="E140" t="s">
        <v>13</v>
      </c>
      <c r="F140">
        <v>13942</v>
      </c>
      <c r="G140" t="s">
        <v>55147</v>
      </c>
      <c r="H140">
        <v>5.2727332326590002</v>
      </c>
      <c r="I140">
        <v>51.632527396553002</v>
      </c>
      <c r="J140" t="s">
        <v>55825</v>
      </c>
    </row>
    <row r="141" spans="1:10" x14ac:dyDescent="0.25">
      <c r="A141" t="s">
        <v>55140</v>
      </c>
      <c r="B141" t="s">
        <v>55141</v>
      </c>
      <c r="C141" t="s">
        <v>55142</v>
      </c>
      <c r="D141" t="s">
        <v>55091</v>
      </c>
      <c r="E141" t="s">
        <v>13</v>
      </c>
      <c r="F141">
        <v>13941</v>
      </c>
      <c r="G141" t="s">
        <v>55143</v>
      </c>
      <c r="H141">
        <v>5.307981488487</v>
      </c>
      <c r="I141">
        <v>51.643672550778</v>
      </c>
      <c r="J141" t="s">
        <v>55826</v>
      </c>
    </row>
    <row r="142" spans="1:10" x14ac:dyDescent="0.25">
      <c r="A142" t="s">
        <v>55136</v>
      </c>
      <c r="B142" t="s">
        <v>55137</v>
      </c>
      <c r="C142" t="s">
        <v>55138</v>
      </c>
      <c r="D142" t="s">
        <v>55091</v>
      </c>
      <c r="E142" t="s">
        <v>13</v>
      </c>
      <c r="F142">
        <v>13940</v>
      </c>
      <c r="G142" t="s">
        <v>55139</v>
      </c>
      <c r="H142">
        <v>5.2764291713520004</v>
      </c>
      <c r="I142">
        <v>51.639869355523999</v>
      </c>
      <c r="J142" t="s">
        <v>55827</v>
      </c>
    </row>
    <row r="143" spans="1:10" x14ac:dyDescent="0.25">
      <c r="A143" t="s">
        <v>55132</v>
      </c>
      <c r="B143" t="s">
        <v>55133</v>
      </c>
      <c r="C143" t="s">
        <v>55134</v>
      </c>
      <c r="D143" t="s">
        <v>55091</v>
      </c>
      <c r="E143" t="s">
        <v>13</v>
      </c>
      <c r="F143">
        <v>13939</v>
      </c>
      <c r="G143" t="s">
        <v>55135</v>
      </c>
      <c r="H143">
        <v>5.277037785878</v>
      </c>
      <c r="I143">
        <v>51.646641934154999</v>
      </c>
      <c r="J143" t="s">
        <v>55828</v>
      </c>
    </row>
    <row r="144" spans="1:10" x14ac:dyDescent="0.25">
      <c r="A144" t="s">
        <v>55128</v>
      </c>
      <c r="B144" t="s">
        <v>55129</v>
      </c>
      <c r="C144" t="s">
        <v>55130</v>
      </c>
      <c r="D144" t="s">
        <v>55091</v>
      </c>
      <c r="E144" t="s">
        <v>13</v>
      </c>
      <c r="F144">
        <v>13938</v>
      </c>
      <c r="G144" t="s">
        <v>55131</v>
      </c>
      <c r="H144">
        <v>5.2877397903450003</v>
      </c>
      <c r="I144">
        <v>51.639360057650002</v>
      </c>
      <c r="J144" t="s">
        <v>55829</v>
      </c>
    </row>
    <row r="145" spans="1:10" x14ac:dyDescent="0.25">
      <c r="A145" t="s">
        <v>55124</v>
      </c>
      <c r="B145" t="s">
        <v>55125</v>
      </c>
      <c r="C145" t="s">
        <v>55126</v>
      </c>
      <c r="D145" t="s">
        <v>55091</v>
      </c>
      <c r="E145" t="s">
        <v>13</v>
      </c>
      <c r="F145">
        <v>13937</v>
      </c>
      <c r="G145" t="s">
        <v>55127</v>
      </c>
      <c r="H145">
        <v>5.2877056837470002</v>
      </c>
      <c r="I145">
        <v>51.646199298486998</v>
      </c>
      <c r="J145" t="s">
        <v>55830</v>
      </c>
    </row>
    <row r="146" spans="1:10" x14ac:dyDescent="0.25">
      <c r="A146" t="s">
        <v>55120</v>
      </c>
      <c r="B146" t="s">
        <v>55121</v>
      </c>
      <c r="C146" t="s">
        <v>55122</v>
      </c>
      <c r="D146" t="s">
        <v>55091</v>
      </c>
      <c r="E146" t="s">
        <v>13</v>
      </c>
      <c r="F146">
        <v>13936</v>
      </c>
      <c r="G146" t="s">
        <v>55123</v>
      </c>
      <c r="H146">
        <v>5.3008404926420001</v>
      </c>
      <c r="I146">
        <v>51.644708706305998</v>
      </c>
      <c r="J146" t="s">
        <v>55831</v>
      </c>
    </row>
    <row r="147" spans="1:10" x14ac:dyDescent="0.25">
      <c r="A147" t="s">
        <v>55116</v>
      </c>
      <c r="B147" t="s">
        <v>55117</v>
      </c>
      <c r="C147" t="s">
        <v>55118</v>
      </c>
      <c r="D147" t="s">
        <v>55091</v>
      </c>
      <c r="E147" t="s">
        <v>13</v>
      </c>
      <c r="F147">
        <v>13935</v>
      </c>
      <c r="G147" t="s">
        <v>55119</v>
      </c>
      <c r="H147">
        <v>5.2524541360599999</v>
      </c>
      <c r="I147">
        <v>51.676449449514998</v>
      </c>
      <c r="J147" t="s">
        <v>55832</v>
      </c>
    </row>
    <row r="148" spans="1:10" x14ac:dyDescent="0.25">
      <c r="A148" t="s">
        <v>55112</v>
      </c>
      <c r="B148" t="s">
        <v>55113</v>
      </c>
      <c r="C148" t="s">
        <v>55114</v>
      </c>
      <c r="D148" t="s">
        <v>55091</v>
      </c>
      <c r="E148" t="s">
        <v>13</v>
      </c>
      <c r="F148">
        <v>13934</v>
      </c>
      <c r="G148" t="s">
        <v>55115</v>
      </c>
      <c r="H148">
        <v>5.2668264831589999</v>
      </c>
      <c r="I148">
        <v>51.661612053386001</v>
      </c>
      <c r="J148" t="s">
        <v>55833</v>
      </c>
    </row>
    <row r="149" spans="1:10" x14ac:dyDescent="0.25">
      <c r="A149" t="s">
        <v>55108</v>
      </c>
      <c r="B149" t="s">
        <v>55109</v>
      </c>
      <c r="C149" t="s">
        <v>55110</v>
      </c>
      <c r="D149" t="s">
        <v>55091</v>
      </c>
      <c r="E149" t="s">
        <v>13</v>
      </c>
      <c r="F149">
        <v>13933</v>
      </c>
      <c r="G149" t="s">
        <v>55111</v>
      </c>
      <c r="H149">
        <v>5.2864929545430002</v>
      </c>
      <c r="I149">
        <v>51.652988426301</v>
      </c>
      <c r="J149" t="s">
        <v>55834</v>
      </c>
    </row>
    <row r="150" spans="1:10" x14ac:dyDescent="0.25">
      <c r="A150" t="s">
        <v>55105</v>
      </c>
      <c r="B150" t="s">
        <v>55106</v>
      </c>
      <c r="C150" t="s">
        <v>10408</v>
      </c>
      <c r="D150" t="s">
        <v>55091</v>
      </c>
      <c r="E150" t="s">
        <v>13</v>
      </c>
      <c r="F150">
        <v>13932</v>
      </c>
      <c r="G150" t="s">
        <v>55107</v>
      </c>
      <c r="H150">
        <v>5.269069273415</v>
      </c>
      <c r="I150">
        <v>51.651061094098999</v>
      </c>
      <c r="J150" t="s">
        <v>55835</v>
      </c>
    </row>
    <row r="151" spans="1:10" x14ac:dyDescent="0.25">
      <c r="A151" t="s">
        <v>55101</v>
      </c>
      <c r="B151" t="s">
        <v>55102</v>
      </c>
      <c r="C151" t="s">
        <v>55103</v>
      </c>
      <c r="D151" t="s">
        <v>55091</v>
      </c>
      <c r="E151" t="s">
        <v>13</v>
      </c>
      <c r="F151">
        <v>13931</v>
      </c>
      <c r="G151" t="s">
        <v>55104</v>
      </c>
      <c r="H151">
        <v>5.2797983166730003</v>
      </c>
      <c r="I151">
        <v>51.656571257209997</v>
      </c>
      <c r="J151" t="s">
        <v>55836</v>
      </c>
    </row>
    <row r="152" spans="1:10" x14ac:dyDescent="0.25">
      <c r="A152" t="s">
        <v>55097</v>
      </c>
      <c r="B152" t="s">
        <v>55098</v>
      </c>
      <c r="C152" t="s">
        <v>55099</v>
      </c>
      <c r="D152" t="s">
        <v>55091</v>
      </c>
      <c r="E152" t="s">
        <v>13</v>
      </c>
      <c r="F152">
        <v>13930</v>
      </c>
      <c r="G152" t="s">
        <v>55100</v>
      </c>
      <c r="H152">
        <v>5.2871158631300004</v>
      </c>
      <c r="I152">
        <v>51.666155540571999</v>
      </c>
      <c r="J152" t="s">
        <v>55837</v>
      </c>
    </row>
    <row r="153" spans="1:10" x14ac:dyDescent="0.25">
      <c r="A153" t="s">
        <v>55093</v>
      </c>
      <c r="B153" t="s">
        <v>55094</v>
      </c>
      <c r="C153" t="s">
        <v>55095</v>
      </c>
      <c r="D153" t="s">
        <v>55091</v>
      </c>
      <c r="E153" t="s">
        <v>13</v>
      </c>
      <c r="F153">
        <v>13929</v>
      </c>
      <c r="G153" t="s">
        <v>55096</v>
      </c>
      <c r="H153">
        <v>5.2946878796929999</v>
      </c>
      <c r="I153">
        <v>51.666918985344999</v>
      </c>
      <c r="J153" t="s">
        <v>55838</v>
      </c>
    </row>
    <row r="154" spans="1:10" x14ac:dyDescent="0.25">
      <c r="A154" t="s">
        <v>55089</v>
      </c>
      <c r="B154" t="s">
        <v>55090</v>
      </c>
      <c r="C154" t="s">
        <v>129</v>
      </c>
      <c r="D154" t="s">
        <v>55091</v>
      </c>
      <c r="E154" t="s">
        <v>13</v>
      </c>
      <c r="F154">
        <v>13928</v>
      </c>
      <c r="G154" t="s">
        <v>55092</v>
      </c>
      <c r="H154">
        <v>5.2976107693729997</v>
      </c>
      <c r="I154">
        <v>51.657228081541</v>
      </c>
      <c r="J154" t="s">
        <v>55839</v>
      </c>
    </row>
    <row r="155" spans="1:10" x14ac:dyDescent="0.25">
      <c r="A155" t="s">
        <v>55085</v>
      </c>
      <c r="B155" t="s">
        <v>55086</v>
      </c>
      <c r="C155" t="s">
        <v>55087</v>
      </c>
      <c r="D155" t="s">
        <v>54088</v>
      </c>
      <c r="E155" t="s">
        <v>13</v>
      </c>
      <c r="F155">
        <v>13927</v>
      </c>
      <c r="G155" t="s">
        <v>55088</v>
      </c>
      <c r="H155">
        <v>5.1805603616470002</v>
      </c>
      <c r="I155">
        <v>51.622571970392997</v>
      </c>
      <c r="J155" t="s">
        <v>55840</v>
      </c>
    </row>
    <row r="156" spans="1:10" x14ac:dyDescent="0.25">
      <c r="A156" t="s">
        <v>55081</v>
      </c>
      <c r="B156" t="s">
        <v>55082</v>
      </c>
      <c r="C156" t="s">
        <v>55083</v>
      </c>
      <c r="D156" t="s">
        <v>54088</v>
      </c>
      <c r="E156" t="s">
        <v>13</v>
      </c>
      <c r="F156">
        <v>13926</v>
      </c>
      <c r="G156" t="s">
        <v>55084</v>
      </c>
      <c r="H156">
        <v>5.1872750396249998</v>
      </c>
      <c r="I156">
        <v>51.615533641658999</v>
      </c>
      <c r="J156" t="s">
        <v>55841</v>
      </c>
    </row>
    <row r="157" spans="1:10" x14ac:dyDescent="0.25">
      <c r="A157" t="s">
        <v>55077</v>
      </c>
      <c r="B157" t="s">
        <v>55078</v>
      </c>
      <c r="C157" t="s">
        <v>55079</v>
      </c>
      <c r="D157" t="s">
        <v>54088</v>
      </c>
      <c r="E157" t="s">
        <v>13</v>
      </c>
      <c r="F157">
        <v>13925</v>
      </c>
      <c r="G157" t="s">
        <v>55080</v>
      </c>
      <c r="H157">
        <v>5.1801489734360002</v>
      </c>
      <c r="I157">
        <v>51.621847443019</v>
      </c>
      <c r="J157" t="s">
        <v>55842</v>
      </c>
    </row>
    <row r="158" spans="1:10" x14ac:dyDescent="0.25">
      <c r="A158" t="s">
        <v>55073</v>
      </c>
      <c r="B158" t="s">
        <v>55074</v>
      </c>
      <c r="C158" t="s">
        <v>55075</v>
      </c>
      <c r="D158" t="s">
        <v>54088</v>
      </c>
      <c r="E158" t="s">
        <v>13</v>
      </c>
      <c r="F158">
        <v>13924</v>
      </c>
      <c r="G158" t="s">
        <v>55076</v>
      </c>
      <c r="H158">
        <v>5.1308197890190002</v>
      </c>
      <c r="I158">
        <v>51.624167324787997</v>
      </c>
      <c r="J158" t="s">
        <v>55843</v>
      </c>
    </row>
    <row r="159" spans="1:10" x14ac:dyDescent="0.25">
      <c r="A159" t="s">
        <v>55069</v>
      </c>
      <c r="B159" t="s">
        <v>55070</v>
      </c>
      <c r="C159" t="s">
        <v>55071</v>
      </c>
      <c r="D159" t="s">
        <v>54088</v>
      </c>
      <c r="E159" t="s">
        <v>13</v>
      </c>
      <c r="F159">
        <v>13923</v>
      </c>
      <c r="G159" t="s">
        <v>55072</v>
      </c>
      <c r="H159">
        <v>5.1266692354290004</v>
      </c>
      <c r="I159">
        <v>51.602836080331002</v>
      </c>
      <c r="J159" t="s">
        <v>55844</v>
      </c>
    </row>
    <row r="160" spans="1:10" x14ac:dyDescent="0.25">
      <c r="A160" t="s">
        <v>55065</v>
      </c>
      <c r="B160" t="s">
        <v>55066</v>
      </c>
      <c r="C160" t="s">
        <v>55067</v>
      </c>
      <c r="D160" t="s">
        <v>54088</v>
      </c>
      <c r="E160" t="s">
        <v>13</v>
      </c>
      <c r="F160">
        <v>13922</v>
      </c>
      <c r="G160" t="s">
        <v>55068</v>
      </c>
      <c r="H160">
        <v>5.1652920319179998</v>
      </c>
      <c r="I160">
        <v>51.602068656424002</v>
      </c>
      <c r="J160" t="s">
        <v>55845</v>
      </c>
    </row>
    <row r="161" spans="1:10" x14ac:dyDescent="0.25">
      <c r="A161" t="s">
        <v>55061</v>
      </c>
      <c r="B161" t="s">
        <v>55062</v>
      </c>
      <c r="C161" t="s">
        <v>55063</v>
      </c>
      <c r="D161" t="s">
        <v>54088</v>
      </c>
      <c r="E161" t="s">
        <v>13</v>
      </c>
      <c r="F161">
        <v>13921</v>
      </c>
      <c r="G161" t="s">
        <v>55064</v>
      </c>
      <c r="H161">
        <v>5.1612001751210004</v>
      </c>
      <c r="I161">
        <v>51.607220271560003</v>
      </c>
      <c r="J161" t="s">
        <v>55846</v>
      </c>
    </row>
    <row r="162" spans="1:10" x14ac:dyDescent="0.25">
      <c r="A162" t="s">
        <v>55057</v>
      </c>
      <c r="B162" t="s">
        <v>55058</v>
      </c>
      <c r="C162" t="s">
        <v>55059</v>
      </c>
      <c r="D162" t="s">
        <v>54088</v>
      </c>
      <c r="E162" t="s">
        <v>13</v>
      </c>
      <c r="F162">
        <v>13920</v>
      </c>
      <c r="G162" t="s">
        <v>55060</v>
      </c>
      <c r="H162">
        <v>5.1431246243880002</v>
      </c>
      <c r="I162">
        <v>51.606589550968998</v>
      </c>
      <c r="J162" t="s">
        <v>55847</v>
      </c>
    </row>
    <row r="163" spans="1:10" x14ac:dyDescent="0.25">
      <c r="A163" t="s">
        <v>55053</v>
      </c>
      <c r="B163" t="s">
        <v>55054</v>
      </c>
      <c r="C163" t="s">
        <v>55055</v>
      </c>
      <c r="D163" t="s">
        <v>54088</v>
      </c>
      <c r="E163" t="s">
        <v>13</v>
      </c>
      <c r="F163">
        <v>13919</v>
      </c>
      <c r="G163" t="s">
        <v>55056</v>
      </c>
      <c r="H163">
        <v>5.1344072052519998</v>
      </c>
      <c r="I163">
        <v>51.608677459200997</v>
      </c>
      <c r="J163" t="s">
        <v>55848</v>
      </c>
    </row>
    <row r="164" spans="1:10" x14ac:dyDescent="0.25">
      <c r="A164" t="s">
        <v>55050</v>
      </c>
      <c r="B164" t="s">
        <v>55051</v>
      </c>
      <c r="C164" t="s">
        <v>32402</v>
      </c>
      <c r="D164" t="s">
        <v>54088</v>
      </c>
      <c r="E164" t="s">
        <v>13</v>
      </c>
      <c r="F164">
        <v>13918</v>
      </c>
      <c r="G164" t="s">
        <v>55052</v>
      </c>
      <c r="H164">
        <v>5.155375600378</v>
      </c>
      <c r="I164">
        <v>51.609981228743997</v>
      </c>
      <c r="J164" t="s">
        <v>55849</v>
      </c>
    </row>
    <row r="165" spans="1:10" x14ac:dyDescent="0.25">
      <c r="A165" t="s">
        <v>55046</v>
      </c>
      <c r="B165" t="s">
        <v>55047</v>
      </c>
      <c r="C165" t="s">
        <v>55048</v>
      </c>
      <c r="D165" t="s">
        <v>54088</v>
      </c>
      <c r="E165" t="s">
        <v>13</v>
      </c>
      <c r="F165">
        <v>13917</v>
      </c>
      <c r="G165" t="s">
        <v>55049</v>
      </c>
      <c r="H165">
        <v>5.1541103454929997</v>
      </c>
      <c r="I165">
        <v>51.614694994841997</v>
      </c>
      <c r="J165" t="s">
        <v>55850</v>
      </c>
    </row>
    <row r="166" spans="1:10" x14ac:dyDescent="0.25">
      <c r="A166" t="s">
        <v>55042</v>
      </c>
      <c r="B166" t="s">
        <v>55043</v>
      </c>
      <c r="C166" t="s">
        <v>55044</v>
      </c>
      <c r="D166" t="s">
        <v>54088</v>
      </c>
      <c r="E166" t="s">
        <v>13</v>
      </c>
      <c r="F166">
        <v>13916</v>
      </c>
      <c r="G166" t="s">
        <v>55045</v>
      </c>
      <c r="H166">
        <v>5.1481958667769998</v>
      </c>
      <c r="I166">
        <v>51.61241388573</v>
      </c>
      <c r="J166" t="s">
        <v>55851</v>
      </c>
    </row>
    <row r="167" spans="1:10" x14ac:dyDescent="0.25">
      <c r="A167" t="s">
        <v>55039</v>
      </c>
      <c r="B167" t="s">
        <v>55040</v>
      </c>
      <c r="C167" t="s">
        <v>29268</v>
      </c>
      <c r="D167" t="s">
        <v>54088</v>
      </c>
      <c r="E167" t="s">
        <v>13</v>
      </c>
      <c r="F167">
        <v>13915</v>
      </c>
      <c r="G167" t="s">
        <v>55041</v>
      </c>
      <c r="H167">
        <v>5.1427428049120003</v>
      </c>
      <c r="I167">
        <v>51.616039519110998</v>
      </c>
      <c r="J167" t="s">
        <v>55852</v>
      </c>
    </row>
    <row r="168" spans="1:10" x14ac:dyDescent="0.25">
      <c r="A168" t="s">
        <v>55035</v>
      </c>
      <c r="B168" t="s">
        <v>55036</v>
      </c>
      <c r="C168" t="s">
        <v>55037</v>
      </c>
      <c r="D168" t="s">
        <v>54088</v>
      </c>
      <c r="E168" t="s">
        <v>13</v>
      </c>
      <c r="F168">
        <v>13914</v>
      </c>
      <c r="G168" t="s">
        <v>55038</v>
      </c>
      <c r="H168">
        <v>5.133000998989</v>
      </c>
      <c r="I168">
        <v>51.545210516398001</v>
      </c>
      <c r="J168" t="s">
        <v>55853</v>
      </c>
    </row>
    <row r="169" spans="1:10" x14ac:dyDescent="0.25">
      <c r="A169" t="s">
        <v>55031</v>
      </c>
      <c r="B169" t="s">
        <v>55032</v>
      </c>
      <c r="C169" t="s">
        <v>55033</v>
      </c>
      <c r="D169" t="s">
        <v>54088</v>
      </c>
      <c r="E169" t="s">
        <v>13</v>
      </c>
      <c r="F169">
        <v>13913</v>
      </c>
      <c r="G169" t="s">
        <v>55034</v>
      </c>
      <c r="H169">
        <v>5.1345712777649997</v>
      </c>
      <c r="I169">
        <v>51.555120871385</v>
      </c>
      <c r="J169" t="s">
        <v>55854</v>
      </c>
    </row>
    <row r="170" spans="1:10" x14ac:dyDescent="0.25">
      <c r="A170" t="s">
        <v>55027</v>
      </c>
      <c r="B170" t="s">
        <v>55028</v>
      </c>
      <c r="C170" t="s">
        <v>55029</v>
      </c>
      <c r="D170" t="s">
        <v>54088</v>
      </c>
      <c r="E170" t="s">
        <v>13</v>
      </c>
      <c r="F170">
        <v>13912</v>
      </c>
      <c r="G170" t="s">
        <v>55030</v>
      </c>
      <c r="H170">
        <v>5.1316769073100001</v>
      </c>
      <c r="I170">
        <v>51.562236100139998</v>
      </c>
      <c r="J170" t="s">
        <v>55855</v>
      </c>
    </row>
    <row r="171" spans="1:10" x14ac:dyDescent="0.25">
      <c r="A171" t="s">
        <v>55023</v>
      </c>
      <c r="B171" t="s">
        <v>55024</v>
      </c>
      <c r="C171" t="s">
        <v>55025</v>
      </c>
      <c r="D171" t="s">
        <v>54088</v>
      </c>
      <c r="E171" t="s">
        <v>13</v>
      </c>
      <c r="F171">
        <v>13911</v>
      </c>
      <c r="G171" t="s">
        <v>55026</v>
      </c>
      <c r="H171">
        <v>5.1375117027729997</v>
      </c>
      <c r="I171">
        <v>51.571713437040003</v>
      </c>
      <c r="J171" t="s">
        <v>55856</v>
      </c>
    </row>
    <row r="172" spans="1:10" x14ac:dyDescent="0.25">
      <c r="A172" t="s">
        <v>55019</v>
      </c>
      <c r="B172" t="s">
        <v>55020</v>
      </c>
      <c r="C172" t="s">
        <v>55021</v>
      </c>
      <c r="D172" t="s">
        <v>54088</v>
      </c>
      <c r="E172" t="s">
        <v>13</v>
      </c>
      <c r="F172">
        <v>13910</v>
      </c>
      <c r="G172" t="s">
        <v>55022</v>
      </c>
      <c r="H172">
        <v>5.1245629807139998</v>
      </c>
      <c r="I172">
        <v>51.571703265350997</v>
      </c>
      <c r="J172" t="s">
        <v>55857</v>
      </c>
    </row>
    <row r="173" spans="1:10" x14ac:dyDescent="0.25">
      <c r="A173" t="s">
        <v>55015</v>
      </c>
      <c r="B173" t="s">
        <v>55016</v>
      </c>
      <c r="C173" t="s">
        <v>55017</v>
      </c>
      <c r="D173" t="s">
        <v>54088</v>
      </c>
      <c r="E173" t="s">
        <v>13</v>
      </c>
      <c r="F173">
        <v>13909</v>
      </c>
      <c r="G173" t="s">
        <v>55018</v>
      </c>
      <c r="H173">
        <v>5.1276765107509998</v>
      </c>
      <c r="I173">
        <v>51.576932773487997</v>
      </c>
      <c r="J173" t="s">
        <v>55858</v>
      </c>
    </row>
    <row r="174" spans="1:10" x14ac:dyDescent="0.25">
      <c r="A174" t="s">
        <v>55011</v>
      </c>
      <c r="B174" t="s">
        <v>55012</v>
      </c>
      <c r="C174" t="s">
        <v>55013</v>
      </c>
      <c r="D174" t="s">
        <v>54088</v>
      </c>
      <c r="E174" t="s">
        <v>13</v>
      </c>
      <c r="F174">
        <v>13908</v>
      </c>
      <c r="G174" t="s">
        <v>55014</v>
      </c>
      <c r="H174">
        <v>5.130186375049</v>
      </c>
      <c r="I174">
        <v>51.578558106256999</v>
      </c>
      <c r="J174" t="s">
        <v>55859</v>
      </c>
    </row>
    <row r="175" spans="1:10" x14ac:dyDescent="0.25">
      <c r="A175" t="s">
        <v>55007</v>
      </c>
      <c r="B175" t="s">
        <v>55008</v>
      </c>
      <c r="C175" t="s">
        <v>55009</v>
      </c>
      <c r="D175" t="s">
        <v>54088</v>
      </c>
      <c r="E175" t="s">
        <v>13</v>
      </c>
      <c r="F175">
        <v>13907</v>
      </c>
      <c r="G175" t="s">
        <v>55010</v>
      </c>
      <c r="H175">
        <v>5.1330667967760002</v>
      </c>
      <c r="I175">
        <v>51.574709360865</v>
      </c>
      <c r="J175" t="s">
        <v>55860</v>
      </c>
    </row>
    <row r="176" spans="1:10" x14ac:dyDescent="0.25">
      <c r="A176" t="s">
        <v>55003</v>
      </c>
      <c r="B176" t="s">
        <v>55004</v>
      </c>
      <c r="C176" t="s">
        <v>55005</v>
      </c>
      <c r="D176" t="s">
        <v>54088</v>
      </c>
      <c r="E176" t="s">
        <v>13</v>
      </c>
      <c r="F176">
        <v>13906</v>
      </c>
      <c r="G176" t="s">
        <v>55006</v>
      </c>
      <c r="H176">
        <v>5.1421097318460003</v>
      </c>
      <c r="I176">
        <v>51.578252449463001</v>
      </c>
      <c r="J176" t="s">
        <v>55861</v>
      </c>
    </row>
    <row r="177" spans="1:10" x14ac:dyDescent="0.25">
      <c r="A177" t="s">
        <v>54999</v>
      </c>
      <c r="B177" t="s">
        <v>55000</v>
      </c>
      <c r="C177" t="s">
        <v>55001</v>
      </c>
      <c r="D177" t="s">
        <v>54088</v>
      </c>
      <c r="E177" t="s">
        <v>13</v>
      </c>
      <c r="F177">
        <v>13905</v>
      </c>
      <c r="G177" t="s">
        <v>55002</v>
      </c>
      <c r="H177">
        <v>5.1340872416629999</v>
      </c>
      <c r="I177">
        <v>51.581734187179997</v>
      </c>
      <c r="J177" t="s">
        <v>55862</v>
      </c>
    </row>
    <row r="178" spans="1:10" x14ac:dyDescent="0.25">
      <c r="A178" t="s">
        <v>54995</v>
      </c>
      <c r="B178" t="s">
        <v>54996</v>
      </c>
      <c r="C178" t="s">
        <v>54997</v>
      </c>
      <c r="D178" t="s">
        <v>54088</v>
      </c>
      <c r="E178" t="s">
        <v>13</v>
      </c>
      <c r="F178">
        <v>13904</v>
      </c>
      <c r="G178" t="s">
        <v>54998</v>
      </c>
      <c r="H178">
        <v>5.1358656423209998</v>
      </c>
      <c r="I178">
        <v>51.586421369471999</v>
      </c>
      <c r="J178" t="s">
        <v>55863</v>
      </c>
    </row>
    <row r="179" spans="1:10" x14ac:dyDescent="0.25">
      <c r="A179" t="s">
        <v>54991</v>
      </c>
      <c r="B179" t="s">
        <v>54992</v>
      </c>
      <c r="C179" t="s">
        <v>54993</v>
      </c>
      <c r="D179" t="s">
        <v>54088</v>
      </c>
      <c r="E179" t="s">
        <v>13</v>
      </c>
      <c r="F179">
        <v>13903</v>
      </c>
      <c r="G179" t="s">
        <v>54994</v>
      </c>
      <c r="H179">
        <v>5.1435580635990004</v>
      </c>
      <c r="I179">
        <v>51.585037148756001</v>
      </c>
      <c r="J179" t="s">
        <v>55864</v>
      </c>
    </row>
    <row r="180" spans="1:10" x14ac:dyDescent="0.25">
      <c r="A180" t="s">
        <v>54987</v>
      </c>
      <c r="B180" t="s">
        <v>54988</v>
      </c>
      <c r="C180" t="s">
        <v>54989</v>
      </c>
      <c r="D180" t="s">
        <v>54088</v>
      </c>
      <c r="E180" t="s">
        <v>13</v>
      </c>
      <c r="F180">
        <v>13902</v>
      </c>
      <c r="G180" t="s">
        <v>54990</v>
      </c>
      <c r="H180">
        <v>5.1517492394079998</v>
      </c>
      <c r="I180">
        <v>51.585039150463999</v>
      </c>
      <c r="J180" t="s">
        <v>55865</v>
      </c>
    </row>
    <row r="181" spans="1:10" x14ac:dyDescent="0.25">
      <c r="A181" t="s">
        <v>54983</v>
      </c>
      <c r="B181" t="s">
        <v>54984</v>
      </c>
      <c r="C181" t="s">
        <v>54985</v>
      </c>
      <c r="D181" t="s">
        <v>54088</v>
      </c>
      <c r="E181" t="s">
        <v>13</v>
      </c>
      <c r="F181">
        <v>13901</v>
      </c>
      <c r="G181" t="s">
        <v>54986</v>
      </c>
      <c r="H181">
        <v>5.1527511832739998</v>
      </c>
      <c r="I181">
        <v>51.590284574197</v>
      </c>
      <c r="J181" t="s">
        <v>55866</v>
      </c>
    </row>
    <row r="182" spans="1:10" x14ac:dyDescent="0.25">
      <c r="A182" t="s">
        <v>54979</v>
      </c>
      <c r="B182" t="s">
        <v>54980</v>
      </c>
      <c r="C182" t="s">
        <v>54981</v>
      </c>
      <c r="D182" t="s">
        <v>54088</v>
      </c>
      <c r="E182" t="s">
        <v>13</v>
      </c>
      <c r="F182">
        <v>13900</v>
      </c>
      <c r="G182" t="s">
        <v>54982</v>
      </c>
      <c r="H182">
        <v>5.1427315975600001</v>
      </c>
      <c r="I182">
        <v>51.591480138971001</v>
      </c>
      <c r="J182" t="s">
        <v>55867</v>
      </c>
    </row>
    <row r="183" spans="1:10" x14ac:dyDescent="0.25">
      <c r="A183" t="s">
        <v>54975</v>
      </c>
      <c r="B183" t="s">
        <v>54976</v>
      </c>
      <c r="C183" t="s">
        <v>54977</v>
      </c>
      <c r="D183" t="s">
        <v>54088</v>
      </c>
      <c r="E183" t="s">
        <v>13</v>
      </c>
      <c r="F183">
        <v>13899</v>
      </c>
      <c r="G183" t="s">
        <v>54978</v>
      </c>
      <c r="H183">
        <v>5.1426973495309998</v>
      </c>
      <c r="I183">
        <v>51.593944974086</v>
      </c>
      <c r="J183" t="s">
        <v>55868</v>
      </c>
    </row>
    <row r="184" spans="1:10" x14ac:dyDescent="0.25">
      <c r="A184" t="s">
        <v>54971</v>
      </c>
      <c r="B184" t="s">
        <v>54972</v>
      </c>
      <c r="C184" t="s">
        <v>54973</v>
      </c>
      <c r="D184" t="s">
        <v>54088</v>
      </c>
      <c r="E184" t="s">
        <v>13</v>
      </c>
      <c r="F184">
        <v>13898</v>
      </c>
      <c r="G184" t="s">
        <v>54974</v>
      </c>
      <c r="H184">
        <v>5.1564616987239997</v>
      </c>
      <c r="I184">
        <v>51.595174232161</v>
      </c>
      <c r="J184" t="s">
        <v>55869</v>
      </c>
    </row>
    <row r="185" spans="1:10" x14ac:dyDescent="0.25">
      <c r="A185" t="s">
        <v>54967</v>
      </c>
      <c r="B185" t="s">
        <v>54968</v>
      </c>
      <c r="C185" t="s">
        <v>54969</v>
      </c>
      <c r="D185" t="s">
        <v>54088</v>
      </c>
      <c r="E185" t="s">
        <v>13</v>
      </c>
      <c r="F185">
        <v>13897</v>
      </c>
      <c r="G185" t="s">
        <v>54970</v>
      </c>
      <c r="H185">
        <v>5.1358180140740002</v>
      </c>
      <c r="I185">
        <v>51.596249400524997</v>
      </c>
      <c r="J185" t="s">
        <v>55870</v>
      </c>
    </row>
    <row r="186" spans="1:10" x14ac:dyDescent="0.25">
      <c r="A186" t="s">
        <v>54963</v>
      </c>
      <c r="B186" t="s">
        <v>54964</v>
      </c>
      <c r="C186" t="s">
        <v>54965</v>
      </c>
      <c r="D186" t="s">
        <v>54088</v>
      </c>
      <c r="E186" t="s">
        <v>13</v>
      </c>
      <c r="F186">
        <v>13896</v>
      </c>
      <c r="G186" t="s">
        <v>54966</v>
      </c>
      <c r="H186">
        <v>5.1249711454079998</v>
      </c>
      <c r="I186">
        <v>51.585880541757</v>
      </c>
      <c r="J186" t="s">
        <v>55871</v>
      </c>
    </row>
    <row r="187" spans="1:10" x14ac:dyDescent="0.25">
      <c r="A187" t="s">
        <v>54959</v>
      </c>
      <c r="B187" t="s">
        <v>54960</v>
      </c>
      <c r="C187" t="s">
        <v>54961</v>
      </c>
      <c r="D187" t="s">
        <v>54088</v>
      </c>
      <c r="E187" t="s">
        <v>13</v>
      </c>
      <c r="F187">
        <v>13895</v>
      </c>
      <c r="G187" t="s">
        <v>54962</v>
      </c>
      <c r="H187">
        <v>5.1229743055360002</v>
      </c>
      <c r="I187">
        <v>51.580766847650999</v>
      </c>
      <c r="J187" t="s">
        <v>55872</v>
      </c>
    </row>
    <row r="188" spans="1:10" x14ac:dyDescent="0.25">
      <c r="A188" t="s">
        <v>54955</v>
      </c>
      <c r="B188" t="s">
        <v>54956</v>
      </c>
      <c r="C188" t="s">
        <v>54957</v>
      </c>
      <c r="D188" t="s">
        <v>54088</v>
      </c>
      <c r="E188" t="s">
        <v>13</v>
      </c>
      <c r="F188">
        <v>13894</v>
      </c>
      <c r="G188" t="s">
        <v>54958</v>
      </c>
      <c r="H188">
        <v>5.0299951361230004</v>
      </c>
      <c r="I188">
        <v>51.604259155728002</v>
      </c>
      <c r="J188" t="s">
        <v>55873</v>
      </c>
    </row>
    <row r="189" spans="1:10" x14ac:dyDescent="0.25">
      <c r="A189" t="s">
        <v>54951</v>
      </c>
      <c r="B189" t="s">
        <v>54952</v>
      </c>
      <c r="C189" t="s">
        <v>54953</v>
      </c>
      <c r="D189" t="s">
        <v>54088</v>
      </c>
      <c r="E189" t="s">
        <v>13</v>
      </c>
      <c r="F189">
        <v>13893</v>
      </c>
      <c r="G189" t="s">
        <v>54954</v>
      </c>
      <c r="H189">
        <v>5.1178544200399996</v>
      </c>
      <c r="I189">
        <v>51.586225321834</v>
      </c>
      <c r="J189" t="s">
        <v>55874</v>
      </c>
    </row>
    <row r="190" spans="1:10" x14ac:dyDescent="0.25">
      <c r="A190" t="s">
        <v>54947</v>
      </c>
      <c r="B190" t="s">
        <v>54948</v>
      </c>
      <c r="C190" t="s">
        <v>54949</v>
      </c>
      <c r="D190" t="s">
        <v>54088</v>
      </c>
      <c r="E190" t="s">
        <v>13</v>
      </c>
      <c r="F190">
        <v>13892</v>
      </c>
      <c r="G190" t="s">
        <v>54950</v>
      </c>
      <c r="H190">
        <v>5.0938263217299999</v>
      </c>
      <c r="I190">
        <v>51.593187342964001</v>
      </c>
      <c r="J190" t="s">
        <v>55875</v>
      </c>
    </row>
    <row r="191" spans="1:10" x14ac:dyDescent="0.25">
      <c r="A191" t="s">
        <v>54943</v>
      </c>
      <c r="B191" t="s">
        <v>54944</v>
      </c>
      <c r="C191" t="s">
        <v>54945</v>
      </c>
      <c r="D191" t="s">
        <v>54088</v>
      </c>
      <c r="E191" t="s">
        <v>13</v>
      </c>
      <c r="F191">
        <v>13891</v>
      </c>
      <c r="G191" t="s">
        <v>54946</v>
      </c>
      <c r="H191">
        <v>5.1009746282919997</v>
      </c>
      <c r="I191">
        <v>51.601558631491002</v>
      </c>
      <c r="J191" t="s">
        <v>55876</v>
      </c>
    </row>
    <row r="192" spans="1:10" x14ac:dyDescent="0.25">
      <c r="A192" t="s">
        <v>54939</v>
      </c>
      <c r="B192" t="s">
        <v>54940</v>
      </c>
      <c r="C192" t="s">
        <v>54941</v>
      </c>
      <c r="D192" t="s">
        <v>54088</v>
      </c>
      <c r="E192" t="s">
        <v>13</v>
      </c>
      <c r="F192">
        <v>13890</v>
      </c>
      <c r="G192" t="s">
        <v>54942</v>
      </c>
      <c r="H192">
        <v>5.0051066059289999</v>
      </c>
      <c r="I192">
        <v>51.559949431211997</v>
      </c>
      <c r="J192" t="s">
        <v>55877</v>
      </c>
    </row>
    <row r="193" spans="1:10" x14ac:dyDescent="0.25">
      <c r="A193" t="s">
        <v>54935</v>
      </c>
      <c r="B193" t="s">
        <v>54936</v>
      </c>
      <c r="C193" t="s">
        <v>54937</v>
      </c>
      <c r="D193" t="s">
        <v>54088</v>
      </c>
      <c r="E193" t="s">
        <v>13</v>
      </c>
      <c r="F193">
        <v>13889</v>
      </c>
      <c r="G193" t="s">
        <v>54938</v>
      </c>
      <c r="H193">
        <v>5.0205255462230003</v>
      </c>
      <c r="I193">
        <v>51.551070540322002</v>
      </c>
      <c r="J193" t="s">
        <v>55878</v>
      </c>
    </row>
    <row r="194" spans="1:10" x14ac:dyDescent="0.25">
      <c r="A194" t="s">
        <v>54931</v>
      </c>
      <c r="B194" t="s">
        <v>54932</v>
      </c>
      <c r="C194" t="s">
        <v>54933</v>
      </c>
      <c r="D194" t="s">
        <v>54088</v>
      </c>
      <c r="E194" t="s">
        <v>13</v>
      </c>
      <c r="F194">
        <v>13888</v>
      </c>
      <c r="G194" t="s">
        <v>54934</v>
      </c>
      <c r="H194">
        <v>4.9883883936090001</v>
      </c>
      <c r="I194">
        <v>51.551890138722001</v>
      </c>
      <c r="J194" t="s">
        <v>55879</v>
      </c>
    </row>
    <row r="195" spans="1:10" x14ac:dyDescent="0.25">
      <c r="A195" t="s">
        <v>54927</v>
      </c>
      <c r="B195" t="s">
        <v>54928</v>
      </c>
      <c r="C195" t="s">
        <v>54929</v>
      </c>
      <c r="D195" t="s">
        <v>54088</v>
      </c>
      <c r="E195" t="s">
        <v>13</v>
      </c>
      <c r="F195">
        <v>13887</v>
      </c>
      <c r="G195" t="s">
        <v>54930</v>
      </c>
      <c r="H195">
        <v>4.963432275712</v>
      </c>
      <c r="I195">
        <v>51.554037650769999</v>
      </c>
      <c r="J195" t="s">
        <v>55880</v>
      </c>
    </row>
    <row r="196" spans="1:10" x14ac:dyDescent="0.25">
      <c r="A196" t="s">
        <v>54924</v>
      </c>
      <c r="B196" t="s">
        <v>54925</v>
      </c>
      <c r="C196" t="s">
        <v>35474</v>
      </c>
      <c r="D196" t="s">
        <v>54088</v>
      </c>
      <c r="E196" t="s">
        <v>13</v>
      </c>
      <c r="F196">
        <v>13886</v>
      </c>
      <c r="G196" t="s">
        <v>54926</v>
      </c>
      <c r="H196">
        <v>5.1264029446489996</v>
      </c>
      <c r="I196">
        <v>51.539503143582003</v>
      </c>
      <c r="J196" t="s">
        <v>55881</v>
      </c>
    </row>
    <row r="197" spans="1:10" x14ac:dyDescent="0.25">
      <c r="A197" t="s">
        <v>54920</v>
      </c>
      <c r="B197" t="s">
        <v>54921</v>
      </c>
      <c r="C197" t="s">
        <v>54922</v>
      </c>
      <c r="D197" t="s">
        <v>54088</v>
      </c>
      <c r="E197" t="s">
        <v>13</v>
      </c>
      <c r="F197">
        <v>13885</v>
      </c>
      <c r="G197" t="s">
        <v>54923</v>
      </c>
      <c r="H197">
        <v>5.0490794196620001</v>
      </c>
      <c r="I197">
        <v>51.532205322442003</v>
      </c>
      <c r="J197" t="s">
        <v>55882</v>
      </c>
    </row>
    <row r="198" spans="1:10" x14ac:dyDescent="0.25">
      <c r="A198" t="s">
        <v>54916</v>
      </c>
      <c r="B198" t="s">
        <v>54917</v>
      </c>
      <c r="C198" t="s">
        <v>54918</v>
      </c>
      <c r="D198" t="s">
        <v>54088</v>
      </c>
      <c r="E198" t="s">
        <v>13</v>
      </c>
      <c r="F198">
        <v>13884</v>
      </c>
      <c r="G198" t="s">
        <v>54919</v>
      </c>
      <c r="H198">
        <v>5.0519513402890004</v>
      </c>
      <c r="I198">
        <v>51.536991723535998</v>
      </c>
      <c r="J198" t="s">
        <v>55883</v>
      </c>
    </row>
    <row r="199" spans="1:10" x14ac:dyDescent="0.25">
      <c r="A199" t="s">
        <v>54912</v>
      </c>
      <c r="B199" t="s">
        <v>54913</v>
      </c>
      <c r="C199" t="s">
        <v>54914</v>
      </c>
      <c r="D199" t="s">
        <v>54088</v>
      </c>
      <c r="E199" t="s">
        <v>13</v>
      </c>
      <c r="F199">
        <v>13883</v>
      </c>
      <c r="G199" t="s">
        <v>54915</v>
      </c>
      <c r="H199">
        <v>5.0392763884420004</v>
      </c>
      <c r="I199">
        <v>51.535381749747003</v>
      </c>
      <c r="J199" t="s">
        <v>55884</v>
      </c>
    </row>
    <row r="200" spans="1:10" x14ac:dyDescent="0.25">
      <c r="A200" t="s">
        <v>54908</v>
      </c>
      <c r="B200" t="s">
        <v>54909</v>
      </c>
      <c r="C200" t="s">
        <v>54910</v>
      </c>
      <c r="D200" t="s">
        <v>54088</v>
      </c>
      <c r="E200" t="s">
        <v>13</v>
      </c>
      <c r="F200">
        <v>13882</v>
      </c>
      <c r="G200" t="s">
        <v>54911</v>
      </c>
      <c r="H200">
        <v>5.0352179971949997</v>
      </c>
      <c r="I200">
        <v>51.584172119243</v>
      </c>
      <c r="J200" t="s">
        <v>55885</v>
      </c>
    </row>
    <row r="201" spans="1:10" x14ac:dyDescent="0.25">
      <c r="A201" t="s">
        <v>54904</v>
      </c>
      <c r="B201" t="s">
        <v>54905</v>
      </c>
      <c r="C201" t="s">
        <v>54906</v>
      </c>
      <c r="D201" t="s">
        <v>54088</v>
      </c>
      <c r="E201" t="s">
        <v>13</v>
      </c>
      <c r="F201">
        <v>13881</v>
      </c>
      <c r="G201" t="s">
        <v>54907</v>
      </c>
      <c r="H201">
        <v>5.02995607173</v>
      </c>
      <c r="I201">
        <v>51.587339201455002</v>
      </c>
      <c r="J201" t="s">
        <v>55886</v>
      </c>
    </row>
    <row r="202" spans="1:10" x14ac:dyDescent="0.25">
      <c r="A202" t="s">
        <v>54900</v>
      </c>
      <c r="B202" t="s">
        <v>54901</v>
      </c>
      <c r="C202" t="s">
        <v>54902</v>
      </c>
      <c r="D202" t="s">
        <v>54088</v>
      </c>
      <c r="E202" t="s">
        <v>13</v>
      </c>
      <c r="F202">
        <v>13880</v>
      </c>
      <c r="G202" t="s">
        <v>54903</v>
      </c>
      <c r="H202">
        <v>5.0339322458479998</v>
      </c>
      <c r="I202">
        <v>51.591558247392001</v>
      </c>
      <c r="J202" t="s">
        <v>55887</v>
      </c>
    </row>
    <row r="203" spans="1:10" x14ac:dyDescent="0.25">
      <c r="A203" t="s">
        <v>54896</v>
      </c>
      <c r="B203" t="s">
        <v>54897</v>
      </c>
      <c r="C203" t="s">
        <v>54898</v>
      </c>
      <c r="D203" t="s">
        <v>54088</v>
      </c>
      <c r="E203" t="s">
        <v>13</v>
      </c>
      <c r="F203">
        <v>13879</v>
      </c>
      <c r="G203" t="s">
        <v>54899</v>
      </c>
      <c r="H203">
        <v>5.0171139494509998</v>
      </c>
      <c r="I203">
        <v>51.592500705257997</v>
      </c>
      <c r="J203" t="s">
        <v>55888</v>
      </c>
    </row>
    <row r="204" spans="1:10" x14ac:dyDescent="0.25">
      <c r="A204" t="s">
        <v>54892</v>
      </c>
      <c r="B204" t="s">
        <v>54893</v>
      </c>
      <c r="C204" t="s">
        <v>54894</v>
      </c>
      <c r="D204" t="s">
        <v>54088</v>
      </c>
      <c r="E204" t="s">
        <v>13</v>
      </c>
      <c r="F204">
        <v>13878</v>
      </c>
      <c r="G204" t="s">
        <v>54895</v>
      </c>
      <c r="H204">
        <v>5.0262917182490003</v>
      </c>
      <c r="I204">
        <v>51.597264326370997</v>
      </c>
      <c r="J204" t="s">
        <v>55889</v>
      </c>
    </row>
    <row r="205" spans="1:10" x14ac:dyDescent="0.25">
      <c r="A205" t="s">
        <v>54888</v>
      </c>
      <c r="B205" t="s">
        <v>54889</v>
      </c>
      <c r="C205" t="s">
        <v>54890</v>
      </c>
      <c r="D205" t="s">
        <v>54088</v>
      </c>
      <c r="E205" t="s">
        <v>13</v>
      </c>
      <c r="F205">
        <v>13877</v>
      </c>
      <c r="G205" t="s">
        <v>54891</v>
      </c>
      <c r="H205">
        <v>5.0030842013159997</v>
      </c>
      <c r="I205">
        <v>51.600879239021999</v>
      </c>
      <c r="J205" t="s">
        <v>55890</v>
      </c>
    </row>
    <row r="206" spans="1:10" x14ac:dyDescent="0.25">
      <c r="A206" t="s">
        <v>54884</v>
      </c>
      <c r="B206" t="s">
        <v>54885</v>
      </c>
      <c r="C206" t="s">
        <v>54886</v>
      </c>
      <c r="D206" t="s">
        <v>54088</v>
      </c>
      <c r="E206" t="s">
        <v>13</v>
      </c>
      <c r="F206">
        <v>13876</v>
      </c>
      <c r="G206" t="s">
        <v>54887</v>
      </c>
      <c r="H206">
        <v>4.9888834769420001</v>
      </c>
      <c r="I206">
        <v>51.602509492351999</v>
      </c>
      <c r="J206" t="s">
        <v>55891</v>
      </c>
    </row>
    <row r="207" spans="1:10" x14ac:dyDescent="0.25">
      <c r="A207" t="s">
        <v>54880</v>
      </c>
      <c r="B207" t="s">
        <v>54881</v>
      </c>
      <c r="C207" t="s">
        <v>54882</v>
      </c>
      <c r="D207" t="s">
        <v>54088</v>
      </c>
      <c r="E207" t="s">
        <v>13</v>
      </c>
      <c r="F207">
        <v>13875</v>
      </c>
      <c r="G207" t="s">
        <v>54883</v>
      </c>
      <c r="H207">
        <v>5.0668029033769999</v>
      </c>
      <c r="I207">
        <v>51.584356124117001</v>
      </c>
      <c r="J207" t="s">
        <v>55892</v>
      </c>
    </row>
    <row r="208" spans="1:10" x14ac:dyDescent="0.25">
      <c r="A208" t="s">
        <v>54876</v>
      </c>
      <c r="B208" t="s">
        <v>54877</v>
      </c>
      <c r="C208" t="s">
        <v>54878</v>
      </c>
      <c r="D208" t="s">
        <v>54088</v>
      </c>
      <c r="E208" t="s">
        <v>13</v>
      </c>
      <c r="F208">
        <v>13874</v>
      </c>
      <c r="G208" t="s">
        <v>54879</v>
      </c>
      <c r="H208">
        <v>5.0538047821219996</v>
      </c>
      <c r="I208">
        <v>51.585722730233996</v>
      </c>
      <c r="J208" t="s">
        <v>55893</v>
      </c>
    </row>
    <row r="209" spans="1:10" x14ac:dyDescent="0.25">
      <c r="A209" t="s">
        <v>54872</v>
      </c>
      <c r="B209" t="s">
        <v>54873</v>
      </c>
      <c r="C209" t="s">
        <v>54874</v>
      </c>
      <c r="D209" t="s">
        <v>54088</v>
      </c>
      <c r="E209" t="s">
        <v>13</v>
      </c>
      <c r="F209">
        <v>13873</v>
      </c>
      <c r="G209" t="s">
        <v>54875</v>
      </c>
      <c r="H209">
        <v>5.0384008723339999</v>
      </c>
      <c r="I209">
        <v>51.588635856327997</v>
      </c>
      <c r="J209" t="s">
        <v>55894</v>
      </c>
    </row>
    <row r="210" spans="1:10" x14ac:dyDescent="0.25">
      <c r="A210" t="s">
        <v>54868</v>
      </c>
      <c r="B210" t="s">
        <v>54869</v>
      </c>
      <c r="C210" t="s">
        <v>54870</v>
      </c>
      <c r="D210" t="s">
        <v>54088</v>
      </c>
      <c r="E210" t="s">
        <v>13</v>
      </c>
      <c r="F210">
        <v>13872</v>
      </c>
      <c r="G210" t="s">
        <v>54871</v>
      </c>
      <c r="H210">
        <v>5.064345631518</v>
      </c>
      <c r="I210">
        <v>51.593432106949997</v>
      </c>
      <c r="J210" t="s">
        <v>55895</v>
      </c>
    </row>
    <row r="211" spans="1:10" x14ac:dyDescent="0.25">
      <c r="A211" t="s">
        <v>54864</v>
      </c>
      <c r="B211" t="s">
        <v>54865</v>
      </c>
      <c r="C211" t="s">
        <v>54866</v>
      </c>
      <c r="D211" t="s">
        <v>54088</v>
      </c>
      <c r="E211" t="s">
        <v>13</v>
      </c>
      <c r="F211">
        <v>13871</v>
      </c>
      <c r="G211" t="s">
        <v>54867</v>
      </c>
      <c r="H211">
        <v>5.043088639454</v>
      </c>
      <c r="I211">
        <v>51.593289958021998</v>
      </c>
      <c r="J211" t="s">
        <v>55896</v>
      </c>
    </row>
    <row r="212" spans="1:10" x14ac:dyDescent="0.25">
      <c r="A212" t="s">
        <v>54860</v>
      </c>
      <c r="B212" t="s">
        <v>54861</v>
      </c>
      <c r="C212" t="s">
        <v>54862</v>
      </c>
      <c r="D212" t="s">
        <v>54088</v>
      </c>
      <c r="E212" t="s">
        <v>13</v>
      </c>
      <c r="F212">
        <v>13870</v>
      </c>
      <c r="G212" t="s">
        <v>54863</v>
      </c>
      <c r="H212">
        <v>5.004408135696</v>
      </c>
      <c r="I212">
        <v>51.565873287376</v>
      </c>
      <c r="J212" t="s">
        <v>55897</v>
      </c>
    </row>
    <row r="213" spans="1:10" x14ac:dyDescent="0.25">
      <c r="A213" t="s">
        <v>54856</v>
      </c>
      <c r="B213" t="s">
        <v>54857</v>
      </c>
      <c r="C213" t="s">
        <v>54858</v>
      </c>
      <c r="D213" t="s">
        <v>54088</v>
      </c>
      <c r="E213" t="s">
        <v>13</v>
      </c>
      <c r="F213">
        <v>13869</v>
      </c>
      <c r="G213" t="s">
        <v>54859</v>
      </c>
      <c r="H213">
        <v>5.011807763218</v>
      </c>
      <c r="I213">
        <v>51.568673954739999</v>
      </c>
      <c r="J213" t="s">
        <v>55898</v>
      </c>
    </row>
    <row r="214" spans="1:10" x14ac:dyDescent="0.25">
      <c r="A214" t="s">
        <v>54852</v>
      </c>
      <c r="B214" t="s">
        <v>54853</v>
      </c>
      <c r="C214" t="s">
        <v>54854</v>
      </c>
      <c r="D214" t="s">
        <v>54088</v>
      </c>
      <c r="E214" t="s">
        <v>13</v>
      </c>
      <c r="F214">
        <v>13868</v>
      </c>
      <c r="G214" t="s">
        <v>54855</v>
      </c>
      <c r="H214">
        <v>4.9989372650819996</v>
      </c>
      <c r="I214">
        <v>51.571339436194002</v>
      </c>
      <c r="J214" t="s">
        <v>55899</v>
      </c>
    </row>
    <row r="215" spans="1:10" x14ac:dyDescent="0.25">
      <c r="A215" t="s">
        <v>54848</v>
      </c>
      <c r="B215" t="s">
        <v>54849</v>
      </c>
      <c r="C215" t="s">
        <v>54850</v>
      </c>
      <c r="D215" t="s">
        <v>54088</v>
      </c>
      <c r="E215" t="s">
        <v>13</v>
      </c>
      <c r="F215">
        <v>13867</v>
      </c>
      <c r="G215" t="s">
        <v>54851</v>
      </c>
      <c r="H215">
        <v>4.9898529234269997</v>
      </c>
      <c r="I215">
        <v>51.569853109059999</v>
      </c>
      <c r="J215" t="s">
        <v>55900</v>
      </c>
    </row>
    <row r="216" spans="1:10" x14ac:dyDescent="0.25">
      <c r="A216" t="s">
        <v>54844</v>
      </c>
      <c r="B216" t="s">
        <v>54845</v>
      </c>
      <c r="C216" t="s">
        <v>54846</v>
      </c>
      <c r="D216" t="s">
        <v>54088</v>
      </c>
      <c r="E216" t="s">
        <v>13</v>
      </c>
      <c r="F216">
        <v>13866</v>
      </c>
      <c r="G216" t="s">
        <v>54847</v>
      </c>
      <c r="H216">
        <v>4.9766136891129999</v>
      </c>
      <c r="I216">
        <v>51.570513661048999</v>
      </c>
      <c r="J216" t="s">
        <v>55901</v>
      </c>
    </row>
    <row r="217" spans="1:10" x14ac:dyDescent="0.25">
      <c r="A217" t="s">
        <v>54840</v>
      </c>
      <c r="B217" t="s">
        <v>54841</v>
      </c>
      <c r="C217" t="s">
        <v>54842</v>
      </c>
      <c r="D217" t="s">
        <v>54088</v>
      </c>
      <c r="E217" t="s">
        <v>13</v>
      </c>
      <c r="F217">
        <v>13865</v>
      </c>
      <c r="G217" t="s">
        <v>54843</v>
      </c>
      <c r="H217">
        <v>4.9839189209740002</v>
      </c>
      <c r="I217">
        <v>51.572725666445002</v>
      </c>
      <c r="J217" t="s">
        <v>55902</v>
      </c>
    </row>
    <row r="218" spans="1:10" x14ac:dyDescent="0.25">
      <c r="A218" t="s">
        <v>54836</v>
      </c>
      <c r="B218" t="s">
        <v>54837</v>
      </c>
      <c r="C218" t="s">
        <v>54838</v>
      </c>
      <c r="D218" t="s">
        <v>54088</v>
      </c>
      <c r="E218" t="s">
        <v>13</v>
      </c>
      <c r="F218">
        <v>13864</v>
      </c>
      <c r="G218" t="s">
        <v>54839</v>
      </c>
      <c r="H218">
        <v>4.9758474690860002</v>
      </c>
      <c r="I218">
        <v>51.571429178354002</v>
      </c>
      <c r="J218" t="s">
        <v>55903</v>
      </c>
    </row>
    <row r="219" spans="1:10" x14ac:dyDescent="0.25">
      <c r="A219" t="s">
        <v>54832</v>
      </c>
      <c r="B219" t="s">
        <v>54833</v>
      </c>
      <c r="C219" t="s">
        <v>54834</v>
      </c>
      <c r="D219" t="s">
        <v>54088</v>
      </c>
      <c r="E219" t="s">
        <v>13</v>
      </c>
      <c r="F219">
        <v>13863</v>
      </c>
      <c r="G219" t="s">
        <v>54835</v>
      </c>
      <c r="H219">
        <v>4.9770395466280002</v>
      </c>
      <c r="I219">
        <v>51.574583958577001</v>
      </c>
      <c r="J219" t="s">
        <v>55904</v>
      </c>
    </row>
    <row r="220" spans="1:10" x14ac:dyDescent="0.25">
      <c r="A220" t="s">
        <v>54828</v>
      </c>
      <c r="B220" t="s">
        <v>54829</v>
      </c>
      <c r="C220" t="s">
        <v>54830</v>
      </c>
      <c r="D220" t="s">
        <v>54088</v>
      </c>
      <c r="E220" t="s">
        <v>13</v>
      </c>
      <c r="F220">
        <v>13862</v>
      </c>
      <c r="G220" t="s">
        <v>54831</v>
      </c>
      <c r="H220">
        <v>4.9734046040309998</v>
      </c>
      <c r="I220">
        <v>51.580519500186</v>
      </c>
      <c r="J220" t="s">
        <v>55905</v>
      </c>
    </row>
    <row r="221" spans="1:10" x14ac:dyDescent="0.25">
      <c r="A221" t="s">
        <v>54824</v>
      </c>
      <c r="B221" t="s">
        <v>54825</v>
      </c>
      <c r="C221" t="s">
        <v>54826</v>
      </c>
      <c r="D221" t="s">
        <v>54088</v>
      </c>
      <c r="E221" t="s">
        <v>13</v>
      </c>
      <c r="F221">
        <v>13861</v>
      </c>
      <c r="G221" t="s">
        <v>54827</v>
      </c>
      <c r="H221">
        <v>4.9809792273360003</v>
      </c>
      <c r="I221">
        <v>51.578058387105003</v>
      </c>
      <c r="J221" t="s">
        <v>55906</v>
      </c>
    </row>
    <row r="222" spans="1:10" x14ac:dyDescent="0.25">
      <c r="A222" t="s">
        <v>54820</v>
      </c>
      <c r="B222" t="s">
        <v>54821</v>
      </c>
      <c r="C222" t="s">
        <v>54822</v>
      </c>
      <c r="D222" t="s">
        <v>54088</v>
      </c>
      <c r="E222" t="s">
        <v>13</v>
      </c>
      <c r="F222">
        <v>13860</v>
      </c>
      <c r="G222" t="s">
        <v>54823</v>
      </c>
      <c r="H222">
        <v>4.9809442811590001</v>
      </c>
      <c r="I222">
        <v>51.582304689330002</v>
      </c>
      <c r="J222" t="s">
        <v>55907</v>
      </c>
    </row>
    <row r="223" spans="1:10" x14ac:dyDescent="0.25">
      <c r="A223" t="s">
        <v>54816</v>
      </c>
      <c r="B223" t="s">
        <v>54817</v>
      </c>
      <c r="C223" t="s">
        <v>54818</v>
      </c>
      <c r="D223" t="s">
        <v>54088</v>
      </c>
      <c r="E223" t="s">
        <v>13</v>
      </c>
      <c r="F223">
        <v>13859</v>
      </c>
      <c r="G223" t="s">
        <v>54819</v>
      </c>
      <c r="H223">
        <v>4.9747400085919997</v>
      </c>
      <c r="I223">
        <v>51.588442719797001</v>
      </c>
      <c r="J223" t="s">
        <v>55908</v>
      </c>
    </row>
    <row r="224" spans="1:10" x14ac:dyDescent="0.25">
      <c r="A224" t="s">
        <v>54812</v>
      </c>
      <c r="B224" t="s">
        <v>54813</v>
      </c>
      <c r="C224" t="s">
        <v>54814</v>
      </c>
      <c r="D224" t="s">
        <v>54088</v>
      </c>
      <c r="E224" t="s">
        <v>13</v>
      </c>
      <c r="F224">
        <v>13858</v>
      </c>
      <c r="G224" t="s">
        <v>54815</v>
      </c>
      <c r="H224">
        <v>4.9805896546839996</v>
      </c>
      <c r="I224">
        <v>51.586440918995002</v>
      </c>
      <c r="J224" t="s">
        <v>55909</v>
      </c>
    </row>
    <row r="225" spans="1:10" x14ac:dyDescent="0.25">
      <c r="A225" t="s">
        <v>54808</v>
      </c>
      <c r="B225" t="s">
        <v>54809</v>
      </c>
      <c r="C225" t="s">
        <v>54810</v>
      </c>
      <c r="D225" t="s">
        <v>54088</v>
      </c>
      <c r="E225" t="s">
        <v>13</v>
      </c>
      <c r="F225">
        <v>13857</v>
      </c>
      <c r="G225" t="s">
        <v>54811</v>
      </c>
      <c r="H225">
        <v>4.9800292683189999</v>
      </c>
      <c r="I225">
        <v>51.590249869296002</v>
      </c>
      <c r="J225" t="s">
        <v>55910</v>
      </c>
    </row>
    <row r="226" spans="1:10" x14ac:dyDescent="0.25">
      <c r="A226" t="s">
        <v>54804</v>
      </c>
      <c r="B226" t="s">
        <v>54805</v>
      </c>
      <c r="C226" t="s">
        <v>54806</v>
      </c>
      <c r="D226" t="s">
        <v>54088</v>
      </c>
      <c r="E226" t="s">
        <v>13</v>
      </c>
      <c r="F226">
        <v>13856</v>
      </c>
      <c r="G226" t="s">
        <v>54807</v>
      </c>
      <c r="H226">
        <v>4.9852930750690003</v>
      </c>
      <c r="I226">
        <v>51.591335606538003</v>
      </c>
      <c r="J226" t="s">
        <v>55911</v>
      </c>
    </row>
    <row r="227" spans="1:10" x14ac:dyDescent="0.25">
      <c r="A227" t="s">
        <v>54800</v>
      </c>
      <c r="B227" t="s">
        <v>54801</v>
      </c>
      <c r="C227" t="s">
        <v>54802</v>
      </c>
      <c r="D227" t="s">
        <v>54088</v>
      </c>
      <c r="E227" t="s">
        <v>13</v>
      </c>
      <c r="F227">
        <v>13855</v>
      </c>
      <c r="G227" t="s">
        <v>54803</v>
      </c>
      <c r="H227">
        <v>5.0003881806179997</v>
      </c>
      <c r="I227">
        <v>51.591581552782003</v>
      </c>
      <c r="J227" t="s">
        <v>55912</v>
      </c>
    </row>
    <row r="228" spans="1:10" x14ac:dyDescent="0.25">
      <c r="A228" t="s">
        <v>54796</v>
      </c>
      <c r="B228" t="s">
        <v>54797</v>
      </c>
      <c r="C228" t="s">
        <v>54798</v>
      </c>
      <c r="D228" t="s">
        <v>54088</v>
      </c>
      <c r="E228" t="s">
        <v>13</v>
      </c>
      <c r="F228">
        <v>13854</v>
      </c>
      <c r="G228" t="s">
        <v>54799</v>
      </c>
      <c r="H228">
        <v>4.9919544509970004</v>
      </c>
      <c r="I228">
        <v>51.593972079490001</v>
      </c>
      <c r="J228" t="s">
        <v>55913</v>
      </c>
    </row>
    <row r="229" spans="1:10" x14ac:dyDescent="0.25">
      <c r="A229" t="s">
        <v>54792</v>
      </c>
      <c r="B229" t="s">
        <v>54793</v>
      </c>
      <c r="C229" t="s">
        <v>54794</v>
      </c>
      <c r="D229" t="s">
        <v>54088</v>
      </c>
      <c r="E229" t="s">
        <v>13</v>
      </c>
      <c r="F229">
        <v>13853</v>
      </c>
      <c r="G229" t="s">
        <v>54795</v>
      </c>
      <c r="H229">
        <v>4.9845031173859997</v>
      </c>
      <c r="I229">
        <v>51.596080226382</v>
      </c>
      <c r="J229" t="s">
        <v>55914</v>
      </c>
    </row>
    <row r="230" spans="1:10" x14ac:dyDescent="0.25">
      <c r="A230" t="s">
        <v>54788</v>
      </c>
      <c r="B230" t="s">
        <v>54789</v>
      </c>
      <c r="C230" t="s">
        <v>54790</v>
      </c>
      <c r="D230" t="s">
        <v>54088</v>
      </c>
      <c r="E230" t="s">
        <v>13</v>
      </c>
      <c r="F230">
        <v>13852</v>
      </c>
      <c r="G230" t="s">
        <v>54791</v>
      </c>
      <c r="H230">
        <v>4.9760564291789997</v>
      </c>
      <c r="I230">
        <v>51.594389281662998</v>
      </c>
      <c r="J230" t="s">
        <v>55915</v>
      </c>
    </row>
    <row r="231" spans="1:10" x14ac:dyDescent="0.25">
      <c r="A231" t="s">
        <v>54784</v>
      </c>
      <c r="B231" t="s">
        <v>54785</v>
      </c>
      <c r="C231" t="s">
        <v>54786</v>
      </c>
      <c r="D231" t="s">
        <v>54088</v>
      </c>
      <c r="E231" t="s">
        <v>13</v>
      </c>
      <c r="F231">
        <v>13851</v>
      </c>
      <c r="G231" t="s">
        <v>54787</v>
      </c>
      <c r="H231">
        <v>4.9788125096420002</v>
      </c>
      <c r="I231">
        <v>51.598357154776998</v>
      </c>
      <c r="J231" t="s">
        <v>55916</v>
      </c>
    </row>
    <row r="232" spans="1:10" x14ac:dyDescent="0.25">
      <c r="A232" t="s">
        <v>54780</v>
      </c>
      <c r="B232" t="s">
        <v>54781</v>
      </c>
      <c r="C232" t="s">
        <v>54782</v>
      </c>
      <c r="D232" t="s">
        <v>54088</v>
      </c>
      <c r="E232" t="s">
        <v>13</v>
      </c>
      <c r="F232">
        <v>13850</v>
      </c>
      <c r="G232" t="s">
        <v>54783</v>
      </c>
      <c r="H232">
        <v>4.9658838059330002</v>
      </c>
      <c r="I232">
        <v>51.603846837088</v>
      </c>
      <c r="J232" t="s">
        <v>55917</v>
      </c>
    </row>
    <row r="233" spans="1:10" x14ac:dyDescent="0.25">
      <c r="A233" t="s">
        <v>54776</v>
      </c>
      <c r="B233" t="s">
        <v>54777</v>
      </c>
      <c r="C233" t="s">
        <v>54778</v>
      </c>
      <c r="D233" t="s">
        <v>54088</v>
      </c>
      <c r="E233" t="s">
        <v>13</v>
      </c>
      <c r="F233">
        <v>13849</v>
      </c>
      <c r="G233" t="s">
        <v>54779</v>
      </c>
      <c r="H233">
        <v>4.9968385329449996</v>
      </c>
      <c r="I233">
        <v>51.586356751239002</v>
      </c>
      <c r="J233" t="s">
        <v>55918</v>
      </c>
    </row>
    <row r="234" spans="1:10" x14ac:dyDescent="0.25">
      <c r="A234" t="s">
        <v>54772</v>
      </c>
      <c r="B234" t="s">
        <v>54773</v>
      </c>
      <c r="C234" t="s">
        <v>54774</v>
      </c>
      <c r="D234" t="s">
        <v>54088</v>
      </c>
      <c r="E234" t="s">
        <v>13</v>
      </c>
      <c r="F234">
        <v>13848</v>
      </c>
      <c r="G234" t="s">
        <v>54775</v>
      </c>
      <c r="H234">
        <v>4.9894072363950004</v>
      </c>
      <c r="I234">
        <v>51.585204233924003</v>
      </c>
      <c r="J234" t="s">
        <v>55919</v>
      </c>
    </row>
    <row r="235" spans="1:10" x14ac:dyDescent="0.25">
      <c r="A235" t="s">
        <v>54768</v>
      </c>
      <c r="B235" t="s">
        <v>54769</v>
      </c>
      <c r="C235" t="s">
        <v>54770</v>
      </c>
      <c r="D235" t="s">
        <v>54088</v>
      </c>
      <c r="E235" t="s">
        <v>13</v>
      </c>
      <c r="F235">
        <v>13847</v>
      </c>
      <c r="G235" t="s">
        <v>54771</v>
      </c>
      <c r="H235">
        <v>5.002084363192</v>
      </c>
      <c r="I235">
        <v>51.587702204205002</v>
      </c>
      <c r="J235" t="s">
        <v>55920</v>
      </c>
    </row>
    <row r="236" spans="1:10" x14ac:dyDescent="0.25">
      <c r="A236" t="s">
        <v>54764</v>
      </c>
      <c r="B236" t="s">
        <v>54765</v>
      </c>
      <c r="C236" t="s">
        <v>54766</v>
      </c>
      <c r="D236" t="s">
        <v>54088</v>
      </c>
      <c r="E236" t="s">
        <v>13</v>
      </c>
      <c r="F236">
        <v>13846</v>
      </c>
      <c r="G236" t="s">
        <v>54767</v>
      </c>
      <c r="H236">
        <v>4.9911804891119997</v>
      </c>
      <c r="I236">
        <v>51.588961713902002</v>
      </c>
      <c r="J236" t="s">
        <v>55921</v>
      </c>
    </row>
    <row r="237" spans="1:10" x14ac:dyDescent="0.25">
      <c r="A237" t="s">
        <v>54760</v>
      </c>
      <c r="B237" t="s">
        <v>54761</v>
      </c>
      <c r="C237" t="s">
        <v>54762</v>
      </c>
      <c r="D237" t="s">
        <v>54088</v>
      </c>
      <c r="E237" t="s">
        <v>13</v>
      </c>
      <c r="F237">
        <v>13845</v>
      </c>
      <c r="G237" t="s">
        <v>54763</v>
      </c>
      <c r="H237">
        <v>4.990515176663</v>
      </c>
      <c r="I237">
        <v>51.575142580975999</v>
      </c>
      <c r="J237" t="s">
        <v>55922</v>
      </c>
    </row>
    <row r="238" spans="1:10" x14ac:dyDescent="0.25">
      <c r="A238" t="s">
        <v>54756</v>
      </c>
      <c r="B238" t="s">
        <v>54757</v>
      </c>
      <c r="C238" t="s">
        <v>54758</v>
      </c>
      <c r="D238" t="s">
        <v>54088</v>
      </c>
      <c r="E238" t="s">
        <v>13</v>
      </c>
      <c r="F238">
        <v>13844</v>
      </c>
      <c r="G238" t="s">
        <v>54759</v>
      </c>
      <c r="H238">
        <v>4.9904076245709996</v>
      </c>
      <c r="I238">
        <v>51.579937735751997</v>
      </c>
      <c r="J238" t="s">
        <v>55923</v>
      </c>
    </row>
    <row r="239" spans="1:10" x14ac:dyDescent="0.25">
      <c r="A239" t="s">
        <v>54752</v>
      </c>
      <c r="B239" t="s">
        <v>54753</v>
      </c>
      <c r="C239" t="s">
        <v>54754</v>
      </c>
      <c r="D239" t="s">
        <v>54088</v>
      </c>
      <c r="E239" t="s">
        <v>13</v>
      </c>
      <c r="F239">
        <v>13843</v>
      </c>
      <c r="G239" t="s">
        <v>54755</v>
      </c>
      <c r="H239">
        <v>5.0040743727960004</v>
      </c>
      <c r="I239">
        <v>51.582432808897998</v>
      </c>
      <c r="J239" t="s">
        <v>55924</v>
      </c>
    </row>
    <row r="240" spans="1:10" x14ac:dyDescent="0.25">
      <c r="A240" t="s">
        <v>54748</v>
      </c>
      <c r="B240" t="s">
        <v>54749</v>
      </c>
      <c r="C240" t="s">
        <v>54750</v>
      </c>
      <c r="D240" t="s">
        <v>54088</v>
      </c>
      <c r="E240" t="s">
        <v>13</v>
      </c>
      <c r="F240">
        <v>13842</v>
      </c>
      <c r="G240" t="s">
        <v>54751</v>
      </c>
      <c r="H240">
        <v>4.9994707612519997</v>
      </c>
      <c r="I240">
        <v>51.581897159482999</v>
      </c>
      <c r="J240" t="s">
        <v>55925</v>
      </c>
    </row>
    <row r="241" spans="1:10" x14ac:dyDescent="0.25">
      <c r="A241" t="s">
        <v>54744</v>
      </c>
      <c r="B241" t="s">
        <v>54745</v>
      </c>
      <c r="C241" t="s">
        <v>54746</v>
      </c>
      <c r="D241" t="s">
        <v>54088</v>
      </c>
      <c r="E241" t="s">
        <v>13</v>
      </c>
      <c r="F241">
        <v>13841</v>
      </c>
      <c r="G241" t="s">
        <v>54747</v>
      </c>
      <c r="H241">
        <v>5.0045122408729998</v>
      </c>
      <c r="I241">
        <v>51.577733834935003</v>
      </c>
      <c r="J241" t="s">
        <v>55926</v>
      </c>
    </row>
    <row r="242" spans="1:10" x14ac:dyDescent="0.25">
      <c r="A242" t="s">
        <v>54740</v>
      </c>
      <c r="B242" t="s">
        <v>54741</v>
      </c>
      <c r="C242" t="s">
        <v>54742</v>
      </c>
      <c r="D242" t="s">
        <v>54088</v>
      </c>
      <c r="E242" t="s">
        <v>13</v>
      </c>
      <c r="F242">
        <v>13840</v>
      </c>
      <c r="G242" t="s">
        <v>54743</v>
      </c>
      <c r="H242">
        <v>5.0042048795009997</v>
      </c>
      <c r="I242">
        <v>51.574499989975003</v>
      </c>
      <c r="J242" t="s">
        <v>55927</v>
      </c>
    </row>
    <row r="243" spans="1:10" x14ac:dyDescent="0.25">
      <c r="A243" t="s">
        <v>54736</v>
      </c>
      <c r="B243" t="s">
        <v>54737</v>
      </c>
      <c r="C243" t="s">
        <v>54738</v>
      </c>
      <c r="D243" t="s">
        <v>54088</v>
      </c>
      <c r="E243" t="s">
        <v>13</v>
      </c>
      <c r="F243">
        <v>13839</v>
      </c>
      <c r="G243" t="s">
        <v>54739</v>
      </c>
      <c r="H243">
        <v>4.9987343417309997</v>
      </c>
      <c r="I243">
        <v>51.575479422062003</v>
      </c>
      <c r="J243" t="s">
        <v>55928</v>
      </c>
    </row>
    <row r="244" spans="1:10" x14ac:dyDescent="0.25">
      <c r="A244" t="s">
        <v>54732</v>
      </c>
      <c r="B244" t="s">
        <v>54733</v>
      </c>
      <c r="C244" t="s">
        <v>54734</v>
      </c>
      <c r="D244" t="s">
        <v>54088</v>
      </c>
      <c r="E244" t="s">
        <v>13</v>
      </c>
      <c r="F244">
        <v>13838</v>
      </c>
      <c r="G244" t="s">
        <v>54735</v>
      </c>
      <c r="H244">
        <v>4.9958487622229999</v>
      </c>
      <c r="I244">
        <v>51.577185669297002</v>
      </c>
      <c r="J244" t="s">
        <v>55929</v>
      </c>
    </row>
    <row r="245" spans="1:10" x14ac:dyDescent="0.25">
      <c r="A245" t="s">
        <v>54728</v>
      </c>
      <c r="B245" t="s">
        <v>54729</v>
      </c>
      <c r="C245" t="s">
        <v>54730</v>
      </c>
      <c r="D245" t="s">
        <v>54088</v>
      </c>
      <c r="E245" t="s">
        <v>13</v>
      </c>
      <c r="F245">
        <v>13837</v>
      </c>
      <c r="G245" t="s">
        <v>54731</v>
      </c>
      <c r="H245">
        <v>5.012137040641</v>
      </c>
      <c r="I245">
        <v>51.573063098538</v>
      </c>
      <c r="J245" t="s">
        <v>55930</v>
      </c>
    </row>
    <row r="246" spans="1:10" x14ac:dyDescent="0.25">
      <c r="A246" t="s">
        <v>54724</v>
      </c>
      <c r="B246" t="s">
        <v>54725</v>
      </c>
      <c r="C246" t="s">
        <v>54726</v>
      </c>
      <c r="D246" t="s">
        <v>54088</v>
      </c>
      <c r="E246" t="s">
        <v>13</v>
      </c>
      <c r="F246">
        <v>13836</v>
      </c>
      <c r="G246" t="s">
        <v>54727</v>
      </c>
      <c r="H246">
        <v>5.0182342602350003</v>
      </c>
      <c r="I246">
        <v>51.576812992469002</v>
      </c>
      <c r="J246" t="s">
        <v>55931</v>
      </c>
    </row>
    <row r="247" spans="1:10" x14ac:dyDescent="0.25">
      <c r="A247" t="s">
        <v>54720</v>
      </c>
      <c r="B247" t="s">
        <v>54721</v>
      </c>
      <c r="C247" t="s">
        <v>54722</v>
      </c>
      <c r="D247" t="s">
        <v>54088</v>
      </c>
      <c r="E247" t="s">
        <v>13</v>
      </c>
      <c r="F247">
        <v>13835</v>
      </c>
      <c r="G247" t="s">
        <v>54723</v>
      </c>
      <c r="H247">
        <v>5.0119264240229997</v>
      </c>
      <c r="I247">
        <v>51.577428588491998</v>
      </c>
      <c r="J247" t="s">
        <v>55932</v>
      </c>
    </row>
    <row r="248" spans="1:10" x14ac:dyDescent="0.25">
      <c r="A248" t="s">
        <v>54716</v>
      </c>
      <c r="B248" t="s">
        <v>54717</v>
      </c>
      <c r="C248" t="s">
        <v>54718</v>
      </c>
      <c r="D248" t="s">
        <v>54088</v>
      </c>
      <c r="E248" t="s">
        <v>13</v>
      </c>
      <c r="F248">
        <v>13834</v>
      </c>
      <c r="G248" t="s">
        <v>54719</v>
      </c>
      <c r="H248">
        <v>5.0099401338489997</v>
      </c>
      <c r="I248">
        <v>51.581052204594997</v>
      </c>
      <c r="J248" t="s">
        <v>55933</v>
      </c>
    </row>
    <row r="249" spans="1:10" x14ac:dyDescent="0.25">
      <c r="A249" t="s">
        <v>54712</v>
      </c>
      <c r="B249" t="s">
        <v>54713</v>
      </c>
      <c r="C249" t="s">
        <v>54714</v>
      </c>
      <c r="D249" t="s">
        <v>54088</v>
      </c>
      <c r="E249" t="s">
        <v>13</v>
      </c>
      <c r="F249">
        <v>13833</v>
      </c>
      <c r="G249" t="s">
        <v>54715</v>
      </c>
      <c r="H249">
        <v>5.022535701871</v>
      </c>
      <c r="I249">
        <v>51.581939998361001</v>
      </c>
      <c r="J249" t="s">
        <v>55934</v>
      </c>
    </row>
    <row r="250" spans="1:10" x14ac:dyDescent="0.25">
      <c r="A250" t="s">
        <v>54708</v>
      </c>
      <c r="B250" t="s">
        <v>54709</v>
      </c>
      <c r="C250" t="s">
        <v>54710</v>
      </c>
      <c r="D250" t="s">
        <v>54088</v>
      </c>
      <c r="E250" t="s">
        <v>13</v>
      </c>
      <c r="F250">
        <v>13832</v>
      </c>
      <c r="G250" t="s">
        <v>54711</v>
      </c>
      <c r="H250">
        <v>5.0180413258609997</v>
      </c>
      <c r="I250">
        <v>51.581938414206</v>
      </c>
      <c r="J250" t="s">
        <v>55935</v>
      </c>
    </row>
    <row r="251" spans="1:10" x14ac:dyDescent="0.25">
      <c r="A251" t="s">
        <v>54704</v>
      </c>
      <c r="B251" t="s">
        <v>54705</v>
      </c>
      <c r="C251" t="s">
        <v>54706</v>
      </c>
      <c r="D251" t="s">
        <v>54088</v>
      </c>
      <c r="E251" t="s">
        <v>13</v>
      </c>
      <c r="F251">
        <v>13831</v>
      </c>
      <c r="G251" t="s">
        <v>54707</v>
      </c>
      <c r="H251">
        <v>5.014287471397</v>
      </c>
      <c r="I251">
        <v>51.584507398124998</v>
      </c>
      <c r="J251" t="s">
        <v>55936</v>
      </c>
    </row>
    <row r="252" spans="1:10" x14ac:dyDescent="0.25">
      <c r="A252" t="s">
        <v>54700</v>
      </c>
      <c r="B252" t="s">
        <v>54701</v>
      </c>
      <c r="C252" t="s">
        <v>54702</v>
      </c>
      <c r="D252" t="s">
        <v>54088</v>
      </c>
      <c r="E252" t="s">
        <v>13</v>
      </c>
      <c r="F252">
        <v>13830</v>
      </c>
      <c r="G252" t="s">
        <v>54703</v>
      </c>
      <c r="H252">
        <v>5.0129002208979996</v>
      </c>
      <c r="I252">
        <v>51.586898570110002</v>
      </c>
      <c r="J252" t="s">
        <v>55937</v>
      </c>
    </row>
    <row r="253" spans="1:10" x14ac:dyDescent="0.25">
      <c r="A253" t="s">
        <v>54696</v>
      </c>
      <c r="B253" t="s">
        <v>54697</v>
      </c>
      <c r="C253" t="s">
        <v>54698</v>
      </c>
      <c r="D253" t="s">
        <v>54088</v>
      </c>
      <c r="E253" t="s">
        <v>13</v>
      </c>
      <c r="F253">
        <v>13829</v>
      </c>
      <c r="G253" t="s">
        <v>54699</v>
      </c>
      <c r="H253">
        <v>5.1194059668409997</v>
      </c>
      <c r="I253">
        <v>51.567007852682003</v>
      </c>
      <c r="J253" t="s">
        <v>55938</v>
      </c>
    </row>
    <row r="254" spans="1:10" x14ac:dyDescent="0.25">
      <c r="A254" t="s">
        <v>54692</v>
      </c>
      <c r="B254" t="s">
        <v>54693</v>
      </c>
      <c r="C254" t="s">
        <v>54694</v>
      </c>
      <c r="D254" t="s">
        <v>54088</v>
      </c>
      <c r="E254" t="s">
        <v>13</v>
      </c>
      <c r="F254">
        <v>13828</v>
      </c>
      <c r="G254" t="s">
        <v>54695</v>
      </c>
      <c r="H254">
        <v>5.1093404480759999</v>
      </c>
      <c r="I254">
        <v>51.567276118320002</v>
      </c>
      <c r="J254" t="s">
        <v>55939</v>
      </c>
    </row>
    <row r="255" spans="1:10" x14ac:dyDescent="0.25">
      <c r="A255" t="s">
        <v>54688</v>
      </c>
      <c r="B255" t="s">
        <v>54689</v>
      </c>
      <c r="C255" t="s">
        <v>54690</v>
      </c>
      <c r="D255" t="s">
        <v>54088</v>
      </c>
      <c r="E255" t="s">
        <v>13</v>
      </c>
      <c r="F255">
        <v>13827</v>
      </c>
      <c r="G255" t="s">
        <v>54691</v>
      </c>
      <c r="H255">
        <v>5.1117477395810003</v>
      </c>
      <c r="I255">
        <v>51.575440633652001</v>
      </c>
      <c r="J255" t="s">
        <v>55940</v>
      </c>
    </row>
    <row r="256" spans="1:10" x14ac:dyDescent="0.25">
      <c r="A256" t="s">
        <v>54684</v>
      </c>
      <c r="B256" t="s">
        <v>54685</v>
      </c>
      <c r="C256" t="s">
        <v>54686</v>
      </c>
      <c r="D256" t="s">
        <v>54088</v>
      </c>
      <c r="E256" t="s">
        <v>13</v>
      </c>
      <c r="F256">
        <v>13826</v>
      </c>
      <c r="G256" t="s">
        <v>54687</v>
      </c>
      <c r="H256">
        <v>5.1051949298519999</v>
      </c>
      <c r="I256">
        <v>51.581451868042002</v>
      </c>
      <c r="J256" t="s">
        <v>55941</v>
      </c>
    </row>
    <row r="257" spans="1:10" x14ac:dyDescent="0.25">
      <c r="A257" t="s">
        <v>54680</v>
      </c>
      <c r="B257" t="s">
        <v>54681</v>
      </c>
      <c r="C257" t="s">
        <v>54682</v>
      </c>
      <c r="D257" t="s">
        <v>54088</v>
      </c>
      <c r="E257" t="s">
        <v>13</v>
      </c>
      <c r="F257">
        <v>13825</v>
      </c>
      <c r="G257" t="s">
        <v>54683</v>
      </c>
      <c r="H257">
        <v>5.1004747093629996</v>
      </c>
      <c r="I257">
        <v>51.577391732457997</v>
      </c>
      <c r="J257" t="s">
        <v>55942</v>
      </c>
    </row>
    <row r="258" spans="1:10" x14ac:dyDescent="0.25">
      <c r="A258" t="s">
        <v>54676</v>
      </c>
      <c r="B258" t="s">
        <v>54677</v>
      </c>
      <c r="C258" t="s">
        <v>54678</v>
      </c>
      <c r="D258" t="s">
        <v>54088</v>
      </c>
      <c r="E258" t="s">
        <v>13</v>
      </c>
      <c r="F258">
        <v>13824</v>
      </c>
      <c r="G258" t="s">
        <v>54679</v>
      </c>
      <c r="H258">
        <v>5.0947326313180001</v>
      </c>
      <c r="I258">
        <v>51.578159774909999</v>
      </c>
      <c r="J258" t="s">
        <v>55943</v>
      </c>
    </row>
    <row r="259" spans="1:10" x14ac:dyDescent="0.25">
      <c r="A259" t="s">
        <v>54672</v>
      </c>
      <c r="B259" t="s">
        <v>54673</v>
      </c>
      <c r="C259" t="s">
        <v>54674</v>
      </c>
      <c r="D259" t="s">
        <v>54088</v>
      </c>
      <c r="E259" t="s">
        <v>13</v>
      </c>
      <c r="F259">
        <v>13823</v>
      </c>
      <c r="G259" t="s">
        <v>54675</v>
      </c>
      <c r="H259">
        <v>5.0979911769999999</v>
      </c>
      <c r="I259">
        <v>51.582641217267998</v>
      </c>
      <c r="J259" t="s">
        <v>55944</v>
      </c>
    </row>
    <row r="260" spans="1:10" x14ac:dyDescent="0.25">
      <c r="A260" t="s">
        <v>54668</v>
      </c>
      <c r="B260" t="s">
        <v>54669</v>
      </c>
      <c r="C260" t="s">
        <v>54670</v>
      </c>
      <c r="D260" t="s">
        <v>54088</v>
      </c>
      <c r="E260" t="s">
        <v>13</v>
      </c>
      <c r="F260">
        <v>13822</v>
      </c>
      <c r="G260" t="s">
        <v>54671</v>
      </c>
      <c r="H260">
        <v>5.1025053137459997</v>
      </c>
      <c r="I260">
        <v>51.585222417376002</v>
      </c>
      <c r="J260" t="s">
        <v>55945</v>
      </c>
    </row>
    <row r="261" spans="1:10" x14ac:dyDescent="0.25">
      <c r="A261" t="s">
        <v>54664</v>
      </c>
      <c r="B261" t="s">
        <v>54665</v>
      </c>
      <c r="C261" t="s">
        <v>54666</v>
      </c>
      <c r="D261" t="s">
        <v>54088</v>
      </c>
      <c r="E261" t="s">
        <v>13</v>
      </c>
      <c r="F261">
        <v>13821</v>
      </c>
      <c r="G261" t="s">
        <v>54667</v>
      </c>
      <c r="H261">
        <v>5.0980254787319996</v>
      </c>
      <c r="I261">
        <v>51.587019700855997</v>
      </c>
      <c r="J261" t="s">
        <v>55946</v>
      </c>
    </row>
    <row r="262" spans="1:10" x14ac:dyDescent="0.25">
      <c r="A262" t="s">
        <v>54660</v>
      </c>
      <c r="B262" t="s">
        <v>54661</v>
      </c>
      <c r="C262" t="s">
        <v>54662</v>
      </c>
      <c r="D262" t="s">
        <v>54088</v>
      </c>
      <c r="E262" t="s">
        <v>13</v>
      </c>
      <c r="F262">
        <v>13820</v>
      </c>
      <c r="G262" t="s">
        <v>54663</v>
      </c>
      <c r="H262">
        <v>5.0884082001850004</v>
      </c>
      <c r="I262">
        <v>51.579973136222002</v>
      </c>
      <c r="J262" t="s">
        <v>55947</v>
      </c>
    </row>
    <row r="263" spans="1:10" x14ac:dyDescent="0.25">
      <c r="A263" t="s">
        <v>54656</v>
      </c>
      <c r="B263" t="s">
        <v>54657</v>
      </c>
      <c r="C263" t="s">
        <v>54658</v>
      </c>
      <c r="D263" t="s">
        <v>54088</v>
      </c>
      <c r="E263" t="s">
        <v>13</v>
      </c>
      <c r="F263">
        <v>13819</v>
      </c>
      <c r="G263" t="s">
        <v>54659</v>
      </c>
      <c r="H263">
        <v>5.0786896394819996</v>
      </c>
      <c r="I263">
        <v>51.580142437108002</v>
      </c>
      <c r="J263" t="s">
        <v>55948</v>
      </c>
    </row>
    <row r="264" spans="1:10" x14ac:dyDescent="0.25">
      <c r="A264" t="s">
        <v>54652</v>
      </c>
      <c r="B264" t="s">
        <v>54653</v>
      </c>
      <c r="C264" t="s">
        <v>54654</v>
      </c>
      <c r="D264" t="s">
        <v>54088</v>
      </c>
      <c r="E264" t="s">
        <v>13</v>
      </c>
      <c r="F264">
        <v>13818</v>
      </c>
      <c r="G264" t="s">
        <v>54655</v>
      </c>
      <c r="H264">
        <v>5.0884806093310004</v>
      </c>
      <c r="I264">
        <v>51.582978368359001</v>
      </c>
      <c r="J264" t="s">
        <v>55949</v>
      </c>
    </row>
    <row r="265" spans="1:10" x14ac:dyDescent="0.25">
      <c r="A265" t="s">
        <v>54648</v>
      </c>
      <c r="B265" t="s">
        <v>54649</v>
      </c>
      <c r="C265" t="s">
        <v>54650</v>
      </c>
      <c r="D265" t="s">
        <v>54088</v>
      </c>
      <c r="E265" t="s">
        <v>13</v>
      </c>
      <c r="F265">
        <v>13817</v>
      </c>
      <c r="G265" t="s">
        <v>54651</v>
      </c>
      <c r="H265">
        <v>5.0805293212890001</v>
      </c>
      <c r="I265">
        <v>51.584171855645003</v>
      </c>
      <c r="J265" t="s">
        <v>55950</v>
      </c>
    </row>
    <row r="266" spans="1:10" x14ac:dyDescent="0.25">
      <c r="A266" t="s">
        <v>54644</v>
      </c>
      <c r="B266" t="s">
        <v>54645</v>
      </c>
      <c r="C266" t="s">
        <v>54646</v>
      </c>
      <c r="D266" t="s">
        <v>54088</v>
      </c>
      <c r="E266" t="s">
        <v>13</v>
      </c>
      <c r="F266">
        <v>13816</v>
      </c>
      <c r="G266" t="s">
        <v>54647</v>
      </c>
      <c r="H266">
        <v>5.0905596884769997</v>
      </c>
      <c r="I266">
        <v>51.586849802263998</v>
      </c>
      <c r="J266" t="s">
        <v>55951</v>
      </c>
    </row>
    <row r="267" spans="1:10" x14ac:dyDescent="0.25">
      <c r="A267" t="s">
        <v>54640</v>
      </c>
      <c r="B267" t="s">
        <v>54641</v>
      </c>
      <c r="C267" t="s">
        <v>54642</v>
      </c>
      <c r="D267" t="s">
        <v>54088</v>
      </c>
      <c r="E267" t="s">
        <v>13</v>
      </c>
      <c r="F267">
        <v>13815</v>
      </c>
      <c r="G267" t="s">
        <v>54643</v>
      </c>
      <c r="H267">
        <v>5.0839233987150001</v>
      </c>
      <c r="I267">
        <v>51.588371257553</v>
      </c>
      <c r="J267" t="s">
        <v>55952</v>
      </c>
    </row>
    <row r="268" spans="1:10" x14ac:dyDescent="0.25">
      <c r="A268" t="s">
        <v>54636</v>
      </c>
      <c r="B268" t="s">
        <v>54637</v>
      </c>
      <c r="C268" t="s">
        <v>54638</v>
      </c>
      <c r="D268" t="s">
        <v>54088</v>
      </c>
      <c r="E268" t="s">
        <v>13</v>
      </c>
      <c r="F268">
        <v>13814</v>
      </c>
      <c r="G268" t="s">
        <v>54639</v>
      </c>
      <c r="H268">
        <v>5.0926276291889998</v>
      </c>
      <c r="I268">
        <v>51.590330363341003</v>
      </c>
      <c r="J268" t="s">
        <v>55953</v>
      </c>
    </row>
    <row r="269" spans="1:10" x14ac:dyDescent="0.25">
      <c r="A269" t="s">
        <v>54632</v>
      </c>
      <c r="B269" t="s">
        <v>54633</v>
      </c>
      <c r="C269" t="s">
        <v>54634</v>
      </c>
      <c r="D269" t="s">
        <v>54088</v>
      </c>
      <c r="E269" t="s">
        <v>13</v>
      </c>
      <c r="F269">
        <v>13813</v>
      </c>
      <c r="G269" t="s">
        <v>54635</v>
      </c>
      <c r="H269">
        <v>5.0854924852270003</v>
      </c>
      <c r="I269">
        <v>51.591622715968001</v>
      </c>
      <c r="J269" t="s">
        <v>55954</v>
      </c>
    </row>
    <row r="270" spans="1:10" x14ac:dyDescent="0.25">
      <c r="A270" t="s">
        <v>54628</v>
      </c>
      <c r="B270" t="s">
        <v>54629</v>
      </c>
      <c r="C270" t="s">
        <v>54630</v>
      </c>
      <c r="D270" t="s">
        <v>54088</v>
      </c>
      <c r="E270" t="s">
        <v>13</v>
      </c>
      <c r="F270">
        <v>13812</v>
      </c>
      <c r="G270" t="s">
        <v>54631</v>
      </c>
      <c r="H270">
        <v>5.0707509902709997</v>
      </c>
      <c r="I270">
        <v>51.580873103019997</v>
      </c>
      <c r="J270" t="s">
        <v>55955</v>
      </c>
    </row>
    <row r="271" spans="1:10" x14ac:dyDescent="0.25">
      <c r="A271" t="s">
        <v>54624</v>
      </c>
      <c r="B271" t="s">
        <v>54625</v>
      </c>
      <c r="C271" t="s">
        <v>54626</v>
      </c>
      <c r="D271" t="s">
        <v>54088</v>
      </c>
      <c r="E271" t="s">
        <v>13</v>
      </c>
      <c r="F271">
        <v>13811</v>
      </c>
      <c r="G271" t="s">
        <v>54627</v>
      </c>
      <c r="H271">
        <v>5.0749022339419998</v>
      </c>
      <c r="I271">
        <v>51.584903580220001</v>
      </c>
      <c r="J271" t="s">
        <v>55956</v>
      </c>
    </row>
    <row r="272" spans="1:10" x14ac:dyDescent="0.25">
      <c r="A272" t="s">
        <v>54620</v>
      </c>
      <c r="B272" t="s">
        <v>54621</v>
      </c>
      <c r="C272" t="s">
        <v>54622</v>
      </c>
      <c r="D272" t="s">
        <v>54088</v>
      </c>
      <c r="E272" t="s">
        <v>13</v>
      </c>
      <c r="F272">
        <v>13810</v>
      </c>
      <c r="G272" t="s">
        <v>54623</v>
      </c>
      <c r="H272">
        <v>5.070356598379</v>
      </c>
      <c r="I272">
        <v>51.585791392009</v>
      </c>
      <c r="J272" t="s">
        <v>55957</v>
      </c>
    </row>
    <row r="273" spans="1:10" x14ac:dyDescent="0.25">
      <c r="A273" t="s">
        <v>54616</v>
      </c>
      <c r="B273" t="s">
        <v>54617</v>
      </c>
      <c r="C273" t="s">
        <v>54618</v>
      </c>
      <c r="D273" t="s">
        <v>54088</v>
      </c>
      <c r="E273" t="s">
        <v>13</v>
      </c>
      <c r="F273">
        <v>13809</v>
      </c>
      <c r="G273" t="s">
        <v>54619</v>
      </c>
      <c r="H273">
        <v>5.0766292172189997</v>
      </c>
      <c r="I273">
        <v>51.588452327196997</v>
      </c>
      <c r="J273" t="s">
        <v>55958</v>
      </c>
    </row>
    <row r="274" spans="1:10" x14ac:dyDescent="0.25">
      <c r="A274" t="s">
        <v>54612</v>
      </c>
      <c r="B274" t="s">
        <v>54613</v>
      </c>
      <c r="C274" t="s">
        <v>54614</v>
      </c>
      <c r="D274" t="s">
        <v>54088</v>
      </c>
      <c r="E274" t="s">
        <v>13</v>
      </c>
      <c r="F274">
        <v>13808</v>
      </c>
      <c r="G274" t="s">
        <v>54615</v>
      </c>
      <c r="H274">
        <v>5.0716293907410002</v>
      </c>
      <c r="I274">
        <v>51.589702478755001</v>
      </c>
      <c r="J274" t="s">
        <v>55959</v>
      </c>
    </row>
    <row r="275" spans="1:10" x14ac:dyDescent="0.25">
      <c r="A275" t="s">
        <v>54608</v>
      </c>
      <c r="B275" t="s">
        <v>54609</v>
      </c>
      <c r="C275" t="s">
        <v>54610</v>
      </c>
      <c r="D275" t="s">
        <v>54088</v>
      </c>
      <c r="E275" t="s">
        <v>13</v>
      </c>
      <c r="F275">
        <v>13807</v>
      </c>
      <c r="G275" t="s">
        <v>54611</v>
      </c>
      <c r="H275">
        <v>5.0778190335679998</v>
      </c>
      <c r="I275">
        <v>51.592496120931003</v>
      </c>
      <c r="J275" t="s">
        <v>55960</v>
      </c>
    </row>
    <row r="276" spans="1:10" x14ac:dyDescent="0.25">
      <c r="A276" t="s">
        <v>54604</v>
      </c>
      <c r="B276" t="s">
        <v>54605</v>
      </c>
      <c r="C276" t="s">
        <v>54606</v>
      </c>
      <c r="D276" t="s">
        <v>54088</v>
      </c>
      <c r="E276" t="s">
        <v>13</v>
      </c>
      <c r="F276">
        <v>13806</v>
      </c>
      <c r="G276" t="s">
        <v>54607</v>
      </c>
      <c r="H276">
        <v>5.0726745054169999</v>
      </c>
      <c r="I276">
        <v>51.593609807488001</v>
      </c>
      <c r="J276" t="s">
        <v>55961</v>
      </c>
    </row>
    <row r="277" spans="1:10" x14ac:dyDescent="0.25">
      <c r="A277" t="s">
        <v>54600</v>
      </c>
      <c r="B277" t="s">
        <v>54601</v>
      </c>
      <c r="C277" t="s">
        <v>54602</v>
      </c>
      <c r="D277" t="s">
        <v>54088</v>
      </c>
      <c r="E277" t="s">
        <v>13</v>
      </c>
      <c r="F277">
        <v>13805</v>
      </c>
      <c r="G277" t="s">
        <v>54603</v>
      </c>
      <c r="H277">
        <v>5.0291168633390004</v>
      </c>
      <c r="I277">
        <v>51.564284441618</v>
      </c>
      <c r="J277" t="s">
        <v>55962</v>
      </c>
    </row>
    <row r="278" spans="1:10" x14ac:dyDescent="0.25">
      <c r="A278" t="s">
        <v>54596</v>
      </c>
      <c r="B278" t="s">
        <v>54597</v>
      </c>
      <c r="C278" t="s">
        <v>54598</v>
      </c>
      <c r="D278" t="s">
        <v>54088</v>
      </c>
      <c r="E278" t="s">
        <v>13</v>
      </c>
      <c r="F278">
        <v>13804</v>
      </c>
      <c r="G278" t="s">
        <v>54599</v>
      </c>
      <c r="H278">
        <v>5.0403883911280003</v>
      </c>
      <c r="I278">
        <v>51.572386600096998</v>
      </c>
      <c r="J278" t="s">
        <v>55963</v>
      </c>
    </row>
    <row r="279" spans="1:10" x14ac:dyDescent="0.25">
      <c r="A279" t="s">
        <v>54593</v>
      </c>
      <c r="B279" t="s">
        <v>54594</v>
      </c>
      <c r="C279" t="s">
        <v>52478</v>
      </c>
      <c r="D279" t="s">
        <v>54088</v>
      </c>
      <c r="E279" t="s">
        <v>13</v>
      </c>
      <c r="F279">
        <v>13803</v>
      </c>
      <c r="G279" t="s">
        <v>54595</v>
      </c>
      <c r="H279">
        <v>5.0316822786330002</v>
      </c>
      <c r="I279">
        <v>51.572967746901</v>
      </c>
      <c r="J279" t="s">
        <v>55964</v>
      </c>
    </row>
    <row r="280" spans="1:10" x14ac:dyDescent="0.25">
      <c r="A280" t="s">
        <v>54589</v>
      </c>
      <c r="B280" t="s">
        <v>54590</v>
      </c>
      <c r="C280" t="s">
        <v>54591</v>
      </c>
      <c r="D280" t="s">
        <v>54088</v>
      </c>
      <c r="E280" t="s">
        <v>13</v>
      </c>
      <c r="F280">
        <v>13802</v>
      </c>
      <c r="G280" t="s">
        <v>54592</v>
      </c>
      <c r="H280">
        <v>5.029696754163</v>
      </c>
      <c r="I280">
        <v>51.571476880341002</v>
      </c>
      <c r="J280" t="s">
        <v>55965</v>
      </c>
    </row>
    <row r="281" spans="1:10" x14ac:dyDescent="0.25">
      <c r="A281" t="s">
        <v>54585</v>
      </c>
      <c r="B281" t="s">
        <v>54586</v>
      </c>
      <c r="C281" t="s">
        <v>54587</v>
      </c>
      <c r="D281" t="s">
        <v>54088</v>
      </c>
      <c r="E281" t="s">
        <v>13</v>
      </c>
      <c r="F281">
        <v>13801</v>
      </c>
      <c r="G281" t="s">
        <v>54588</v>
      </c>
      <c r="H281">
        <v>5.0420790082959996</v>
      </c>
      <c r="I281">
        <v>51.574852638898001</v>
      </c>
      <c r="J281" t="s">
        <v>55966</v>
      </c>
    </row>
    <row r="282" spans="1:10" x14ac:dyDescent="0.25">
      <c r="A282" t="s">
        <v>54581</v>
      </c>
      <c r="B282" t="s">
        <v>54582</v>
      </c>
      <c r="C282" t="s">
        <v>54583</v>
      </c>
      <c r="D282" t="s">
        <v>54088</v>
      </c>
      <c r="E282" t="s">
        <v>13</v>
      </c>
      <c r="F282">
        <v>13800</v>
      </c>
      <c r="G282" t="s">
        <v>54584</v>
      </c>
      <c r="H282">
        <v>5.0340563252460004</v>
      </c>
      <c r="I282">
        <v>51.576744407774001</v>
      </c>
      <c r="J282" t="s">
        <v>55967</v>
      </c>
    </row>
    <row r="283" spans="1:10" x14ac:dyDescent="0.25">
      <c r="A283" t="s">
        <v>54577</v>
      </c>
      <c r="B283" t="s">
        <v>54578</v>
      </c>
      <c r="C283" t="s">
        <v>54579</v>
      </c>
      <c r="D283" t="s">
        <v>54088</v>
      </c>
      <c r="E283" t="s">
        <v>13</v>
      </c>
      <c r="F283">
        <v>13799</v>
      </c>
      <c r="G283" t="s">
        <v>54580</v>
      </c>
      <c r="H283">
        <v>5.0430622070529996</v>
      </c>
      <c r="I283">
        <v>51.57844333984</v>
      </c>
      <c r="J283" t="s">
        <v>55968</v>
      </c>
    </row>
    <row r="284" spans="1:10" x14ac:dyDescent="0.25">
      <c r="A284" t="s">
        <v>54573</v>
      </c>
      <c r="B284" t="s">
        <v>54574</v>
      </c>
      <c r="C284" t="s">
        <v>54575</v>
      </c>
      <c r="D284" t="s">
        <v>54088</v>
      </c>
      <c r="E284" t="s">
        <v>13</v>
      </c>
      <c r="F284">
        <v>13798</v>
      </c>
      <c r="G284" t="s">
        <v>54576</v>
      </c>
      <c r="H284">
        <v>5.0358257780200004</v>
      </c>
      <c r="I284">
        <v>51.579865623274998</v>
      </c>
      <c r="J284" t="s">
        <v>55969</v>
      </c>
    </row>
    <row r="285" spans="1:10" x14ac:dyDescent="0.25">
      <c r="A285" t="s">
        <v>54569</v>
      </c>
      <c r="B285" t="s">
        <v>54570</v>
      </c>
      <c r="C285" t="s">
        <v>54571</v>
      </c>
      <c r="D285" t="s">
        <v>54088</v>
      </c>
      <c r="E285" t="s">
        <v>13</v>
      </c>
      <c r="F285">
        <v>13797</v>
      </c>
      <c r="G285" t="s">
        <v>54572</v>
      </c>
      <c r="H285">
        <v>5.0283151254830001</v>
      </c>
      <c r="I285">
        <v>51.579757036859</v>
      </c>
      <c r="J285" t="s">
        <v>55970</v>
      </c>
    </row>
    <row r="286" spans="1:10" x14ac:dyDescent="0.25">
      <c r="A286" t="s">
        <v>54565</v>
      </c>
      <c r="B286" t="s">
        <v>54566</v>
      </c>
      <c r="C286" t="s">
        <v>54567</v>
      </c>
      <c r="D286" t="s">
        <v>54088</v>
      </c>
      <c r="E286" t="s">
        <v>13</v>
      </c>
      <c r="F286">
        <v>13796</v>
      </c>
      <c r="G286" t="s">
        <v>54568</v>
      </c>
      <c r="H286">
        <v>5.0640389103660004</v>
      </c>
      <c r="I286">
        <v>51.570950810832002</v>
      </c>
      <c r="J286" t="s">
        <v>55971</v>
      </c>
    </row>
    <row r="287" spans="1:10" x14ac:dyDescent="0.25">
      <c r="A287" t="s">
        <v>54561</v>
      </c>
      <c r="B287" t="s">
        <v>54562</v>
      </c>
      <c r="C287" t="s">
        <v>54563</v>
      </c>
      <c r="D287" t="s">
        <v>54088</v>
      </c>
      <c r="E287" t="s">
        <v>13</v>
      </c>
      <c r="F287">
        <v>13795</v>
      </c>
      <c r="G287" t="s">
        <v>54564</v>
      </c>
      <c r="H287">
        <v>5.0638447412070002</v>
      </c>
      <c r="I287">
        <v>51.564687501479</v>
      </c>
      <c r="J287" t="s">
        <v>55972</v>
      </c>
    </row>
    <row r="288" spans="1:10" x14ac:dyDescent="0.25">
      <c r="A288" t="s">
        <v>54557</v>
      </c>
      <c r="B288" t="s">
        <v>54558</v>
      </c>
      <c r="C288" t="s">
        <v>54559</v>
      </c>
      <c r="D288" t="s">
        <v>54088</v>
      </c>
      <c r="E288" t="s">
        <v>13</v>
      </c>
      <c r="F288">
        <v>13794</v>
      </c>
      <c r="G288" t="s">
        <v>54560</v>
      </c>
      <c r="H288">
        <v>5.0598300632789996</v>
      </c>
      <c r="I288">
        <v>51.565046609070997</v>
      </c>
      <c r="J288" t="s">
        <v>55973</v>
      </c>
    </row>
    <row r="289" spans="1:10" x14ac:dyDescent="0.25">
      <c r="A289" t="s">
        <v>54553</v>
      </c>
      <c r="B289" t="s">
        <v>54554</v>
      </c>
      <c r="C289" t="s">
        <v>54555</v>
      </c>
      <c r="D289" t="s">
        <v>54088</v>
      </c>
      <c r="E289" t="s">
        <v>13</v>
      </c>
      <c r="F289">
        <v>13793</v>
      </c>
      <c r="G289" t="s">
        <v>54556</v>
      </c>
      <c r="H289">
        <v>5.0544325736460003</v>
      </c>
      <c r="I289">
        <v>51.565734486383001</v>
      </c>
      <c r="J289" t="s">
        <v>55974</v>
      </c>
    </row>
    <row r="290" spans="1:10" x14ac:dyDescent="0.25">
      <c r="A290" t="s">
        <v>54549</v>
      </c>
      <c r="B290" t="s">
        <v>54550</v>
      </c>
      <c r="C290" t="s">
        <v>54551</v>
      </c>
      <c r="D290" t="s">
        <v>54088</v>
      </c>
      <c r="E290" t="s">
        <v>13</v>
      </c>
      <c r="F290">
        <v>13792</v>
      </c>
      <c r="G290" t="s">
        <v>54552</v>
      </c>
      <c r="H290">
        <v>5.0473096492970004</v>
      </c>
      <c r="I290">
        <v>51.566673045812003</v>
      </c>
      <c r="J290" t="s">
        <v>55975</v>
      </c>
    </row>
    <row r="291" spans="1:10" x14ac:dyDescent="0.25">
      <c r="A291" t="s">
        <v>54545</v>
      </c>
      <c r="B291" t="s">
        <v>54546</v>
      </c>
      <c r="C291" t="s">
        <v>54547</v>
      </c>
      <c r="D291" t="s">
        <v>54088</v>
      </c>
      <c r="E291" t="s">
        <v>13</v>
      </c>
      <c r="F291">
        <v>13791</v>
      </c>
      <c r="G291" t="s">
        <v>54548</v>
      </c>
      <c r="H291">
        <v>5.0600959146750002</v>
      </c>
      <c r="I291">
        <v>51.568609098327002</v>
      </c>
      <c r="J291" t="s">
        <v>55976</v>
      </c>
    </row>
    <row r="292" spans="1:10" x14ac:dyDescent="0.25">
      <c r="A292" t="s">
        <v>54541</v>
      </c>
      <c r="B292" t="s">
        <v>54542</v>
      </c>
      <c r="C292" t="s">
        <v>54543</v>
      </c>
      <c r="D292" t="s">
        <v>54088</v>
      </c>
      <c r="E292" t="s">
        <v>13</v>
      </c>
      <c r="F292">
        <v>13790</v>
      </c>
      <c r="G292" t="s">
        <v>54544</v>
      </c>
      <c r="H292">
        <v>5.0552008369749997</v>
      </c>
      <c r="I292">
        <v>51.568984580425997</v>
      </c>
      <c r="J292" t="s">
        <v>55977</v>
      </c>
    </row>
    <row r="293" spans="1:10" x14ac:dyDescent="0.25">
      <c r="A293" t="s">
        <v>54537</v>
      </c>
      <c r="B293" t="s">
        <v>54538</v>
      </c>
      <c r="C293" t="s">
        <v>54539</v>
      </c>
      <c r="D293" t="s">
        <v>54088</v>
      </c>
      <c r="E293" t="s">
        <v>13</v>
      </c>
      <c r="F293">
        <v>13789</v>
      </c>
      <c r="G293" t="s">
        <v>54540</v>
      </c>
      <c r="H293">
        <v>5.0503214440440001</v>
      </c>
      <c r="I293">
        <v>51.569513334139998</v>
      </c>
      <c r="J293" t="s">
        <v>55978</v>
      </c>
    </row>
    <row r="294" spans="1:10" x14ac:dyDescent="0.25">
      <c r="A294" t="s">
        <v>54533</v>
      </c>
      <c r="B294" t="s">
        <v>54534</v>
      </c>
      <c r="C294" t="s">
        <v>54535</v>
      </c>
      <c r="D294" t="s">
        <v>54088</v>
      </c>
      <c r="E294" t="s">
        <v>13</v>
      </c>
      <c r="F294">
        <v>13788</v>
      </c>
      <c r="G294" t="s">
        <v>54536</v>
      </c>
      <c r="H294">
        <v>5.0460417742160004</v>
      </c>
      <c r="I294">
        <v>51.569976538372003</v>
      </c>
      <c r="J294" t="s">
        <v>55979</v>
      </c>
    </row>
    <row r="295" spans="1:10" x14ac:dyDescent="0.25">
      <c r="A295" t="s">
        <v>54529</v>
      </c>
      <c r="B295" t="s">
        <v>54530</v>
      </c>
      <c r="C295" t="s">
        <v>54531</v>
      </c>
      <c r="D295" t="s">
        <v>54088</v>
      </c>
      <c r="E295" t="s">
        <v>13</v>
      </c>
      <c r="F295">
        <v>13787</v>
      </c>
      <c r="G295" t="s">
        <v>54532</v>
      </c>
      <c r="H295">
        <v>5.0573416815390004</v>
      </c>
      <c r="I295">
        <v>51.572284559450999</v>
      </c>
      <c r="J295" t="s">
        <v>55980</v>
      </c>
    </row>
    <row r="296" spans="1:10" x14ac:dyDescent="0.25">
      <c r="A296" t="s">
        <v>54525</v>
      </c>
      <c r="B296" t="s">
        <v>54526</v>
      </c>
      <c r="C296" t="s">
        <v>54527</v>
      </c>
      <c r="D296" t="s">
        <v>54088</v>
      </c>
      <c r="E296" t="s">
        <v>13</v>
      </c>
      <c r="F296">
        <v>13786</v>
      </c>
      <c r="G296" t="s">
        <v>54528</v>
      </c>
      <c r="H296">
        <v>5.0492753986240002</v>
      </c>
      <c r="I296">
        <v>51.573325019903997</v>
      </c>
      <c r="J296" t="s">
        <v>55981</v>
      </c>
    </row>
    <row r="297" spans="1:10" x14ac:dyDescent="0.25">
      <c r="A297" t="s">
        <v>54521</v>
      </c>
      <c r="B297" t="s">
        <v>54522</v>
      </c>
      <c r="C297" t="s">
        <v>54523</v>
      </c>
      <c r="D297" t="s">
        <v>54088</v>
      </c>
      <c r="E297" t="s">
        <v>13</v>
      </c>
      <c r="F297">
        <v>13785</v>
      </c>
      <c r="G297" t="s">
        <v>54524</v>
      </c>
      <c r="H297">
        <v>5.0590069673620004</v>
      </c>
      <c r="I297">
        <v>51.574640360092999</v>
      </c>
      <c r="J297" t="s">
        <v>55982</v>
      </c>
    </row>
    <row r="298" spans="1:10" x14ac:dyDescent="0.25">
      <c r="A298" t="s">
        <v>54517</v>
      </c>
      <c r="B298" t="s">
        <v>54518</v>
      </c>
      <c r="C298" t="s">
        <v>54519</v>
      </c>
      <c r="D298" t="s">
        <v>54088</v>
      </c>
      <c r="E298" t="s">
        <v>13</v>
      </c>
      <c r="F298">
        <v>13784</v>
      </c>
      <c r="G298" t="s">
        <v>54520</v>
      </c>
      <c r="H298">
        <v>5.0516780840879996</v>
      </c>
      <c r="I298">
        <v>51.575613190805001</v>
      </c>
      <c r="J298" t="s">
        <v>55983</v>
      </c>
    </row>
    <row r="299" spans="1:10" x14ac:dyDescent="0.25">
      <c r="A299" t="s">
        <v>54513</v>
      </c>
      <c r="B299" t="s">
        <v>54514</v>
      </c>
      <c r="C299" t="s">
        <v>54515</v>
      </c>
      <c r="D299" t="s">
        <v>54088</v>
      </c>
      <c r="E299" t="s">
        <v>13</v>
      </c>
      <c r="F299">
        <v>13783</v>
      </c>
      <c r="G299" t="s">
        <v>54516</v>
      </c>
      <c r="H299">
        <v>5.0561887635770004</v>
      </c>
      <c r="I299">
        <v>51.578078565749998</v>
      </c>
      <c r="J299" t="s">
        <v>55984</v>
      </c>
    </row>
    <row r="300" spans="1:10" x14ac:dyDescent="0.25">
      <c r="A300" t="s">
        <v>54509</v>
      </c>
      <c r="B300" t="s">
        <v>54510</v>
      </c>
      <c r="C300" t="s">
        <v>54511</v>
      </c>
      <c r="D300" t="s">
        <v>54088</v>
      </c>
      <c r="E300" t="s">
        <v>13</v>
      </c>
      <c r="F300">
        <v>13782</v>
      </c>
      <c r="G300" t="s">
        <v>54512</v>
      </c>
      <c r="H300">
        <v>5.060243277413</v>
      </c>
      <c r="I300">
        <v>51.558666605322003</v>
      </c>
      <c r="J300" t="s">
        <v>55985</v>
      </c>
    </row>
    <row r="301" spans="1:10" x14ac:dyDescent="0.25">
      <c r="A301" t="s">
        <v>54505</v>
      </c>
      <c r="B301" t="s">
        <v>54506</v>
      </c>
      <c r="C301" t="s">
        <v>54507</v>
      </c>
      <c r="D301" t="s">
        <v>54088</v>
      </c>
      <c r="E301" t="s">
        <v>13</v>
      </c>
      <c r="F301">
        <v>13781</v>
      </c>
      <c r="G301" t="s">
        <v>54508</v>
      </c>
      <c r="H301">
        <v>5.0607951469819996</v>
      </c>
      <c r="I301">
        <v>51.562174609054999</v>
      </c>
      <c r="J301" t="s">
        <v>55986</v>
      </c>
    </row>
    <row r="302" spans="1:10" x14ac:dyDescent="0.25">
      <c r="A302" t="s">
        <v>54501</v>
      </c>
      <c r="B302" t="s">
        <v>54502</v>
      </c>
      <c r="C302" t="s">
        <v>54503</v>
      </c>
      <c r="D302" t="s">
        <v>54088</v>
      </c>
      <c r="E302" t="s">
        <v>13</v>
      </c>
      <c r="F302">
        <v>13780</v>
      </c>
      <c r="G302" t="s">
        <v>54504</v>
      </c>
      <c r="H302">
        <v>5.0460120606579997</v>
      </c>
      <c r="I302">
        <v>51.558668816335</v>
      </c>
      <c r="J302" t="s">
        <v>55987</v>
      </c>
    </row>
    <row r="303" spans="1:10" x14ac:dyDescent="0.25">
      <c r="A303" t="s">
        <v>54497</v>
      </c>
      <c r="B303" t="s">
        <v>54498</v>
      </c>
      <c r="C303" t="s">
        <v>54499</v>
      </c>
      <c r="D303" t="s">
        <v>54088</v>
      </c>
      <c r="E303" t="s">
        <v>13</v>
      </c>
      <c r="F303">
        <v>13779</v>
      </c>
      <c r="G303" t="s">
        <v>54500</v>
      </c>
      <c r="H303">
        <v>5.0511985300589997</v>
      </c>
      <c r="I303">
        <v>51.560132395925997</v>
      </c>
      <c r="J303" t="s">
        <v>55988</v>
      </c>
    </row>
    <row r="304" spans="1:10" x14ac:dyDescent="0.25">
      <c r="A304" t="s">
        <v>54493</v>
      </c>
      <c r="B304" t="s">
        <v>54494</v>
      </c>
      <c r="C304" t="s">
        <v>54495</v>
      </c>
      <c r="D304" t="s">
        <v>54088</v>
      </c>
      <c r="E304" t="s">
        <v>13</v>
      </c>
      <c r="F304">
        <v>13778</v>
      </c>
      <c r="G304" t="s">
        <v>54496</v>
      </c>
      <c r="H304">
        <v>5.051365462103</v>
      </c>
      <c r="I304">
        <v>51.562158694167998</v>
      </c>
      <c r="J304" t="s">
        <v>55989</v>
      </c>
    </row>
    <row r="305" spans="1:10" x14ac:dyDescent="0.25">
      <c r="A305" t="s">
        <v>54489</v>
      </c>
      <c r="B305" t="s">
        <v>54490</v>
      </c>
      <c r="C305" t="s">
        <v>54491</v>
      </c>
      <c r="D305" t="s">
        <v>54088</v>
      </c>
      <c r="E305" t="s">
        <v>13</v>
      </c>
      <c r="F305">
        <v>13777</v>
      </c>
      <c r="G305" t="s">
        <v>54492</v>
      </c>
      <c r="H305">
        <v>5.0510118675379996</v>
      </c>
      <c r="I305">
        <v>51.563898403864002</v>
      </c>
      <c r="J305" t="s">
        <v>55990</v>
      </c>
    </row>
    <row r="306" spans="1:10" x14ac:dyDescent="0.25">
      <c r="A306" t="s">
        <v>54485</v>
      </c>
      <c r="B306" t="s">
        <v>54486</v>
      </c>
      <c r="C306" t="s">
        <v>54487</v>
      </c>
      <c r="D306" t="s">
        <v>54088</v>
      </c>
      <c r="E306" t="s">
        <v>13</v>
      </c>
      <c r="F306">
        <v>13776</v>
      </c>
      <c r="G306" t="s">
        <v>54488</v>
      </c>
      <c r="H306">
        <v>5.0433026939049999</v>
      </c>
      <c r="I306">
        <v>51.563065589075002</v>
      </c>
      <c r="J306" t="s">
        <v>55991</v>
      </c>
    </row>
    <row r="307" spans="1:10" x14ac:dyDescent="0.25">
      <c r="A307" t="s">
        <v>54481</v>
      </c>
      <c r="B307" t="s">
        <v>54482</v>
      </c>
      <c r="C307" t="s">
        <v>54483</v>
      </c>
      <c r="D307" t="s">
        <v>54088</v>
      </c>
      <c r="E307" t="s">
        <v>13</v>
      </c>
      <c r="F307">
        <v>13775</v>
      </c>
      <c r="G307" t="s">
        <v>54484</v>
      </c>
      <c r="H307">
        <v>5.0551467788390001</v>
      </c>
      <c r="I307">
        <v>51.550469034182001</v>
      </c>
      <c r="J307" t="s">
        <v>55992</v>
      </c>
    </row>
    <row r="308" spans="1:10" x14ac:dyDescent="0.25">
      <c r="A308" t="s">
        <v>54478</v>
      </c>
      <c r="B308" t="s">
        <v>54479</v>
      </c>
      <c r="C308" t="s">
        <v>2411</v>
      </c>
      <c r="D308" t="s">
        <v>54088</v>
      </c>
      <c r="E308" t="s">
        <v>13</v>
      </c>
      <c r="F308">
        <v>13774</v>
      </c>
      <c r="G308" t="s">
        <v>54480</v>
      </c>
      <c r="H308">
        <v>5.0582606508249999</v>
      </c>
      <c r="I308">
        <v>51.553984661461001</v>
      </c>
      <c r="J308" t="s">
        <v>55993</v>
      </c>
    </row>
    <row r="309" spans="1:10" x14ac:dyDescent="0.25">
      <c r="A309" t="s">
        <v>54474</v>
      </c>
      <c r="B309" t="s">
        <v>54475</v>
      </c>
      <c r="C309" t="s">
        <v>54476</v>
      </c>
      <c r="D309" t="s">
        <v>54088</v>
      </c>
      <c r="E309" t="s">
        <v>13</v>
      </c>
      <c r="F309">
        <v>13773</v>
      </c>
      <c r="G309" t="s">
        <v>54477</v>
      </c>
      <c r="H309">
        <v>5.0489791121860002</v>
      </c>
      <c r="I309">
        <v>51.555575907767</v>
      </c>
      <c r="J309" t="s">
        <v>55994</v>
      </c>
    </row>
    <row r="310" spans="1:10" x14ac:dyDescent="0.25">
      <c r="A310" t="s">
        <v>54470</v>
      </c>
      <c r="B310" t="s">
        <v>54471</v>
      </c>
      <c r="C310" t="s">
        <v>54472</v>
      </c>
      <c r="D310" t="s">
        <v>54088</v>
      </c>
      <c r="E310" t="s">
        <v>13</v>
      </c>
      <c r="F310">
        <v>13772</v>
      </c>
      <c r="G310" t="s">
        <v>54473</v>
      </c>
      <c r="H310">
        <v>5.0444387248769997</v>
      </c>
      <c r="I310">
        <v>51.542431773102997</v>
      </c>
      <c r="J310" t="s">
        <v>55995</v>
      </c>
    </row>
    <row r="311" spans="1:10" x14ac:dyDescent="0.25">
      <c r="A311" t="s">
        <v>54466</v>
      </c>
      <c r="B311" t="s">
        <v>54467</v>
      </c>
      <c r="C311" t="s">
        <v>54468</v>
      </c>
      <c r="D311" t="s">
        <v>54088</v>
      </c>
      <c r="E311" t="s">
        <v>13</v>
      </c>
      <c r="F311">
        <v>13771</v>
      </c>
      <c r="G311" t="s">
        <v>54469</v>
      </c>
      <c r="H311">
        <v>5.0378727082100001</v>
      </c>
      <c r="I311">
        <v>51.544951444045999</v>
      </c>
      <c r="J311" t="s">
        <v>55996</v>
      </c>
    </row>
    <row r="312" spans="1:10" x14ac:dyDescent="0.25">
      <c r="A312" t="s">
        <v>54462</v>
      </c>
      <c r="B312" t="s">
        <v>54463</v>
      </c>
      <c r="C312" t="s">
        <v>54464</v>
      </c>
      <c r="D312" t="s">
        <v>54088</v>
      </c>
      <c r="E312" t="s">
        <v>13</v>
      </c>
      <c r="F312">
        <v>13770</v>
      </c>
      <c r="G312" t="s">
        <v>54465</v>
      </c>
      <c r="H312">
        <v>5.0503146847120002</v>
      </c>
      <c r="I312">
        <v>51.547593957213003</v>
      </c>
      <c r="J312" t="s">
        <v>55997</v>
      </c>
    </row>
    <row r="313" spans="1:10" x14ac:dyDescent="0.25">
      <c r="A313" t="s">
        <v>54458</v>
      </c>
      <c r="B313" t="s">
        <v>54459</v>
      </c>
      <c r="C313" t="s">
        <v>54460</v>
      </c>
      <c r="D313" t="s">
        <v>54088</v>
      </c>
      <c r="E313" t="s">
        <v>13</v>
      </c>
      <c r="F313">
        <v>13769</v>
      </c>
      <c r="G313" t="s">
        <v>54461</v>
      </c>
      <c r="H313">
        <v>5.0431637238649998</v>
      </c>
      <c r="I313">
        <v>51.552892482735999</v>
      </c>
      <c r="J313" t="s">
        <v>55998</v>
      </c>
    </row>
    <row r="314" spans="1:10" x14ac:dyDescent="0.25">
      <c r="A314" t="s">
        <v>54454</v>
      </c>
      <c r="B314" t="s">
        <v>54455</v>
      </c>
      <c r="C314" t="s">
        <v>54456</v>
      </c>
      <c r="D314" t="s">
        <v>54088</v>
      </c>
      <c r="E314" t="s">
        <v>13</v>
      </c>
      <c r="F314">
        <v>13768</v>
      </c>
      <c r="G314" t="s">
        <v>54457</v>
      </c>
      <c r="H314">
        <v>5.0629417163379999</v>
      </c>
      <c r="I314">
        <v>51.540691573327997</v>
      </c>
      <c r="J314" t="s">
        <v>55999</v>
      </c>
    </row>
    <row r="315" spans="1:10" x14ac:dyDescent="0.25">
      <c r="A315" t="s">
        <v>54450</v>
      </c>
      <c r="B315" t="s">
        <v>54451</v>
      </c>
      <c r="C315" t="s">
        <v>54452</v>
      </c>
      <c r="D315" t="s">
        <v>54088</v>
      </c>
      <c r="E315" t="s">
        <v>13</v>
      </c>
      <c r="F315">
        <v>13767</v>
      </c>
      <c r="G315" t="s">
        <v>54453</v>
      </c>
      <c r="H315">
        <v>5.0560462879349997</v>
      </c>
      <c r="I315">
        <v>51.541504891103003</v>
      </c>
      <c r="J315" t="s">
        <v>56000</v>
      </c>
    </row>
    <row r="316" spans="1:10" x14ac:dyDescent="0.25">
      <c r="A316" t="s">
        <v>54446</v>
      </c>
      <c r="B316" t="s">
        <v>54447</v>
      </c>
      <c r="C316" t="s">
        <v>54448</v>
      </c>
      <c r="D316" t="s">
        <v>54088</v>
      </c>
      <c r="E316" t="s">
        <v>13</v>
      </c>
      <c r="F316">
        <v>13766</v>
      </c>
      <c r="G316" t="s">
        <v>54449</v>
      </c>
      <c r="H316">
        <v>5.0683796695390004</v>
      </c>
      <c r="I316">
        <v>51.538815803060999</v>
      </c>
      <c r="J316" t="s">
        <v>56001</v>
      </c>
    </row>
    <row r="317" spans="1:10" x14ac:dyDescent="0.25">
      <c r="A317" t="s">
        <v>54443</v>
      </c>
      <c r="B317" t="s">
        <v>54444</v>
      </c>
      <c r="C317" t="s">
        <v>6552</v>
      </c>
      <c r="D317" t="s">
        <v>54088</v>
      </c>
      <c r="E317" t="s">
        <v>13</v>
      </c>
      <c r="F317">
        <v>13765</v>
      </c>
      <c r="G317" t="s">
        <v>54445</v>
      </c>
      <c r="H317">
        <v>5.080938939008</v>
      </c>
      <c r="I317">
        <v>51.542242537196003</v>
      </c>
      <c r="J317" t="s">
        <v>56002</v>
      </c>
    </row>
    <row r="318" spans="1:10" x14ac:dyDescent="0.25">
      <c r="A318" t="s">
        <v>54439</v>
      </c>
      <c r="B318" t="s">
        <v>54440</v>
      </c>
      <c r="C318" t="s">
        <v>54441</v>
      </c>
      <c r="D318" t="s">
        <v>54088</v>
      </c>
      <c r="E318" t="s">
        <v>13</v>
      </c>
      <c r="F318">
        <v>13764</v>
      </c>
      <c r="G318" t="s">
        <v>54442</v>
      </c>
      <c r="H318">
        <v>5.074749880962</v>
      </c>
      <c r="I318">
        <v>51.540554350660997</v>
      </c>
      <c r="J318" t="s">
        <v>56003</v>
      </c>
    </row>
    <row r="319" spans="1:10" x14ac:dyDescent="0.25">
      <c r="A319" t="s">
        <v>54435</v>
      </c>
      <c r="B319" t="s">
        <v>54436</v>
      </c>
      <c r="C319" t="s">
        <v>54437</v>
      </c>
      <c r="D319" t="s">
        <v>54088</v>
      </c>
      <c r="E319" t="s">
        <v>13</v>
      </c>
      <c r="F319">
        <v>13763</v>
      </c>
      <c r="G319" t="s">
        <v>54438</v>
      </c>
      <c r="H319">
        <v>5.0972377251629997</v>
      </c>
      <c r="I319">
        <v>51.536797060158001</v>
      </c>
      <c r="J319" t="s">
        <v>56004</v>
      </c>
    </row>
    <row r="320" spans="1:10" x14ac:dyDescent="0.25">
      <c r="A320" t="s">
        <v>54431</v>
      </c>
      <c r="B320" t="s">
        <v>54432</v>
      </c>
      <c r="C320" t="s">
        <v>54433</v>
      </c>
      <c r="D320" t="s">
        <v>54088</v>
      </c>
      <c r="E320" t="s">
        <v>13</v>
      </c>
      <c r="F320">
        <v>13762</v>
      </c>
      <c r="G320" t="s">
        <v>54434</v>
      </c>
      <c r="H320">
        <v>5.0840083612260001</v>
      </c>
      <c r="I320">
        <v>51.538271009707998</v>
      </c>
      <c r="J320" t="s">
        <v>56005</v>
      </c>
    </row>
    <row r="321" spans="1:10" x14ac:dyDescent="0.25">
      <c r="A321" t="s">
        <v>54427</v>
      </c>
      <c r="B321" t="s">
        <v>54428</v>
      </c>
      <c r="C321" t="s">
        <v>54429</v>
      </c>
      <c r="D321" t="s">
        <v>54088</v>
      </c>
      <c r="E321" t="s">
        <v>13</v>
      </c>
      <c r="F321">
        <v>13761</v>
      </c>
      <c r="G321" t="s">
        <v>54430</v>
      </c>
      <c r="H321">
        <v>5.0892808609819999</v>
      </c>
      <c r="I321">
        <v>51.537994634786003</v>
      </c>
      <c r="J321" t="s">
        <v>56006</v>
      </c>
    </row>
    <row r="322" spans="1:10" x14ac:dyDescent="0.25">
      <c r="A322" t="s">
        <v>54423</v>
      </c>
      <c r="B322" t="s">
        <v>54424</v>
      </c>
      <c r="C322" t="s">
        <v>54425</v>
      </c>
      <c r="D322" t="s">
        <v>54088</v>
      </c>
      <c r="E322" t="s">
        <v>13</v>
      </c>
      <c r="F322">
        <v>13760</v>
      </c>
      <c r="G322" t="s">
        <v>54426</v>
      </c>
      <c r="H322">
        <v>5.0954411701959996</v>
      </c>
      <c r="I322">
        <v>51.537105851862002</v>
      </c>
      <c r="J322" t="s">
        <v>56007</v>
      </c>
    </row>
    <row r="323" spans="1:10" x14ac:dyDescent="0.25">
      <c r="A323" t="s">
        <v>54420</v>
      </c>
      <c r="B323" t="s">
        <v>54421</v>
      </c>
      <c r="C323" t="s">
        <v>22179</v>
      </c>
      <c r="D323" t="s">
        <v>54088</v>
      </c>
      <c r="E323" t="s">
        <v>13</v>
      </c>
      <c r="F323">
        <v>13759</v>
      </c>
      <c r="G323" t="s">
        <v>54422</v>
      </c>
      <c r="H323">
        <v>5.0954649181420004</v>
      </c>
      <c r="I323">
        <v>51.539841380924003</v>
      </c>
      <c r="J323" t="s">
        <v>56008</v>
      </c>
    </row>
    <row r="324" spans="1:10" x14ac:dyDescent="0.25">
      <c r="A324" t="s">
        <v>54416</v>
      </c>
      <c r="B324" t="s">
        <v>54417</v>
      </c>
      <c r="C324" t="s">
        <v>54418</v>
      </c>
      <c r="D324" t="s">
        <v>54088</v>
      </c>
      <c r="E324" t="s">
        <v>13</v>
      </c>
      <c r="F324">
        <v>13758</v>
      </c>
      <c r="G324" t="s">
        <v>54419</v>
      </c>
      <c r="H324">
        <v>5.1001662938669998</v>
      </c>
      <c r="I324">
        <v>51.543281797928998</v>
      </c>
      <c r="J324" t="s">
        <v>56009</v>
      </c>
    </row>
    <row r="325" spans="1:10" x14ac:dyDescent="0.25">
      <c r="A325" t="s">
        <v>54412</v>
      </c>
      <c r="B325" t="s">
        <v>54413</v>
      </c>
      <c r="C325" t="s">
        <v>54414</v>
      </c>
      <c r="D325" t="s">
        <v>54088</v>
      </c>
      <c r="E325" t="s">
        <v>13</v>
      </c>
      <c r="F325">
        <v>13757</v>
      </c>
      <c r="G325" t="s">
        <v>54415</v>
      </c>
      <c r="H325">
        <v>5.0973724114259999</v>
      </c>
      <c r="I325">
        <v>51.543730256516</v>
      </c>
      <c r="J325" t="s">
        <v>56010</v>
      </c>
    </row>
    <row r="326" spans="1:10" x14ac:dyDescent="0.25">
      <c r="A326" t="s">
        <v>54408</v>
      </c>
      <c r="B326" t="s">
        <v>54409</v>
      </c>
      <c r="C326" t="s">
        <v>54410</v>
      </c>
      <c r="D326" t="s">
        <v>54088</v>
      </c>
      <c r="E326" t="s">
        <v>13</v>
      </c>
      <c r="F326">
        <v>13756</v>
      </c>
      <c r="G326" t="s">
        <v>54411</v>
      </c>
      <c r="H326">
        <v>5.0932953773790004</v>
      </c>
      <c r="I326">
        <v>51.541559091689003</v>
      </c>
      <c r="J326" t="s">
        <v>56011</v>
      </c>
    </row>
    <row r="327" spans="1:10" x14ac:dyDescent="0.25">
      <c r="A327" t="s">
        <v>54404</v>
      </c>
      <c r="B327" t="s">
        <v>54405</v>
      </c>
      <c r="C327" t="s">
        <v>54406</v>
      </c>
      <c r="D327" t="s">
        <v>54088</v>
      </c>
      <c r="E327" t="s">
        <v>13</v>
      </c>
      <c r="F327">
        <v>13755</v>
      </c>
      <c r="G327" t="s">
        <v>54407</v>
      </c>
      <c r="H327">
        <v>5.0879610081770004</v>
      </c>
      <c r="I327">
        <v>51.541927509809</v>
      </c>
      <c r="J327" t="s">
        <v>56012</v>
      </c>
    </row>
    <row r="328" spans="1:10" x14ac:dyDescent="0.25">
      <c r="A328" t="s">
        <v>54400</v>
      </c>
      <c r="B328" t="s">
        <v>54401</v>
      </c>
      <c r="C328" t="s">
        <v>54402</v>
      </c>
      <c r="D328" t="s">
        <v>54088</v>
      </c>
      <c r="E328" t="s">
        <v>13</v>
      </c>
      <c r="F328">
        <v>13754</v>
      </c>
      <c r="G328" t="s">
        <v>54403</v>
      </c>
      <c r="H328">
        <v>5.109583930616</v>
      </c>
      <c r="I328">
        <v>51.542480784671</v>
      </c>
      <c r="J328" t="s">
        <v>56013</v>
      </c>
    </row>
    <row r="329" spans="1:10" x14ac:dyDescent="0.25">
      <c r="A329" t="s">
        <v>54396</v>
      </c>
      <c r="B329" t="s">
        <v>54397</v>
      </c>
      <c r="C329" t="s">
        <v>54398</v>
      </c>
      <c r="D329" t="s">
        <v>54088</v>
      </c>
      <c r="E329" t="s">
        <v>13</v>
      </c>
      <c r="F329">
        <v>13753</v>
      </c>
      <c r="G329" t="s">
        <v>54399</v>
      </c>
      <c r="H329">
        <v>5.1038458198540004</v>
      </c>
      <c r="I329">
        <v>51.540584859741003</v>
      </c>
      <c r="J329" t="s">
        <v>56014</v>
      </c>
    </row>
    <row r="330" spans="1:10" x14ac:dyDescent="0.25">
      <c r="A330" t="s">
        <v>54392</v>
      </c>
      <c r="B330" t="s">
        <v>54393</v>
      </c>
      <c r="C330" t="s">
        <v>54394</v>
      </c>
      <c r="D330" t="s">
        <v>54088</v>
      </c>
      <c r="E330" t="s">
        <v>13</v>
      </c>
      <c r="F330">
        <v>13752</v>
      </c>
      <c r="G330" t="s">
        <v>54395</v>
      </c>
      <c r="H330">
        <v>5.1139997615480004</v>
      </c>
      <c r="I330">
        <v>51.547796889447</v>
      </c>
      <c r="J330" t="s">
        <v>56015</v>
      </c>
    </row>
    <row r="331" spans="1:10" x14ac:dyDescent="0.25">
      <c r="A331" t="s">
        <v>54388</v>
      </c>
      <c r="B331" t="s">
        <v>54389</v>
      </c>
      <c r="C331" t="s">
        <v>54390</v>
      </c>
      <c r="D331" t="s">
        <v>54088</v>
      </c>
      <c r="E331" t="s">
        <v>13</v>
      </c>
      <c r="F331">
        <v>13751</v>
      </c>
      <c r="G331" t="s">
        <v>54391</v>
      </c>
      <c r="H331">
        <v>5.1053903365729996</v>
      </c>
      <c r="I331">
        <v>51.546668726531003</v>
      </c>
      <c r="J331" t="s">
        <v>56016</v>
      </c>
    </row>
    <row r="332" spans="1:10" x14ac:dyDescent="0.25">
      <c r="A332" t="s">
        <v>54384</v>
      </c>
      <c r="B332" t="s">
        <v>54385</v>
      </c>
      <c r="C332" t="s">
        <v>54386</v>
      </c>
      <c r="D332" t="s">
        <v>54088</v>
      </c>
      <c r="E332" t="s">
        <v>13</v>
      </c>
      <c r="F332">
        <v>13750</v>
      </c>
      <c r="G332" t="s">
        <v>54387</v>
      </c>
      <c r="H332">
        <v>5.1192704851090003</v>
      </c>
      <c r="I332">
        <v>51.558247701452999</v>
      </c>
      <c r="J332" t="s">
        <v>56017</v>
      </c>
    </row>
    <row r="333" spans="1:10" x14ac:dyDescent="0.25">
      <c r="A333" t="s">
        <v>54380</v>
      </c>
      <c r="B333" t="s">
        <v>54381</v>
      </c>
      <c r="C333" t="s">
        <v>54382</v>
      </c>
      <c r="D333" t="s">
        <v>54088</v>
      </c>
      <c r="E333" t="s">
        <v>13</v>
      </c>
      <c r="F333">
        <v>13749</v>
      </c>
      <c r="G333" t="s">
        <v>54383</v>
      </c>
      <c r="H333">
        <v>5.1062266253509998</v>
      </c>
      <c r="I333">
        <v>51.562200502924</v>
      </c>
      <c r="J333" t="s">
        <v>56018</v>
      </c>
    </row>
    <row r="334" spans="1:10" x14ac:dyDescent="0.25">
      <c r="A334" t="s">
        <v>54376</v>
      </c>
      <c r="B334" t="s">
        <v>54377</v>
      </c>
      <c r="C334" t="s">
        <v>54378</v>
      </c>
      <c r="D334" t="s">
        <v>54088</v>
      </c>
      <c r="E334" t="s">
        <v>13</v>
      </c>
      <c r="F334">
        <v>13748</v>
      </c>
      <c r="G334" t="s">
        <v>54379</v>
      </c>
      <c r="H334">
        <v>5.1048926928079998</v>
      </c>
      <c r="I334">
        <v>51.563845202701003</v>
      </c>
      <c r="J334" t="s">
        <v>56019</v>
      </c>
    </row>
    <row r="335" spans="1:10" x14ac:dyDescent="0.25">
      <c r="A335" t="s">
        <v>54372</v>
      </c>
      <c r="B335" t="s">
        <v>54373</v>
      </c>
      <c r="C335" t="s">
        <v>54374</v>
      </c>
      <c r="D335" t="s">
        <v>54088</v>
      </c>
      <c r="E335" t="s">
        <v>13</v>
      </c>
      <c r="F335">
        <v>13747</v>
      </c>
      <c r="G335" t="s">
        <v>54375</v>
      </c>
      <c r="H335">
        <v>5.101492173934</v>
      </c>
      <c r="I335">
        <v>51.567608837088002</v>
      </c>
      <c r="J335" t="s">
        <v>56020</v>
      </c>
    </row>
    <row r="336" spans="1:10" x14ac:dyDescent="0.25">
      <c r="A336" t="s">
        <v>54368</v>
      </c>
      <c r="B336" t="s">
        <v>54369</v>
      </c>
      <c r="C336" t="s">
        <v>54370</v>
      </c>
      <c r="D336" t="s">
        <v>54088</v>
      </c>
      <c r="E336" t="s">
        <v>13</v>
      </c>
      <c r="F336">
        <v>13746</v>
      </c>
      <c r="G336" t="s">
        <v>54371</v>
      </c>
      <c r="H336">
        <v>5.096956322534</v>
      </c>
      <c r="I336">
        <v>51.572015889131997</v>
      </c>
      <c r="J336" t="s">
        <v>56021</v>
      </c>
    </row>
    <row r="337" spans="1:10" x14ac:dyDescent="0.25">
      <c r="A337" t="s">
        <v>54364</v>
      </c>
      <c r="B337" t="s">
        <v>54365</v>
      </c>
      <c r="C337" t="s">
        <v>54366</v>
      </c>
      <c r="D337" t="s">
        <v>54088</v>
      </c>
      <c r="E337" t="s">
        <v>13</v>
      </c>
      <c r="F337">
        <v>13745</v>
      </c>
      <c r="G337" t="s">
        <v>54367</v>
      </c>
      <c r="H337">
        <v>5.092302233781</v>
      </c>
      <c r="I337">
        <v>51.575370654270998</v>
      </c>
      <c r="J337" t="s">
        <v>56022</v>
      </c>
    </row>
    <row r="338" spans="1:10" x14ac:dyDescent="0.25">
      <c r="A338" t="s">
        <v>54360</v>
      </c>
      <c r="B338" t="s">
        <v>54361</v>
      </c>
      <c r="C338" t="s">
        <v>54362</v>
      </c>
      <c r="D338" t="s">
        <v>54088</v>
      </c>
      <c r="E338" t="s">
        <v>13</v>
      </c>
      <c r="F338">
        <v>13744</v>
      </c>
      <c r="G338" t="s">
        <v>54363</v>
      </c>
      <c r="H338">
        <v>5.0815245887140001</v>
      </c>
      <c r="I338">
        <v>51.577510358597003</v>
      </c>
      <c r="J338" t="s">
        <v>56023</v>
      </c>
    </row>
    <row r="339" spans="1:10" x14ac:dyDescent="0.25">
      <c r="A339" t="s">
        <v>54356</v>
      </c>
      <c r="B339" t="s">
        <v>54357</v>
      </c>
      <c r="C339" t="s">
        <v>54358</v>
      </c>
      <c r="D339" t="s">
        <v>54088</v>
      </c>
      <c r="E339" t="s">
        <v>13</v>
      </c>
      <c r="F339">
        <v>13743</v>
      </c>
      <c r="G339" t="s">
        <v>54359</v>
      </c>
      <c r="H339">
        <v>5.0690939344770003</v>
      </c>
      <c r="I339">
        <v>51.577106791321</v>
      </c>
      <c r="J339" t="s">
        <v>56024</v>
      </c>
    </row>
    <row r="340" spans="1:10" x14ac:dyDescent="0.25">
      <c r="A340" t="s">
        <v>54352</v>
      </c>
      <c r="B340" t="s">
        <v>54353</v>
      </c>
      <c r="C340" t="s">
        <v>54354</v>
      </c>
      <c r="D340" t="s">
        <v>54088</v>
      </c>
      <c r="E340" t="s">
        <v>13</v>
      </c>
      <c r="F340">
        <v>13742</v>
      </c>
      <c r="G340" t="s">
        <v>54355</v>
      </c>
      <c r="H340">
        <v>5.0856398308269997</v>
      </c>
      <c r="I340">
        <v>51.561124316418997</v>
      </c>
      <c r="J340" t="s">
        <v>56025</v>
      </c>
    </row>
    <row r="341" spans="1:10" x14ac:dyDescent="0.25">
      <c r="A341" t="s">
        <v>54348</v>
      </c>
      <c r="B341" t="s">
        <v>54349</v>
      </c>
      <c r="C341" t="s">
        <v>54350</v>
      </c>
      <c r="D341" t="s">
        <v>54088</v>
      </c>
      <c r="E341" t="s">
        <v>13</v>
      </c>
      <c r="F341">
        <v>13741</v>
      </c>
      <c r="G341" t="s">
        <v>54351</v>
      </c>
      <c r="H341">
        <v>5.0760406479969999</v>
      </c>
      <c r="I341">
        <v>51.561716592772001</v>
      </c>
      <c r="J341" t="s">
        <v>56026</v>
      </c>
    </row>
    <row r="342" spans="1:10" x14ac:dyDescent="0.25">
      <c r="A342" t="s">
        <v>54344</v>
      </c>
      <c r="B342" t="s">
        <v>54345</v>
      </c>
      <c r="C342" t="s">
        <v>54346</v>
      </c>
      <c r="D342" t="s">
        <v>54088</v>
      </c>
      <c r="E342" t="s">
        <v>13</v>
      </c>
      <c r="F342">
        <v>13740</v>
      </c>
      <c r="G342" t="s">
        <v>54347</v>
      </c>
      <c r="H342">
        <v>5.08850098991</v>
      </c>
      <c r="I342">
        <v>51.564404340793999</v>
      </c>
      <c r="J342" t="s">
        <v>56027</v>
      </c>
    </row>
    <row r="343" spans="1:10" x14ac:dyDescent="0.25">
      <c r="A343" t="s">
        <v>54340</v>
      </c>
      <c r="B343" t="s">
        <v>54341</v>
      </c>
      <c r="C343" t="s">
        <v>54342</v>
      </c>
      <c r="D343" t="s">
        <v>54088</v>
      </c>
      <c r="E343" t="s">
        <v>13</v>
      </c>
      <c r="F343">
        <v>13739</v>
      </c>
      <c r="G343" t="s">
        <v>54343</v>
      </c>
      <c r="H343">
        <v>5.0839116681140002</v>
      </c>
      <c r="I343">
        <v>51.564380141599003</v>
      </c>
      <c r="J343" t="s">
        <v>56028</v>
      </c>
    </row>
    <row r="344" spans="1:10" x14ac:dyDescent="0.25">
      <c r="A344" t="s">
        <v>54336</v>
      </c>
      <c r="B344" t="s">
        <v>54337</v>
      </c>
      <c r="C344" t="s">
        <v>54338</v>
      </c>
      <c r="D344" t="s">
        <v>54088</v>
      </c>
      <c r="E344" t="s">
        <v>13</v>
      </c>
      <c r="F344">
        <v>13738</v>
      </c>
      <c r="G344" t="s">
        <v>54339</v>
      </c>
      <c r="H344">
        <v>5.0792840290069998</v>
      </c>
      <c r="I344">
        <v>51.564886058589998</v>
      </c>
      <c r="J344" t="s">
        <v>56029</v>
      </c>
    </row>
    <row r="345" spans="1:10" x14ac:dyDescent="0.25">
      <c r="A345" t="s">
        <v>54332</v>
      </c>
      <c r="B345" t="s">
        <v>54333</v>
      </c>
      <c r="C345" t="s">
        <v>54334</v>
      </c>
      <c r="D345" t="s">
        <v>54088</v>
      </c>
      <c r="E345" t="s">
        <v>13</v>
      </c>
      <c r="F345">
        <v>13737</v>
      </c>
      <c r="G345" t="s">
        <v>54335</v>
      </c>
      <c r="H345">
        <v>5.10059435304</v>
      </c>
      <c r="I345">
        <v>51.562912955117</v>
      </c>
      <c r="J345" t="s">
        <v>56030</v>
      </c>
    </row>
    <row r="346" spans="1:10" x14ac:dyDescent="0.25">
      <c r="A346" t="s">
        <v>54328</v>
      </c>
      <c r="B346" t="s">
        <v>54329</v>
      </c>
      <c r="C346" t="s">
        <v>54330</v>
      </c>
      <c r="D346" t="s">
        <v>54088</v>
      </c>
      <c r="E346" t="s">
        <v>13</v>
      </c>
      <c r="F346">
        <v>13736</v>
      </c>
      <c r="G346" t="s">
        <v>54331</v>
      </c>
      <c r="H346">
        <v>5.0963501510590001</v>
      </c>
      <c r="I346">
        <v>51.561411414726003</v>
      </c>
      <c r="J346" t="s">
        <v>56031</v>
      </c>
    </row>
    <row r="347" spans="1:10" x14ac:dyDescent="0.25">
      <c r="A347" t="s">
        <v>54324</v>
      </c>
      <c r="B347" t="s">
        <v>54325</v>
      </c>
      <c r="C347" t="s">
        <v>54326</v>
      </c>
      <c r="D347" t="s">
        <v>54088</v>
      </c>
      <c r="E347" t="s">
        <v>13</v>
      </c>
      <c r="F347">
        <v>13735</v>
      </c>
      <c r="G347" t="s">
        <v>54327</v>
      </c>
      <c r="H347">
        <v>5.0960795819940001</v>
      </c>
      <c r="I347">
        <v>51.564482356112997</v>
      </c>
      <c r="J347" t="s">
        <v>56032</v>
      </c>
    </row>
    <row r="348" spans="1:10" x14ac:dyDescent="0.25">
      <c r="A348" t="s">
        <v>54320</v>
      </c>
      <c r="B348" t="s">
        <v>54321</v>
      </c>
      <c r="C348" t="s">
        <v>54322</v>
      </c>
      <c r="D348" t="s">
        <v>54088</v>
      </c>
      <c r="E348" t="s">
        <v>13</v>
      </c>
      <c r="F348">
        <v>13734</v>
      </c>
      <c r="G348" t="s">
        <v>54323</v>
      </c>
      <c r="H348">
        <v>5.0975971212170004</v>
      </c>
      <c r="I348">
        <v>51.567142629334001</v>
      </c>
      <c r="J348" t="s">
        <v>56033</v>
      </c>
    </row>
    <row r="349" spans="1:10" x14ac:dyDescent="0.25">
      <c r="A349" t="s">
        <v>54316</v>
      </c>
      <c r="B349" t="s">
        <v>54317</v>
      </c>
      <c r="C349" t="s">
        <v>54318</v>
      </c>
      <c r="D349" t="s">
        <v>54088</v>
      </c>
      <c r="E349" t="s">
        <v>13</v>
      </c>
      <c r="F349">
        <v>13733</v>
      </c>
      <c r="G349" t="s">
        <v>54319</v>
      </c>
      <c r="H349">
        <v>5.0919718717500002</v>
      </c>
      <c r="I349">
        <v>51.565188962847003</v>
      </c>
      <c r="J349" t="s">
        <v>56034</v>
      </c>
    </row>
    <row r="350" spans="1:10" x14ac:dyDescent="0.25">
      <c r="A350" t="s">
        <v>54312</v>
      </c>
      <c r="B350" t="s">
        <v>54313</v>
      </c>
      <c r="C350" t="s">
        <v>54314</v>
      </c>
      <c r="D350" t="s">
        <v>54088</v>
      </c>
      <c r="E350" t="s">
        <v>13</v>
      </c>
      <c r="F350">
        <v>13732</v>
      </c>
      <c r="G350" t="s">
        <v>54315</v>
      </c>
      <c r="H350">
        <v>5.0940585788429997</v>
      </c>
      <c r="I350">
        <v>51.570230646658999</v>
      </c>
      <c r="J350" t="s">
        <v>56035</v>
      </c>
    </row>
    <row r="351" spans="1:10" x14ac:dyDescent="0.25">
      <c r="A351" t="s">
        <v>54308</v>
      </c>
      <c r="B351" t="s">
        <v>54309</v>
      </c>
      <c r="C351" t="s">
        <v>54310</v>
      </c>
      <c r="D351" t="s">
        <v>54088</v>
      </c>
      <c r="E351" t="s">
        <v>13</v>
      </c>
      <c r="F351">
        <v>13731</v>
      </c>
      <c r="G351" t="s">
        <v>54311</v>
      </c>
      <c r="H351">
        <v>5.090207397745</v>
      </c>
      <c r="I351">
        <v>51.568892270288998</v>
      </c>
      <c r="J351" t="s">
        <v>56036</v>
      </c>
    </row>
    <row r="352" spans="1:10" x14ac:dyDescent="0.25">
      <c r="A352" t="s">
        <v>54304</v>
      </c>
      <c r="B352" t="s">
        <v>54305</v>
      </c>
      <c r="C352" t="s">
        <v>54306</v>
      </c>
      <c r="D352" t="s">
        <v>54088</v>
      </c>
      <c r="E352" t="s">
        <v>13</v>
      </c>
      <c r="F352">
        <v>13730</v>
      </c>
      <c r="G352" t="s">
        <v>54307</v>
      </c>
      <c r="H352">
        <v>5.088975235345</v>
      </c>
      <c r="I352">
        <v>51.574400591481002</v>
      </c>
      <c r="J352" t="s">
        <v>56037</v>
      </c>
    </row>
    <row r="353" spans="1:10" x14ac:dyDescent="0.25">
      <c r="A353" t="s">
        <v>54300</v>
      </c>
      <c r="B353" t="s">
        <v>54301</v>
      </c>
      <c r="C353" t="s">
        <v>54302</v>
      </c>
      <c r="D353" t="s">
        <v>54088</v>
      </c>
      <c r="E353" t="s">
        <v>13</v>
      </c>
      <c r="F353">
        <v>13729</v>
      </c>
      <c r="G353" t="s">
        <v>54303</v>
      </c>
      <c r="H353">
        <v>5.0865232087630003</v>
      </c>
      <c r="I353">
        <v>51.572326325333997</v>
      </c>
      <c r="J353" t="s">
        <v>56038</v>
      </c>
    </row>
    <row r="354" spans="1:10" x14ac:dyDescent="0.25">
      <c r="A354" t="s">
        <v>54296</v>
      </c>
      <c r="B354" t="s">
        <v>54297</v>
      </c>
      <c r="C354" t="s">
        <v>54298</v>
      </c>
      <c r="D354" t="s">
        <v>54088</v>
      </c>
      <c r="E354" t="s">
        <v>13</v>
      </c>
      <c r="F354">
        <v>13728</v>
      </c>
      <c r="G354" t="s">
        <v>54299</v>
      </c>
      <c r="H354">
        <v>5.0842928174489996</v>
      </c>
      <c r="I354">
        <v>51.569610267024999</v>
      </c>
      <c r="J354" t="s">
        <v>56039</v>
      </c>
    </row>
    <row r="355" spans="1:10" x14ac:dyDescent="0.25">
      <c r="A355" t="s">
        <v>54292</v>
      </c>
      <c r="B355" t="s">
        <v>54293</v>
      </c>
      <c r="C355" t="s">
        <v>54294</v>
      </c>
      <c r="D355" t="s">
        <v>54088</v>
      </c>
      <c r="E355" t="s">
        <v>13</v>
      </c>
      <c r="F355">
        <v>13727</v>
      </c>
      <c r="G355" t="s">
        <v>54295</v>
      </c>
      <c r="H355">
        <v>5.0804881093959997</v>
      </c>
      <c r="I355">
        <v>51.570091859176003</v>
      </c>
      <c r="J355" t="s">
        <v>56040</v>
      </c>
    </row>
    <row r="356" spans="1:10" x14ac:dyDescent="0.25">
      <c r="A356" t="s">
        <v>54288</v>
      </c>
      <c r="B356" t="s">
        <v>54289</v>
      </c>
      <c r="C356" t="s">
        <v>54290</v>
      </c>
      <c r="D356" t="s">
        <v>54088</v>
      </c>
      <c r="E356" t="s">
        <v>13</v>
      </c>
      <c r="F356">
        <v>13726</v>
      </c>
      <c r="G356" t="s">
        <v>54291</v>
      </c>
      <c r="H356">
        <v>5.0812047368969999</v>
      </c>
      <c r="I356">
        <v>51.575353601712997</v>
      </c>
      <c r="J356" t="s">
        <v>56041</v>
      </c>
    </row>
    <row r="357" spans="1:10" x14ac:dyDescent="0.25">
      <c r="A357" t="s">
        <v>54284</v>
      </c>
      <c r="B357" t="s">
        <v>54285</v>
      </c>
      <c r="C357" t="s">
        <v>54286</v>
      </c>
      <c r="D357" t="s">
        <v>54088</v>
      </c>
      <c r="E357" t="s">
        <v>13</v>
      </c>
      <c r="F357">
        <v>13725</v>
      </c>
      <c r="G357" t="s">
        <v>54287</v>
      </c>
      <c r="H357">
        <v>5.0764773807830004</v>
      </c>
      <c r="I357">
        <v>51.571090842738002</v>
      </c>
      <c r="J357" t="s">
        <v>56042</v>
      </c>
    </row>
    <row r="358" spans="1:10" x14ac:dyDescent="0.25">
      <c r="A358" t="s">
        <v>54280</v>
      </c>
      <c r="B358" t="s">
        <v>54281</v>
      </c>
      <c r="C358" t="s">
        <v>54282</v>
      </c>
      <c r="D358" t="s">
        <v>54088</v>
      </c>
      <c r="E358" t="s">
        <v>13</v>
      </c>
      <c r="F358">
        <v>13724</v>
      </c>
      <c r="G358" t="s">
        <v>54283</v>
      </c>
      <c r="H358">
        <v>5.070784148145</v>
      </c>
      <c r="I358">
        <v>51.570270919711</v>
      </c>
      <c r="J358" t="s">
        <v>56043</v>
      </c>
    </row>
    <row r="359" spans="1:10" x14ac:dyDescent="0.25">
      <c r="A359" t="s">
        <v>54277</v>
      </c>
      <c r="B359" t="s">
        <v>54278</v>
      </c>
      <c r="C359" t="s">
        <v>22135</v>
      </c>
      <c r="D359" t="s">
        <v>54088</v>
      </c>
      <c r="E359" t="s">
        <v>13</v>
      </c>
      <c r="F359">
        <v>13723</v>
      </c>
      <c r="G359" t="s">
        <v>54279</v>
      </c>
      <c r="H359">
        <v>5.0673052346730003</v>
      </c>
      <c r="I359">
        <v>51.570514417072999</v>
      </c>
      <c r="J359" t="s">
        <v>56044</v>
      </c>
    </row>
    <row r="360" spans="1:10" x14ac:dyDescent="0.25">
      <c r="A360" t="s">
        <v>54273</v>
      </c>
      <c r="B360" t="s">
        <v>54274</v>
      </c>
      <c r="C360" t="s">
        <v>54275</v>
      </c>
      <c r="D360" t="s">
        <v>54088</v>
      </c>
      <c r="E360" t="s">
        <v>13</v>
      </c>
      <c r="F360">
        <v>13722</v>
      </c>
      <c r="G360" t="s">
        <v>54276</v>
      </c>
      <c r="H360">
        <v>5.0757031704499997</v>
      </c>
      <c r="I360">
        <v>51.574349387763</v>
      </c>
      <c r="J360" t="s">
        <v>56045</v>
      </c>
    </row>
    <row r="361" spans="1:10" x14ac:dyDescent="0.25">
      <c r="A361" t="s">
        <v>54269</v>
      </c>
      <c r="B361" t="s">
        <v>54270</v>
      </c>
      <c r="C361" t="s">
        <v>54271</v>
      </c>
      <c r="D361" t="s">
        <v>54088</v>
      </c>
      <c r="E361" t="s">
        <v>13</v>
      </c>
      <c r="F361">
        <v>13721</v>
      </c>
      <c r="G361" t="s">
        <v>54272</v>
      </c>
      <c r="H361">
        <v>5.0709600706969997</v>
      </c>
      <c r="I361">
        <v>51.574666429757002</v>
      </c>
      <c r="J361" t="s">
        <v>56046</v>
      </c>
    </row>
    <row r="362" spans="1:10" x14ac:dyDescent="0.25">
      <c r="A362" t="s">
        <v>54265</v>
      </c>
      <c r="B362" t="s">
        <v>54266</v>
      </c>
      <c r="C362" t="s">
        <v>54267</v>
      </c>
      <c r="D362" t="s">
        <v>54088</v>
      </c>
      <c r="E362" t="s">
        <v>13</v>
      </c>
      <c r="F362">
        <v>13720</v>
      </c>
      <c r="G362" t="s">
        <v>54268</v>
      </c>
      <c r="H362">
        <v>5.0693039937890001</v>
      </c>
      <c r="I362">
        <v>51.563982792392999</v>
      </c>
      <c r="J362" t="s">
        <v>56047</v>
      </c>
    </row>
    <row r="363" spans="1:10" x14ac:dyDescent="0.25">
      <c r="A363" t="s">
        <v>54261</v>
      </c>
      <c r="B363" t="s">
        <v>54262</v>
      </c>
      <c r="C363" t="s">
        <v>54263</v>
      </c>
      <c r="D363" t="s">
        <v>54088</v>
      </c>
      <c r="E363" t="s">
        <v>13</v>
      </c>
      <c r="F363">
        <v>13719</v>
      </c>
      <c r="G363" t="s">
        <v>54264</v>
      </c>
      <c r="H363">
        <v>5.0741919296390003</v>
      </c>
      <c r="I363">
        <v>51.565446718582002</v>
      </c>
      <c r="J363" t="s">
        <v>56048</v>
      </c>
    </row>
    <row r="364" spans="1:10" x14ac:dyDescent="0.25">
      <c r="A364" t="s">
        <v>54257</v>
      </c>
      <c r="B364" t="s">
        <v>54258</v>
      </c>
      <c r="C364" t="s">
        <v>54259</v>
      </c>
      <c r="D364" t="s">
        <v>54088</v>
      </c>
      <c r="E364" t="s">
        <v>13</v>
      </c>
      <c r="F364">
        <v>13718</v>
      </c>
      <c r="G364" t="s">
        <v>54260</v>
      </c>
      <c r="H364">
        <v>5.082850704528</v>
      </c>
      <c r="I364">
        <v>51.560354351675997</v>
      </c>
      <c r="J364" t="s">
        <v>56049</v>
      </c>
    </row>
    <row r="365" spans="1:10" x14ac:dyDescent="0.25">
      <c r="A365" t="s">
        <v>54253</v>
      </c>
      <c r="B365" t="s">
        <v>54254</v>
      </c>
      <c r="C365" t="s">
        <v>54255</v>
      </c>
      <c r="D365" t="s">
        <v>54088</v>
      </c>
      <c r="E365" t="s">
        <v>13</v>
      </c>
      <c r="F365">
        <v>13717</v>
      </c>
      <c r="G365" t="s">
        <v>54256</v>
      </c>
      <c r="H365">
        <v>5.0757372393360001</v>
      </c>
      <c r="I365">
        <v>51.560884852271002</v>
      </c>
      <c r="J365" t="s">
        <v>56050</v>
      </c>
    </row>
    <row r="366" spans="1:10" x14ac:dyDescent="0.25">
      <c r="A366" t="s">
        <v>54249</v>
      </c>
      <c r="B366" t="s">
        <v>54250</v>
      </c>
      <c r="C366" t="s">
        <v>54251</v>
      </c>
      <c r="D366" t="s">
        <v>54088</v>
      </c>
      <c r="E366" t="s">
        <v>13</v>
      </c>
      <c r="F366">
        <v>13716</v>
      </c>
      <c r="G366" t="s">
        <v>54252</v>
      </c>
      <c r="H366">
        <v>5.0690644967100003</v>
      </c>
      <c r="I366">
        <v>51.561351711766001</v>
      </c>
      <c r="J366" t="s">
        <v>56051</v>
      </c>
    </row>
    <row r="367" spans="1:10" x14ac:dyDescent="0.25">
      <c r="A367" t="s">
        <v>54245</v>
      </c>
      <c r="B367" t="s">
        <v>54246</v>
      </c>
      <c r="C367" t="s">
        <v>54247</v>
      </c>
      <c r="D367" t="s">
        <v>54088</v>
      </c>
      <c r="E367" t="s">
        <v>13</v>
      </c>
      <c r="F367">
        <v>13715</v>
      </c>
      <c r="G367" t="s">
        <v>54248</v>
      </c>
      <c r="H367">
        <v>5.076328122734</v>
      </c>
      <c r="I367">
        <v>51.557985295207999</v>
      </c>
      <c r="J367" t="s">
        <v>56052</v>
      </c>
    </row>
    <row r="368" spans="1:10" x14ac:dyDescent="0.25">
      <c r="A368" t="s">
        <v>54241</v>
      </c>
      <c r="B368" t="s">
        <v>54242</v>
      </c>
      <c r="C368" t="s">
        <v>54243</v>
      </c>
      <c r="D368" t="s">
        <v>54088</v>
      </c>
      <c r="E368" t="s">
        <v>13</v>
      </c>
      <c r="F368">
        <v>13714</v>
      </c>
      <c r="G368" t="s">
        <v>54244</v>
      </c>
      <c r="H368">
        <v>5.071485714494</v>
      </c>
      <c r="I368">
        <v>51.557957587836</v>
      </c>
      <c r="J368" t="s">
        <v>56053</v>
      </c>
    </row>
    <row r="369" spans="1:10" x14ac:dyDescent="0.25">
      <c r="A369" t="s">
        <v>54237</v>
      </c>
      <c r="B369" t="s">
        <v>54238</v>
      </c>
      <c r="C369" t="s">
        <v>54239</v>
      </c>
      <c r="D369" t="s">
        <v>54088</v>
      </c>
      <c r="E369" t="s">
        <v>13</v>
      </c>
      <c r="F369">
        <v>13713</v>
      </c>
      <c r="G369" t="s">
        <v>54240</v>
      </c>
      <c r="H369">
        <v>5.0662553792990002</v>
      </c>
      <c r="I369">
        <v>51.558137868286998</v>
      </c>
      <c r="J369" t="s">
        <v>56054</v>
      </c>
    </row>
    <row r="370" spans="1:10" x14ac:dyDescent="0.25">
      <c r="A370" t="s">
        <v>54233</v>
      </c>
      <c r="B370" t="s">
        <v>54234</v>
      </c>
      <c r="C370" t="s">
        <v>54235</v>
      </c>
      <c r="D370" t="s">
        <v>54088</v>
      </c>
      <c r="E370" t="s">
        <v>13</v>
      </c>
      <c r="F370">
        <v>13712</v>
      </c>
      <c r="G370" t="s">
        <v>54236</v>
      </c>
      <c r="H370">
        <v>5.0734589966449999</v>
      </c>
      <c r="I370">
        <v>51.552132329955001</v>
      </c>
      <c r="J370" t="s">
        <v>56055</v>
      </c>
    </row>
    <row r="371" spans="1:10" x14ac:dyDescent="0.25">
      <c r="A371" t="s">
        <v>54229</v>
      </c>
      <c r="B371" t="s">
        <v>54230</v>
      </c>
      <c r="C371" t="s">
        <v>54231</v>
      </c>
      <c r="D371" t="s">
        <v>54088</v>
      </c>
      <c r="E371" t="s">
        <v>13</v>
      </c>
      <c r="F371">
        <v>13711</v>
      </c>
      <c r="G371" t="s">
        <v>54232</v>
      </c>
      <c r="H371">
        <v>5.0733761862850004</v>
      </c>
      <c r="I371">
        <v>51.554425451001002</v>
      </c>
      <c r="J371" t="s">
        <v>56056</v>
      </c>
    </row>
    <row r="372" spans="1:10" x14ac:dyDescent="0.25">
      <c r="A372" t="s">
        <v>54226</v>
      </c>
      <c r="B372" t="s">
        <v>54227</v>
      </c>
      <c r="C372" t="s">
        <v>4844</v>
      </c>
      <c r="D372" t="s">
        <v>54088</v>
      </c>
      <c r="E372" t="s">
        <v>13</v>
      </c>
      <c r="F372">
        <v>13710</v>
      </c>
      <c r="G372" t="s">
        <v>54228</v>
      </c>
      <c r="H372">
        <v>5.0732577655449997</v>
      </c>
      <c r="I372">
        <v>51.549030955776999</v>
      </c>
      <c r="J372" t="s">
        <v>56057</v>
      </c>
    </row>
    <row r="373" spans="1:10" x14ac:dyDescent="0.25">
      <c r="A373" t="s">
        <v>54222</v>
      </c>
      <c r="B373" t="s">
        <v>54223</v>
      </c>
      <c r="C373" t="s">
        <v>54224</v>
      </c>
      <c r="D373" t="s">
        <v>54088</v>
      </c>
      <c r="E373" t="s">
        <v>13</v>
      </c>
      <c r="F373">
        <v>13709</v>
      </c>
      <c r="G373" t="s">
        <v>54225</v>
      </c>
      <c r="H373">
        <v>5.0783238454479998</v>
      </c>
      <c r="I373">
        <v>51.550476006139</v>
      </c>
      <c r="J373" t="s">
        <v>56058</v>
      </c>
    </row>
    <row r="374" spans="1:10" x14ac:dyDescent="0.25">
      <c r="A374" t="s">
        <v>54218</v>
      </c>
      <c r="B374" t="s">
        <v>54219</v>
      </c>
      <c r="C374" t="s">
        <v>54220</v>
      </c>
      <c r="D374" t="s">
        <v>54088</v>
      </c>
      <c r="E374" t="s">
        <v>13</v>
      </c>
      <c r="F374">
        <v>13708</v>
      </c>
      <c r="G374" t="s">
        <v>54221</v>
      </c>
      <c r="H374">
        <v>5.0575552447990004</v>
      </c>
      <c r="I374">
        <v>51.545162842590997</v>
      </c>
      <c r="J374" t="s">
        <v>56059</v>
      </c>
    </row>
    <row r="375" spans="1:10" x14ac:dyDescent="0.25">
      <c r="A375" t="s">
        <v>54214</v>
      </c>
      <c r="B375" t="s">
        <v>54215</v>
      </c>
      <c r="C375" t="s">
        <v>54216</v>
      </c>
      <c r="D375" t="s">
        <v>54088</v>
      </c>
      <c r="E375" t="s">
        <v>13</v>
      </c>
      <c r="F375">
        <v>13707</v>
      </c>
      <c r="G375" t="s">
        <v>54217</v>
      </c>
      <c r="H375">
        <v>5.0621901886040002</v>
      </c>
      <c r="I375">
        <v>51.547074946991003</v>
      </c>
      <c r="J375" t="s">
        <v>56060</v>
      </c>
    </row>
    <row r="376" spans="1:10" x14ac:dyDescent="0.25">
      <c r="A376" t="s">
        <v>54211</v>
      </c>
      <c r="B376" t="s">
        <v>54212</v>
      </c>
      <c r="C376" t="s">
        <v>89</v>
      </c>
      <c r="D376" t="s">
        <v>54088</v>
      </c>
      <c r="E376" t="s">
        <v>13</v>
      </c>
      <c r="F376">
        <v>13706</v>
      </c>
      <c r="G376" t="s">
        <v>54213</v>
      </c>
      <c r="H376">
        <v>5.0642446486389998</v>
      </c>
      <c r="I376">
        <v>51.550208437485999</v>
      </c>
      <c r="J376" t="s">
        <v>56061</v>
      </c>
    </row>
    <row r="377" spans="1:10" x14ac:dyDescent="0.25">
      <c r="A377" t="s">
        <v>54207</v>
      </c>
      <c r="B377" t="s">
        <v>54208</v>
      </c>
      <c r="C377" t="s">
        <v>54209</v>
      </c>
      <c r="D377" t="s">
        <v>54088</v>
      </c>
      <c r="E377" t="s">
        <v>13</v>
      </c>
      <c r="F377">
        <v>13705</v>
      </c>
      <c r="G377" t="s">
        <v>54210</v>
      </c>
      <c r="H377">
        <v>5.0678640489189997</v>
      </c>
      <c r="I377">
        <v>51.551010733647999</v>
      </c>
      <c r="J377" t="s">
        <v>56062</v>
      </c>
    </row>
    <row r="378" spans="1:10" x14ac:dyDescent="0.25">
      <c r="A378" t="s">
        <v>54203</v>
      </c>
      <c r="B378" t="s">
        <v>54204</v>
      </c>
      <c r="C378" t="s">
        <v>54205</v>
      </c>
      <c r="D378" t="s">
        <v>54088</v>
      </c>
      <c r="E378" t="s">
        <v>13</v>
      </c>
      <c r="F378">
        <v>13704</v>
      </c>
      <c r="G378" t="s">
        <v>54206</v>
      </c>
      <c r="H378">
        <v>5.0668873569540001</v>
      </c>
      <c r="I378">
        <v>51.552686563800997</v>
      </c>
      <c r="J378" t="s">
        <v>56063</v>
      </c>
    </row>
    <row r="379" spans="1:10" x14ac:dyDescent="0.25">
      <c r="A379" t="s">
        <v>54199</v>
      </c>
      <c r="B379" t="s">
        <v>54200</v>
      </c>
      <c r="C379" t="s">
        <v>54201</v>
      </c>
      <c r="D379" t="s">
        <v>54088</v>
      </c>
      <c r="E379" t="s">
        <v>13</v>
      </c>
      <c r="F379">
        <v>13703</v>
      </c>
      <c r="G379" t="s">
        <v>54202</v>
      </c>
      <c r="H379">
        <v>5.0634213193080004</v>
      </c>
      <c r="I379">
        <v>51.552730980722998</v>
      </c>
      <c r="J379" t="s">
        <v>56064</v>
      </c>
    </row>
    <row r="380" spans="1:10" x14ac:dyDescent="0.25">
      <c r="A380" t="s">
        <v>54195</v>
      </c>
      <c r="B380" t="s">
        <v>54196</v>
      </c>
      <c r="C380" t="s">
        <v>54197</v>
      </c>
      <c r="D380" t="s">
        <v>54088</v>
      </c>
      <c r="E380" t="s">
        <v>13</v>
      </c>
      <c r="F380">
        <v>13702</v>
      </c>
      <c r="G380" t="s">
        <v>54198</v>
      </c>
      <c r="H380">
        <v>5.0661094612850004</v>
      </c>
      <c r="I380">
        <v>51.554693589057003</v>
      </c>
      <c r="J380" t="s">
        <v>56065</v>
      </c>
    </row>
    <row r="381" spans="1:10" x14ac:dyDescent="0.25">
      <c r="A381" t="s">
        <v>54192</v>
      </c>
      <c r="B381" t="s">
        <v>54193</v>
      </c>
      <c r="C381" t="s">
        <v>1376</v>
      </c>
      <c r="D381" t="s">
        <v>54088</v>
      </c>
      <c r="E381" t="s">
        <v>13</v>
      </c>
      <c r="F381">
        <v>13701</v>
      </c>
      <c r="G381" t="s">
        <v>54194</v>
      </c>
      <c r="H381">
        <v>5.0839562076059996</v>
      </c>
      <c r="I381">
        <v>51.548926773958001</v>
      </c>
      <c r="J381" t="s">
        <v>56066</v>
      </c>
    </row>
    <row r="382" spans="1:10" x14ac:dyDescent="0.25">
      <c r="A382" t="s">
        <v>54188</v>
      </c>
      <c r="B382" t="s">
        <v>54189</v>
      </c>
      <c r="C382" t="s">
        <v>54190</v>
      </c>
      <c r="D382" t="s">
        <v>54088</v>
      </c>
      <c r="E382" t="s">
        <v>13</v>
      </c>
      <c r="F382">
        <v>13700</v>
      </c>
      <c r="G382" t="s">
        <v>54191</v>
      </c>
      <c r="H382">
        <v>5.0805580245000002</v>
      </c>
      <c r="I382">
        <v>51.545353145116003</v>
      </c>
      <c r="J382" t="s">
        <v>56067</v>
      </c>
    </row>
    <row r="383" spans="1:10" x14ac:dyDescent="0.25">
      <c r="A383" t="s">
        <v>54184</v>
      </c>
      <c r="B383" t="s">
        <v>54185</v>
      </c>
      <c r="C383" t="s">
        <v>54186</v>
      </c>
      <c r="D383" t="s">
        <v>54088</v>
      </c>
      <c r="E383" t="s">
        <v>13</v>
      </c>
      <c r="F383">
        <v>13699</v>
      </c>
      <c r="G383" t="s">
        <v>54187</v>
      </c>
      <c r="H383">
        <v>5.0732108936160003</v>
      </c>
      <c r="I383">
        <v>51.545885056300001</v>
      </c>
      <c r="J383" t="s">
        <v>56068</v>
      </c>
    </row>
    <row r="384" spans="1:10" x14ac:dyDescent="0.25">
      <c r="A384" t="s">
        <v>54180</v>
      </c>
      <c r="B384" t="s">
        <v>54181</v>
      </c>
      <c r="C384" t="s">
        <v>54182</v>
      </c>
      <c r="D384" t="s">
        <v>54088</v>
      </c>
      <c r="E384" t="s">
        <v>13</v>
      </c>
      <c r="F384">
        <v>13698</v>
      </c>
      <c r="G384" t="s">
        <v>54183</v>
      </c>
      <c r="H384">
        <v>5.067609420158</v>
      </c>
      <c r="I384">
        <v>51.546082032491</v>
      </c>
      <c r="J384" t="s">
        <v>56069</v>
      </c>
    </row>
    <row r="385" spans="1:10" x14ac:dyDescent="0.25">
      <c r="A385" t="s">
        <v>54176</v>
      </c>
      <c r="B385" t="s">
        <v>54177</v>
      </c>
      <c r="C385" t="s">
        <v>54178</v>
      </c>
      <c r="D385" t="s">
        <v>54088</v>
      </c>
      <c r="E385" t="s">
        <v>13</v>
      </c>
      <c r="F385">
        <v>13697</v>
      </c>
      <c r="G385" t="s">
        <v>54179</v>
      </c>
      <c r="H385">
        <v>5.0954286591109996</v>
      </c>
      <c r="I385">
        <v>51.546119309201003</v>
      </c>
      <c r="J385" t="s">
        <v>56070</v>
      </c>
    </row>
    <row r="386" spans="1:10" x14ac:dyDescent="0.25">
      <c r="A386" t="s">
        <v>54172</v>
      </c>
      <c r="B386" t="s">
        <v>54173</v>
      </c>
      <c r="C386" t="s">
        <v>54174</v>
      </c>
      <c r="D386" t="s">
        <v>54088</v>
      </c>
      <c r="E386" t="s">
        <v>13</v>
      </c>
      <c r="F386">
        <v>13696</v>
      </c>
      <c r="G386" t="s">
        <v>54175</v>
      </c>
      <c r="H386">
        <v>5.0884990334379996</v>
      </c>
      <c r="I386">
        <v>51.544906421459999</v>
      </c>
      <c r="J386" t="s">
        <v>56071</v>
      </c>
    </row>
    <row r="387" spans="1:10" x14ac:dyDescent="0.25">
      <c r="A387" t="s">
        <v>54168</v>
      </c>
      <c r="B387" t="s">
        <v>54169</v>
      </c>
      <c r="C387" t="s">
        <v>54170</v>
      </c>
      <c r="D387" t="s">
        <v>54088</v>
      </c>
      <c r="E387" t="s">
        <v>13</v>
      </c>
      <c r="F387">
        <v>13695</v>
      </c>
      <c r="G387" t="s">
        <v>54171</v>
      </c>
      <c r="H387">
        <v>5.0881577801919997</v>
      </c>
      <c r="I387">
        <v>51.547231706532003</v>
      </c>
      <c r="J387" t="s">
        <v>56072</v>
      </c>
    </row>
    <row r="388" spans="1:10" x14ac:dyDescent="0.25">
      <c r="A388" t="s">
        <v>54164</v>
      </c>
      <c r="B388" t="s">
        <v>54165</v>
      </c>
      <c r="C388" t="s">
        <v>54166</v>
      </c>
      <c r="D388" t="s">
        <v>54088</v>
      </c>
      <c r="E388" t="s">
        <v>13</v>
      </c>
      <c r="F388">
        <v>13694</v>
      </c>
      <c r="G388" t="s">
        <v>54167</v>
      </c>
      <c r="H388">
        <v>5.0919471665699998</v>
      </c>
      <c r="I388">
        <v>51.548908740846997</v>
      </c>
      <c r="J388" t="s">
        <v>56073</v>
      </c>
    </row>
    <row r="389" spans="1:10" x14ac:dyDescent="0.25">
      <c r="A389" t="s">
        <v>54160</v>
      </c>
      <c r="B389" t="s">
        <v>54161</v>
      </c>
      <c r="C389" t="s">
        <v>54162</v>
      </c>
      <c r="D389" t="s">
        <v>54088</v>
      </c>
      <c r="E389" t="s">
        <v>13</v>
      </c>
      <c r="F389">
        <v>13693</v>
      </c>
      <c r="G389" t="s">
        <v>54163</v>
      </c>
      <c r="H389">
        <v>5.0881075170910002</v>
      </c>
      <c r="I389">
        <v>51.550947889367002</v>
      </c>
      <c r="J389" t="s">
        <v>56074</v>
      </c>
    </row>
    <row r="390" spans="1:10" x14ac:dyDescent="0.25">
      <c r="A390" t="s">
        <v>54156</v>
      </c>
      <c r="B390" t="s">
        <v>54157</v>
      </c>
      <c r="C390" t="s">
        <v>54158</v>
      </c>
      <c r="D390" t="s">
        <v>54088</v>
      </c>
      <c r="E390" t="s">
        <v>13</v>
      </c>
      <c r="F390">
        <v>13692</v>
      </c>
      <c r="G390" t="s">
        <v>54159</v>
      </c>
      <c r="H390">
        <v>5.1064284233170003</v>
      </c>
      <c r="I390">
        <v>51.553466739506</v>
      </c>
      <c r="J390" t="s">
        <v>56075</v>
      </c>
    </row>
    <row r="391" spans="1:10" x14ac:dyDescent="0.25">
      <c r="A391" t="s">
        <v>54152</v>
      </c>
      <c r="B391" t="s">
        <v>54153</v>
      </c>
      <c r="C391" t="s">
        <v>54154</v>
      </c>
      <c r="D391" t="s">
        <v>54088</v>
      </c>
      <c r="E391" t="s">
        <v>13</v>
      </c>
      <c r="F391">
        <v>13691</v>
      </c>
      <c r="G391" t="s">
        <v>54155</v>
      </c>
      <c r="H391">
        <v>5.1054782538229997</v>
      </c>
      <c r="I391">
        <v>51.551014983249999</v>
      </c>
      <c r="J391" t="s">
        <v>56076</v>
      </c>
    </row>
    <row r="392" spans="1:10" x14ac:dyDescent="0.25">
      <c r="A392" t="s">
        <v>54148</v>
      </c>
      <c r="B392" t="s">
        <v>54149</v>
      </c>
      <c r="C392" t="s">
        <v>54150</v>
      </c>
      <c r="D392" t="s">
        <v>54088</v>
      </c>
      <c r="E392" t="s">
        <v>13</v>
      </c>
      <c r="F392">
        <v>13690</v>
      </c>
      <c r="G392" t="s">
        <v>54151</v>
      </c>
      <c r="H392">
        <v>5.1028069581290003</v>
      </c>
      <c r="I392">
        <v>51.552702039476003</v>
      </c>
      <c r="J392" t="s">
        <v>56077</v>
      </c>
    </row>
    <row r="393" spans="1:10" x14ac:dyDescent="0.25">
      <c r="A393" t="s">
        <v>54144</v>
      </c>
      <c r="B393" t="s">
        <v>54145</v>
      </c>
      <c r="C393" t="s">
        <v>54146</v>
      </c>
      <c r="D393" t="s">
        <v>54088</v>
      </c>
      <c r="E393" t="s">
        <v>13</v>
      </c>
      <c r="F393">
        <v>13689</v>
      </c>
      <c r="G393" t="s">
        <v>54147</v>
      </c>
      <c r="H393">
        <v>5.100748552122</v>
      </c>
      <c r="I393">
        <v>51.549947963923003</v>
      </c>
      <c r="J393" t="s">
        <v>56078</v>
      </c>
    </row>
    <row r="394" spans="1:10" x14ac:dyDescent="0.25">
      <c r="A394" t="s">
        <v>54140</v>
      </c>
      <c r="B394" t="s">
        <v>54141</v>
      </c>
      <c r="C394" t="s">
        <v>54142</v>
      </c>
      <c r="D394" t="s">
        <v>54088</v>
      </c>
      <c r="E394" t="s">
        <v>13</v>
      </c>
      <c r="F394">
        <v>13688</v>
      </c>
      <c r="G394" t="s">
        <v>54143</v>
      </c>
      <c r="H394">
        <v>5.0967904485400002</v>
      </c>
      <c r="I394">
        <v>51.549574369993003</v>
      </c>
      <c r="J394" t="s">
        <v>56079</v>
      </c>
    </row>
    <row r="395" spans="1:10" x14ac:dyDescent="0.25">
      <c r="A395" t="s">
        <v>54136</v>
      </c>
      <c r="B395" t="s">
        <v>54137</v>
      </c>
      <c r="C395" t="s">
        <v>54138</v>
      </c>
      <c r="D395" t="s">
        <v>54088</v>
      </c>
      <c r="E395" t="s">
        <v>13</v>
      </c>
      <c r="F395">
        <v>13687</v>
      </c>
      <c r="G395" t="s">
        <v>54139</v>
      </c>
      <c r="H395">
        <v>5.1113816641280003</v>
      </c>
      <c r="I395">
        <v>51.553276912921</v>
      </c>
      <c r="J395" t="s">
        <v>56080</v>
      </c>
    </row>
    <row r="396" spans="1:10" x14ac:dyDescent="0.25">
      <c r="A396" t="s">
        <v>54132</v>
      </c>
      <c r="B396" t="s">
        <v>54133</v>
      </c>
      <c r="C396" t="s">
        <v>54134</v>
      </c>
      <c r="D396" t="s">
        <v>54088</v>
      </c>
      <c r="E396" t="s">
        <v>13</v>
      </c>
      <c r="F396">
        <v>13686</v>
      </c>
      <c r="G396" t="s">
        <v>54135</v>
      </c>
      <c r="H396">
        <v>5.1097546540409997</v>
      </c>
      <c r="I396">
        <v>51.555185678400001</v>
      </c>
      <c r="J396" t="s">
        <v>56081</v>
      </c>
    </row>
    <row r="397" spans="1:10" x14ac:dyDescent="0.25">
      <c r="A397" t="s">
        <v>54128</v>
      </c>
      <c r="B397" t="s">
        <v>54129</v>
      </c>
      <c r="C397" t="s">
        <v>54130</v>
      </c>
      <c r="D397" t="s">
        <v>54088</v>
      </c>
      <c r="E397" t="s">
        <v>13</v>
      </c>
      <c r="F397">
        <v>13685</v>
      </c>
      <c r="G397" t="s">
        <v>54131</v>
      </c>
      <c r="H397">
        <v>5.1081162912669997</v>
      </c>
      <c r="I397">
        <v>51.557110786986001</v>
      </c>
      <c r="J397" t="s">
        <v>56082</v>
      </c>
    </row>
    <row r="398" spans="1:10" x14ac:dyDescent="0.25">
      <c r="A398" t="s">
        <v>54124</v>
      </c>
      <c r="B398" t="s">
        <v>54125</v>
      </c>
      <c r="C398" t="s">
        <v>54126</v>
      </c>
      <c r="D398" t="s">
        <v>54088</v>
      </c>
      <c r="E398" t="s">
        <v>13</v>
      </c>
      <c r="F398">
        <v>13684</v>
      </c>
      <c r="G398" t="s">
        <v>54127</v>
      </c>
      <c r="H398">
        <v>5.1088200821290002</v>
      </c>
      <c r="I398">
        <v>51.560303006780003</v>
      </c>
      <c r="J398" t="s">
        <v>56083</v>
      </c>
    </row>
    <row r="399" spans="1:10" x14ac:dyDescent="0.25">
      <c r="A399" t="s">
        <v>54120</v>
      </c>
      <c r="B399" t="s">
        <v>54121</v>
      </c>
      <c r="C399" t="s">
        <v>54122</v>
      </c>
      <c r="D399" t="s">
        <v>54088</v>
      </c>
      <c r="E399" t="s">
        <v>13</v>
      </c>
      <c r="F399">
        <v>13683</v>
      </c>
      <c r="G399" t="s">
        <v>54123</v>
      </c>
      <c r="H399">
        <v>5.1057930994119998</v>
      </c>
      <c r="I399">
        <v>51.55972597081</v>
      </c>
      <c r="J399" t="s">
        <v>56084</v>
      </c>
    </row>
    <row r="400" spans="1:10" x14ac:dyDescent="0.25">
      <c r="A400" t="s">
        <v>54116</v>
      </c>
      <c r="B400" t="s">
        <v>54117</v>
      </c>
      <c r="C400" t="s">
        <v>54118</v>
      </c>
      <c r="D400" t="s">
        <v>54088</v>
      </c>
      <c r="E400" t="s">
        <v>13</v>
      </c>
      <c r="F400">
        <v>13682</v>
      </c>
      <c r="G400" t="s">
        <v>54119</v>
      </c>
      <c r="H400">
        <v>5.092801828202</v>
      </c>
      <c r="I400">
        <v>51.552084124655998</v>
      </c>
      <c r="J400" t="s">
        <v>56085</v>
      </c>
    </row>
    <row r="401" spans="1:10" x14ac:dyDescent="0.25">
      <c r="A401" t="s">
        <v>54112</v>
      </c>
      <c r="B401" t="s">
        <v>54113</v>
      </c>
      <c r="C401" t="s">
        <v>54114</v>
      </c>
      <c r="D401" t="s">
        <v>54088</v>
      </c>
      <c r="E401" t="s">
        <v>13</v>
      </c>
      <c r="F401">
        <v>13681</v>
      </c>
      <c r="G401" t="s">
        <v>54115</v>
      </c>
      <c r="H401">
        <v>5.0939093835689997</v>
      </c>
      <c r="I401">
        <v>51.554723456742998</v>
      </c>
      <c r="J401" t="s">
        <v>56086</v>
      </c>
    </row>
    <row r="402" spans="1:10" x14ac:dyDescent="0.25">
      <c r="A402" t="s">
        <v>54108</v>
      </c>
      <c r="B402" t="s">
        <v>54109</v>
      </c>
      <c r="C402" t="s">
        <v>54110</v>
      </c>
      <c r="D402" t="s">
        <v>54088</v>
      </c>
      <c r="E402" t="s">
        <v>13</v>
      </c>
      <c r="F402">
        <v>13680</v>
      </c>
      <c r="G402" t="s">
        <v>54111</v>
      </c>
      <c r="H402">
        <v>5.1007412890530004</v>
      </c>
      <c r="I402">
        <v>51.554669397212002</v>
      </c>
      <c r="J402" t="s">
        <v>56087</v>
      </c>
    </row>
    <row r="403" spans="1:10" x14ac:dyDescent="0.25">
      <c r="A403" t="s">
        <v>54105</v>
      </c>
      <c r="B403" t="s">
        <v>54106</v>
      </c>
      <c r="C403" t="s">
        <v>26527</v>
      </c>
      <c r="D403" t="s">
        <v>54088</v>
      </c>
      <c r="E403" t="s">
        <v>13</v>
      </c>
      <c r="F403">
        <v>13679</v>
      </c>
      <c r="G403" t="s">
        <v>54107</v>
      </c>
      <c r="H403">
        <v>5.1001218705960003</v>
      </c>
      <c r="I403">
        <v>51.558070818471002</v>
      </c>
      <c r="J403" t="s">
        <v>56088</v>
      </c>
    </row>
    <row r="404" spans="1:10" x14ac:dyDescent="0.25">
      <c r="A404" t="s">
        <v>54102</v>
      </c>
      <c r="B404" t="s">
        <v>54103</v>
      </c>
      <c r="C404" t="s">
        <v>27655</v>
      </c>
      <c r="D404" t="s">
        <v>54088</v>
      </c>
      <c r="E404" t="s">
        <v>13</v>
      </c>
      <c r="F404">
        <v>13678</v>
      </c>
      <c r="G404" t="s">
        <v>54104</v>
      </c>
      <c r="H404">
        <v>5.0937019043309997</v>
      </c>
      <c r="I404">
        <v>51.558889711398997</v>
      </c>
      <c r="J404" t="s">
        <v>56089</v>
      </c>
    </row>
    <row r="405" spans="1:10" x14ac:dyDescent="0.25">
      <c r="A405" t="s">
        <v>54098</v>
      </c>
      <c r="B405" t="s">
        <v>54099</v>
      </c>
      <c r="C405" t="s">
        <v>54100</v>
      </c>
      <c r="D405" t="s">
        <v>54088</v>
      </c>
      <c r="E405" t="s">
        <v>13</v>
      </c>
      <c r="F405">
        <v>13677</v>
      </c>
      <c r="G405" t="s">
        <v>54101</v>
      </c>
      <c r="H405">
        <v>5.0830878951829996</v>
      </c>
      <c r="I405">
        <v>51.552655601495999</v>
      </c>
      <c r="J405" t="s">
        <v>56090</v>
      </c>
    </row>
    <row r="406" spans="1:10" x14ac:dyDescent="0.25">
      <c r="A406" t="s">
        <v>54094</v>
      </c>
      <c r="B406" t="s">
        <v>54095</v>
      </c>
      <c r="C406" t="s">
        <v>54096</v>
      </c>
      <c r="D406" t="s">
        <v>54088</v>
      </c>
      <c r="E406" t="s">
        <v>13</v>
      </c>
      <c r="F406">
        <v>13676</v>
      </c>
      <c r="G406" t="s">
        <v>54097</v>
      </c>
      <c r="H406">
        <v>5.0881981321560001</v>
      </c>
      <c r="I406">
        <v>51.553382078772003</v>
      </c>
      <c r="J406" t="s">
        <v>56091</v>
      </c>
    </row>
    <row r="407" spans="1:10" x14ac:dyDescent="0.25">
      <c r="A407" t="s">
        <v>54090</v>
      </c>
      <c r="B407" t="s">
        <v>54091</v>
      </c>
      <c r="C407" t="s">
        <v>54092</v>
      </c>
      <c r="D407" t="s">
        <v>54088</v>
      </c>
      <c r="E407" t="s">
        <v>13</v>
      </c>
      <c r="F407">
        <v>13675</v>
      </c>
      <c r="G407" t="s">
        <v>54093</v>
      </c>
      <c r="H407">
        <v>5.087297175452</v>
      </c>
      <c r="I407">
        <v>51.557301307370999</v>
      </c>
      <c r="J407" t="s">
        <v>56092</v>
      </c>
    </row>
    <row r="408" spans="1:10" x14ac:dyDescent="0.25">
      <c r="A408" t="s">
        <v>54085</v>
      </c>
      <c r="B408" t="s">
        <v>54086</v>
      </c>
      <c r="C408" t="s">
        <v>54087</v>
      </c>
      <c r="D408" t="s">
        <v>54088</v>
      </c>
      <c r="E408" t="s">
        <v>13</v>
      </c>
      <c r="F408">
        <v>13674</v>
      </c>
      <c r="G408" t="s">
        <v>54089</v>
      </c>
      <c r="H408">
        <v>5.0811783094849998</v>
      </c>
      <c r="I408">
        <v>51.557456945010998</v>
      </c>
      <c r="J408" t="s">
        <v>56093</v>
      </c>
    </row>
    <row r="409" spans="1:10" x14ac:dyDescent="0.25">
      <c r="A409" t="s">
        <v>54081</v>
      </c>
      <c r="B409" t="s">
        <v>54082</v>
      </c>
      <c r="C409" t="s">
        <v>54083</v>
      </c>
      <c r="D409" t="s">
        <v>53951</v>
      </c>
      <c r="E409" t="s">
        <v>13</v>
      </c>
      <c r="F409">
        <v>13673</v>
      </c>
      <c r="G409" t="s">
        <v>54084</v>
      </c>
      <c r="H409">
        <v>5.2105193042610001</v>
      </c>
      <c r="I409">
        <v>51.607018056149002</v>
      </c>
      <c r="J409" t="s">
        <v>56094</v>
      </c>
    </row>
    <row r="410" spans="1:10" x14ac:dyDescent="0.25">
      <c r="A410" t="s">
        <v>54077</v>
      </c>
      <c r="B410" t="s">
        <v>54078</v>
      </c>
      <c r="C410" t="s">
        <v>54079</v>
      </c>
      <c r="D410" t="s">
        <v>53951</v>
      </c>
      <c r="E410" t="s">
        <v>13</v>
      </c>
      <c r="F410">
        <v>13672</v>
      </c>
      <c r="G410" t="s">
        <v>54080</v>
      </c>
      <c r="H410">
        <v>5.2438632720509997</v>
      </c>
      <c r="I410">
        <v>51.600961331637997</v>
      </c>
      <c r="J410" t="s">
        <v>56095</v>
      </c>
    </row>
    <row r="411" spans="1:10" x14ac:dyDescent="0.25">
      <c r="A411" t="s">
        <v>54073</v>
      </c>
      <c r="B411" t="s">
        <v>54074</v>
      </c>
      <c r="C411" t="s">
        <v>54075</v>
      </c>
      <c r="D411" t="s">
        <v>53951</v>
      </c>
      <c r="E411" t="s">
        <v>13</v>
      </c>
      <c r="F411">
        <v>13671</v>
      </c>
      <c r="G411" t="s">
        <v>54076</v>
      </c>
      <c r="H411">
        <v>5.2549464726570001</v>
      </c>
      <c r="I411">
        <v>51.619128113591003</v>
      </c>
      <c r="J411" t="s">
        <v>56096</v>
      </c>
    </row>
    <row r="412" spans="1:10" x14ac:dyDescent="0.25">
      <c r="A412" t="s">
        <v>54069</v>
      </c>
      <c r="B412" t="s">
        <v>54070</v>
      </c>
      <c r="C412" t="s">
        <v>54071</v>
      </c>
      <c r="D412" t="s">
        <v>53951</v>
      </c>
      <c r="E412" t="s">
        <v>13</v>
      </c>
      <c r="F412">
        <v>13670</v>
      </c>
      <c r="G412" t="s">
        <v>54072</v>
      </c>
      <c r="H412">
        <v>5.2213264581300001</v>
      </c>
      <c r="I412">
        <v>51.602436373619</v>
      </c>
      <c r="J412" t="s">
        <v>56097</v>
      </c>
    </row>
    <row r="413" spans="1:10" x14ac:dyDescent="0.25">
      <c r="A413" t="s">
        <v>54065</v>
      </c>
      <c r="B413" t="s">
        <v>54066</v>
      </c>
      <c r="C413" t="s">
        <v>54067</v>
      </c>
      <c r="D413" t="s">
        <v>53951</v>
      </c>
      <c r="E413" t="s">
        <v>13</v>
      </c>
      <c r="F413">
        <v>13669</v>
      </c>
      <c r="G413" t="s">
        <v>54068</v>
      </c>
      <c r="H413">
        <v>5.2348448309120004</v>
      </c>
      <c r="I413">
        <v>51.596942090638002</v>
      </c>
      <c r="J413" t="s">
        <v>56098</v>
      </c>
    </row>
    <row r="414" spans="1:10" x14ac:dyDescent="0.25">
      <c r="A414" t="s">
        <v>54061</v>
      </c>
      <c r="B414" t="s">
        <v>54062</v>
      </c>
      <c r="C414" t="s">
        <v>54063</v>
      </c>
      <c r="D414" t="s">
        <v>53951</v>
      </c>
      <c r="E414" t="s">
        <v>13</v>
      </c>
      <c r="F414">
        <v>13668</v>
      </c>
      <c r="G414" t="s">
        <v>54064</v>
      </c>
      <c r="H414">
        <v>5.178013274335</v>
      </c>
      <c r="I414">
        <v>51.571691603196001</v>
      </c>
      <c r="J414" t="s">
        <v>56099</v>
      </c>
    </row>
    <row r="415" spans="1:10" x14ac:dyDescent="0.25">
      <c r="A415" t="s">
        <v>54057</v>
      </c>
      <c r="B415" t="s">
        <v>54058</v>
      </c>
      <c r="C415" t="s">
        <v>54059</v>
      </c>
      <c r="D415" t="s">
        <v>53951</v>
      </c>
      <c r="E415" t="s">
        <v>13</v>
      </c>
      <c r="F415">
        <v>13667</v>
      </c>
      <c r="G415" t="s">
        <v>54060</v>
      </c>
      <c r="H415">
        <v>5.1870753636889999</v>
      </c>
      <c r="I415">
        <v>51.581998826312002</v>
      </c>
      <c r="J415" t="s">
        <v>56100</v>
      </c>
    </row>
    <row r="416" spans="1:10" x14ac:dyDescent="0.25">
      <c r="A416" t="s">
        <v>54053</v>
      </c>
      <c r="B416" t="s">
        <v>54054</v>
      </c>
      <c r="C416" t="s">
        <v>54055</v>
      </c>
      <c r="D416" t="s">
        <v>53951</v>
      </c>
      <c r="E416" t="s">
        <v>13</v>
      </c>
      <c r="F416">
        <v>13666</v>
      </c>
      <c r="G416" t="s">
        <v>54056</v>
      </c>
      <c r="H416">
        <v>5.1994721551380003</v>
      </c>
      <c r="I416">
        <v>51.590116607200002</v>
      </c>
      <c r="J416" t="s">
        <v>56101</v>
      </c>
    </row>
    <row r="417" spans="1:10" x14ac:dyDescent="0.25">
      <c r="A417" t="s">
        <v>54049</v>
      </c>
      <c r="B417" t="s">
        <v>54050</v>
      </c>
      <c r="C417" t="s">
        <v>54051</v>
      </c>
      <c r="D417" t="s">
        <v>53951</v>
      </c>
      <c r="E417" t="s">
        <v>13</v>
      </c>
      <c r="F417">
        <v>13665</v>
      </c>
      <c r="G417" t="s">
        <v>54052</v>
      </c>
      <c r="H417">
        <v>5.1683394663</v>
      </c>
      <c r="I417">
        <v>51.586563505400001</v>
      </c>
      <c r="J417" t="s">
        <v>56102</v>
      </c>
    </row>
    <row r="418" spans="1:10" x14ac:dyDescent="0.25">
      <c r="A418" t="s">
        <v>54045</v>
      </c>
      <c r="B418" t="s">
        <v>54046</v>
      </c>
      <c r="C418" t="s">
        <v>54047</v>
      </c>
      <c r="D418" t="s">
        <v>53951</v>
      </c>
      <c r="E418" t="s">
        <v>13</v>
      </c>
      <c r="F418">
        <v>13664</v>
      </c>
      <c r="G418" t="s">
        <v>54048</v>
      </c>
      <c r="H418">
        <v>5.1774056622820002</v>
      </c>
      <c r="I418">
        <v>51.525343045728</v>
      </c>
      <c r="J418" t="s">
        <v>56103</v>
      </c>
    </row>
    <row r="419" spans="1:10" x14ac:dyDescent="0.25">
      <c r="A419" t="s">
        <v>54041</v>
      </c>
      <c r="B419" t="s">
        <v>54042</v>
      </c>
      <c r="C419" t="s">
        <v>54043</v>
      </c>
      <c r="D419" t="s">
        <v>53951</v>
      </c>
      <c r="E419" t="s">
        <v>13</v>
      </c>
      <c r="F419">
        <v>13663</v>
      </c>
      <c r="G419" t="s">
        <v>54044</v>
      </c>
      <c r="H419">
        <v>5.2010156575369999</v>
      </c>
      <c r="I419">
        <v>51.527293809615998</v>
      </c>
      <c r="J419" t="s">
        <v>56104</v>
      </c>
    </row>
    <row r="420" spans="1:10" x14ac:dyDescent="0.25">
      <c r="A420" t="s">
        <v>54037</v>
      </c>
      <c r="B420" t="s">
        <v>54038</v>
      </c>
      <c r="C420" t="s">
        <v>54039</v>
      </c>
      <c r="D420" t="s">
        <v>53951</v>
      </c>
      <c r="E420" t="s">
        <v>13</v>
      </c>
      <c r="F420">
        <v>13662</v>
      </c>
      <c r="G420" t="s">
        <v>54040</v>
      </c>
      <c r="H420">
        <v>5.1946181247440002</v>
      </c>
      <c r="I420">
        <v>51.580089114574001</v>
      </c>
      <c r="J420" t="s">
        <v>56105</v>
      </c>
    </row>
    <row r="421" spans="1:10" x14ac:dyDescent="0.25">
      <c r="A421" t="s">
        <v>54033</v>
      </c>
      <c r="B421" t="s">
        <v>54034</v>
      </c>
      <c r="C421" t="s">
        <v>54035</v>
      </c>
      <c r="D421" t="s">
        <v>53951</v>
      </c>
      <c r="E421" t="s">
        <v>13</v>
      </c>
      <c r="F421">
        <v>13661</v>
      </c>
      <c r="G421" t="s">
        <v>54036</v>
      </c>
      <c r="H421">
        <v>5.1849799305289999</v>
      </c>
      <c r="I421">
        <v>51.577815091239003</v>
      </c>
      <c r="J421" t="s">
        <v>56106</v>
      </c>
    </row>
    <row r="422" spans="1:10" x14ac:dyDescent="0.25">
      <c r="A422" t="s">
        <v>54029</v>
      </c>
      <c r="B422" t="s">
        <v>54030</v>
      </c>
      <c r="C422" t="s">
        <v>54031</v>
      </c>
      <c r="D422" t="s">
        <v>53951</v>
      </c>
      <c r="E422" t="s">
        <v>13</v>
      </c>
      <c r="F422">
        <v>13660</v>
      </c>
      <c r="G422" t="s">
        <v>54032</v>
      </c>
      <c r="H422">
        <v>5.1961992752150001</v>
      </c>
      <c r="I422">
        <v>51.585408450462999</v>
      </c>
      <c r="J422" t="s">
        <v>56107</v>
      </c>
    </row>
    <row r="423" spans="1:10" x14ac:dyDescent="0.25">
      <c r="A423" t="s">
        <v>54025</v>
      </c>
      <c r="B423" t="s">
        <v>54026</v>
      </c>
      <c r="C423" t="s">
        <v>54027</v>
      </c>
      <c r="D423" t="s">
        <v>53951</v>
      </c>
      <c r="E423" t="s">
        <v>13</v>
      </c>
      <c r="F423">
        <v>13659</v>
      </c>
      <c r="G423" t="s">
        <v>54028</v>
      </c>
      <c r="H423">
        <v>5.2067993467239999</v>
      </c>
      <c r="I423">
        <v>51.582842650886001</v>
      </c>
      <c r="J423" t="s">
        <v>56108</v>
      </c>
    </row>
    <row r="424" spans="1:10" x14ac:dyDescent="0.25">
      <c r="A424" t="s">
        <v>54021</v>
      </c>
      <c r="B424" t="s">
        <v>54022</v>
      </c>
      <c r="C424" t="s">
        <v>54023</v>
      </c>
      <c r="D424" t="s">
        <v>53951</v>
      </c>
      <c r="E424" t="s">
        <v>13</v>
      </c>
      <c r="F424">
        <v>13658</v>
      </c>
      <c r="G424" t="s">
        <v>54024</v>
      </c>
      <c r="H424">
        <v>5.21466632999</v>
      </c>
      <c r="I424">
        <v>51.577816253110001</v>
      </c>
      <c r="J424" t="s">
        <v>56109</v>
      </c>
    </row>
    <row r="425" spans="1:10" x14ac:dyDescent="0.25">
      <c r="A425" t="s">
        <v>54017</v>
      </c>
      <c r="B425" t="s">
        <v>54018</v>
      </c>
      <c r="C425" t="s">
        <v>54019</v>
      </c>
      <c r="D425" t="s">
        <v>53951</v>
      </c>
      <c r="E425" t="s">
        <v>13</v>
      </c>
      <c r="F425">
        <v>13657</v>
      </c>
      <c r="G425" t="s">
        <v>54020</v>
      </c>
      <c r="H425">
        <v>5.2070143014020003</v>
      </c>
      <c r="I425">
        <v>51.579034373653997</v>
      </c>
      <c r="J425" t="s">
        <v>56110</v>
      </c>
    </row>
    <row r="426" spans="1:10" x14ac:dyDescent="0.25">
      <c r="A426" t="s">
        <v>54013</v>
      </c>
      <c r="B426" t="s">
        <v>54014</v>
      </c>
      <c r="C426" t="s">
        <v>54015</v>
      </c>
      <c r="D426" t="s">
        <v>53951</v>
      </c>
      <c r="E426" t="s">
        <v>13</v>
      </c>
      <c r="F426">
        <v>13656</v>
      </c>
      <c r="G426" t="s">
        <v>54016</v>
      </c>
      <c r="H426">
        <v>5.1834170403100002</v>
      </c>
      <c r="I426">
        <v>51.593075284675002</v>
      </c>
      <c r="J426" t="s">
        <v>56111</v>
      </c>
    </row>
    <row r="427" spans="1:10" x14ac:dyDescent="0.25">
      <c r="A427" t="s">
        <v>54009</v>
      </c>
      <c r="B427" t="s">
        <v>54010</v>
      </c>
      <c r="C427" t="s">
        <v>54011</v>
      </c>
      <c r="D427" t="s">
        <v>53951</v>
      </c>
      <c r="E427" t="s">
        <v>13</v>
      </c>
      <c r="F427">
        <v>13655</v>
      </c>
      <c r="G427" t="s">
        <v>54012</v>
      </c>
      <c r="H427">
        <v>5.193511475657</v>
      </c>
      <c r="I427">
        <v>51.574613792283998</v>
      </c>
      <c r="J427" t="s">
        <v>56112</v>
      </c>
    </row>
    <row r="428" spans="1:10" x14ac:dyDescent="0.25">
      <c r="A428" t="s">
        <v>54005</v>
      </c>
      <c r="B428" t="s">
        <v>54006</v>
      </c>
      <c r="C428" t="s">
        <v>54007</v>
      </c>
      <c r="D428" t="s">
        <v>53951</v>
      </c>
      <c r="E428" t="s">
        <v>13</v>
      </c>
      <c r="F428">
        <v>13654</v>
      </c>
      <c r="G428" t="s">
        <v>54008</v>
      </c>
      <c r="H428">
        <v>5.1865100797860002</v>
      </c>
      <c r="I428">
        <v>51.573595126370002</v>
      </c>
      <c r="J428" t="s">
        <v>56113</v>
      </c>
    </row>
    <row r="429" spans="1:10" x14ac:dyDescent="0.25">
      <c r="A429" t="s">
        <v>54001</v>
      </c>
      <c r="B429" t="s">
        <v>54002</v>
      </c>
      <c r="C429" t="s">
        <v>54003</v>
      </c>
      <c r="D429" t="s">
        <v>53951</v>
      </c>
      <c r="E429" t="s">
        <v>13</v>
      </c>
      <c r="F429">
        <v>13653</v>
      </c>
      <c r="G429" t="s">
        <v>54004</v>
      </c>
      <c r="H429">
        <v>5.2020444071460004</v>
      </c>
      <c r="I429">
        <v>51.573220002088</v>
      </c>
      <c r="J429" t="s">
        <v>56114</v>
      </c>
    </row>
    <row r="430" spans="1:10" x14ac:dyDescent="0.25">
      <c r="A430" t="s">
        <v>53997</v>
      </c>
      <c r="B430" t="s">
        <v>53998</v>
      </c>
      <c r="C430" t="s">
        <v>53999</v>
      </c>
      <c r="D430" t="s">
        <v>53951</v>
      </c>
      <c r="E430" t="s">
        <v>13</v>
      </c>
      <c r="F430">
        <v>13652</v>
      </c>
      <c r="G430" t="s">
        <v>54000</v>
      </c>
      <c r="H430">
        <v>5.1886658897739997</v>
      </c>
      <c r="I430">
        <v>51.568867935314998</v>
      </c>
      <c r="J430" t="s">
        <v>56115</v>
      </c>
    </row>
    <row r="431" spans="1:10" x14ac:dyDescent="0.25">
      <c r="A431" t="s">
        <v>53993</v>
      </c>
      <c r="B431" t="s">
        <v>53994</v>
      </c>
      <c r="C431" t="s">
        <v>53995</v>
      </c>
      <c r="D431" t="s">
        <v>53951</v>
      </c>
      <c r="E431" t="s">
        <v>13</v>
      </c>
      <c r="F431">
        <v>13651</v>
      </c>
      <c r="G431" t="s">
        <v>53996</v>
      </c>
      <c r="H431">
        <v>5.1755704996</v>
      </c>
      <c r="I431">
        <v>51.576612567310001</v>
      </c>
      <c r="J431" t="s">
        <v>56116</v>
      </c>
    </row>
    <row r="432" spans="1:10" x14ac:dyDescent="0.25">
      <c r="A432" t="s">
        <v>53989</v>
      </c>
      <c r="B432" t="s">
        <v>53990</v>
      </c>
      <c r="C432" t="s">
        <v>53991</v>
      </c>
      <c r="D432" t="s">
        <v>53951</v>
      </c>
      <c r="E432" t="s">
        <v>13</v>
      </c>
      <c r="F432">
        <v>13650</v>
      </c>
      <c r="G432" t="s">
        <v>53992</v>
      </c>
      <c r="H432">
        <v>5.1707583161750001</v>
      </c>
      <c r="I432">
        <v>51.574238947623002</v>
      </c>
      <c r="J432" t="s">
        <v>56117</v>
      </c>
    </row>
    <row r="433" spans="1:10" x14ac:dyDescent="0.25">
      <c r="A433" t="s">
        <v>53985</v>
      </c>
      <c r="B433" t="s">
        <v>53986</v>
      </c>
      <c r="C433" t="s">
        <v>53987</v>
      </c>
      <c r="D433" t="s">
        <v>53951</v>
      </c>
      <c r="E433" t="s">
        <v>13</v>
      </c>
      <c r="F433">
        <v>13649</v>
      </c>
      <c r="G433" t="s">
        <v>53988</v>
      </c>
      <c r="H433">
        <v>5.1766461610689998</v>
      </c>
      <c r="I433">
        <v>51.573980033513998</v>
      </c>
      <c r="J433" t="s">
        <v>56118</v>
      </c>
    </row>
    <row r="434" spans="1:10" x14ac:dyDescent="0.25">
      <c r="A434" t="s">
        <v>53981</v>
      </c>
      <c r="B434" t="s">
        <v>53982</v>
      </c>
      <c r="C434" t="s">
        <v>53983</v>
      </c>
      <c r="D434" t="s">
        <v>53951</v>
      </c>
      <c r="E434" t="s">
        <v>13</v>
      </c>
      <c r="F434">
        <v>13648</v>
      </c>
      <c r="G434" t="s">
        <v>53984</v>
      </c>
      <c r="H434">
        <v>5.1793336360979998</v>
      </c>
      <c r="I434">
        <v>51.544915197046997</v>
      </c>
      <c r="J434" t="s">
        <v>56119</v>
      </c>
    </row>
    <row r="435" spans="1:10" x14ac:dyDescent="0.25">
      <c r="A435" t="s">
        <v>53977</v>
      </c>
      <c r="B435" t="s">
        <v>53978</v>
      </c>
      <c r="C435" t="s">
        <v>53979</v>
      </c>
      <c r="D435" t="s">
        <v>53951</v>
      </c>
      <c r="E435" t="s">
        <v>13</v>
      </c>
      <c r="F435">
        <v>13647</v>
      </c>
      <c r="G435" t="s">
        <v>53980</v>
      </c>
      <c r="H435">
        <v>5.2004123719670003</v>
      </c>
      <c r="I435">
        <v>51.585163304750999</v>
      </c>
      <c r="J435" t="s">
        <v>56120</v>
      </c>
    </row>
    <row r="436" spans="1:10" x14ac:dyDescent="0.25">
      <c r="A436" t="s">
        <v>53973</v>
      </c>
      <c r="B436" t="s">
        <v>53974</v>
      </c>
      <c r="C436" t="s">
        <v>53975</v>
      </c>
      <c r="D436" t="s">
        <v>53951</v>
      </c>
      <c r="E436" t="s">
        <v>13</v>
      </c>
      <c r="F436">
        <v>13646</v>
      </c>
      <c r="G436" t="s">
        <v>53976</v>
      </c>
      <c r="H436">
        <v>5.1671415987389997</v>
      </c>
      <c r="I436">
        <v>51.528274060294997</v>
      </c>
      <c r="J436" t="s">
        <v>56121</v>
      </c>
    </row>
    <row r="437" spans="1:10" x14ac:dyDescent="0.25">
      <c r="A437" t="s">
        <v>53969</v>
      </c>
      <c r="B437" t="s">
        <v>53970</v>
      </c>
      <c r="C437" t="s">
        <v>53971</v>
      </c>
      <c r="D437" t="s">
        <v>53951</v>
      </c>
      <c r="E437" t="s">
        <v>13</v>
      </c>
      <c r="F437">
        <v>13645</v>
      </c>
      <c r="G437" t="s">
        <v>53972</v>
      </c>
      <c r="H437">
        <v>5.248391186329</v>
      </c>
      <c r="I437">
        <v>51.54403329046</v>
      </c>
      <c r="J437" t="s">
        <v>56122</v>
      </c>
    </row>
    <row r="438" spans="1:10" x14ac:dyDescent="0.25">
      <c r="A438" t="s">
        <v>53965</v>
      </c>
      <c r="B438" t="s">
        <v>53966</v>
      </c>
      <c r="C438" t="s">
        <v>53967</v>
      </c>
      <c r="D438" t="s">
        <v>53951</v>
      </c>
      <c r="E438" t="s">
        <v>13</v>
      </c>
      <c r="F438">
        <v>13644</v>
      </c>
      <c r="G438" t="s">
        <v>53968</v>
      </c>
      <c r="H438">
        <v>5.2108399129640004</v>
      </c>
      <c r="I438">
        <v>51.565165389659001</v>
      </c>
      <c r="J438" t="s">
        <v>56123</v>
      </c>
    </row>
    <row r="439" spans="1:10" x14ac:dyDescent="0.25">
      <c r="A439" t="s">
        <v>53961</v>
      </c>
      <c r="B439" t="s">
        <v>53962</v>
      </c>
      <c r="C439" t="s">
        <v>53963</v>
      </c>
      <c r="D439" t="s">
        <v>53951</v>
      </c>
      <c r="E439" t="s">
        <v>13</v>
      </c>
      <c r="F439">
        <v>13643</v>
      </c>
      <c r="G439" t="s">
        <v>53964</v>
      </c>
      <c r="H439">
        <v>5.1551316913500003</v>
      </c>
      <c r="I439">
        <v>51.572087611264003</v>
      </c>
      <c r="J439" t="s">
        <v>56124</v>
      </c>
    </row>
    <row r="440" spans="1:10" x14ac:dyDescent="0.25">
      <c r="A440" t="s">
        <v>53957</v>
      </c>
      <c r="B440" t="s">
        <v>53958</v>
      </c>
      <c r="C440" t="s">
        <v>53959</v>
      </c>
      <c r="D440" t="s">
        <v>53951</v>
      </c>
      <c r="E440" t="s">
        <v>13</v>
      </c>
      <c r="F440">
        <v>13642</v>
      </c>
      <c r="G440" t="s">
        <v>53960</v>
      </c>
      <c r="H440">
        <v>5.1808393896530003</v>
      </c>
      <c r="I440">
        <v>51.583786526508</v>
      </c>
      <c r="J440" t="s">
        <v>56125</v>
      </c>
    </row>
    <row r="441" spans="1:10" x14ac:dyDescent="0.25">
      <c r="A441" t="s">
        <v>53953</v>
      </c>
      <c r="B441" t="s">
        <v>53954</v>
      </c>
      <c r="C441" t="s">
        <v>53955</v>
      </c>
      <c r="D441" t="s">
        <v>53951</v>
      </c>
      <c r="E441" t="s">
        <v>13</v>
      </c>
      <c r="F441">
        <v>13641</v>
      </c>
      <c r="G441" t="s">
        <v>53956</v>
      </c>
      <c r="H441">
        <v>5.172985195301</v>
      </c>
      <c r="I441">
        <v>51.580905260207999</v>
      </c>
      <c r="J441" t="s">
        <v>56126</v>
      </c>
    </row>
    <row r="442" spans="1:10" x14ac:dyDescent="0.25">
      <c r="A442" t="s">
        <v>53948</v>
      </c>
      <c r="B442" t="s">
        <v>53949</v>
      </c>
      <c r="C442" t="s">
        <v>53950</v>
      </c>
      <c r="D442" t="s">
        <v>53951</v>
      </c>
      <c r="E442" t="s">
        <v>13</v>
      </c>
      <c r="F442">
        <v>13640</v>
      </c>
      <c r="G442" t="s">
        <v>53952</v>
      </c>
      <c r="H442">
        <v>5.1677615192430002</v>
      </c>
      <c r="I442">
        <v>51.542662943712003</v>
      </c>
      <c r="J442" t="s">
        <v>56127</v>
      </c>
    </row>
    <row r="443" spans="1:10" x14ac:dyDescent="0.25">
      <c r="A443" t="s">
        <v>53944</v>
      </c>
      <c r="B443" t="s">
        <v>53945</v>
      </c>
      <c r="C443" t="s">
        <v>53946</v>
      </c>
      <c r="D443" t="s">
        <v>53847</v>
      </c>
      <c r="E443" t="s">
        <v>13</v>
      </c>
      <c r="F443">
        <v>13639</v>
      </c>
      <c r="G443" t="s">
        <v>53947</v>
      </c>
      <c r="H443">
        <v>4.8852918103810001</v>
      </c>
      <c r="I443">
        <v>51.563225188887998</v>
      </c>
      <c r="J443" t="s">
        <v>56128</v>
      </c>
    </row>
    <row r="444" spans="1:10" x14ac:dyDescent="0.25">
      <c r="A444" t="s">
        <v>53940</v>
      </c>
      <c r="B444" t="s">
        <v>53941</v>
      </c>
      <c r="C444" t="s">
        <v>53942</v>
      </c>
      <c r="D444" t="s">
        <v>53847</v>
      </c>
      <c r="E444" t="s">
        <v>13</v>
      </c>
      <c r="F444">
        <v>13638</v>
      </c>
      <c r="G444" t="s">
        <v>53943</v>
      </c>
      <c r="H444">
        <v>4.8836055158849998</v>
      </c>
      <c r="I444">
        <v>51.572465970166</v>
      </c>
      <c r="J444" t="s">
        <v>56129</v>
      </c>
    </row>
    <row r="445" spans="1:10" x14ac:dyDescent="0.25">
      <c r="A445" t="s">
        <v>53936</v>
      </c>
      <c r="B445" t="s">
        <v>53937</v>
      </c>
      <c r="C445" t="s">
        <v>53938</v>
      </c>
      <c r="D445" t="s">
        <v>53847</v>
      </c>
      <c r="E445" t="s">
        <v>13</v>
      </c>
      <c r="F445">
        <v>13637</v>
      </c>
      <c r="G445" t="s">
        <v>53939</v>
      </c>
      <c r="H445">
        <v>4.9599896678519997</v>
      </c>
      <c r="I445">
        <v>51.581146498872997</v>
      </c>
      <c r="J445" t="s">
        <v>56130</v>
      </c>
    </row>
    <row r="446" spans="1:10" x14ac:dyDescent="0.25">
      <c r="A446" t="s">
        <v>53932</v>
      </c>
      <c r="B446" t="s">
        <v>53933</v>
      </c>
      <c r="C446" t="s">
        <v>53934</v>
      </c>
      <c r="D446" t="s">
        <v>53847</v>
      </c>
      <c r="E446" t="s">
        <v>13</v>
      </c>
      <c r="F446">
        <v>13636</v>
      </c>
      <c r="G446" t="s">
        <v>53935</v>
      </c>
      <c r="H446">
        <v>4.9525470488199996</v>
      </c>
      <c r="I446">
        <v>51.572747964891001</v>
      </c>
      <c r="J446" t="s">
        <v>56131</v>
      </c>
    </row>
    <row r="447" spans="1:10" x14ac:dyDescent="0.25">
      <c r="A447" t="s">
        <v>53928</v>
      </c>
      <c r="B447" t="s">
        <v>53929</v>
      </c>
      <c r="C447" t="s">
        <v>53930</v>
      </c>
      <c r="D447" t="s">
        <v>53847</v>
      </c>
      <c r="E447" t="s">
        <v>13</v>
      </c>
      <c r="F447">
        <v>13635</v>
      </c>
      <c r="G447" t="s">
        <v>53931</v>
      </c>
      <c r="H447">
        <v>4.8949883281590001</v>
      </c>
      <c r="I447">
        <v>51.536918362553997</v>
      </c>
      <c r="J447" t="s">
        <v>56132</v>
      </c>
    </row>
    <row r="448" spans="1:10" x14ac:dyDescent="0.25">
      <c r="A448" t="s">
        <v>53924</v>
      </c>
      <c r="B448" t="s">
        <v>53925</v>
      </c>
      <c r="C448" t="s">
        <v>53926</v>
      </c>
      <c r="D448" t="s">
        <v>53847</v>
      </c>
      <c r="E448" t="s">
        <v>13</v>
      </c>
      <c r="F448">
        <v>13634</v>
      </c>
      <c r="G448" t="s">
        <v>53927</v>
      </c>
      <c r="H448">
        <v>4.9160780933419996</v>
      </c>
      <c r="I448">
        <v>51.535503671344998</v>
      </c>
      <c r="J448" t="s">
        <v>56133</v>
      </c>
    </row>
    <row r="449" spans="1:10" x14ac:dyDescent="0.25">
      <c r="A449" t="s">
        <v>53920</v>
      </c>
      <c r="B449" t="s">
        <v>53921</v>
      </c>
      <c r="C449" t="s">
        <v>53922</v>
      </c>
      <c r="D449" t="s">
        <v>53847</v>
      </c>
      <c r="E449" t="s">
        <v>13</v>
      </c>
      <c r="F449">
        <v>13633</v>
      </c>
      <c r="G449" t="s">
        <v>53923</v>
      </c>
      <c r="H449">
        <v>4.9613206952180002</v>
      </c>
      <c r="I449">
        <v>51.547971352738998</v>
      </c>
      <c r="J449" t="s">
        <v>56134</v>
      </c>
    </row>
    <row r="450" spans="1:10" x14ac:dyDescent="0.25">
      <c r="A450" t="s">
        <v>53916</v>
      </c>
      <c r="B450" t="s">
        <v>53917</v>
      </c>
      <c r="C450" t="s">
        <v>53918</v>
      </c>
      <c r="D450" t="s">
        <v>53847</v>
      </c>
      <c r="E450" t="s">
        <v>13</v>
      </c>
      <c r="F450">
        <v>13632</v>
      </c>
      <c r="G450" t="s">
        <v>53919</v>
      </c>
      <c r="H450">
        <v>4.9475132887770004</v>
      </c>
      <c r="I450">
        <v>51.539685048224001</v>
      </c>
      <c r="J450" t="s">
        <v>56135</v>
      </c>
    </row>
    <row r="451" spans="1:10" x14ac:dyDescent="0.25">
      <c r="A451" t="s">
        <v>53912</v>
      </c>
      <c r="B451" t="s">
        <v>53913</v>
      </c>
      <c r="C451" t="s">
        <v>53914</v>
      </c>
      <c r="D451" t="s">
        <v>53847</v>
      </c>
      <c r="E451" t="s">
        <v>13</v>
      </c>
      <c r="F451">
        <v>13631</v>
      </c>
      <c r="G451" t="s">
        <v>53915</v>
      </c>
      <c r="H451">
        <v>4.9489931315079998</v>
      </c>
      <c r="I451">
        <v>51.546767230385001</v>
      </c>
      <c r="J451" t="s">
        <v>56136</v>
      </c>
    </row>
    <row r="452" spans="1:10" x14ac:dyDescent="0.25">
      <c r="A452" t="s">
        <v>53908</v>
      </c>
      <c r="B452" t="s">
        <v>53909</v>
      </c>
      <c r="C452" t="s">
        <v>53910</v>
      </c>
      <c r="D452" t="s">
        <v>53847</v>
      </c>
      <c r="E452" t="s">
        <v>13</v>
      </c>
      <c r="F452">
        <v>13630</v>
      </c>
      <c r="G452" t="s">
        <v>53911</v>
      </c>
      <c r="H452">
        <v>4.9376296818699998</v>
      </c>
      <c r="I452">
        <v>51.549285988285</v>
      </c>
      <c r="J452" t="s">
        <v>56137</v>
      </c>
    </row>
    <row r="453" spans="1:10" x14ac:dyDescent="0.25">
      <c r="A453" t="s">
        <v>53904</v>
      </c>
      <c r="B453" t="s">
        <v>53905</v>
      </c>
      <c r="C453" t="s">
        <v>53906</v>
      </c>
      <c r="D453" t="s">
        <v>53847</v>
      </c>
      <c r="E453" t="s">
        <v>13</v>
      </c>
      <c r="F453">
        <v>13629</v>
      </c>
      <c r="G453" t="s">
        <v>53907</v>
      </c>
      <c r="H453">
        <v>4.9332015048960001</v>
      </c>
      <c r="I453">
        <v>51.542521957239998</v>
      </c>
      <c r="J453" t="s">
        <v>56138</v>
      </c>
    </row>
    <row r="454" spans="1:10" x14ac:dyDescent="0.25">
      <c r="A454" t="s">
        <v>53900</v>
      </c>
      <c r="B454" t="s">
        <v>53901</v>
      </c>
      <c r="C454" t="s">
        <v>53902</v>
      </c>
      <c r="D454" t="s">
        <v>53847</v>
      </c>
      <c r="E454" t="s">
        <v>13</v>
      </c>
      <c r="F454">
        <v>13628</v>
      </c>
      <c r="G454" t="s">
        <v>53903</v>
      </c>
      <c r="H454">
        <v>4.9438363982320004</v>
      </c>
      <c r="I454">
        <v>51.541206645208</v>
      </c>
      <c r="J454" t="s">
        <v>56139</v>
      </c>
    </row>
    <row r="455" spans="1:10" x14ac:dyDescent="0.25">
      <c r="A455" t="s">
        <v>53896</v>
      </c>
      <c r="B455" t="s">
        <v>53897</v>
      </c>
      <c r="C455" t="s">
        <v>53898</v>
      </c>
      <c r="D455" t="s">
        <v>53847</v>
      </c>
      <c r="E455" t="s">
        <v>13</v>
      </c>
      <c r="F455">
        <v>13627</v>
      </c>
      <c r="G455" t="s">
        <v>53899</v>
      </c>
      <c r="H455">
        <v>4.9416153605639996</v>
      </c>
      <c r="I455">
        <v>51.544119534777998</v>
      </c>
      <c r="J455" t="s">
        <v>56140</v>
      </c>
    </row>
    <row r="456" spans="1:10" x14ac:dyDescent="0.25">
      <c r="A456" t="s">
        <v>53892</v>
      </c>
      <c r="B456" t="s">
        <v>53893</v>
      </c>
      <c r="C456" t="s">
        <v>53894</v>
      </c>
      <c r="D456" t="s">
        <v>53847</v>
      </c>
      <c r="E456" t="s">
        <v>13</v>
      </c>
      <c r="F456">
        <v>13626</v>
      </c>
      <c r="G456" t="s">
        <v>53895</v>
      </c>
      <c r="H456">
        <v>4.940975141989</v>
      </c>
      <c r="I456">
        <v>51.600840311395999</v>
      </c>
      <c r="J456" t="s">
        <v>56141</v>
      </c>
    </row>
    <row r="457" spans="1:10" x14ac:dyDescent="0.25">
      <c r="A457" t="s">
        <v>53888</v>
      </c>
      <c r="B457" t="s">
        <v>53889</v>
      </c>
      <c r="C457" t="s">
        <v>53890</v>
      </c>
      <c r="D457" t="s">
        <v>53847</v>
      </c>
      <c r="E457" t="s">
        <v>13</v>
      </c>
      <c r="F457">
        <v>13625</v>
      </c>
      <c r="G457" t="s">
        <v>53891</v>
      </c>
      <c r="H457">
        <v>4.9242138443160002</v>
      </c>
      <c r="I457">
        <v>51.571826435698</v>
      </c>
      <c r="J457" t="s">
        <v>56142</v>
      </c>
    </row>
    <row r="458" spans="1:10" x14ac:dyDescent="0.25">
      <c r="A458" t="s">
        <v>53884</v>
      </c>
      <c r="B458" t="s">
        <v>53885</v>
      </c>
      <c r="C458" t="s">
        <v>53886</v>
      </c>
      <c r="D458" t="s">
        <v>53847</v>
      </c>
      <c r="E458" t="s">
        <v>13</v>
      </c>
      <c r="F458">
        <v>13624</v>
      </c>
      <c r="G458" t="s">
        <v>53887</v>
      </c>
      <c r="H458">
        <v>4.9312457312740001</v>
      </c>
      <c r="I458">
        <v>51.594711497614</v>
      </c>
      <c r="J458" t="s">
        <v>56143</v>
      </c>
    </row>
    <row r="459" spans="1:10" x14ac:dyDescent="0.25">
      <c r="A459" t="s">
        <v>53880</v>
      </c>
      <c r="B459" t="s">
        <v>53881</v>
      </c>
      <c r="C459" t="s">
        <v>53882</v>
      </c>
      <c r="D459" t="s">
        <v>53847</v>
      </c>
      <c r="E459" t="s">
        <v>13</v>
      </c>
      <c r="F459">
        <v>13623</v>
      </c>
      <c r="G459" t="s">
        <v>53883</v>
      </c>
      <c r="H459">
        <v>4.9147522388600002</v>
      </c>
      <c r="I459">
        <v>51.583330872419999</v>
      </c>
      <c r="J459" t="s">
        <v>56144</v>
      </c>
    </row>
    <row r="460" spans="1:10" x14ac:dyDescent="0.25">
      <c r="A460" t="s">
        <v>53876</v>
      </c>
      <c r="B460" t="s">
        <v>53877</v>
      </c>
      <c r="C460" t="s">
        <v>53878</v>
      </c>
      <c r="D460" t="s">
        <v>53847</v>
      </c>
      <c r="E460" t="s">
        <v>13</v>
      </c>
      <c r="F460">
        <v>13622</v>
      </c>
      <c r="G460" t="s">
        <v>53879</v>
      </c>
      <c r="H460">
        <v>4.9239089896020003</v>
      </c>
      <c r="I460">
        <v>51.582076948065001</v>
      </c>
      <c r="J460" t="s">
        <v>56145</v>
      </c>
    </row>
    <row r="461" spans="1:10" x14ac:dyDescent="0.25">
      <c r="A461" t="s">
        <v>53872</v>
      </c>
      <c r="B461" t="s">
        <v>53873</v>
      </c>
      <c r="C461" t="s">
        <v>53874</v>
      </c>
      <c r="D461" t="s">
        <v>53847</v>
      </c>
      <c r="E461" t="s">
        <v>13</v>
      </c>
      <c r="F461">
        <v>13621</v>
      </c>
      <c r="G461" t="s">
        <v>53875</v>
      </c>
      <c r="H461">
        <v>4.9355962824370003</v>
      </c>
      <c r="I461">
        <v>51.579031096001998</v>
      </c>
      <c r="J461" t="s">
        <v>56146</v>
      </c>
    </row>
    <row r="462" spans="1:10" x14ac:dyDescent="0.25">
      <c r="A462" t="s">
        <v>53868</v>
      </c>
      <c r="B462" t="s">
        <v>53869</v>
      </c>
      <c r="C462" t="s">
        <v>53870</v>
      </c>
      <c r="D462" t="s">
        <v>53847</v>
      </c>
      <c r="E462" t="s">
        <v>13</v>
      </c>
      <c r="F462">
        <v>13620</v>
      </c>
      <c r="G462" t="s">
        <v>53871</v>
      </c>
      <c r="H462">
        <v>4.9320233094660004</v>
      </c>
      <c r="I462">
        <v>51.583549131504</v>
      </c>
      <c r="J462" t="s">
        <v>56147</v>
      </c>
    </row>
    <row r="463" spans="1:10" x14ac:dyDescent="0.25">
      <c r="A463" t="s">
        <v>53864</v>
      </c>
      <c r="B463" t="s">
        <v>53865</v>
      </c>
      <c r="C463" t="s">
        <v>53866</v>
      </c>
      <c r="D463" t="s">
        <v>53847</v>
      </c>
      <c r="E463" t="s">
        <v>13</v>
      </c>
      <c r="F463">
        <v>13619</v>
      </c>
      <c r="G463" t="s">
        <v>53867</v>
      </c>
      <c r="H463">
        <v>4.9306289569340001</v>
      </c>
      <c r="I463">
        <v>51.586963084060997</v>
      </c>
      <c r="J463" t="s">
        <v>56148</v>
      </c>
    </row>
    <row r="464" spans="1:10" x14ac:dyDescent="0.25">
      <c r="A464" t="s">
        <v>53861</v>
      </c>
      <c r="B464" t="s">
        <v>53862</v>
      </c>
      <c r="C464" t="s">
        <v>85</v>
      </c>
      <c r="D464" t="s">
        <v>53847</v>
      </c>
      <c r="E464" t="s">
        <v>13</v>
      </c>
      <c r="F464">
        <v>13618</v>
      </c>
      <c r="G464" t="s">
        <v>53863</v>
      </c>
      <c r="H464">
        <v>4.9126589649470001</v>
      </c>
      <c r="I464">
        <v>51.587135429636</v>
      </c>
      <c r="J464" t="s">
        <v>56149</v>
      </c>
    </row>
    <row r="465" spans="1:10" x14ac:dyDescent="0.25">
      <c r="A465" t="s">
        <v>53857</v>
      </c>
      <c r="B465" t="s">
        <v>53858</v>
      </c>
      <c r="C465" t="s">
        <v>53859</v>
      </c>
      <c r="D465" t="s">
        <v>53847</v>
      </c>
      <c r="E465" t="s">
        <v>13</v>
      </c>
      <c r="F465">
        <v>13617</v>
      </c>
      <c r="G465" t="s">
        <v>53860</v>
      </c>
      <c r="H465">
        <v>4.9225498754160002</v>
      </c>
      <c r="I465">
        <v>51.589868708830998</v>
      </c>
      <c r="J465" t="s">
        <v>56150</v>
      </c>
    </row>
    <row r="466" spans="1:10" x14ac:dyDescent="0.25">
      <c r="A466" t="s">
        <v>53853</v>
      </c>
      <c r="B466" t="s">
        <v>53854</v>
      </c>
      <c r="C466" t="s">
        <v>53855</v>
      </c>
      <c r="D466" t="s">
        <v>53847</v>
      </c>
      <c r="E466" t="s">
        <v>13</v>
      </c>
      <c r="F466">
        <v>13616</v>
      </c>
      <c r="G466" t="s">
        <v>53856</v>
      </c>
      <c r="H466">
        <v>4.9236134321430001</v>
      </c>
      <c r="I466">
        <v>51.596007179128001</v>
      </c>
      <c r="J466" t="s">
        <v>56151</v>
      </c>
    </row>
    <row r="467" spans="1:10" x14ac:dyDescent="0.25">
      <c r="A467" t="s">
        <v>53849</v>
      </c>
      <c r="B467" t="s">
        <v>53850</v>
      </c>
      <c r="C467" t="s">
        <v>53851</v>
      </c>
      <c r="D467" t="s">
        <v>53847</v>
      </c>
      <c r="E467" t="s">
        <v>13</v>
      </c>
      <c r="F467">
        <v>13615</v>
      </c>
      <c r="G467" t="s">
        <v>53852</v>
      </c>
      <c r="H467">
        <v>4.9100685681189997</v>
      </c>
      <c r="I467">
        <v>51.593638419912999</v>
      </c>
      <c r="J467" t="s">
        <v>56152</v>
      </c>
    </row>
    <row r="468" spans="1:10" x14ac:dyDescent="0.25">
      <c r="A468" t="s">
        <v>53844</v>
      </c>
      <c r="B468" t="s">
        <v>53845</v>
      </c>
      <c r="C468" t="s">
        <v>53846</v>
      </c>
      <c r="D468" t="s">
        <v>53847</v>
      </c>
      <c r="E468" t="s">
        <v>13</v>
      </c>
      <c r="F468">
        <v>13614</v>
      </c>
      <c r="G468" t="s">
        <v>53848</v>
      </c>
      <c r="H468">
        <v>4.9177223642019996</v>
      </c>
      <c r="I468">
        <v>51.589160363917998</v>
      </c>
      <c r="J468" t="s">
        <v>56153</v>
      </c>
    </row>
    <row r="469" spans="1:10" x14ac:dyDescent="0.25">
      <c r="A469" t="s">
        <v>53840</v>
      </c>
      <c r="B469" t="s">
        <v>53841</v>
      </c>
      <c r="C469" t="s">
        <v>53842</v>
      </c>
      <c r="D469" t="s">
        <v>53770</v>
      </c>
      <c r="E469" t="s">
        <v>13</v>
      </c>
      <c r="F469">
        <v>13613</v>
      </c>
      <c r="G469" t="s">
        <v>53843</v>
      </c>
      <c r="H469">
        <v>5.2944183068189998</v>
      </c>
      <c r="I469">
        <v>51.616492615155003</v>
      </c>
      <c r="J469" t="s">
        <v>56154</v>
      </c>
    </row>
    <row r="470" spans="1:10" x14ac:dyDescent="0.25">
      <c r="A470" t="s">
        <v>53836</v>
      </c>
      <c r="B470" t="s">
        <v>53837</v>
      </c>
      <c r="C470" t="s">
        <v>53838</v>
      </c>
      <c r="D470" t="s">
        <v>53770</v>
      </c>
      <c r="E470" t="s">
        <v>13</v>
      </c>
      <c r="F470">
        <v>13612</v>
      </c>
      <c r="G470" t="s">
        <v>53839</v>
      </c>
      <c r="H470">
        <v>5.2912871788710003</v>
      </c>
      <c r="I470">
        <v>51.610738866803999</v>
      </c>
      <c r="J470" t="s">
        <v>56155</v>
      </c>
    </row>
    <row r="471" spans="1:10" x14ac:dyDescent="0.25">
      <c r="A471" t="s">
        <v>53832</v>
      </c>
      <c r="B471" t="s">
        <v>53833</v>
      </c>
      <c r="C471" t="s">
        <v>53834</v>
      </c>
      <c r="D471" t="s">
        <v>53770</v>
      </c>
      <c r="E471" t="s">
        <v>13</v>
      </c>
      <c r="F471">
        <v>13611</v>
      </c>
      <c r="G471" t="s">
        <v>53835</v>
      </c>
      <c r="H471">
        <v>5.3682715926020004</v>
      </c>
      <c r="I471">
        <v>51.552419189201999</v>
      </c>
      <c r="J471" t="s">
        <v>56156</v>
      </c>
    </row>
    <row r="472" spans="1:10" x14ac:dyDescent="0.25">
      <c r="A472" t="s">
        <v>53828</v>
      </c>
      <c r="B472" t="s">
        <v>53829</v>
      </c>
      <c r="C472" t="s">
        <v>53830</v>
      </c>
      <c r="D472" t="s">
        <v>53770</v>
      </c>
      <c r="E472" t="s">
        <v>13</v>
      </c>
      <c r="F472">
        <v>13610</v>
      </c>
      <c r="G472" t="s">
        <v>53831</v>
      </c>
      <c r="H472">
        <v>5.3762448271830001</v>
      </c>
      <c r="I472">
        <v>51.578414544276001</v>
      </c>
      <c r="J472" t="s">
        <v>56157</v>
      </c>
    </row>
    <row r="473" spans="1:10" x14ac:dyDescent="0.25">
      <c r="A473" t="s">
        <v>53824</v>
      </c>
      <c r="B473" t="s">
        <v>53825</v>
      </c>
      <c r="C473" t="s">
        <v>53826</v>
      </c>
      <c r="D473" t="s">
        <v>53770</v>
      </c>
      <c r="E473" t="s">
        <v>13</v>
      </c>
      <c r="F473">
        <v>13609</v>
      </c>
      <c r="G473" t="s">
        <v>53827</v>
      </c>
      <c r="H473">
        <v>5.3503332707559998</v>
      </c>
      <c r="I473">
        <v>51.561400993854001</v>
      </c>
      <c r="J473" t="s">
        <v>56158</v>
      </c>
    </row>
    <row r="474" spans="1:10" x14ac:dyDescent="0.25">
      <c r="A474" t="s">
        <v>53820</v>
      </c>
      <c r="B474" t="s">
        <v>53821</v>
      </c>
      <c r="C474" t="s">
        <v>53822</v>
      </c>
      <c r="D474" t="s">
        <v>53770</v>
      </c>
      <c r="E474" t="s">
        <v>13</v>
      </c>
      <c r="F474">
        <v>13608</v>
      </c>
      <c r="G474" t="s">
        <v>53823</v>
      </c>
      <c r="H474">
        <v>5.38690448967</v>
      </c>
      <c r="I474">
        <v>51.566417232681999</v>
      </c>
      <c r="J474" t="s">
        <v>56159</v>
      </c>
    </row>
    <row r="475" spans="1:10" x14ac:dyDescent="0.25">
      <c r="A475" t="s">
        <v>53816</v>
      </c>
      <c r="B475" t="s">
        <v>53817</v>
      </c>
      <c r="C475" t="s">
        <v>53818</v>
      </c>
      <c r="D475" t="s">
        <v>53770</v>
      </c>
      <c r="E475" t="s">
        <v>13</v>
      </c>
      <c r="F475">
        <v>13607</v>
      </c>
      <c r="G475" t="s">
        <v>53819</v>
      </c>
      <c r="H475">
        <v>5.3703214412660003</v>
      </c>
      <c r="I475">
        <v>51.569626297187</v>
      </c>
      <c r="J475" t="s">
        <v>56160</v>
      </c>
    </row>
    <row r="476" spans="1:10" x14ac:dyDescent="0.25">
      <c r="A476" t="s">
        <v>53812</v>
      </c>
      <c r="B476" t="s">
        <v>53813</v>
      </c>
      <c r="C476" t="s">
        <v>53814</v>
      </c>
      <c r="D476" t="s">
        <v>53770</v>
      </c>
      <c r="E476" t="s">
        <v>13</v>
      </c>
      <c r="F476">
        <v>13606</v>
      </c>
      <c r="G476" t="s">
        <v>53815</v>
      </c>
      <c r="H476">
        <v>5.3042222242630004</v>
      </c>
      <c r="I476">
        <v>51.560182151709</v>
      </c>
      <c r="J476" t="s">
        <v>56161</v>
      </c>
    </row>
    <row r="477" spans="1:10" x14ac:dyDescent="0.25">
      <c r="A477" t="s">
        <v>53808</v>
      </c>
      <c r="B477" t="s">
        <v>53809</v>
      </c>
      <c r="C477" t="s">
        <v>53810</v>
      </c>
      <c r="D477" t="s">
        <v>53770</v>
      </c>
      <c r="E477" t="s">
        <v>13</v>
      </c>
      <c r="F477">
        <v>13605</v>
      </c>
      <c r="G477" t="s">
        <v>53811</v>
      </c>
      <c r="H477">
        <v>5.3145998569690001</v>
      </c>
      <c r="I477">
        <v>51.572909523086999</v>
      </c>
      <c r="J477" t="s">
        <v>56162</v>
      </c>
    </row>
    <row r="478" spans="1:10" x14ac:dyDescent="0.25">
      <c r="A478" t="s">
        <v>53804</v>
      </c>
      <c r="B478" t="s">
        <v>53805</v>
      </c>
      <c r="C478" t="s">
        <v>53806</v>
      </c>
      <c r="D478" t="s">
        <v>53770</v>
      </c>
      <c r="E478" t="s">
        <v>13</v>
      </c>
      <c r="F478">
        <v>13604</v>
      </c>
      <c r="G478" t="s">
        <v>53807</v>
      </c>
      <c r="H478">
        <v>5.2775604465369996</v>
      </c>
      <c r="I478">
        <v>51.577299044702997</v>
      </c>
      <c r="J478" t="s">
        <v>56163</v>
      </c>
    </row>
    <row r="479" spans="1:10" x14ac:dyDescent="0.25">
      <c r="A479" t="s">
        <v>53800</v>
      </c>
      <c r="B479" t="s">
        <v>53801</v>
      </c>
      <c r="C479" t="s">
        <v>53802</v>
      </c>
      <c r="D479" t="s">
        <v>53770</v>
      </c>
      <c r="E479" t="s">
        <v>13</v>
      </c>
      <c r="F479">
        <v>13603</v>
      </c>
      <c r="G479" t="s">
        <v>53803</v>
      </c>
      <c r="H479">
        <v>5.3590113941990003</v>
      </c>
      <c r="I479">
        <v>51.596288987195997</v>
      </c>
      <c r="J479" t="s">
        <v>56164</v>
      </c>
    </row>
    <row r="480" spans="1:10" x14ac:dyDescent="0.25">
      <c r="A480" t="s">
        <v>53796</v>
      </c>
      <c r="B480" t="s">
        <v>53797</v>
      </c>
      <c r="C480" t="s">
        <v>53798</v>
      </c>
      <c r="D480" t="s">
        <v>53770</v>
      </c>
      <c r="E480" t="s">
        <v>13</v>
      </c>
      <c r="F480">
        <v>13602</v>
      </c>
      <c r="G480" t="s">
        <v>53799</v>
      </c>
      <c r="H480">
        <v>5.3223842025390002</v>
      </c>
      <c r="I480">
        <v>51.616761624344001</v>
      </c>
      <c r="J480" t="s">
        <v>56165</v>
      </c>
    </row>
    <row r="481" spans="1:10" x14ac:dyDescent="0.25">
      <c r="A481" t="s">
        <v>53792</v>
      </c>
      <c r="B481" t="s">
        <v>53793</v>
      </c>
      <c r="C481" t="s">
        <v>53794</v>
      </c>
      <c r="D481" t="s">
        <v>53770</v>
      </c>
      <c r="E481" t="s">
        <v>13</v>
      </c>
      <c r="F481">
        <v>13601</v>
      </c>
      <c r="G481" t="s">
        <v>53795</v>
      </c>
      <c r="H481">
        <v>5.2806884838509998</v>
      </c>
      <c r="I481">
        <v>51.595354886692</v>
      </c>
      <c r="J481" t="s">
        <v>56166</v>
      </c>
    </row>
    <row r="482" spans="1:10" x14ac:dyDescent="0.25">
      <c r="A482" t="s">
        <v>53788</v>
      </c>
      <c r="B482" t="s">
        <v>53789</v>
      </c>
      <c r="C482" t="s">
        <v>53790</v>
      </c>
      <c r="D482" t="s">
        <v>53770</v>
      </c>
      <c r="E482" t="s">
        <v>13</v>
      </c>
      <c r="F482">
        <v>13600</v>
      </c>
      <c r="G482" t="s">
        <v>53791</v>
      </c>
      <c r="H482">
        <v>5.3420975232780004</v>
      </c>
      <c r="I482">
        <v>51.574582992674003</v>
      </c>
      <c r="J482" t="s">
        <v>56167</v>
      </c>
    </row>
    <row r="483" spans="1:10" x14ac:dyDescent="0.25">
      <c r="A483" t="s">
        <v>53784</v>
      </c>
      <c r="B483" t="s">
        <v>53785</v>
      </c>
      <c r="C483" t="s">
        <v>53786</v>
      </c>
      <c r="D483" t="s">
        <v>53770</v>
      </c>
      <c r="E483" t="s">
        <v>13</v>
      </c>
      <c r="F483">
        <v>13599</v>
      </c>
      <c r="G483" t="s">
        <v>53787</v>
      </c>
      <c r="H483">
        <v>5.3151631409459998</v>
      </c>
      <c r="I483">
        <v>51.581357520857999</v>
      </c>
      <c r="J483" t="s">
        <v>56168</v>
      </c>
    </row>
    <row r="484" spans="1:10" x14ac:dyDescent="0.25">
      <c r="A484" t="s">
        <v>53780</v>
      </c>
      <c r="B484" t="s">
        <v>53781</v>
      </c>
      <c r="C484" t="s">
        <v>53782</v>
      </c>
      <c r="D484" t="s">
        <v>53770</v>
      </c>
      <c r="E484" t="s">
        <v>13</v>
      </c>
      <c r="F484">
        <v>13598</v>
      </c>
      <c r="G484" t="s">
        <v>53783</v>
      </c>
      <c r="H484">
        <v>5.330639640617</v>
      </c>
      <c r="I484">
        <v>51.599117497354001</v>
      </c>
      <c r="J484" t="s">
        <v>56169</v>
      </c>
    </row>
    <row r="485" spans="1:10" x14ac:dyDescent="0.25">
      <c r="A485" t="s">
        <v>53776</v>
      </c>
      <c r="B485" t="s">
        <v>53777</v>
      </c>
      <c r="C485" t="s">
        <v>53778</v>
      </c>
      <c r="D485" t="s">
        <v>53770</v>
      </c>
      <c r="E485" t="s">
        <v>13</v>
      </c>
      <c r="F485">
        <v>13597</v>
      </c>
      <c r="G485" t="s">
        <v>53779</v>
      </c>
      <c r="H485">
        <v>5.3159563981979998</v>
      </c>
      <c r="I485">
        <v>51.600126763513998</v>
      </c>
      <c r="J485" t="s">
        <v>56170</v>
      </c>
    </row>
    <row r="486" spans="1:10" x14ac:dyDescent="0.25">
      <c r="A486" t="s">
        <v>53772</v>
      </c>
      <c r="B486" t="s">
        <v>53773</v>
      </c>
      <c r="C486" t="s">
        <v>53774</v>
      </c>
      <c r="D486" t="s">
        <v>53770</v>
      </c>
      <c r="E486" t="s">
        <v>13</v>
      </c>
      <c r="F486">
        <v>13596</v>
      </c>
      <c r="G486" t="s">
        <v>53775</v>
      </c>
      <c r="H486">
        <v>5.3420140176970001</v>
      </c>
      <c r="I486">
        <v>51.587377034317001</v>
      </c>
      <c r="J486" t="s">
        <v>56171</v>
      </c>
    </row>
    <row r="487" spans="1:10" x14ac:dyDescent="0.25">
      <c r="A487" t="s">
        <v>53767</v>
      </c>
      <c r="B487" t="s">
        <v>53768</v>
      </c>
      <c r="C487" t="s">
        <v>53769</v>
      </c>
      <c r="D487" t="s">
        <v>53770</v>
      </c>
      <c r="E487" t="s">
        <v>13</v>
      </c>
      <c r="F487">
        <v>13595</v>
      </c>
      <c r="G487" t="s">
        <v>53771</v>
      </c>
      <c r="H487">
        <v>5.318840666182</v>
      </c>
      <c r="I487">
        <v>51.589312297021998</v>
      </c>
      <c r="J487" t="s">
        <v>56172</v>
      </c>
    </row>
    <row r="488" spans="1:10" x14ac:dyDescent="0.25">
      <c r="A488" t="s">
        <v>53763</v>
      </c>
      <c r="B488" t="s">
        <v>53764</v>
      </c>
      <c r="C488" t="s">
        <v>53765</v>
      </c>
      <c r="D488" t="s">
        <v>53730</v>
      </c>
      <c r="E488" t="s">
        <v>13</v>
      </c>
      <c r="F488">
        <v>13594</v>
      </c>
      <c r="G488" t="s">
        <v>53766</v>
      </c>
      <c r="H488">
        <v>4.7940463750319999</v>
      </c>
      <c r="I488">
        <v>51.419972481092998</v>
      </c>
      <c r="J488" t="s">
        <v>56173</v>
      </c>
    </row>
    <row r="489" spans="1:10" x14ac:dyDescent="0.25">
      <c r="A489" t="s">
        <v>53759</v>
      </c>
      <c r="B489" t="s">
        <v>53760</v>
      </c>
      <c r="C489" t="s">
        <v>53761</v>
      </c>
      <c r="D489" t="s">
        <v>53730</v>
      </c>
      <c r="E489" t="s">
        <v>13</v>
      </c>
      <c r="F489">
        <v>13593</v>
      </c>
      <c r="G489" t="s">
        <v>53762</v>
      </c>
      <c r="H489">
        <v>4.8583109316159998</v>
      </c>
      <c r="I489">
        <v>51.452089533026999</v>
      </c>
      <c r="J489" t="s">
        <v>56174</v>
      </c>
    </row>
    <row r="490" spans="1:10" x14ac:dyDescent="0.25">
      <c r="A490" t="s">
        <v>53755</v>
      </c>
      <c r="B490" t="s">
        <v>53756</v>
      </c>
      <c r="C490" t="s">
        <v>53757</v>
      </c>
      <c r="D490" t="s">
        <v>53730</v>
      </c>
      <c r="E490" t="s">
        <v>13</v>
      </c>
      <c r="F490">
        <v>13592</v>
      </c>
      <c r="G490" t="s">
        <v>53758</v>
      </c>
      <c r="H490">
        <v>4.8590901430180002</v>
      </c>
      <c r="I490">
        <v>51.456795940890999</v>
      </c>
      <c r="J490" t="s">
        <v>56175</v>
      </c>
    </row>
    <row r="491" spans="1:10" x14ac:dyDescent="0.25">
      <c r="A491" t="s">
        <v>53751</v>
      </c>
      <c r="B491" t="s">
        <v>53752</v>
      </c>
      <c r="C491" t="s">
        <v>53753</v>
      </c>
      <c r="D491" t="s">
        <v>53730</v>
      </c>
      <c r="E491" t="s">
        <v>13</v>
      </c>
      <c r="F491">
        <v>13591</v>
      </c>
      <c r="G491" t="s">
        <v>53754</v>
      </c>
      <c r="H491">
        <v>4.9220048244730004</v>
      </c>
      <c r="I491">
        <v>51.43541562867</v>
      </c>
      <c r="J491" t="s">
        <v>56176</v>
      </c>
    </row>
    <row r="492" spans="1:10" x14ac:dyDescent="0.25">
      <c r="A492" t="s">
        <v>53747</v>
      </c>
      <c r="B492" t="s">
        <v>53748</v>
      </c>
      <c r="C492" t="s">
        <v>53749</v>
      </c>
      <c r="D492" t="s">
        <v>53730</v>
      </c>
      <c r="E492" t="s">
        <v>13</v>
      </c>
      <c r="F492">
        <v>13590</v>
      </c>
      <c r="G492" t="s">
        <v>53750</v>
      </c>
      <c r="H492">
        <v>4.9097054246190002</v>
      </c>
      <c r="I492">
        <v>51.452299728019</v>
      </c>
      <c r="J492" t="s">
        <v>56177</v>
      </c>
    </row>
    <row r="493" spans="1:10" x14ac:dyDescent="0.25">
      <c r="A493" t="s">
        <v>53743</v>
      </c>
      <c r="B493" t="s">
        <v>53744</v>
      </c>
      <c r="C493" t="s">
        <v>53745</v>
      </c>
      <c r="D493" t="s">
        <v>53730</v>
      </c>
      <c r="E493" t="s">
        <v>13</v>
      </c>
      <c r="F493">
        <v>13589</v>
      </c>
      <c r="G493" t="s">
        <v>53746</v>
      </c>
      <c r="H493">
        <v>4.9180316528989998</v>
      </c>
      <c r="I493">
        <v>51.444680572311</v>
      </c>
      <c r="J493" t="s">
        <v>56178</v>
      </c>
    </row>
    <row r="494" spans="1:10" x14ac:dyDescent="0.25">
      <c r="A494" t="s">
        <v>53739</v>
      </c>
      <c r="B494" t="s">
        <v>53740</v>
      </c>
      <c r="C494" t="s">
        <v>53741</v>
      </c>
      <c r="D494" t="s">
        <v>53730</v>
      </c>
      <c r="E494" t="s">
        <v>13</v>
      </c>
      <c r="F494">
        <v>13588</v>
      </c>
      <c r="G494" t="s">
        <v>53742</v>
      </c>
      <c r="H494">
        <v>4.9420085207179998</v>
      </c>
      <c r="I494">
        <v>51.444616714927001</v>
      </c>
      <c r="J494" t="s">
        <v>56179</v>
      </c>
    </row>
    <row r="495" spans="1:10" x14ac:dyDescent="0.25">
      <c r="A495" t="s">
        <v>53736</v>
      </c>
      <c r="B495" t="s">
        <v>53737</v>
      </c>
      <c r="C495" t="s">
        <v>24702</v>
      </c>
      <c r="D495" t="s">
        <v>53730</v>
      </c>
      <c r="E495" t="s">
        <v>13</v>
      </c>
      <c r="F495">
        <v>13587</v>
      </c>
      <c r="G495" t="s">
        <v>53738</v>
      </c>
      <c r="H495">
        <v>4.930520469687</v>
      </c>
      <c r="I495">
        <v>51.449194329059999</v>
      </c>
      <c r="J495" t="s">
        <v>56180</v>
      </c>
    </row>
    <row r="496" spans="1:10" x14ac:dyDescent="0.25">
      <c r="A496" t="s">
        <v>53732</v>
      </c>
      <c r="B496" t="s">
        <v>53733</v>
      </c>
      <c r="C496" t="s">
        <v>53734</v>
      </c>
      <c r="D496" t="s">
        <v>53730</v>
      </c>
      <c r="E496" t="s">
        <v>13</v>
      </c>
      <c r="F496">
        <v>13586</v>
      </c>
      <c r="G496" t="s">
        <v>53735</v>
      </c>
      <c r="H496">
        <v>4.9223049505959997</v>
      </c>
      <c r="I496">
        <v>51.448035538104001</v>
      </c>
      <c r="J496" t="s">
        <v>56181</v>
      </c>
    </row>
    <row r="497" spans="1:10" x14ac:dyDescent="0.25">
      <c r="A497" t="s">
        <v>53727</v>
      </c>
      <c r="B497" t="s">
        <v>53728</v>
      </c>
      <c r="C497" t="s">
        <v>53729</v>
      </c>
      <c r="D497" t="s">
        <v>53730</v>
      </c>
      <c r="E497" t="s">
        <v>13</v>
      </c>
      <c r="F497">
        <v>13585</v>
      </c>
      <c r="G497" t="s">
        <v>53731</v>
      </c>
      <c r="H497">
        <v>4.9303841693889998</v>
      </c>
      <c r="I497">
        <v>51.443653116351001</v>
      </c>
      <c r="J497" t="s">
        <v>56182</v>
      </c>
    </row>
    <row r="498" spans="1:10" x14ac:dyDescent="0.25">
      <c r="A498" t="s">
        <v>2249</v>
      </c>
      <c r="B498" t="s">
        <v>2250</v>
      </c>
      <c r="C498" t="s">
        <v>2251</v>
      </c>
      <c r="D498" t="s">
        <v>2155</v>
      </c>
      <c r="E498" t="s">
        <v>13</v>
      </c>
      <c r="F498">
        <v>13584</v>
      </c>
      <c r="G498" t="s">
        <v>2252</v>
      </c>
      <c r="H498">
        <v>4.8238862282739996</v>
      </c>
      <c r="I498">
        <v>51.844809063748997</v>
      </c>
      <c r="J498" t="s">
        <v>56183</v>
      </c>
    </row>
    <row r="499" spans="1:10" x14ac:dyDescent="0.25">
      <c r="A499" t="s">
        <v>2245</v>
      </c>
      <c r="B499" t="s">
        <v>2246</v>
      </c>
      <c r="C499" t="s">
        <v>2247</v>
      </c>
      <c r="D499" t="s">
        <v>2155</v>
      </c>
      <c r="E499" t="s">
        <v>13</v>
      </c>
      <c r="F499">
        <v>13583</v>
      </c>
      <c r="G499" t="s">
        <v>2248</v>
      </c>
      <c r="H499">
        <v>4.8281223865199996</v>
      </c>
      <c r="I499">
        <v>51.833716607481001</v>
      </c>
      <c r="J499" t="s">
        <v>56184</v>
      </c>
    </row>
    <row r="500" spans="1:10" x14ac:dyDescent="0.25">
      <c r="A500" t="s">
        <v>2241</v>
      </c>
      <c r="B500" t="s">
        <v>2242</v>
      </c>
      <c r="C500" t="s">
        <v>2243</v>
      </c>
      <c r="D500" t="s">
        <v>2155</v>
      </c>
      <c r="E500" t="s">
        <v>13</v>
      </c>
      <c r="F500">
        <v>13582</v>
      </c>
      <c r="G500" t="s">
        <v>2244</v>
      </c>
      <c r="H500">
        <v>4.8392391185379999</v>
      </c>
      <c r="I500">
        <v>51.832306955827001</v>
      </c>
      <c r="J500" t="s">
        <v>56185</v>
      </c>
    </row>
    <row r="501" spans="1:10" x14ac:dyDescent="0.25">
      <c r="A501" t="s">
        <v>2237</v>
      </c>
      <c r="B501" t="s">
        <v>2238</v>
      </c>
      <c r="C501" t="s">
        <v>2239</v>
      </c>
      <c r="D501" t="s">
        <v>2155</v>
      </c>
      <c r="E501" t="s">
        <v>13</v>
      </c>
      <c r="F501">
        <v>13581</v>
      </c>
      <c r="G501" t="s">
        <v>2240</v>
      </c>
      <c r="H501">
        <v>4.8102805337410004</v>
      </c>
      <c r="I501">
        <v>51.826641755564999</v>
      </c>
      <c r="J501" t="s">
        <v>56186</v>
      </c>
    </row>
    <row r="502" spans="1:10" x14ac:dyDescent="0.25">
      <c r="A502" t="s">
        <v>2233</v>
      </c>
      <c r="B502" t="s">
        <v>2234</v>
      </c>
      <c r="C502" t="s">
        <v>2235</v>
      </c>
      <c r="D502" t="s">
        <v>2155</v>
      </c>
      <c r="E502" t="s">
        <v>13</v>
      </c>
      <c r="F502">
        <v>13580</v>
      </c>
      <c r="G502" t="s">
        <v>2236</v>
      </c>
      <c r="H502">
        <v>4.8248513166790001</v>
      </c>
      <c r="I502">
        <v>51.827651894702001</v>
      </c>
      <c r="J502" t="s">
        <v>56187</v>
      </c>
    </row>
    <row r="503" spans="1:10" x14ac:dyDescent="0.25">
      <c r="A503" t="s">
        <v>2229</v>
      </c>
      <c r="B503" t="s">
        <v>2230</v>
      </c>
      <c r="C503" t="s">
        <v>2231</v>
      </c>
      <c r="D503" t="s">
        <v>2155</v>
      </c>
      <c r="E503" t="s">
        <v>13</v>
      </c>
      <c r="F503">
        <v>13579</v>
      </c>
      <c r="G503" t="s">
        <v>2232</v>
      </c>
      <c r="H503">
        <v>4.9105480914350004</v>
      </c>
      <c r="I503">
        <v>51.828736755381001</v>
      </c>
      <c r="J503" t="s">
        <v>56188</v>
      </c>
    </row>
    <row r="504" spans="1:10" x14ac:dyDescent="0.25">
      <c r="A504" t="s">
        <v>2225</v>
      </c>
      <c r="B504" t="s">
        <v>2226</v>
      </c>
      <c r="C504" t="s">
        <v>2227</v>
      </c>
      <c r="D504" t="s">
        <v>2155</v>
      </c>
      <c r="E504" t="s">
        <v>13</v>
      </c>
      <c r="F504">
        <v>13578</v>
      </c>
      <c r="G504" t="s">
        <v>2228</v>
      </c>
      <c r="H504">
        <v>4.8718390186059999</v>
      </c>
      <c r="I504">
        <v>51.825765181916999</v>
      </c>
      <c r="J504" t="s">
        <v>56189</v>
      </c>
    </row>
    <row r="505" spans="1:10" x14ac:dyDescent="0.25">
      <c r="A505" t="s">
        <v>2221</v>
      </c>
      <c r="B505" t="s">
        <v>2222</v>
      </c>
      <c r="C505" t="s">
        <v>2223</v>
      </c>
      <c r="D505" t="s">
        <v>2155</v>
      </c>
      <c r="E505" t="s">
        <v>13</v>
      </c>
      <c r="F505">
        <v>13577</v>
      </c>
      <c r="G505" t="s">
        <v>2224</v>
      </c>
      <c r="H505">
        <v>4.9004666778169996</v>
      </c>
      <c r="I505">
        <v>51.836158069459003</v>
      </c>
      <c r="J505" t="s">
        <v>56190</v>
      </c>
    </row>
    <row r="506" spans="1:10" x14ac:dyDescent="0.25">
      <c r="A506" t="s">
        <v>2217</v>
      </c>
      <c r="B506" t="s">
        <v>2218</v>
      </c>
      <c r="C506" t="s">
        <v>2219</v>
      </c>
      <c r="D506" t="s">
        <v>2155</v>
      </c>
      <c r="E506" t="s">
        <v>13</v>
      </c>
      <c r="F506">
        <v>13576</v>
      </c>
      <c r="G506" t="s">
        <v>2220</v>
      </c>
      <c r="H506">
        <v>4.8719561978549999</v>
      </c>
      <c r="I506">
        <v>51.819431284947001</v>
      </c>
      <c r="J506" t="s">
        <v>56191</v>
      </c>
    </row>
    <row r="507" spans="1:10" x14ac:dyDescent="0.25">
      <c r="A507" t="s">
        <v>2213</v>
      </c>
      <c r="B507" t="s">
        <v>2214</v>
      </c>
      <c r="C507" t="s">
        <v>2215</v>
      </c>
      <c r="D507" t="s">
        <v>2155</v>
      </c>
      <c r="E507" t="s">
        <v>13</v>
      </c>
      <c r="F507">
        <v>13575</v>
      </c>
      <c r="G507" t="s">
        <v>2216</v>
      </c>
      <c r="H507">
        <v>4.8692061380830003</v>
      </c>
      <c r="I507">
        <v>51.821726269663998</v>
      </c>
      <c r="J507" t="s">
        <v>56192</v>
      </c>
    </row>
    <row r="508" spans="1:10" x14ac:dyDescent="0.25">
      <c r="A508" t="s">
        <v>2209</v>
      </c>
      <c r="B508" t="s">
        <v>2210</v>
      </c>
      <c r="C508" t="s">
        <v>2211</v>
      </c>
      <c r="D508" t="s">
        <v>2155</v>
      </c>
      <c r="E508" t="s">
        <v>13</v>
      </c>
      <c r="F508">
        <v>13574</v>
      </c>
      <c r="G508" t="s">
        <v>2212</v>
      </c>
      <c r="H508">
        <v>4.903406314193</v>
      </c>
      <c r="I508">
        <v>51.829557124482001</v>
      </c>
      <c r="J508" t="s">
        <v>56193</v>
      </c>
    </row>
    <row r="509" spans="1:10" x14ac:dyDescent="0.25">
      <c r="A509" t="s">
        <v>2205</v>
      </c>
      <c r="B509" t="s">
        <v>2206</v>
      </c>
      <c r="C509" t="s">
        <v>2207</v>
      </c>
      <c r="D509" t="s">
        <v>2155</v>
      </c>
      <c r="E509" t="s">
        <v>13</v>
      </c>
      <c r="F509">
        <v>13573</v>
      </c>
      <c r="G509" t="s">
        <v>2208</v>
      </c>
      <c r="H509">
        <v>4.898448598891</v>
      </c>
      <c r="I509">
        <v>51.832662957898997</v>
      </c>
      <c r="J509" t="s">
        <v>56194</v>
      </c>
    </row>
    <row r="510" spans="1:10" x14ac:dyDescent="0.25">
      <c r="A510" t="s">
        <v>2201</v>
      </c>
      <c r="B510" t="s">
        <v>2202</v>
      </c>
      <c r="C510" t="s">
        <v>2203</v>
      </c>
      <c r="D510" t="s">
        <v>2155</v>
      </c>
      <c r="E510" t="s">
        <v>13</v>
      </c>
      <c r="F510">
        <v>13572</v>
      </c>
      <c r="G510" t="s">
        <v>2204</v>
      </c>
      <c r="H510">
        <v>4.8912635463980001</v>
      </c>
      <c r="I510">
        <v>51.825229677838998</v>
      </c>
      <c r="J510" t="s">
        <v>56195</v>
      </c>
    </row>
    <row r="511" spans="1:10" x14ac:dyDescent="0.25">
      <c r="A511" t="s">
        <v>2197</v>
      </c>
      <c r="B511" t="s">
        <v>2198</v>
      </c>
      <c r="C511" t="s">
        <v>2199</v>
      </c>
      <c r="D511" t="s">
        <v>2155</v>
      </c>
      <c r="E511" t="s">
        <v>13</v>
      </c>
      <c r="F511">
        <v>13571</v>
      </c>
      <c r="G511" t="s">
        <v>2200</v>
      </c>
      <c r="H511">
        <v>4.884939794199</v>
      </c>
      <c r="I511">
        <v>51.824299226089998</v>
      </c>
      <c r="J511" t="s">
        <v>56196</v>
      </c>
    </row>
    <row r="512" spans="1:10" x14ac:dyDescent="0.25">
      <c r="A512" t="s">
        <v>2193</v>
      </c>
      <c r="B512" t="s">
        <v>2194</v>
      </c>
      <c r="C512" t="s">
        <v>2195</v>
      </c>
      <c r="D512" t="s">
        <v>2155</v>
      </c>
      <c r="E512" t="s">
        <v>13</v>
      </c>
      <c r="F512">
        <v>13570</v>
      </c>
      <c r="G512" t="s">
        <v>2196</v>
      </c>
      <c r="H512">
        <v>4.8803348159570001</v>
      </c>
      <c r="I512">
        <v>51.824991933056999</v>
      </c>
      <c r="J512" t="s">
        <v>56197</v>
      </c>
    </row>
    <row r="513" spans="1:10" x14ac:dyDescent="0.25">
      <c r="A513" t="s">
        <v>2189</v>
      </c>
      <c r="B513" t="s">
        <v>2190</v>
      </c>
      <c r="C513" t="s">
        <v>2191</v>
      </c>
      <c r="D513" t="s">
        <v>2155</v>
      </c>
      <c r="E513" t="s">
        <v>13</v>
      </c>
      <c r="F513">
        <v>13569</v>
      </c>
      <c r="G513" t="s">
        <v>2192</v>
      </c>
      <c r="H513">
        <v>4.8293925787419996</v>
      </c>
      <c r="I513">
        <v>51.822050989729</v>
      </c>
      <c r="J513" t="s">
        <v>56198</v>
      </c>
    </row>
    <row r="514" spans="1:10" x14ac:dyDescent="0.25">
      <c r="A514" t="s">
        <v>2185</v>
      </c>
      <c r="B514" t="s">
        <v>2186</v>
      </c>
      <c r="C514" t="s">
        <v>2187</v>
      </c>
      <c r="D514" t="s">
        <v>2155</v>
      </c>
      <c r="E514" t="s">
        <v>13</v>
      </c>
      <c r="F514">
        <v>13568</v>
      </c>
      <c r="G514" t="s">
        <v>2188</v>
      </c>
      <c r="H514">
        <v>4.8141929223320004</v>
      </c>
      <c r="I514">
        <v>51.821987416698001</v>
      </c>
      <c r="J514" t="s">
        <v>56199</v>
      </c>
    </row>
    <row r="515" spans="1:10" x14ac:dyDescent="0.25">
      <c r="A515" t="s">
        <v>2181</v>
      </c>
      <c r="B515" t="s">
        <v>2182</v>
      </c>
      <c r="C515" t="s">
        <v>2183</v>
      </c>
      <c r="D515" t="s">
        <v>2155</v>
      </c>
      <c r="E515" t="s">
        <v>13</v>
      </c>
      <c r="F515">
        <v>13567</v>
      </c>
      <c r="G515" t="s">
        <v>2184</v>
      </c>
      <c r="H515">
        <v>4.8581950625520003</v>
      </c>
      <c r="I515">
        <v>51.825435244955003</v>
      </c>
      <c r="J515" t="s">
        <v>56200</v>
      </c>
    </row>
    <row r="516" spans="1:10" x14ac:dyDescent="0.25">
      <c r="A516" t="s">
        <v>2177</v>
      </c>
      <c r="B516" t="s">
        <v>2178</v>
      </c>
      <c r="C516" t="s">
        <v>2179</v>
      </c>
      <c r="D516" t="s">
        <v>2155</v>
      </c>
      <c r="E516" t="s">
        <v>13</v>
      </c>
      <c r="F516">
        <v>13566</v>
      </c>
      <c r="G516" t="s">
        <v>2180</v>
      </c>
      <c r="H516">
        <v>4.8513259542140004</v>
      </c>
      <c r="I516">
        <v>51.821445471791002</v>
      </c>
      <c r="J516" t="s">
        <v>56201</v>
      </c>
    </row>
    <row r="517" spans="1:10" x14ac:dyDescent="0.25">
      <c r="A517" t="s">
        <v>2173</v>
      </c>
      <c r="B517" t="s">
        <v>2174</v>
      </c>
      <c r="C517" t="s">
        <v>2175</v>
      </c>
      <c r="D517" t="s">
        <v>2155</v>
      </c>
      <c r="E517" t="s">
        <v>13</v>
      </c>
      <c r="F517">
        <v>13565</v>
      </c>
      <c r="G517" t="s">
        <v>2176</v>
      </c>
      <c r="H517">
        <v>4.85031836909</v>
      </c>
      <c r="I517">
        <v>51.826707379463002</v>
      </c>
      <c r="J517" t="s">
        <v>56202</v>
      </c>
    </row>
    <row r="518" spans="1:10" x14ac:dyDescent="0.25">
      <c r="A518" t="s">
        <v>2169</v>
      </c>
      <c r="B518" t="s">
        <v>2170</v>
      </c>
      <c r="C518" t="s">
        <v>2171</v>
      </c>
      <c r="D518" t="s">
        <v>2155</v>
      </c>
      <c r="E518" t="s">
        <v>13</v>
      </c>
      <c r="F518">
        <v>13564</v>
      </c>
      <c r="G518" t="s">
        <v>2172</v>
      </c>
      <c r="H518">
        <v>4.8650740541299999</v>
      </c>
      <c r="I518">
        <v>51.829448163830001</v>
      </c>
      <c r="J518" t="s">
        <v>56203</v>
      </c>
    </row>
    <row r="519" spans="1:10" x14ac:dyDescent="0.25">
      <c r="A519" t="s">
        <v>2165</v>
      </c>
      <c r="B519" t="s">
        <v>2166</v>
      </c>
      <c r="C519" t="s">
        <v>2167</v>
      </c>
      <c r="D519" t="s">
        <v>2155</v>
      </c>
      <c r="E519" t="s">
        <v>13</v>
      </c>
      <c r="F519">
        <v>13563</v>
      </c>
      <c r="G519" t="s">
        <v>2168</v>
      </c>
      <c r="H519">
        <v>4.8552336409379997</v>
      </c>
      <c r="I519">
        <v>51.832024728161997</v>
      </c>
      <c r="J519" t="s">
        <v>56204</v>
      </c>
    </row>
    <row r="520" spans="1:10" x14ac:dyDescent="0.25">
      <c r="A520" t="s">
        <v>2161</v>
      </c>
      <c r="B520" t="s">
        <v>2162</v>
      </c>
      <c r="C520" t="s">
        <v>2163</v>
      </c>
      <c r="D520" t="s">
        <v>2155</v>
      </c>
      <c r="E520" t="s">
        <v>13</v>
      </c>
      <c r="F520">
        <v>13562</v>
      </c>
      <c r="G520" t="s">
        <v>2164</v>
      </c>
      <c r="H520">
        <v>4.839916714848</v>
      </c>
      <c r="I520">
        <v>51.828805820725002</v>
      </c>
      <c r="J520" t="s">
        <v>56205</v>
      </c>
    </row>
    <row r="521" spans="1:10" x14ac:dyDescent="0.25">
      <c r="A521" t="s">
        <v>2157</v>
      </c>
      <c r="B521" t="s">
        <v>2158</v>
      </c>
      <c r="C521" t="s">
        <v>2159</v>
      </c>
      <c r="D521" t="s">
        <v>2155</v>
      </c>
      <c r="E521" t="s">
        <v>13</v>
      </c>
      <c r="F521">
        <v>13561</v>
      </c>
      <c r="G521" t="s">
        <v>2160</v>
      </c>
      <c r="H521">
        <v>4.8415347135689997</v>
      </c>
      <c r="I521">
        <v>51.823629737810997</v>
      </c>
      <c r="J521" t="s">
        <v>56206</v>
      </c>
    </row>
    <row r="522" spans="1:10" x14ac:dyDescent="0.25">
      <c r="A522" t="s">
        <v>2153</v>
      </c>
      <c r="B522" t="s">
        <v>2154</v>
      </c>
      <c r="C522" t="s">
        <v>129</v>
      </c>
      <c r="D522" t="s">
        <v>2155</v>
      </c>
      <c r="E522" t="s">
        <v>13</v>
      </c>
      <c r="F522">
        <v>13560</v>
      </c>
      <c r="G522" t="s">
        <v>2156</v>
      </c>
      <c r="H522">
        <v>4.8332657350790003</v>
      </c>
      <c r="I522">
        <v>51.826472841137999</v>
      </c>
      <c r="J522" t="s">
        <v>56207</v>
      </c>
    </row>
    <row r="523" spans="1:10" x14ac:dyDescent="0.25">
      <c r="A523" t="s">
        <v>53723</v>
      </c>
      <c r="B523" t="s">
        <v>53724</v>
      </c>
      <c r="C523" t="s">
        <v>53725</v>
      </c>
      <c r="D523" t="s">
        <v>2111</v>
      </c>
      <c r="E523" t="s">
        <v>13</v>
      </c>
      <c r="F523">
        <v>13559</v>
      </c>
      <c r="G523" t="s">
        <v>53726</v>
      </c>
      <c r="H523">
        <v>4.2115529032700003</v>
      </c>
      <c r="I523">
        <v>51.929524609059001</v>
      </c>
      <c r="J523" t="s">
        <v>56208</v>
      </c>
    </row>
    <row r="524" spans="1:10" x14ac:dyDescent="0.25">
      <c r="A524" t="s">
        <v>53719</v>
      </c>
      <c r="B524" t="s">
        <v>53720</v>
      </c>
      <c r="C524" t="s">
        <v>53721</v>
      </c>
      <c r="D524" t="s">
        <v>2111</v>
      </c>
      <c r="E524" t="s">
        <v>13</v>
      </c>
      <c r="F524">
        <v>13558</v>
      </c>
      <c r="G524" t="s">
        <v>53722</v>
      </c>
      <c r="H524">
        <v>4.2435095636620002</v>
      </c>
      <c r="I524">
        <v>51.907462319829001</v>
      </c>
      <c r="J524" t="s">
        <v>56209</v>
      </c>
    </row>
    <row r="525" spans="1:10" x14ac:dyDescent="0.25">
      <c r="A525" t="s">
        <v>53715</v>
      </c>
      <c r="B525" t="s">
        <v>53716</v>
      </c>
      <c r="C525" t="s">
        <v>53717</v>
      </c>
      <c r="D525" t="s">
        <v>2111</v>
      </c>
      <c r="E525" t="s">
        <v>13</v>
      </c>
      <c r="F525">
        <v>13557</v>
      </c>
      <c r="G525" t="s">
        <v>53718</v>
      </c>
      <c r="H525">
        <v>4.4274965183420001</v>
      </c>
      <c r="I525">
        <v>51.959813469410001</v>
      </c>
      <c r="J525" t="s">
        <v>56210</v>
      </c>
    </row>
    <row r="526" spans="1:10" x14ac:dyDescent="0.25">
      <c r="A526" t="s">
        <v>2149</v>
      </c>
      <c r="B526" t="s">
        <v>2150</v>
      </c>
      <c r="C526" t="s">
        <v>2151</v>
      </c>
      <c r="D526" t="s">
        <v>2111</v>
      </c>
      <c r="E526" t="s">
        <v>13</v>
      </c>
      <c r="F526">
        <v>13556</v>
      </c>
      <c r="G526" t="s">
        <v>2152</v>
      </c>
      <c r="H526">
        <v>4.5374068171459996</v>
      </c>
      <c r="I526">
        <v>51.917470262697002</v>
      </c>
      <c r="J526" t="s">
        <v>56211</v>
      </c>
    </row>
    <row r="527" spans="1:10" x14ac:dyDescent="0.25">
      <c r="A527" t="s">
        <v>53711</v>
      </c>
      <c r="B527" t="s">
        <v>53712</v>
      </c>
      <c r="C527" t="s">
        <v>53713</v>
      </c>
      <c r="D527" t="s">
        <v>2111</v>
      </c>
      <c r="E527" t="s">
        <v>13</v>
      </c>
      <c r="F527">
        <v>13555</v>
      </c>
      <c r="G527" t="s">
        <v>53714</v>
      </c>
      <c r="H527">
        <v>4.4058324580689998</v>
      </c>
      <c r="I527">
        <v>51.942803968485002</v>
      </c>
      <c r="J527" t="s">
        <v>56212</v>
      </c>
    </row>
    <row r="528" spans="1:10" x14ac:dyDescent="0.25">
      <c r="A528" t="s">
        <v>53707</v>
      </c>
      <c r="B528" t="s">
        <v>53708</v>
      </c>
      <c r="C528" t="s">
        <v>53709</v>
      </c>
      <c r="D528" t="s">
        <v>2111</v>
      </c>
      <c r="E528" t="s">
        <v>13</v>
      </c>
      <c r="F528">
        <v>13554</v>
      </c>
      <c r="G528" t="s">
        <v>53710</v>
      </c>
      <c r="H528">
        <v>4.0282043636560001</v>
      </c>
      <c r="I528">
        <v>51.955772802614</v>
      </c>
      <c r="J528" t="s">
        <v>56213</v>
      </c>
    </row>
    <row r="529" spans="1:10" x14ac:dyDescent="0.25">
      <c r="A529" t="s">
        <v>53703</v>
      </c>
      <c r="B529" t="s">
        <v>53704</v>
      </c>
      <c r="C529" t="s">
        <v>53705</v>
      </c>
      <c r="D529" t="s">
        <v>2111</v>
      </c>
      <c r="E529" t="s">
        <v>13</v>
      </c>
      <c r="F529">
        <v>13553</v>
      </c>
      <c r="G529" t="s">
        <v>53706</v>
      </c>
      <c r="H529">
        <v>4.1489359055439996</v>
      </c>
      <c r="I529">
        <v>51.942196437855998</v>
      </c>
      <c r="J529" t="s">
        <v>56214</v>
      </c>
    </row>
    <row r="530" spans="1:10" x14ac:dyDescent="0.25">
      <c r="A530" t="s">
        <v>53699</v>
      </c>
      <c r="B530" t="s">
        <v>53700</v>
      </c>
      <c r="C530" t="s">
        <v>53701</v>
      </c>
      <c r="D530" t="s">
        <v>2111</v>
      </c>
      <c r="E530" t="s">
        <v>13</v>
      </c>
      <c r="F530">
        <v>13552</v>
      </c>
      <c r="G530" t="s">
        <v>53702</v>
      </c>
      <c r="H530">
        <v>4.2775523742299999</v>
      </c>
      <c r="I530">
        <v>51.882755931539997</v>
      </c>
      <c r="J530" t="s">
        <v>56215</v>
      </c>
    </row>
    <row r="531" spans="1:10" x14ac:dyDescent="0.25">
      <c r="A531" t="s">
        <v>53695</v>
      </c>
      <c r="B531" t="s">
        <v>53696</v>
      </c>
      <c r="C531" t="s">
        <v>53697</v>
      </c>
      <c r="D531" t="s">
        <v>2111</v>
      </c>
      <c r="E531" t="s">
        <v>13</v>
      </c>
      <c r="F531">
        <v>13551</v>
      </c>
      <c r="G531" t="s">
        <v>53698</v>
      </c>
      <c r="H531">
        <v>4.353015982934</v>
      </c>
      <c r="I531">
        <v>51.885976118126997</v>
      </c>
      <c r="J531" t="s">
        <v>56216</v>
      </c>
    </row>
    <row r="532" spans="1:10" x14ac:dyDescent="0.25">
      <c r="A532" t="s">
        <v>53691</v>
      </c>
      <c r="B532" t="s">
        <v>53692</v>
      </c>
      <c r="C532" t="s">
        <v>53693</v>
      </c>
      <c r="D532" t="s">
        <v>2111</v>
      </c>
      <c r="E532" t="s">
        <v>13</v>
      </c>
      <c r="F532">
        <v>13550</v>
      </c>
      <c r="G532" t="s">
        <v>53694</v>
      </c>
      <c r="H532">
        <v>4.441861381362</v>
      </c>
      <c r="I532">
        <v>51.873752738362001</v>
      </c>
      <c r="J532" t="s">
        <v>56217</v>
      </c>
    </row>
    <row r="533" spans="1:10" x14ac:dyDescent="0.25">
      <c r="A533" t="s">
        <v>53687</v>
      </c>
      <c r="B533" t="s">
        <v>53688</v>
      </c>
      <c r="C533" t="s">
        <v>53689</v>
      </c>
      <c r="D533" t="s">
        <v>2111</v>
      </c>
      <c r="E533" t="s">
        <v>13</v>
      </c>
      <c r="F533">
        <v>13549</v>
      </c>
      <c r="G533" t="s">
        <v>53690</v>
      </c>
      <c r="H533">
        <v>4.4066821046979996</v>
      </c>
      <c r="I533">
        <v>51.883392707524003</v>
      </c>
      <c r="J533" t="s">
        <v>56218</v>
      </c>
    </row>
    <row r="534" spans="1:10" x14ac:dyDescent="0.25">
      <c r="A534" t="s">
        <v>53683</v>
      </c>
      <c r="B534" t="s">
        <v>53684</v>
      </c>
      <c r="C534" t="s">
        <v>53685</v>
      </c>
      <c r="D534" t="s">
        <v>2111</v>
      </c>
      <c r="E534" t="s">
        <v>13</v>
      </c>
      <c r="F534">
        <v>13548</v>
      </c>
      <c r="G534" t="s">
        <v>53686</v>
      </c>
      <c r="H534">
        <v>4.4391511290369996</v>
      </c>
      <c r="I534">
        <v>51.891518116486999</v>
      </c>
      <c r="J534" t="s">
        <v>56219</v>
      </c>
    </row>
    <row r="535" spans="1:10" x14ac:dyDescent="0.25">
      <c r="A535" t="s">
        <v>53679</v>
      </c>
      <c r="B535" t="s">
        <v>53680</v>
      </c>
      <c r="C535" t="s">
        <v>53681</v>
      </c>
      <c r="D535" t="s">
        <v>2111</v>
      </c>
      <c r="E535" t="s">
        <v>13</v>
      </c>
      <c r="F535">
        <v>13547</v>
      </c>
      <c r="G535" t="s">
        <v>53682</v>
      </c>
      <c r="H535">
        <v>4.4240528692409997</v>
      </c>
      <c r="I535">
        <v>51.907571503180002</v>
      </c>
      <c r="J535" t="s">
        <v>56220</v>
      </c>
    </row>
    <row r="536" spans="1:10" x14ac:dyDescent="0.25">
      <c r="A536" t="s">
        <v>53676</v>
      </c>
      <c r="B536" t="s">
        <v>53677</v>
      </c>
      <c r="C536" t="s">
        <v>23879</v>
      </c>
      <c r="D536" t="s">
        <v>2111</v>
      </c>
      <c r="E536" t="s">
        <v>13</v>
      </c>
      <c r="F536">
        <v>13546</v>
      </c>
      <c r="G536" t="s">
        <v>53678</v>
      </c>
      <c r="H536">
        <v>4.4204102881459999</v>
      </c>
      <c r="I536">
        <v>51.928225155855003</v>
      </c>
      <c r="J536" t="s">
        <v>56221</v>
      </c>
    </row>
    <row r="537" spans="1:10" x14ac:dyDescent="0.25">
      <c r="A537" t="s">
        <v>53672</v>
      </c>
      <c r="B537" t="s">
        <v>53673</v>
      </c>
      <c r="C537" t="s">
        <v>53674</v>
      </c>
      <c r="D537" t="s">
        <v>2111</v>
      </c>
      <c r="E537" t="s">
        <v>13</v>
      </c>
      <c r="F537">
        <v>13545</v>
      </c>
      <c r="G537" t="s">
        <v>53675</v>
      </c>
      <c r="H537">
        <v>4.1790618187920003</v>
      </c>
      <c r="I537">
        <v>51.956816670866999</v>
      </c>
      <c r="J537" t="s">
        <v>56222</v>
      </c>
    </row>
    <row r="538" spans="1:10" x14ac:dyDescent="0.25">
      <c r="A538" t="s">
        <v>53669</v>
      </c>
      <c r="B538" t="s">
        <v>53670</v>
      </c>
      <c r="C538" t="s">
        <v>872</v>
      </c>
      <c r="D538" t="s">
        <v>2111</v>
      </c>
      <c r="E538" t="s">
        <v>13</v>
      </c>
      <c r="F538">
        <v>13544</v>
      </c>
      <c r="G538" t="s">
        <v>53671</v>
      </c>
      <c r="H538">
        <v>4.1405053391389997</v>
      </c>
      <c r="I538">
        <v>51.977874140127</v>
      </c>
      <c r="J538" t="s">
        <v>56223</v>
      </c>
    </row>
    <row r="539" spans="1:10" x14ac:dyDescent="0.25">
      <c r="A539" t="s">
        <v>53665</v>
      </c>
      <c r="B539" t="s">
        <v>53666</v>
      </c>
      <c r="C539" t="s">
        <v>53667</v>
      </c>
      <c r="D539" t="s">
        <v>2111</v>
      </c>
      <c r="E539" t="s">
        <v>13</v>
      </c>
      <c r="F539">
        <v>13543</v>
      </c>
      <c r="G539" t="s">
        <v>53668</v>
      </c>
      <c r="H539">
        <v>4.1089698746409997</v>
      </c>
      <c r="I539">
        <v>51.987122427507003</v>
      </c>
      <c r="J539" t="s">
        <v>56224</v>
      </c>
    </row>
    <row r="540" spans="1:10" x14ac:dyDescent="0.25">
      <c r="A540" t="s">
        <v>53661</v>
      </c>
      <c r="B540" t="s">
        <v>53662</v>
      </c>
      <c r="C540" t="s">
        <v>53663</v>
      </c>
      <c r="D540" t="s">
        <v>2111</v>
      </c>
      <c r="E540" t="s">
        <v>13</v>
      </c>
      <c r="F540">
        <v>13542</v>
      </c>
      <c r="G540" t="s">
        <v>53664</v>
      </c>
      <c r="H540">
        <v>4.3655025217330001</v>
      </c>
      <c r="I540">
        <v>51.854939937822003</v>
      </c>
      <c r="J540" t="s">
        <v>56225</v>
      </c>
    </row>
    <row r="541" spans="1:10" x14ac:dyDescent="0.25">
      <c r="A541" t="s">
        <v>53657</v>
      </c>
      <c r="B541" t="s">
        <v>53658</v>
      </c>
      <c r="C541" t="s">
        <v>53659</v>
      </c>
      <c r="D541" t="s">
        <v>2111</v>
      </c>
      <c r="E541" t="s">
        <v>13</v>
      </c>
      <c r="F541">
        <v>13541</v>
      </c>
      <c r="G541" t="s">
        <v>53660</v>
      </c>
      <c r="H541">
        <v>4.3607455189489999</v>
      </c>
      <c r="I541">
        <v>51.869187141441003</v>
      </c>
      <c r="J541" t="s">
        <v>56226</v>
      </c>
    </row>
    <row r="542" spans="1:10" x14ac:dyDescent="0.25">
      <c r="A542" t="s">
        <v>53653</v>
      </c>
      <c r="B542" t="s">
        <v>53654</v>
      </c>
      <c r="C542" t="s">
        <v>53655</v>
      </c>
      <c r="D542" t="s">
        <v>2111</v>
      </c>
      <c r="E542" t="s">
        <v>13</v>
      </c>
      <c r="F542">
        <v>13540</v>
      </c>
      <c r="G542" t="s">
        <v>53656</v>
      </c>
      <c r="H542">
        <v>4.422114471714</v>
      </c>
      <c r="I542">
        <v>51.891129541520002</v>
      </c>
      <c r="J542" t="s">
        <v>56227</v>
      </c>
    </row>
    <row r="543" spans="1:10" x14ac:dyDescent="0.25">
      <c r="A543" t="s">
        <v>53650</v>
      </c>
      <c r="B543" t="s">
        <v>53651</v>
      </c>
      <c r="C543" t="s">
        <v>6552</v>
      </c>
      <c r="D543" t="s">
        <v>2111</v>
      </c>
      <c r="E543" t="s">
        <v>13</v>
      </c>
      <c r="F543">
        <v>13539</v>
      </c>
      <c r="G543" t="s">
        <v>53652</v>
      </c>
      <c r="H543">
        <v>4.4851881917550003</v>
      </c>
      <c r="I543">
        <v>51.878546260916004</v>
      </c>
      <c r="J543" t="s">
        <v>56228</v>
      </c>
    </row>
    <row r="544" spans="1:10" x14ac:dyDescent="0.25">
      <c r="A544" t="s">
        <v>53646</v>
      </c>
      <c r="B544" t="s">
        <v>53647</v>
      </c>
      <c r="C544" t="s">
        <v>53648</v>
      </c>
      <c r="D544" t="s">
        <v>2111</v>
      </c>
      <c r="E544" t="s">
        <v>13</v>
      </c>
      <c r="F544">
        <v>13538</v>
      </c>
      <c r="G544" t="s">
        <v>53649</v>
      </c>
      <c r="H544">
        <v>4.468503840606</v>
      </c>
      <c r="I544">
        <v>51.873665892097002</v>
      </c>
      <c r="J544" t="s">
        <v>56229</v>
      </c>
    </row>
    <row r="545" spans="1:10" x14ac:dyDescent="0.25">
      <c r="A545" t="s">
        <v>53642</v>
      </c>
      <c r="B545" t="s">
        <v>53643</v>
      </c>
      <c r="C545" t="s">
        <v>53644</v>
      </c>
      <c r="D545" t="s">
        <v>2111</v>
      </c>
      <c r="E545" t="s">
        <v>13</v>
      </c>
      <c r="F545">
        <v>13537</v>
      </c>
      <c r="G545" t="s">
        <v>53645</v>
      </c>
      <c r="H545">
        <v>4.4895888136500002</v>
      </c>
      <c r="I545">
        <v>51.887343169273997</v>
      </c>
      <c r="J545" t="s">
        <v>56230</v>
      </c>
    </row>
    <row r="546" spans="1:10" x14ac:dyDescent="0.25">
      <c r="A546" t="s">
        <v>53639</v>
      </c>
      <c r="B546" t="s">
        <v>53640</v>
      </c>
      <c r="C546" t="s">
        <v>26792</v>
      </c>
      <c r="D546" t="s">
        <v>2111</v>
      </c>
      <c r="E546" t="s">
        <v>13</v>
      </c>
      <c r="F546">
        <v>13536</v>
      </c>
      <c r="G546" t="s">
        <v>53641</v>
      </c>
      <c r="H546">
        <v>4.4611497143119996</v>
      </c>
      <c r="I546">
        <v>51.880478269290002</v>
      </c>
      <c r="J546" t="s">
        <v>56231</v>
      </c>
    </row>
    <row r="547" spans="1:10" x14ac:dyDescent="0.25">
      <c r="A547" t="s">
        <v>53635</v>
      </c>
      <c r="B547" t="s">
        <v>53636</v>
      </c>
      <c r="C547" t="s">
        <v>53637</v>
      </c>
      <c r="D547" t="s">
        <v>2111</v>
      </c>
      <c r="E547" t="s">
        <v>13</v>
      </c>
      <c r="F547">
        <v>13535</v>
      </c>
      <c r="G547" t="s">
        <v>53638</v>
      </c>
      <c r="H547">
        <v>4.4663109333150004</v>
      </c>
      <c r="I547">
        <v>51.891021492928999</v>
      </c>
      <c r="J547" t="s">
        <v>56232</v>
      </c>
    </row>
    <row r="548" spans="1:10" x14ac:dyDescent="0.25">
      <c r="A548" t="s">
        <v>53632</v>
      </c>
      <c r="B548" t="s">
        <v>53633</v>
      </c>
      <c r="C548" t="s">
        <v>21008</v>
      </c>
      <c r="D548" t="s">
        <v>2111</v>
      </c>
      <c r="E548" t="s">
        <v>13</v>
      </c>
      <c r="F548">
        <v>13534</v>
      </c>
      <c r="G548" t="s">
        <v>53634</v>
      </c>
      <c r="H548">
        <v>4.4889177164799996</v>
      </c>
      <c r="I548">
        <v>51.873325587244999</v>
      </c>
      <c r="J548" t="s">
        <v>56233</v>
      </c>
    </row>
    <row r="549" spans="1:10" x14ac:dyDescent="0.25">
      <c r="A549" t="s">
        <v>53628</v>
      </c>
      <c r="B549" t="s">
        <v>53629</v>
      </c>
      <c r="C549" t="s">
        <v>53630</v>
      </c>
      <c r="D549" t="s">
        <v>2111</v>
      </c>
      <c r="E549" t="s">
        <v>13</v>
      </c>
      <c r="F549">
        <v>13533</v>
      </c>
      <c r="G549" t="s">
        <v>53631</v>
      </c>
      <c r="H549">
        <v>4.4786939369310002</v>
      </c>
      <c r="I549">
        <v>51.888257092148997</v>
      </c>
      <c r="J549" t="s">
        <v>56234</v>
      </c>
    </row>
    <row r="550" spans="1:10" x14ac:dyDescent="0.25">
      <c r="A550" t="s">
        <v>53624</v>
      </c>
      <c r="B550" t="s">
        <v>53625</v>
      </c>
      <c r="C550" t="s">
        <v>53626</v>
      </c>
      <c r="D550" t="s">
        <v>2111</v>
      </c>
      <c r="E550" t="s">
        <v>13</v>
      </c>
      <c r="F550">
        <v>13532</v>
      </c>
      <c r="G550" t="s">
        <v>53627</v>
      </c>
      <c r="H550">
        <v>4.4841482321259996</v>
      </c>
      <c r="I550">
        <v>51.894469779190999</v>
      </c>
      <c r="J550" t="s">
        <v>56235</v>
      </c>
    </row>
    <row r="551" spans="1:10" x14ac:dyDescent="0.25">
      <c r="A551" t="s">
        <v>53620</v>
      </c>
      <c r="B551" t="s">
        <v>53621</v>
      </c>
      <c r="C551" t="s">
        <v>53622</v>
      </c>
      <c r="D551" t="s">
        <v>2111</v>
      </c>
      <c r="E551" t="s">
        <v>13</v>
      </c>
      <c r="F551">
        <v>13531</v>
      </c>
      <c r="G551" t="s">
        <v>53623</v>
      </c>
      <c r="H551">
        <v>4.4661212009959996</v>
      </c>
      <c r="I551">
        <v>51.866507296183997</v>
      </c>
      <c r="J551" t="s">
        <v>56236</v>
      </c>
    </row>
    <row r="552" spans="1:10" x14ac:dyDescent="0.25">
      <c r="A552" t="s">
        <v>53616</v>
      </c>
      <c r="B552" t="s">
        <v>53617</v>
      </c>
      <c r="C552" t="s">
        <v>53618</v>
      </c>
      <c r="D552" t="s">
        <v>2111</v>
      </c>
      <c r="E552" t="s">
        <v>13</v>
      </c>
      <c r="F552">
        <v>13530</v>
      </c>
      <c r="G552" t="s">
        <v>53619</v>
      </c>
      <c r="H552">
        <v>4.5871979331189996</v>
      </c>
      <c r="I552">
        <v>51.980169724230002</v>
      </c>
      <c r="J552" t="s">
        <v>56237</v>
      </c>
    </row>
    <row r="553" spans="1:10" x14ac:dyDescent="0.25">
      <c r="A553" t="s">
        <v>53612</v>
      </c>
      <c r="B553" t="s">
        <v>53613</v>
      </c>
      <c r="C553" t="s">
        <v>53614</v>
      </c>
      <c r="D553" t="s">
        <v>2111</v>
      </c>
      <c r="E553" t="s">
        <v>13</v>
      </c>
      <c r="F553">
        <v>13529</v>
      </c>
      <c r="G553" t="s">
        <v>53615</v>
      </c>
      <c r="H553">
        <v>4.5602337894860003</v>
      </c>
      <c r="I553">
        <v>51.946224985561997</v>
      </c>
      <c r="J553" t="s">
        <v>56238</v>
      </c>
    </row>
    <row r="554" spans="1:10" x14ac:dyDescent="0.25">
      <c r="A554" t="s">
        <v>53608</v>
      </c>
      <c r="B554" t="s">
        <v>53609</v>
      </c>
      <c r="C554" t="s">
        <v>53610</v>
      </c>
      <c r="D554" t="s">
        <v>2111</v>
      </c>
      <c r="E554" t="s">
        <v>13</v>
      </c>
      <c r="F554">
        <v>13528</v>
      </c>
      <c r="G554" t="s">
        <v>53611</v>
      </c>
      <c r="H554">
        <v>4.5700420819350001</v>
      </c>
      <c r="I554">
        <v>51.966246205521998</v>
      </c>
      <c r="J554" t="s">
        <v>56239</v>
      </c>
    </row>
    <row r="555" spans="1:10" x14ac:dyDescent="0.25">
      <c r="A555" t="s">
        <v>53604</v>
      </c>
      <c r="B555" t="s">
        <v>53605</v>
      </c>
      <c r="C555" t="s">
        <v>53606</v>
      </c>
      <c r="D555" t="s">
        <v>2111</v>
      </c>
      <c r="E555" t="s">
        <v>13</v>
      </c>
      <c r="F555">
        <v>13527</v>
      </c>
      <c r="G555" t="s">
        <v>53607</v>
      </c>
      <c r="H555">
        <v>4.5425726402490003</v>
      </c>
      <c r="I555">
        <v>51.960740306871003</v>
      </c>
      <c r="J555" t="s">
        <v>56240</v>
      </c>
    </row>
    <row r="556" spans="1:10" x14ac:dyDescent="0.25">
      <c r="A556" t="s">
        <v>53600</v>
      </c>
      <c r="B556" t="s">
        <v>53601</v>
      </c>
      <c r="C556" t="s">
        <v>53602</v>
      </c>
      <c r="D556" t="s">
        <v>2111</v>
      </c>
      <c r="E556" t="s">
        <v>13</v>
      </c>
      <c r="F556">
        <v>13526</v>
      </c>
      <c r="G556" t="s">
        <v>53603</v>
      </c>
      <c r="H556">
        <v>4.5423322248620002</v>
      </c>
      <c r="I556">
        <v>51.945334843711002</v>
      </c>
      <c r="J556" t="s">
        <v>56241</v>
      </c>
    </row>
    <row r="557" spans="1:10" x14ac:dyDescent="0.25">
      <c r="A557" t="s">
        <v>53596</v>
      </c>
      <c r="B557" t="s">
        <v>53597</v>
      </c>
      <c r="C557" t="s">
        <v>53598</v>
      </c>
      <c r="D557" t="s">
        <v>2111</v>
      </c>
      <c r="E557" t="s">
        <v>13</v>
      </c>
      <c r="F557">
        <v>13525</v>
      </c>
      <c r="G557" t="s">
        <v>53599</v>
      </c>
      <c r="H557">
        <v>4.5483547690170001</v>
      </c>
      <c r="I557">
        <v>51.934257151239997</v>
      </c>
      <c r="J557" t="s">
        <v>56242</v>
      </c>
    </row>
    <row r="558" spans="1:10" x14ac:dyDescent="0.25">
      <c r="A558" t="s">
        <v>2145</v>
      </c>
      <c r="B558" t="s">
        <v>2146</v>
      </c>
      <c r="C558" t="s">
        <v>2147</v>
      </c>
      <c r="D558" t="s">
        <v>2111</v>
      </c>
      <c r="E558" t="s">
        <v>13</v>
      </c>
      <c r="F558">
        <v>13524</v>
      </c>
      <c r="G558" t="s">
        <v>2148</v>
      </c>
      <c r="H558">
        <v>4.5472038077950003</v>
      </c>
      <c r="I558">
        <v>51.910346591607997</v>
      </c>
      <c r="J558" t="s">
        <v>56243</v>
      </c>
    </row>
    <row r="559" spans="1:10" x14ac:dyDescent="0.25">
      <c r="A559" t="s">
        <v>2141</v>
      </c>
      <c r="B559" t="s">
        <v>2142</v>
      </c>
      <c r="C559" t="s">
        <v>2143</v>
      </c>
      <c r="D559" t="s">
        <v>2111</v>
      </c>
      <c r="E559" t="s">
        <v>13</v>
      </c>
      <c r="F559">
        <v>13523</v>
      </c>
      <c r="G559" t="s">
        <v>2144</v>
      </c>
      <c r="H559">
        <v>4.550405848934</v>
      </c>
      <c r="I559">
        <v>51.924800633647003</v>
      </c>
      <c r="J559" t="s">
        <v>56244</v>
      </c>
    </row>
    <row r="560" spans="1:10" x14ac:dyDescent="0.25">
      <c r="A560" t="s">
        <v>53592</v>
      </c>
      <c r="B560" t="s">
        <v>53593</v>
      </c>
      <c r="C560" t="s">
        <v>53594</v>
      </c>
      <c r="D560" t="s">
        <v>2111</v>
      </c>
      <c r="E560" t="s">
        <v>13</v>
      </c>
      <c r="F560">
        <v>13522</v>
      </c>
      <c r="G560" t="s">
        <v>53595</v>
      </c>
      <c r="H560">
        <v>4.3882153943980002</v>
      </c>
      <c r="I560">
        <v>51.887797693060001</v>
      </c>
      <c r="J560" t="s">
        <v>56245</v>
      </c>
    </row>
    <row r="561" spans="1:10" x14ac:dyDescent="0.25">
      <c r="A561" t="s">
        <v>2137</v>
      </c>
      <c r="B561" t="s">
        <v>2138</v>
      </c>
      <c r="C561" t="s">
        <v>2139</v>
      </c>
      <c r="D561" t="s">
        <v>2111</v>
      </c>
      <c r="E561" t="s">
        <v>13</v>
      </c>
      <c r="F561">
        <v>13521</v>
      </c>
      <c r="G561" t="s">
        <v>2140</v>
      </c>
      <c r="H561">
        <v>4.5667425896990004</v>
      </c>
      <c r="I561">
        <v>51.892036130027002</v>
      </c>
      <c r="J561" t="s">
        <v>56246</v>
      </c>
    </row>
    <row r="562" spans="1:10" x14ac:dyDescent="0.25">
      <c r="A562" t="s">
        <v>2133</v>
      </c>
      <c r="B562" t="s">
        <v>2134</v>
      </c>
      <c r="C562" t="s">
        <v>2135</v>
      </c>
      <c r="D562" t="s">
        <v>2111</v>
      </c>
      <c r="E562" t="s">
        <v>13</v>
      </c>
      <c r="F562">
        <v>13520</v>
      </c>
      <c r="G562" t="s">
        <v>2136</v>
      </c>
      <c r="H562">
        <v>4.545605584174</v>
      </c>
      <c r="I562">
        <v>51.885378453138003</v>
      </c>
      <c r="J562" t="s">
        <v>56247</v>
      </c>
    </row>
    <row r="563" spans="1:10" x14ac:dyDescent="0.25">
      <c r="A563" t="s">
        <v>2129</v>
      </c>
      <c r="B563" t="s">
        <v>2130</v>
      </c>
      <c r="C563" t="s">
        <v>2131</v>
      </c>
      <c r="D563" t="s">
        <v>2111</v>
      </c>
      <c r="E563" t="s">
        <v>13</v>
      </c>
      <c r="F563">
        <v>13519</v>
      </c>
      <c r="G563" t="s">
        <v>2132</v>
      </c>
      <c r="H563">
        <v>4.5235054059659996</v>
      </c>
      <c r="I563">
        <v>51.876132112020002</v>
      </c>
      <c r="J563" t="s">
        <v>56248</v>
      </c>
    </row>
    <row r="564" spans="1:10" x14ac:dyDescent="0.25">
      <c r="A564" t="s">
        <v>2125</v>
      </c>
      <c r="B564" t="s">
        <v>2126</v>
      </c>
      <c r="C564" t="s">
        <v>2127</v>
      </c>
      <c r="D564" t="s">
        <v>2111</v>
      </c>
      <c r="E564" t="s">
        <v>13</v>
      </c>
      <c r="F564">
        <v>13518</v>
      </c>
      <c r="G564" t="s">
        <v>2128</v>
      </c>
      <c r="H564">
        <v>4.5441445791390001</v>
      </c>
      <c r="I564">
        <v>51.899884981970999</v>
      </c>
      <c r="J564" t="s">
        <v>56249</v>
      </c>
    </row>
    <row r="565" spans="1:10" x14ac:dyDescent="0.25">
      <c r="A565" t="s">
        <v>53589</v>
      </c>
      <c r="B565" t="s">
        <v>53590</v>
      </c>
      <c r="C565" t="s">
        <v>50932</v>
      </c>
      <c r="D565" t="s">
        <v>2111</v>
      </c>
      <c r="E565" t="s">
        <v>13</v>
      </c>
      <c r="F565">
        <v>13517</v>
      </c>
      <c r="G565" t="s">
        <v>53591</v>
      </c>
      <c r="H565">
        <v>4.4962627164890003</v>
      </c>
      <c r="I565">
        <v>51.913847419923002</v>
      </c>
      <c r="J565" t="s">
        <v>56250</v>
      </c>
    </row>
    <row r="566" spans="1:10" x14ac:dyDescent="0.25">
      <c r="A566" t="s">
        <v>53585</v>
      </c>
      <c r="B566" t="s">
        <v>53586</v>
      </c>
      <c r="C566" t="s">
        <v>53587</v>
      </c>
      <c r="D566" t="s">
        <v>2111</v>
      </c>
      <c r="E566" t="s">
        <v>13</v>
      </c>
      <c r="F566">
        <v>13516</v>
      </c>
      <c r="G566" t="s">
        <v>53588</v>
      </c>
      <c r="H566">
        <v>4.510117199612</v>
      </c>
      <c r="I566">
        <v>51.909929470561998</v>
      </c>
      <c r="J566" t="s">
        <v>56251</v>
      </c>
    </row>
    <row r="567" spans="1:10" x14ac:dyDescent="0.25">
      <c r="A567" t="s">
        <v>53581</v>
      </c>
      <c r="B567" t="s">
        <v>53582</v>
      </c>
      <c r="C567" t="s">
        <v>53583</v>
      </c>
      <c r="D567" t="s">
        <v>2111</v>
      </c>
      <c r="E567" t="s">
        <v>13</v>
      </c>
      <c r="F567">
        <v>13515</v>
      </c>
      <c r="G567" t="s">
        <v>53584</v>
      </c>
      <c r="H567">
        <v>4.501691751079</v>
      </c>
      <c r="I567">
        <v>51.901370775183999</v>
      </c>
      <c r="J567" t="s">
        <v>56252</v>
      </c>
    </row>
    <row r="568" spans="1:10" x14ac:dyDescent="0.25">
      <c r="A568" t="s">
        <v>53577</v>
      </c>
      <c r="B568" t="s">
        <v>53578</v>
      </c>
      <c r="C568" t="s">
        <v>53579</v>
      </c>
      <c r="D568" t="s">
        <v>2111</v>
      </c>
      <c r="E568" t="s">
        <v>13</v>
      </c>
      <c r="F568">
        <v>13514</v>
      </c>
      <c r="G568" t="s">
        <v>53580</v>
      </c>
      <c r="H568">
        <v>4.482734035569</v>
      </c>
      <c r="I568">
        <v>51.900444140731999</v>
      </c>
      <c r="J568" t="s">
        <v>56253</v>
      </c>
    </row>
    <row r="569" spans="1:10" x14ac:dyDescent="0.25">
      <c r="A569" t="s">
        <v>2121</v>
      </c>
      <c r="B569" t="s">
        <v>2122</v>
      </c>
      <c r="C569" t="s">
        <v>2123</v>
      </c>
      <c r="D569" t="s">
        <v>2111</v>
      </c>
      <c r="E569" t="s">
        <v>13</v>
      </c>
      <c r="F569">
        <v>13513</v>
      </c>
      <c r="G569" t="s">
        <v>2124</v>
      </c>
      <c r="H569">
        <v>4.5121995084049997</v>
      </c>
      <c r="I569">
        <v>51.895400474016</v>
      </c>
      <c r="J569" t="s">
        <v>56254</v>
      </c>
    </row>
    <row r="570" spans="1:10" x14ac:dyDescent="0.25">
      <c r="A570" t="s">
        <v>53573</v>
      </c>
      <c r="B570" t="s">
        <v>53574</v>
      </c>
      <c r="C570" t="s">
        <v>53575</v>
      </c>
      <c r="D570" t="s">
        <v>2111</v>
      </c>
      <c r="E570" t="s">
        <v>13</v>
      </c>
      <c r="F570">
        <v>13512</v>
      </c>
      <c r="G570" t="s">
        <v>53576</v>
      </c>
      <c r="H570">
        <v>4.5006669831300004</v>
      </c>
      <c r="I570">
        <v>51.893429555425001</v>
      </c>
      <c r="J570" t="s">
        <v>56255</v>
      </c>
    </row>
    <row r="571" spans="1:10" x14ac:dyDescent="0.25">
      <c r="A571" t="s">
        <v>2117</v>
      </c>
      <c r="B571" t="s">
        <v>2118</v>
      </c>
      <c r="C571" t="s">
        <v>2119</v>
      </c>
      <c r="D571" t="s">
        <v>2111</v>
      </c>
      <c r="E571" t="s">
        <v>13</v>
      </c>
      <c r="F571">
        <v>13511</v>
      </c>
      <c r="G571" t="s">
        <v>2120</v>
      </c>
      <c r="H571">
        <v>4.5087362793879997</v>
      </c>
      <c r="I571">
        <v>51.885658771899003</v>
      </c>
      <c r="J571" t="s">
        <v>56256</v>
      </c>
    </row>
    <row r="572" spans="1:10" x14ac:dyDescent="0.25">
      <c r="A572" t="s">
        <v>53569</v>
      </c>
      <c r="B572" t="s">
        <v>53570</v>
      </c>
      <c r="C572" t="s">
        <v>53571</v>
      </c>
      <c r="D572" t="s">
        <v>2111</v>
      </c>
      <c r="E572" t="s">
        <v>13</v>
      </c>
      <c r="F572">
        <v>13510</v>
      </c>
      <c r="G572" t="s">
        <v>53572</v>
      </c>
      <c r="H572">
        <v>4.5029820165599999</v>
      </c>
      <c r="I572">
        <v>51.907274959543003</v>
      </c>
      <c r="J572" t="s">
        <v>56257</v>
      </c>
    </row>
    <row r="573" spans="1:10" x14ac:dyDescent="0.25">
      <c r="A573" t="s">
        <v>53565</v>
      </c>
      <c r="B573" t="s">
        <v>53566</v>
      </c>
      <c r="C573" t="s">
        <v>53567</v>
      </c>
      <c r="D573" t="s">
        <v>2111</v>
      </c>
      <c r="E573" t="s">
        <v>13</v>
      </c>
      <c r="F573">
        <v>13509</v>
      </c>
      <c r="G573" t="s">
        <v>53568</v>
      </c>
      <c r="H573">
        <v>4.4887814837539999</v>
      </c>
      <c r="I573">
        <v>51.906422273986003</v>
      </c>
      <c r="J573" t="s">
        <v>56258</v>
      </c>
    </row>
    <row r="574" spans="1:10" x14ac:dyDescent="0.25">
      <c r="A574" t="s">
        <v>53561</v>
      </c>
      <c r="B574" t="s">
        <v>53562</v>
      </c>
      <c r="C574" t="s">
        <v>53563</v>
      </c>
      <c r="D574" t="s">
        <v>2111</v>
      </c>
      <c r="E574" t="s">
        <v>13</v>
      </c>
      <c r="F574">
        <v>13508</v>
      </c>
      <c r="G574" t="s">
        <v>53564</v>
      </c>
      <c r="H574">
        <v>4.5075407722390004</v>
      </c>
      <c r="I574">
        <v>51.919080452948002</v>
      </c>
      <c r="J574" t="s">
        <v>56259</v>
      </c>
    </row>
    <row r="575" spans="1:10" x14ac:dyDescent="0.25">
      <c r="A575" t="s">
        <v>2113</v>
      </c>
      <c r="B575" t="s">
        <v>2114</v>
      </c>
      <c r="C575" t="s">
        <v>2115</v>
      </c>
      <c r="D575" t="s">
        <v>2111</v>
      </c>
      <c r="E575" t="s">
        <v>13</v>
      </c>
      <c r="F575">
        <v>13507</v>
      </c>
      <c r="G575" t="s">
        <v>2116</v>
      </c>
      <c r="H575">
        <v>4.5267834365840001</v>
      </c>
      <c r="I575">
        <v>51.908172847922998</v>
      </c>
      <c r="J575" t="s">
        <v>56260</v>
      </c>
    </row>
    <row r="576" spans="1:10" x14ac:dyDescent="0.25">
      <c r="A576" t="s">
        <v>53557</v>
      </c>
      <c r="B576" t="s">
        <v>53558</v>
      </c>
      <c r="C576" t="s">
        <v>53559</v>
      </c>
      <c r="D576" t="s">
        <v>2111</v>
      </c>
      <c r="E576" t="s">
        <v>13</v>
      </c>
      <c r="F576">
        <v>13506</v>
      </c>
      <c r="G576" t="s">
        <v>53560</v>
      </c>
      <c r="H576">
        <v>4.5196239853189999</v>
      </c>
      <c r="I576">
        <v>51.937159517475997</v>
      </c>
      <c r="J576" t="s">
        <v>56261</v>
      </c>
    </row>
    <row r="577" spans="1:10" x14ac:dyDescent="0.25">
      <c r="A577" t="s">
        <v>2108</v>
      </c>
      <c r="B577" t="s">
        <v>2109</v>
      </c>
      <c r="C577" t="s">
        <v>2110</v>
      </c>
      <c r="D577" t="s">
        <v>2111</v>
      </c>
      <c r="E577" t="s">
        <v>13</v>
      </c>
      <c r="F577">
        <v>13505</v>
      </c>
      <c r="G577" t="s">
        <v>2112</v>
      </c>
      <c r="H577">
        <v>4.5236062954929999</v>
      </c>
      <c r="I577">
        <v>51.921897796681002</v>
      </c>
      <c r="J577" t="s">
        <v>56262</v>
      </c>
    </row>
    <row r="578" spans="1:10" x14ac:dyDescent="0.25">
      <c r="A578" t="s">
        <v>53553</v>
      </c>
      <c r="B578" t="s">
        <v>53554</v>
      </c>
      <c r="C578" t="s">
        <v>53555</v>
      </c>
      <c r="D578" t="s">
        <v>2111</v>
      </c>
      <c r="E578" t="s">
        <v>13</v>
      </c>
      <c r="F578">
        <v>13504</v>
      </c>
      <c r="G578" t="s">
        <v>53556</v>
      </c>
      <c r="H578">
        <v>4.5048365411370002</v>
      </c>
      <c r="I578">
        <v>51.927106592073002</v>
      </c>
      <c r="J578" t="s">
        <v>56263</v>
      </c>
    </row>
    <row r="579" spans="1:10" x14ac:dyDescent="0.25">
      <c r="A579" t="s">
        <v>53549</v>
      </c>
      <c r="B579" t="s">
        <v>53550</v>
      </c>
      <c r="C579" t="s">
        <v>53551</v>
      </c>
      <c r="D579" t="s">
        <v>2111</v>
      </c>
      <c r="E579" t="s">
        <v>13</v>
      </c>
      <c r="F579">
        <v>13503</v>
      </c>
      <c r="G579" t="s">
        <v>53552</v>
      </c>
      <c r="H579">
        <v>4.4947829643280004</v>
      </c>
      <c r="I579">
        <v>51.932492168334001</v>
      </c>
      <c r="J579" t="s">
        <v>56264</v>
      </c>
    </row>
    <row r="580" spans="1:10" x14ac:dyDescent="0.25">
      <c r="A580" t="s">
        <v>53545</v>
      </c>
      <c r="B580" t="s">
        <v>53546</v>
      </c>
      <c r="C580" t="s">
        <v>53547</v>
      </c>
      <c r="D580" t="s">
        <v>2111</v>
      </c>
      <c r="E580" t="s">
        <v>13</v>
      </c>
      <c r="F580">
        <v>13502</v>
      </c>
      <c r="G580" t="s">
        <v>53548</v>
      </c>
      <c r="H580">
        <v>4.4959097093500002</v>
      </c>
      <c r="I580">
        <v>51.940691521060998</v>
      </c>
      <c r="J580" t="s">
        <v>56265</v>
      </c>
    </row>
    <row r="581" spans="1:10" x14ac:dyDescent="0.25">
      <c r="A581" t="s">
        <v>53541</v>
      </c>
      <c r="B581" t="s">
        <v>53542</v>
      </c>
      <c r="C581" t="s">
        <v>53543</v>
      </c>
      <c r="D581" t="s">
        <v>2111</v>
      </c>
      <c r="E581" t="s">
        <v>13</v>
      </c>
      <c r="F581">
        <v>13501</v>
      </c>
      <c r="G581" t="s">
        <v>53544</v>
      </c>
      <c r="H581">
        <v>4.4915020777050003</v>
      </c>
      <c r="I581">
        <v>51.927199683517003</v>
      </c>
      <c r="J581" t="s">
        <v>56266</v>
      </c>
    </row>
    <row r="582" spans="1:10" x14ac:dyDescent="0.25">
      <c r="A582" t="s">
        <v>53537</v>
      </c>
      <c r="B582" t="s">
        <v>53538</v>
      </c>
      <c r="C582" t="s">
        <v>53539</v>
      </c>
      <c r="D582" t="s">
        <v>2111</v>
      </c>
      <c r="E582" t="s">
        <v>13</v>
      </c>
      <c r="F582">
        <v>13500</v>
      </c>
      <c r="G582" t="s">
        <v>53540</v>
      </c>
      <c r="H582">
        <v>4.5057096375050003</v>
      </c>
      <c r="I582">
        <v>51.960190871042997</v>
      </c>
      <c r="J582" t="s">
        <v>56267</v>
      </c>
    </row>
    <row r="583" spans="1:10" x14ac:dyDescent="0.25">
      <c r="A583" t="s">
        <v>53533</v>
      </c>
      <c r="B583" t="s">
        <v>53534</v>
      </c>
      <c r="C583" t="s">
        <v>53535</v>
      </c>
      <c r="D583" t="s">
        <v>2111</v>
      </c>
      <c r="E583" t="s">
        <v>13</v>
      </c>
      <c r="F583">
        <v>13499</v>
      </c>
      <c r="G583" t="s">
        <v>53536</v>
      </c>
      <c r="H583">
        <v>4.5148254941220003</v>
      </c>
      <c r="I583">
        <v>51.951638389511999</v>
      </c>
      <c r="J583" t="s">
        <v>56268</v>
      </c>
    </row>
    <row r="584" spans="1:10" x14ac:dyDescent="0.25">
      <c r="A584" t="s">
        <v>53529</v>
      </c>
      <c r="B584" t="s">
        <v>53530</v>
      </c>
      <c r="C584" t="s">
        <v>53531</v>
      </c>
      <c r="D584" t="s">
        <v>2111</v>
      </c>
      <c r="E584" t="s">
        <v>13</v>
      </c>
      <c r="F584">
        <v>13498</v>
      </c>
      <c r="G584" t="s">
        <v>53532</v>
      </c>
      <c r="H584">
        <v>4.4897280337609997</v>
      </c>
      <c r="I584">
        <v>51.955504295082001</v>
      </c>
      <c r="J584" t="s">
        <v>56269</v>
      </c>
    </row>
    <row r="585" spans="1:10" x14ac:dyDescent="0.25">
      <c r="A585" t="s">
        <v>53525</v>
      </c>
      <c r="B585" t="s">
        <v>53526</v>
      </c>
      <c r="C585" t="s">
        <v>53527</v>
      </c>
      <c r="D585" t="s">
        <v>2111</v>
      </c>
      <c r="E585" t="s">
        <v>13</v>
      </c>
      <c r="F585">
        <v>13497</v>
      </c>
      <c r="G585" t="s">
        <v>53528</v>
      </c>
      <c r="H585">
        <v>4.4732345437239998</v>
      </c>
      <c r="I585">
        <v>51.944343189683003</v>
      </c>
      <c r="J585" t="s">
        <v>56270</v>
      </c>
    </row>
    <row r="586" spans="1:10" x14ac:dyDescent="0.25">
      <c r="A586" t="s">
        <v>53521</v>
      </c>
      <c r="B586" t="s">
        <v>53522</v>
      </c>
      <c r="C586" t="s">
        <v>53523</v>
      </c>
      <c r="D586" t="s">
        <v>2111</v>
      </c>
      <c r="E586" t="s">
        <v>13</v>
      </c>
      <c r="F586">
        <v>13496</v>
      </c>
      <c r="G586" t="s">
        <v>53524</v>
      </c>
      <c r="H586">
        <v>4.4712371218840001</v>
      </c>
      <c r="I586">
        <v>51.963637562267003</v>
      </c>
      <c r="J586" t="s">
        <v>56271</v>
      </c>
    </row>
    <row r="587" spans="1:10" x14ac:dyDescent="0.25">
      <c r="A587" t="s">
        <v>53517</v>
      </c>
      <c r="B587" t="s">
        <v>53518</v>
      </c>
      <c r="C587" t="s">
        <v>53519</v>
      </c>
      <c r="D587" t="s">
        <v>2111</v>
      </c>
      <c r="E587" t="s">
        <v>13</v>
      </c>
      <c r="F587">
        <v>13495</v>
      </c>
      <c r="G587" t="s">
        <v>53520</v>
      </c>
      <c r="H587">
        <v>4.4421651865429999</v>
      </c>
      <c r="I587">
        <v>51.927374407656998</v>
      </c>
      <c r="J587" t="s">
        <v>56272</v>
      </c>
    </row>
    <row r="588" spans="1:10" x14ac:dyDescent="0.25">
      <c r="A588" t="s">
        <v>53513</v>
      </c>
      <c r="B588" t="s">
        <v>53514</v>
      </c>
      <c r="C588" t="s">
        <v>53515</v>
      </c>
      <c r="D588" t="s">
        <v>2111</v>
      </c>
      <c r="E588" t="s">
        <v>13</v>
      </c>
      <c r="F588">
        <v>13494</v>
      </c>
      <c r="G588" t="s">
        <v>53516</v>
      </c>
      <c r="H588">
        <v>4.4822786423179997</v>
      </c>
      <c r="I588">
        <v>51.934769704003998</v>
      </c>
      <c r="J588" t="s">
        <v>56273</v>
      </c>
    </row>
    <row r="589" spans="1:10" x14ac:dyDescent="0.25">
      <c r="A589" t="s">
        <v>53509</v>
      </c>
      <c r="B589" t="s">
        <v>53510</v>
      </c>
      <c r="C589" t="s">
        <v>53511</v>
      </c>
      <c r="D589" t="s">
        <v>2111</v>
      </c>
      <c r="E589" t="s">
        <v>13</v>
      </c>
      <c r="F589">
        <v>13493</v>
      </c>
      <c r="G589" t="s">
        <v>53512</v>
      </c>
      <c r="H589">
        <v>4.4732738116600004</v>
      </c>
      <c r="I589">
        <v>51.937827844906003</v>
      </c>
      <c r="J589" t="s">
        <v>56274</v>
      </c>
    </row>
    <row r="590" spans="1:10" x14ac:dyDescent="0.25">
      <c r="A590" t="s">
        <v>53505</v>
      </c>
      <c r="B590" t="s">
        <v>53506</v>
      </c>
      <c r="C590" t="s">
        <v>53507</v>
      </c>
      <c r="D590" t="s">
        <v>2111</v>
      </c>
      <c r="E590" t="s">
        <v>13</v>
      </c>
      <c r="F590">
        <v>13492</v>
      </c>
      <c r="G590" t="s">
        <v>53508</v>
      </c>
      <c r="H590">
        <v>4.4562352196289998</v>
      </c>
      <c r="I590">
        <v>51.930311170156003</v>
      </c>
      <c r="J590" t="s">
        <v>56275</v>
      </c>
    </row>
    <row r="591" spans="1:10" x14ac:dyDescent="0.25">
      <c r="A591" t="s">
        <v>53501</v>
      </c>
      <c r="B591" t="s">
        <v>53502</v>
      </c>
      <c r="C591" t="s">
        <v>53503</v>
      </c>
      <c r="D591" t="s">
        <v>2111</v>
      </c>
      <c r="E591" t="s">
        <v>13</v>
      </c>
      <c r="F591">
        <v>13491</v>
      </c>
      <c r="G591" t="s">
        <v>53504</v>
      </c>
      <c r="H591">
        <v>4.4652709562780002</v>
      </c>
      <c r="I591">
        <v>51.935560107168001</v>
      </c>
      <c r="J591" t="s">
        <v>56276</v>
      </c>
    </row>
    <row r="592" spans="1:10" x14ac:dyDescent="0.25">
      <c r="A592" t="s">
        <v>53497</v>
      </c>
      <c r="B592" t="s">
        <v>53498</v>
      </c>
      <c r="C592" t="s">
        <v>53499</v>
      </c>
      <c r="D592" t="s">
        <v>2111</v>
      </c>
      <c r="E592" t="s">
        <v>13</v>
      </c>
      <c r="F592">
        <v>13490</v>
      </c>
      <c r="G592" t="s">
        <v>53500</v>
      </c>
      <c r="H592">
        <v>4.4688276906629998</v>
      </c>
      <c r="I592">
        <v>51.927415467883002</v>
      </c>
      <c r="J592" t="s">
        <v>56277</v>
      </c>
    </row>
    <row r="593" spans="1:10" x14ac:dyDescent="0.25">
      <c r="A593" t="s">
        <v>53493</v>
      </c>
      <c r="B593" t="s">
        <v>53494</v>
      </c>
      <c r="C593" t="s">
        <v>53495</v>
      </c>
      <c r="D593" t="s">
        <v>2111</v>
      </c>
      <c r="E593" t="s">
        <v>13</v>
      </c>
      <c r="F593">
        <v>13489</v>
      </c>
      <c r="G593" t="s">
        <v>53496</v>
      </c>
      <c r="H593">
        <v>4.4761608035240004</v>
      </c>
      <c r="I593">
        <v>51.929383135229997</v>
      </c>
      <c r="J593" t="s">
        <v>56278</v>
      </c>
    </row>
    <row r="594" spans="1:10" x14ac:dyDescent="0.25">
      <c r="A594" t="s">
        <v>53489</v>
      </c>
      <c r="B594" t="s">
        <v>53490</v>
      </c>
      <c r="C594" t="s">
        <v>53491</v>
      </c>
      <c r="D594" t="s">
        <v>2111</v>
      </c>
      <c r="E594" t="s">
        <v>13</v>
      </c>
      <c r="F594">
        <v>13488</v>
      </c>
      <c r="G594" t="s">
        <v>53492</v>
      </c>
      <c r="H594">
        <v>4.4290236111669996</v>
      </c>
      <c r="I594">
        <v>51.945033078201</v>
      </c>
      <c r="J594" t="s">
        <v>56279</v>
      </c>
    </row>
    <row r="595" spans="1:10" x14ac:dyDescent="0.25">
      <c r="A595" t="s">
        <v>53485</v>
      </c>
      <c r="B595" t="s">
        <v>53486</v>
      </c>
      <c r="C595" t="s">
        <v>53487</v>
      </c>
      <c r="D595" t="s">
        <v>2111</v>
      </c>
      <c r="E595" t="s">
        <v>13</v>
      </c>
      <c r="F595">
        <v>13487</v>
      </c>
      <c r="G595" t="s">
        <v>53488</v>
      </c>
      <c r="H595">
        <v>4.4238114624489997</v>
      </c>
      <c r="I595">
        <v>51.942594260714003</v>
      </c>
      <c r="J595" t="s">
        <v>56280</v>
      </c>
    </row>
    <row r="596" spans="1:10" x14ac:dyDescent="0.25">
      <c r="A596" t="s">
        <v>53481</v>
      </c>
      <c r="B596" t="s">
        <v>53482</v>
      </c>
      <c r="C596" t="s">
        <v>53483</v>
      </c>
      <c r="D596" t="s">
        <v>2111</v>
      </c>
      <c r="E596" t="s">
        <v>13</v>
      </c>
      <c r="F596">
        <v>13486</v>
      </c>
      <c r="G596" t="s">
        <v>53484</v>
      </c>
      <c r="H596">
        <v>4.4458764390120002</v>
      </c>
      <c r="I596">
        <v>51.950520493734999</v>
      </c>
      <c r="J596" t="s">
        <v>56281</v>
      </c>
    </row>
    <row r="597" spans="1:10" x14ac:dyDescent="0.25">
      <c r="A597" t="s">
        <v>53477</v>
      </c>
      <c r="B597" t="s">
        <v>53478</v>
      </c>
      <c r="C597" t="s">
        <v>53479</v>
      </c>
      <c r="D597" t="s">
        <v>2111</v>
      </c>
      <c r="E597" t="s">
        <v>13</v>
      </c>
      <c r="F597">
        <v>13485</v>
      </c>
      <c r="G597" t="s">
        <v>53480</v>
      </c>
      <c r="H597">
        <v>4.4171864870480002</v>
      </c>
      <c r="I597">
        <v>51.963298918817998</v>
      </c>
      <c r="J597" t="s">
        <v>56282</v>
      </c>
    </row>
    <row r="598" spans="1:10" x14ac:dyDescent="0.25">
      <c r="A598" t="s">
        <v>53473</v>
      </c>
      <c r="B598" t="s">
        <v>53474</v>
      </c>
      <c r="C598" t="s">
        <v>53475</v>
      </c>
      <c r="D598" t="s">
        <v>2111</v>
      </c>
      <c r="E598" t="s">
        <v>13</v>
      </c>
      <c r="F598">
        <v>13484</v>
      </c>
      <c r="G598" t="s">
        <v>53476</v>
      </c>
      <c r="H598">
        <v>4.3938207105589999</v>
      </c>
      <c r="I598">
        <v>51.954422010344999</v>
      </c>
      <c r="J598" t="s">
        <v>56283</v>
      </c>
    </row>
    <row r="599" spans="1:10" x14ac:dyDescent="0.25">
      <c r="A599" t="s">
        <v>53470</v>
      </c>
      <c r="B599" t="s">
        <v>53471</v>
      </c>
      <c r="C599" t="s">
        <v>37687</v>
      </c>
      <c r="D599" t="s">
        <v>2111</v>
      </c>
      <c r="E599" t="s">
        <v>13</v>
      </c>
      <c r="F599">
        <v>13483</v>
      </c>
      <c r="G599" t="s">
        <v>53472</v>
      </c>
      <c r="H599">
        <v>4.4337597494230003</v>
      </c>
      <c r="I599">
        <v>51.933274496065998</v>
      </c>
      <c r="J599" t="s">
        <v>56284</v>
      </c>
    </row>
    <row r="600" spans="1:10" x14ac:dyDescent="0.25">
      <c r="A600" t="s">
        <v>53466</v>
      </c>
      <c r="B600" t="s">
        <v>53467</v>
      </c>
      <c r="C600" t="s">
        <v>53468</v>
      </c>
      <c r="D600" t="s">
        <v>2111</v>
      </c>
      <c r="E600" t="s">
        <v>13</v>
      </c>
      <c r="F600">
        <v>13482</v>
      </c>
      <c r="G600" t="s">
        <v>53469</v>
      </c>
      <c r="H600">
        <v>4.4511743294160002</v>
      </c>
      <c r="I600">
        <v>51.903130517392</v>
      </c>
      <c r="J600" t="s">
        <v>56285</v>
      </c>
    </row>
    <row r="601" spans="1:10" x14ac:dyDescent="0.25">
      <c r="A601" t="s">
        <v>53462</v>
      </c>
      <c r="B601" t="s">
        <v>53463</v>
      </c>
      <c r="C601" t="s">
        <v>53464</v>
      </c>
      <c r="D601" t="s">
        <v>2111</v>
      </c>
      <c r="E601" t="s">
        <v>13</v>
      </c>
      <c r="F601">
        <v>13481</v>
      </c>
      <c r="G601" t="s">
        <v>53465</v>
      </c>
      <c r="H601">
        <v>4.4263423451859998</v>
      </c>
      <c r="I601">
        <v>51.914778251712001</v>
      </c>
      <c r="J601" t="s">
        <v>56286</v>
      </c>
    </row>
    <row r="602" spans="1:10" x14ac:dyDescent="0.25">
      <c r="A602" t="s">
        <v>53458</v>
      </c>
      <c r="B602" t="s">
        <v>53459</v>
      </c>
      <c r="C602" t="s">
        <v>53460</v>
      </c>
      <c r="D602" t="s">
        <v>2111</v>
      </c>
      <c r="E602" t="s">
        <v>13</v>
      </c>
      <c r="F602">
        <v>13480</v>
      </c>
      <c r="G602" t="s">
        <v>53461</v>
      </c>
      <c r="H602">
        <v>4.4239500099209996</v>
      </c>
      <c r="I602">
        <v>51.917401561996002</v>
      </c>
      <c r="J602" t="s">
        <v>56287</v>
      </c>
    </row>
    <row r="603" spans="1:10" x14ac:dyDescent="0.25">
      <c r="A603" t="s">
        <v>53455</v>
      </c>
      <c r="B603" t="s">
        <v>53456</v>
      </c>
      <c r="C603" t="s">
        <v>61</v>
      </c>
      <c r="D603" t="s">
        <v>2111</v>
      </c>
      <c r="E603" t="s">
        <v>13</v>
      </c>
      <c r="F603">
        <v>13479</v>
      </c>
      <c r="G603" t="s">
        <v>53457</v>
      </c>
      <c r="H603">
        <v>4.4594384643179996</v>
      </c>
      <c r="I603">
        <v>51.917017644314001</v>
      </c>
      <c r="J603" t="s">
        <v>56288</v>
      </c>
    </row>
    <row r="604" spans="1:10" x14ac:dyDescent="0.25">
      <c r="A604" t="s">
        <v>53451</v>
      </c>
      <c r="B604" t="s">
        <v>53452</v>
      </c>
      <c r="C604" t="s">
        <v>53453</v>
      </c>
      <c r="D604" t="s">
        <v>2111</v>
      </c>
      <c r="E604" t="s">
        <v>13</v>
      </c>
      <c r="F604">
        <v>13478</v>
      </c>
      <c r="G604" t="s">
        <v>53454</v>
      </c>
      <c r="H604">
        <v>4.4499815786469998</v>
      </c>
      <c r="I604">
        <v>51.916737666350002</v>
      </c>
      <c r="J604" t="s">
        <v>56289</v>
      </c>
    </row>
    <row r="605" spans="1:10" x14ac:dyDescent="0.25">
      <c r="A605" t="s">
        <v>53447</v>
      </c>
      <c r="B605" t="s">
        <v>53448</v>
      </c>
      <c r="C605" t="s">
        <v>53449</v>
      </c>
      <c r="D605" t="s">
        <v>2111</v>
      </c>
      <c r="E605" t="s">
        <v>13</v>
      </c>
      <c r="F605">
        <v>13477</v>
      </c>
      <c r="G605" t="s">
        <v>53450</v>
      </c>
      <c r="H605">
        <v>4.436163345892</v>
      </c>
      <c r="I605">
        <v>51.917117281723002</v>
      </c>
      <c r="J605" t="s">
        <v>56290</v>
      </c>
    </row>
    <row r="606" spans="1:10" x14ac:dyDescent="0.25">
      <c r="A606" t="s">
        <v>53443</v>
      </c>
      <c r="B606" t="s">
        <v>53444</v>
      </c>
      <c r="C606" t="s">
        <v>53445</v>
      </c>
      <c r="D606" t="s">
        <v>2111</v>
      </c>
      <c r="E606" t="s">
        <v>13</v>
      </c>
      <c r="F606">
        <v>13476</v>
      </c>
      <c r="G606" t="s">
        <v>53446</v>
      </c>
      <c r="H606">
        <v>4.4427547218469998</v>
      </c>
      <c r="I606">
        <v>51.912748910540003</v>
      </c>
      <c r="J606" t="s">
        <v>56291</v>
      </c>
    </row>
    <row r="607" spans="1:10" x14ac:dyDescent="0.25">
      <c r="A607" t="s">
        <v>53439</v>
      </c>
      <c r="B607" t="s">
        <v>53440</v>
      </c>
      <c r="C607" t="s">
        <v>53441</v>
      </c>
      <c r="D607" t="s">
        <v>2111</v>
      </c>
      <c r="E607" t="s">
        <v>13</v>
      </c>
      <c r="F607">
        <v>13475</v>
      </c>
      <c r="G607" t="s">
        <v>53442</v>
      </c>
      <c r="H607">
        <v>4.443011795446</v>
      </c>
      <c r="I607">
        <v>51.908379115952002</v>
      </c>
      <c r="J607" t="s">
        <v>56292</v>
      </c>
    </row>
    <row r="608" spans="1:10" x14ac:dyDescent="0.25">
      <c r="A608" t="s">
        <v>53435</v>
      </c>
      <c r="B608" t="s">
        <v>53436</v>
      </c>
      <c r="C608" t="s">
        <v>53437</v>
      </c>
      <c r="D608" t="s">
        <v>2111</v>
      </c>
      <c r="E608" t="s">
        <v>13</v>
      </c>
      <c r="F608">
        <v>13474</v>
      </c>
      <c r="G608" t="s">
        <v>53438</v>
      </c>
      <c r="H608">
        <v>4.4542698680160004</v>
      </c>
      <c r="I608">
        <v>51.906593667152997</v>
      </c>
      <c r="J608" t="s">
        <v>56293</v>
      </c>
    </row>
    <row r="609" spans="1:10" x14ac:dyDescent="0.25">
      <c r="A609" t="s">
        <v>53431</v>
      </c>
      <c r="B609" t="s">
        <v>53432</v>
      </c>
      <c r="C609" t="s">
        <v>53433</v>
      </c>
      <c r="D609" t="s">
        <v>2111</v>
      </c>
      <c r="E609" t="s">
        <v>13</v>
      </c>
      <c r="F609">
        <v>13473</v>
      </c>
      <c r="G609" t="s">
        <v>53434</v>
      </c>
      <c r="H609">
        <v>4.4681390730489996</v>
      </c>
      <c r="I609">
        <v>51.911548620711997</v>
      </c>
      <c r="J609" t="s">
        <v>56294</v>
      </c>
    </row>
    <row r="610" spans="1:10" x14ac:dyDescent="0.25">
      <c r="A610" t="s">
        <v>53427</v>
      </c>
      <c r="B610" t="s">
        <v>53428</v>
      </c>
      <c r="C610" t="s">
        <v>53429</v>
      </c>
      <c r="D610" t="s">
        <v>2111</v>
      </c>
      <c r="E610" t="s">
        <v>13</v>
      </c>
      <c r="F610">
        <v>13472</v>
      </c>
      <c r="G610" t="s">
        <v>53430</v>
      </c>
      <c r="H610">
        <v>4.4733926741619996</v>
      </c>
      <c r="I610">
        <v>51.906549827516002</v>
      </c>
      <c r="J610" t="s">
        <v>56295</v>
      </c>
    </row>
    <row r="611" spans="1:10" x14ac:dyDescent="0.25">
      <c r="A611" t="s">
        <v>53423</v>
      </c>
      <c r="B611" t="s">
        <v>53424</v>
      </c>
      <c r="C611" t="s">
        <v>53425</v>
      </c>
      <c r="D611" t="s">
        <v>2111</v>
      </c>
      <c r="E611" t="s">
        <v>13</v>
      </c>
      <c r="F611">
        <v>13471</v>
      </c>
      <c r="G611" t="s">
        <v>53426</v>
      </c>
      <c r="H611">
        <v>4.467552174283</v>
      </c>
      <c r="I611">
        <v>51.924133366246998</v>
      </c>
      <c r="J611" t="s">
        <v>56296</v>
      </c>
    </row>
    <row r="612" spans="1:10" x14ac:dyDescent="0.25">
      <c r="A612" t="s">
        <v>53419</v>
      </c>
      <c r="B612" t="s">
        <v>53420</v>
      </c>
      <c r="C612" t="s">
        <v>53421</v>
      </c>
      <c r="D612" t="s">
        <v>2111</v>
      </c>
      <c r="E612" t="s">
        <v>13</v>
      </c>
      <c r="F612">
        <v>13470</v>
      </c>
      <c r="G612" t="s">
        <v>53422</v>
      </c>
      <c r="H612">
        <v>4.4760086666210004</v>
      </c>
      <c r="I612">
        <v>51.918312113280003</v>
      </c>
      <c r="J612" t="s">
        <v>56297</v>
      </c>
    </row>
    <row r="613" spans="1:10" x14ac:dyDescent="0.25">
      <c r="A613" t="s">
        <v>53415</v>
      </c>
      <c r="B613" t="s">
        <v>53416</v>
      </c>
      <c r="C613" t="s">
        <v>53417</v>
      </c>
      <c r="D613" t="s">
        <v>2111</v>
      </c>
      <c r="E613" t="s">
        <v>13</v>
      </c>
      <c r="F613">
        <v>13469</v>
      </c>
      <c r="G613" t="s">
        <v>53418</v>
      </c>
      <c r="H613">
        <v>4.4671462522140004</v>
      </c>
      <c r="I613">
        <v>51.917809750929003</v>
      </c>
      <c r="J613" t="s">
        <v>56298</v>
      </c>
    </row>
    <row r="614" spans="1:10" x14ac:dyDescent="0.25">
      <c r="A614" t="s">
        <v>53411</v>
      </c>
      <c r="B614" t="s">
        <v>53412</v>
      </c>
      <c r="C614" t="s">
        <v>53413</v>
      </c>
      <c r="D614" t="s">
        <v>2111</v>
      </c>
      <c r="E614" t="s">
        <v>13</v>
      </c>
      <c r="F614">
        <v>13468</v>
      </c>
      <c r="G614" t="s">
        <v>53414</v>
      </c>
      <c r="H614">
        <v>4.4871396824170002</v>
      </c>
      <c r="I614">
        <v>51.918765689011998</v>
      </c>
      <c r="J614" t="s">
        <v>56299</v>
      </c>
    </row>
    <row r="615" spans="1:10" x14ac:dyDescent="0.25">
      <c r="A615" t="s">
        <v>53407</v>
      </c>
      <c r="B615" t="s">
        <v>53408</v>
      </c>
      <c r="C615" t="s">
        <v>53409</v>
      </c>
      <c r="D615" t="s">
        <v>53206</v>
      </c>
      <c r="E615" t="s">
        <v>13</v>
      </c>
      <c r="F615">
        <v>13467</v>
      </c>
      <c r="G615" t="s">
        <v>53410</v>
      </c>
      <c r="H615">
        <v>4.8439885526140003</v>
      </c>
      <c r="I615">
        <v>52.062020535626999</v>
      </c>
      <c r="J615" t="s">
        <v>56300</v>
      </c>
    </row>
    <row r="616" spans="1:10" x14ac:dyDescent="0.25">
      <c r="A616" t="s">
        <v>53403</v>
      </c>
      <c r="B616" t="s">
        <v>53404</v>
      </c>
      <c r="C616" t="s">
        <v>53405</v>
      </c>
      <c r="D616" t="s">
        <v>53206</v>
      </c>
      <c r="E616" t="s">
        <v>13</v>
      </c>
      <c r="F616">
        <v>13466</v>
      </c>
      <c r="G616" t="s">
        <v>53406</v>
      </c>
      <c r="H616">
        <v>4.820722429391</v>
      </c>
      <c r="I616">
        <v>52.060911129730002</v>
      </c>
      <c r="J616" t="s">
        <v>56301</v>
      </c>
    </row>
    <row r="617" spans="1:10" x14ac:dyDescent="0.25">
      <c r="A617" t="s">
        <v>53399</v>
      </c>
      <c r="B617" t="s">
        <v>53400</v>
      </c>
      <c r="C617" t="s">
        <v>53401</v>
      </c>
      <c r="D617" t="s">
        <v>53206</v>
      </c>
      <c r="E617" t="s">
        <v>13</v>
      </c>
      <c r="F617">
        <v>13465</v>
      </c>
      <c r="G617" t="s">
        <v>53402</v>
      </c>
      <c r="H617">
        <v>4.8131948895869998</v>
      </c>
      <c r="I617">
        <v>52.049308900461</v>
      </c>
      <c r="J617" t="s">
        <v>56302</v>
      </c>
    </row>
    <row r="618" spans="1:10" x14ac:dyDescent="0.25">
      <c r="A618" t="s">
        <v>53396</v>
      </c>
      <c r="B618" t="s">
        <v>53397</v>
      </c>
      <c r="C618" t="s">
        <v>39009</v>
      </c>
      <c r="D618" t="s">
        <v>53206</v>
      </c>
      <c r="E618" t="s">
        <v>13</v>
      </c>
      <c r="F618">
        <v>13464</v>
      </c>
      <c r="G618" t="s">
        <v>53398</v>
      </c>
      <c r="H618">
        <v>4.8014724172959999</v>
      </c>
      <c r="I618">
        <v>52.026212388391002</v>
      </c>
      <c r="J618" t="s">
        <v>56303</v>
      </c>
    </row>
    <row r="619" spans="1:10" x14ac:dyDescent="0.25">
      <c r="A619" t="s">
        <v>53393</v>
      </c>
      <c r="B619" t="s">
        <v>53394</v>
      </c>
      <c r="C619" t="s">
        <v>27015</v>
      </c>
      <c r="D619" t="s">
        <v>53206</v>
      </c>
      <c r="E619" t="s">
        <v>13</v>
      </c>
      <c r="F619">
        <v>13463</v>
      </c>
      <c r="G619" t="s">
        <v>53395</v>
      </c>
      <c r="H619">
        <v>4.795949585662</v>
      </c>
      <c r="I619">
        <v>52.034925097429003</v>
      </c>
      <c r="J619" t="s">
        <v>56304</v>
      </c>
    </row>
    <row r="620" spans="1:10" x14ac:dyDescent="0.25">
      <c r="A620" t="s">
        <v>53389</v>
      </c>
      <c r="B620" t="s">
        <v>53390</v>
      </c>
      <c r="C620" t="s">
        <v>53391</v>
      </c>
      <c r="D620" t="s">
        <v>53206</v>
      </c>
      <c r="E620" t="s">
        <v>13</v>
      </c>
      <c r="F620">
        <v>13462</v>
      </c>
      <c r="G620" t="s">
        <v>53392</v>
      </c>
      <c r="H620">
        <v>4.8015889400959999</v>
      </c>
      <c r="I620">
        <v>52.043665058144001</v>
      </c>
      <c r="J620" t="s">
        <v>56305</v>
      </c>
    </row>
    <row r="621" spans="1:10" x14ac:dyDescent="0.25">
      <c r="A621" t="s">
        <v>53385</v>
      </c>
      <c r="B621" t="s">
        <v>53386</v>
      </c>
      <c r="C621" t="s">
        <v>53387</v>
      </c>
      <c r="D621" t="s">
        <v>53206</v>
      </c>
      <c r="E621" t="s">
        <v>13</v>
      </c>
      <c r="F621">
        <v>13461</v>
      </c>
      <c r="G621" t="s">
        <v>53388</v>
      </c>
      <c r="H621">
        <v>4.7905835015670002</v>
      </c>
      <c r="I621">
        <v>52.054043028808003</v>
      </c>
      <c r="J621" t="s">
        <v>56306</v>
      </c>
    </row>
    <row r="622" spans="1:10" x14ac:dyDescent="0.25">
      <c r="A622" t="s">
        <v>53381</v>
      </c>
      <c r="B622" t="s">
        <v>53382</v>
      </c>
      <c r="C622" t="s">
        <v>53383</v>
      </c>
      <c r="D622" t="s">
        <v>53206</v>
      </c>
      <c r="E622" t="s">
        <v>13</v>
      </c>
      <c r="F622">
        <v>13460</v>
      </c>
      <c r="G622" t="s">
        <v>53384</v>
      </c>
      <c r="H622">
        <v>4.7687286363170003</v>
      </c>
      <c r="I622">
        <v>52.021277026040998</v>
      </c>
      <c r="J622" t="s">
        <v>56307</v>
      </c>
    </row>
    <row r="623" spans="1:10" x14ac:dyDescent="0.25">
      <c r="A623" t="s">
        <v>53377</v>
      </c>
      <c r="B623" t="s">
        <v>53378</v>
      </c>
      <c r="C623" t="s">
        <v>53379</v>
      </c>
      <c r="D623" t="s">
        <v>53206</v>
      </c>
      <c r="E623" t="s">
        <v>13</v>
      </c>
      <c r="F623">
        <v>13459</v>
      </c>
      <c r="G623" t="s">
        <v>53380</v>
      </c>
      <c r="H623">
        <v>4.781169407488</v>
      </c>
      <c r="I623">
        <v>52.033111159145001</v>
      </c>
      <c r="J623" t="s">
        <v>56308</v>
      </c>
    </row>
    <row r="624" spans="1:10" x14ac:dyDescent="0.25">
      <c r="A624" t="s">
        <v>53373</v>
      </c>
      <c r="B624" t="s">
        <v>53374</v>
      </c>
      <c r="C624" t="s">
        <v>53375</v>
      </c>
      <c r="D624" t="s">
        <v>53206</v>
      </c>
      <c r="E624" t="s">
        <v>13</v>
      </c>
      <c r="F624">
        <v>13458</v>
      </c>
      <c r="G624" t="s">
        <v>53376</v>
      </c>
      <c r="H624">
        <v>4.7646090414179998</v>
      </c>
      <c r="I624">
        <v>52.040304203504</v>
      </c>
      <c r="J624" t="s">
        <v>56309</v>
      </c>
    </row>
    <row r="625" spans="1:10" x14ac:dyDescent="0.25">
      <c r="A625" t="s">
        <v>53369</v>
      </c>
      <c r="B625" t="s">
        <v>53370</v>
      </c>
      <c r="C625" t="s">
        <v>53371</v>
      </c>
      <c r="D625" t="s">
        <v>53206</v>
      </c>
      <c r="E625" t="s">
        <v>13</v>
      </c>
      <c r="F625">
        <v>13457</v>
      </c>
      <c r="G625" t="s">
        <v>53372</v>
      </c>
      <c r="H625">
        <v>4.7353325461809996</v>
      </c>
      <c r="I625">
        <v>52.025811493816001</v>
      </c>
      <c r="J625" t="s">
        <v>56310</v>
      </c>
    </row>
    <row r="626" spans="1:10" x14ac:dyDescent="0.25">
      <c r="A626" t="s">
        <v>53365</v>
      </c>
      <c r="B626" t="s">
        <v>53366</v>
      </c>
      <c r="C626" t="s">
        <v>53367</v>
      </c>
      <c r="D626" t="s">
        <v>53206</v>
      </c>
      <c r="E626" t="s">
        <v>13</v>
      </c>
      <c r="F626">
        <v>13456</v>
      </c>
      <c r="G626" t="s">
        <v>53368</v>
      </c>
      <c r="H626">
        <v>4.7404805675470003</v>
      </c>
      <c r="I626">
        <v>52.038172990051997</v>
      </c>
      <c r="J626" t="s">
        <v>56311</v>
      </c>
    </row>
    <row r="627" spans="1:10" x14ac:dyDescent="0.25">
      <c r="A627" t="s">
        <v>53361</v>
      </c>
      <c r="B627" t="s">
        <v>53362</v>
      </c>
      <c r="C627" t="s">
        <v>53363</v>
      </c>
      <c r="D627" t="s">
        <v>53206</v>
      </c>
      <c r="E627" t="s">
        <v>13</v>
      </c>
      <c r="F627">
        <v>13455</v>
      </c>
      <c r="G627" t="s">
        <v>53364</v>
      </c>
      <c r="H627">
        <v>4.7668336225810002</v>
      </c>
      <c r="I627">
        <v>52.059430486033001</v>
      </c>
      <c r="J627" t="s">
        <v>56312</v>
      </c>
    </row>
    <row r="628" spans="1:10" x14ac:dyDescent="0.25">
      <c r="A628" t="s">
        <v>53357</v>
      </c>
      <c r="B628" t="s">
        <v>53358</v>
      </c>
      <c r="C628" t="s">
        <v>53359</v>
      </c>
      <c r="D628" t="s">
        <v>53206</v>
      </c>
      <c r="E628" t="s">
        <v>13</v>
      </c>
      <c r="F628">
        <v>13454</v>
      </c>
      <c r="G628" t="s">
        <v>53360</v>
      </c>
      <c r="H628">
        <v>4.7453938348940001</v>
      </c>
      <c r="I628">
        <v>52.055726721604003</v>
      </c>
      <c r="J628" t="s">
        <v>56313</v>
      </c>
    </row>
    <row r="629" spans="1:10" x14ac:dyDescent="0.25">
      <c r="A629" t="s">
        <v>53353</v>
      </c>
      <c r="B629" t="s">
        <v>53354</v>
      </c>
      <c r="C629" t="s">
        <v>53355</v>
      </c>
      <c r="D629" t="s">
        <v>53206</v>
      </c>
      <c r="E629" t="s">
        <v>13</v>
      </c>
      <c r="F629">
        <v>13453</v>
      </c>
      <c r="G629" t="s">
        <v>53356</v>
      </c>
      <c r="H629">
        <v>4.7256240469310002</v>
      </c>
      <c r="I629">
        <v>52.042792588851</v>
      </c>
      <c r="J629" t="s">
        <v>56314</v>
      </c>
    </row>
    <row r="630" spans="1:10" x14ac:dyDescent="0.25">
      <c r="A630" t="s">
        <v>53349</v>
      </c>
      <c r="B630" t="s">
        <v>53350</v>
      </c>
      <c r="C630" t="s">
        <v>53351</v>
      </c>
      <c r="D630" t="s">
        <v>53206</v>
      </c>
      <c r="E630" t="s">
        <v>13</v>
      </c>
      <c r="F630">
        <v>13452</v>
      </c>
      <c r="G630" t="s">
        <v>53352</v>
      </c>
      <c r="H630">
        <v>4.728170207552</v>
      </c>
      <c r="I630">
        <v>52.047248943134001</v>
      </c>
      <c r="J630" t="s">
        <v>56315</v>
      </c>
    </row>
    <row r="631" spans="1:10" x14ac:dyDescent="0.25">
      <c r="A631" t="s">
        <v>53345</v>
      </c>
      <c r="B631" t="s">
        <v>53346</v>
      </c>
      <c r="C631" t="s">
        <v>53347</v>
      </c>
      <c r="D631" t="s">
        <v>53206</v>
      </c>
      <c r="E631" t="s">
        <v>13</v>
      </c>
      <c r="F631">
        <v>13451</v>
      </c>
      <c r="G631" t="s">
        <v>53348</v>
      </c>
      <c r="H631">
        <v>4.7299344631690001</v>
      </c>
      <c r="I631">
        <v>52.051243429671999</v>
      </c>
      <c r="J631" t="s">
        <v>56316</v>
      </c>
    </row>
    <row r="632" spans="1:10" x14ac:dyDescent="0.25">
      <c r="A632" t="s">
        <v>53341</v>
      </c>
      <c r="B632" t="s">
        <v>53342</v>
      </c>
      <c r="C632" t="s">
        <v>53343</v>
      </c>
      <c r="D632" t="s">
        <v>53206</v>
      </c>
      <c r="E632" t="s">
        <v>13</v>
      </c>
      <c r="F632">
        <v>13450</v>
      </c>
      <c r="G632" t="s">
        <v>53344</v>
      </c>
      <c r="H632">
        <v>4.7147728281410002</v>
      </c>
      <c r="I632">
        <v>52.040808373529003</v>
      </c>
      <c r="J632" t="s">
        <v>56317</v>
      </c>
    </row>
    <row r="633" spans="1:10" x14ac:dyDescent="0.25">
      <c r="A633" t="s">
        <v>53337</v>
      </c>
      <c r="B633" t="s">
        <v>53338</v>
      </c>
      <c r="C633" t="s">
        <v>53339</v>
      </c>
      <c r="D633" t="s">
        <v>53206</v>
      </c>
      <c r="E633" t="s">
        <v>13</v>
      </c>
      <c r="F633">
        <v>13449</v>
      </c>
      <c r="G633" t="s">
        <v>53340</v>
      </c>
      <c r="H633">
        <v>4.7178226214889998</v>
      </c>
      <c r="I633">
        <v>52.045249758494997</v>
      </c>
      <c r="J633" t="s">
        <v>56318</v>
      </c>
    </row>
    <row r="634" spans="1:10" x14ac:dyDescent="0.25">
      <c r="A634" t="s">
        <v>53333</v>
      </c>
      <c r="B634" t="s">
        <v>53334</v>
      </c>
      <c r="C634" t="s">
        <v>53335</v>
      </c>
      <c r="D634" t="s">
        <v>53206</v>
      </c>
      <c r="E634" t="s">
        <v>13</v>
      </c>
      <c r="F634">
        <v>13448</v>
      </c>
      <c r="G634" t="s">
        <v>53336</v>
      </c>
      <c r="H634">
        <v>4.7203208960260001</v>
      </c>
      <c r="I634">
        <v>52.047911589586001</v>
      </c>
      <c r="J634" t="s">
        <v>56319</v>
      </c>
    </row>
    <row r="635" spans="1:10" x14ac:dyDescent="0.25">
      <c r="A635" t="s">
        <v>53329</v>
      </c>
      <c r="B635" t="s">
        <v>53330</v>
      </c>
      <c r="C635" t="s">
        <v>53331</v>
      </c>
      <c r="D635" t="s">
        <v>53206</v>
      </c>
      <c r="E635" t="s">
        <v>13</v>
      </c>
      <c r="F635">
        <v>13447</v>
      </c>
      <c r="G635" t="s">
        <v>53332</v>
      </c>
      <c r="H635">
        <v>4.7231076424939999</v>
      </c>
      <c r="I635">
        <v>52.051355745495997</v>
      </c>
      <c r="J635" t="s">
        <v>56320</v>
      </c>
    </row>
    <row r="636" spans="1:10" x14ac:dyDescent="0.25">
      <c r="A636" t="s">
        <v>53325</v>
      </c>
      <c r="B636" t="s">
        <v>53326</v>
      </c>
      <c r="C636" t="s">
        <v>53327</v>
      </c>
      <c r="D636" t="s">
        <v>53206</v>
      </c>
      <c r="E636" t="s">
        <v>13</v>
      </c>
      <c r="F636">
        <v>13446</v>
      </c>
      <c r="G636" t="s">
        <v>53328</v>
      </c>
      <c r="H636">
        <v>4.7238756900560004</v>
      </c>
      <c r="I636">
        <v>52.054003479728003</v>
      </c>
      <c r="J636" t="s">
        <v>56321</v>
      </c>
    </row>
    <row r="637" spans="1:10" x14ac:dyDescent="0.25">
      <c r="A637" t="s">
        <v>53321</v>
      </c>
      <c r="B637" t="s">
        <v>53322</v>
      </c>
      <c r="C637" t="s">
        <v>53323</v>
      </c>
      <c r="D637" t="s">
        <v>53206</v>
      </c>
      <c r="E637" t="s">
        <v>13</v>
      </c>
      <c r="F637">
        <v>13445</v>
      </c>
      <c r="G637" t="s">
        <v>53324</v>
      </c>
      <c r="H637">
        <v>4.7080672350050001</v>
      </c>
      <c r="I637">
        <v>52.053334225047003</v>
      </c>
      <c r="J637" t="s">
        <v>56322</v>
      </c>
    </row>
    <row r="638" spans="1:10" x14ac:dyDescent="0.25">
      <c r="A638" t="s">
        <v>53317</v>
      </c>
      <c r="B638" t="s">
        <v>53318</v>
      </c>
      <c r="C638" t="s">
        <v>53319</v>
      </c>
      <c r="D638" t="s">
        <v>53206</v>
      </c>
      <c r="E638" t="s">
        <v>13</v>
      </c>
      <c r="F638">
        <v>13444</v>
      </c>
      <c r="G638" t="s">
        <v>53320</v>
      </c>
      <c r="H638">
        <v>4.6931797927499996</v>
      </c>
      <c r="I638">
        <v>52.056004011363001</v>
      </c>
      <c r="J638" t="s">
        <v>56323</v>
      </c>
    </row>
    <row r="639" spans="1:10" x14ac:dyDescent="0.25">
      <c r="A639" t="s">
        <v>53314</v>
      </c>
      <c r="B639" t="s">
        <v>53315</v>
      </c>
      <c r="C639" t="s">
        <v>26708</v>
      </c>
      <c r="D639" t="s">
        <v>53206</v>
      </c>
      <c r="E639" t="s">
        <v>13</v>
      </c>
      <c r="F639">
        <v>13443</v>
      </c>
      <c r="G639" t="s">
        <v>53316</v>
      </c>
      <c r="H639">
        <v>4.7031382471849996</v>
      </c>
      <c r="I639">
        <v>52.067179882002002</v>
      </c>
      <c r="J639" t="s">
        <v>56324</v>
      </c>
    </row>
    <row r="640" spans="1:10" x14ac:dyDescent="0.25">
      <c r="A640" t="s">
        <v>53310</v>
      </c>
      <c r="B640" t="s">
        <v>53311</v>
      </c>
      <c r="C640" t="s">
        <v>53312</v>
      </c>
      <c r="D640" t="s">
        <v>53206</v>
      </c>
      <c r="E640" t="s">
        <v>13</v>
      </c>
      <c r="F640">
        <v>13442</v>
      </c>
      <c r="G640" t="s">
        <v>53313</v>
      </c>
      <c r="H640">
        <v>4.6793366601040001</v>
      </c>
      <c r="I640">
        <v>52.056141738322999</v>
      </c>
      <c r="J640" t="s">
        <v>56325</v>
      </c>
    </row>
    <row r="641" spans="1:10" x14ac:dyDescent="0.25">
      <c r="A641" t="s">
        <v>53306</v>
      </c>
      <c r="B641" t="s">
        <v>53307</v>
      </c>
      <c r="C641" t="s">
        <v>53308</v>
      </c>
      <c r="D641" t="s">
        <v>53206</v>
      </c>
      <c r="E641" t="s">
        <v>13</v>
      </c>
      <c r="F641">
        <v>13441</v>
      </c>
      <c r="G641" t="s">
        <v>53309</v>
      </c>
      <c r="H641">
        <v>4.6700262909749997</v>
      </c>
      <c r="I641">
        <v>52.061343865273003</v>
      </c>
      <c r="J641" t="s">
        <v>56326</v>
      </c>
    </row>
    <row r="642" spans="1:10" x14ac:dyDescent="0.25">
      <c r="A642" t="s">
        <v>53302</v>
      </c>
      <c r="B642" t="s">
        <v>53303</v>
      </c>
      <c r="C642" t="s">
        <v>53304</v>
      </c>
      <c r="D642" t="s">
        <v>53206</v>
      </c>
      <c r="E642" t="s">
        <v>13</v>
      </c>
      <c r="F642">
        <v>13440</v>
      </c>
      <c r="G642" t="s">
        <v>53305</v>
      </c>
      <c r="H642">
        <v>4.818083709822</v>
      </c>
      <c r="I642">
        <v>52.076672507188</v>
      </c>
      <c r="J642" t="s">
        <v>56327</v>
      </c>
    </row>
    <row r="643" spans="1:10" x14ac:dyDescent="0.25">
      <c r="A643" t="s">
        <v>53298</v>
      </c>
      <c r="B643" t="s">
        <v>53299</v>
      </c>
      <c r="C643" t="s">
        <v>53300</v>
      </c>
      <c r="D643" t="s">
        <v>53206</v>
      </c>
      <c r="E643" t="s">
        <v>13</v>
      </c>
      <c r="F643">
        <v>13439</v>
      </c>
      <c r="G643" t="s">
        <v>53301</v>
      </c>
      <c r="H643">
        <v>4.8054674564440001</v>
      </c>
      <c r="I643">
        <v>52.083520818088999</v>
      </c>
      <c r="J643" t="s">
        <v>56328</v>
      </c>
    </row>
    <row r="644" spans="1:10" x14ac:dyDescent="0.25">
      <c r="A644" t="s">
        <v>53295</v>
      </c>
      <c r="B644" t="s">
        <v>53296</v>
      </c>
      <c r="C644" t="s">
        <v>21491</v>
      </c>
      <c r="D644" t="s">
        <v>53206</v>
      </c>
      <c r="E644" t="s">
        <v>13</v>
      </c>
      <c r="F644">
        <v>13438</v>
      </c>
      <c r="G644" t="s">
        <v>53297</v>
      </c>
      <c r="H644">
        <v>4.7527321286369997</v>
      </c>
      <c r="I644">
        <v>52.081910427046999</v>
      </c>
      <c r="J644" t="s">
        <v>56329</v>
      </c>
    </row>
    <row r="645" spans="1:10" x14ac:dyDescent="0.25">
      <c r="A645" t="s">
        <v>53291</v>
      </c>
      <c r="B645" t="s">
        <v>53292</v>
      </c>
      <c r="C645" t="s">
        <v>53293</v>
      </c>
      <c r="D645" t="s">
        <v>53206</v>
      </c>
      <c r="E645" t="s">
        <v>13</v>
      </c>
      <c r="F645">
        <v>13437</v>
      </c>
      <c r="G645" t="s">
        <v>53294</v>
      </c>
      <c r="H645">
        <v>4.7576519003340003</v>
      </c>
      <c r="I645">
        <v>52.080254808221</v>
      </c>
      <c r="J645" t="s">
        <v>56330</v>
      </c>
    </row>
    <row r="646" spans="1:10" x14ac:dyDescent="0.25">
      <c r="A646" t="s">
        <v>53287</v>
      </c>
      <c r="B646" t="s">
        <v>53288</v>
      </c>
      <c r="C646" t="s">
        <v>53289</v>
      </c>
      <c r="D646" t="s">
        <v>53206</v>
      </c>
      <c r="E646" t="s">
        <v>13</v>
      </c>
      <c r="F646">
        <v>13436</v>
      </c>
      <c r="G646" t="s">
        <v>53290</v>
      </c>
      <c r="H646">
        <v>4.7768329584440004</v>
      </c>
      <c r="I646">
        <v>52.074115921642999</v>
      </c>
      <c r="J646" t="s">
        <v>56331</v>
      </c>
    </row>
    <row r="647" spans="1:10" x14ac:dyDescent="0.25">
      <c r="A647" t="s">
        <v>53283</v>
      </c>
      <c r="B647" t="s">
        <v>53284</v>
      </c>
      <c r="C647" t="s">
        <v>53285</v>
      </c>
      <c r="D647" t="s">
        <v>53206</v>
      </c>
      <c r="E647" t="s">
        <v>13</v>
      </c>
      <c r="F647">
        <v>13435</v>
      </c>
      <c r="G647" t="s">
        <v>53286</v>
      </c>
      <c r="H647">
        <v>4.7644993107389997</v>
      </c>
      <c r="I647">
        <v>52.074924434092999</v>
      </c>
      <c r="J647" t="s">
        <v>56332</v>
      </c>
    </row>
    <row r="648" spans="1:10" x14ac:dyDescent="0.25">
      <c r="A648" t="s">
        <v>53279</v>
      </c>
      <c r="B648" t="s">
        <v>53280</v>
      </c>
      <c r="C648" t="s">
        <v>53281</v>
      </c>
      <c r="D648" t="s">
        <v>53206</v>
      </c>
      <c r="E648" t="s">
        <v>13</v>
      </c>
      <c r="F648">
        <v>13434</v>
      </c>
      <c r="G648" t="s">
        <v>53282</v>
      </c>
      <c r="H648">
        <v>4.7556177217229996</v>
      </c>
      <c r="I648">
        <v>52.069239413049999</v>
      </c>
      <c r="J648" t="s">
        <v>56333</v>
      </c>
    </row>
    <row r="649" spans="1:10" x14ac:dyDescent="0.25">
      <c r="A649" t="s">
        <v>53275</v>
      </c>
      <c r="B649" t="s">
        <v>53276</v>
      </c>
      <c r="C649" t="s">
        <v>53277</v>
      </c>
      <c r="D649" t="s">
        <v>53206</v>
      </c>
      <c r="E649" t="s">
        <v>13</v>
      </c>
      <c r="F649">
        <v>13433</v>
      </c>
      <c r="G649" t="s">
        <v>53278</v>
      </c>
      <c r="H649">
        <v>4.7557874588739999</v>
      </c>
      <c r="I649">
        <v>52.073309575967997</v>
      </c>
      <c r="J649" t="s">
        <v>56334</v>
      </c>
    </row>
    <row r="650" spans="1:10" x14ac:dyDescent="0.25">
      <c r="A650" t="s">
        <v>53271</v>
      </c>
      <c r="B650" t="s">
        <v>53272</v>
      </c>
      <c r="C650" t="s">
        <v>53273</v>
      </c>
      <c r="D650" t="s">
        <v>53206</v>
      </c>
      <c r="E650" t="s">
        <v>13</v>
      </c>
      <c r="F650">
        <v>13432</v>
      </c>
      <c r="G650" t="s">
        <v>53274</v>
      </c>
      <c r="H650">
        <v>4.7573519264190001</v>
      </c>
      <c r="I650">
        <v>52.076861099310001</v>
      </c>
      <c r="J650" t="s">
        <v>56335</v>
      </c>
    </row>
    <row r="651" spans="1:10" x14ac:dyDescent="0.25">
      <c r="A651" t="s">
        <v>53267</v>
      </c>
      <c r="B651" t="s">
        <v>53268</v>
      </c>
      <c r="C651" t="s">
        <v>53269</v>
      </c>
      <c r="D651" t="s">
        <v>53206</v>
      </c>
      <c r="E651" t="s">
        <v>13</v>
      </c>
      <c r="F651">
        <v>13431</v>
      </c>
      <c r="G651" t="s">
        <v>53270</v>
      </c>
      <c r="H651">
        <v>4.748844371283</v>
      </c>
      <c r="I651">
        <v>52.074272786799</v>
      </c>
      <c r="J651" t="s">
        <v>56336</v>
      </c>
    </row>
    <row r="652" spans="1:10" x14ac:dyDescent="0.25">
      <c r="A652" t="s">
        <v>53263</v>
      </c>
      <c r="B652" t="s">
        <v>53264</v>
      </c>
      <c r="C652" t="s">
        <v>53265</v>
      </c>
      <c r="D652" t="s">
        <v>53206</v>
      </c>
      <c r="E652" t="s">
        <v>13</v>
      </c>
      <c r="F652">
        <v>13430</v>
      </c>
      <c r="G652" t="s">
        <v>53266</v>
      </c>
      <c r="H652">
        <v>4.7518494785260001</v>
      </c>
      <c r="I652">
        <v>52.078433648487</v>
      </c>
      <c r="J652" t="s">
        <v>56337</v>
      </c>
    </row>
    <row r="653" spans="1:10" x14ac:dyDescent="0.25">
      <c r="A653" t="s">
        <v>53259</v>
      </c>
      <c r="B653" t="s">
        <v>53260</v>
      </c>
      <c r="C653" t="s">
        <v>53261</v>
      </c>
      <c r="D653" t="s">
        <v>53206</v>
      </c>
      <c r="E653" t="s">
        <v>13</v>
      </c>
      <c r="F653">
        <v>13429</v>
      </c>
      <c r="G653" t="s">
        <v>53262</v>
      </c>
      <c r="H653">
        <v>4.7411901932990004</v>
      </c>
      <c r="I653">
        <v>52.073112449564</v>
      </c>
      <c r="J653" t="s">
        <v>56338</v>
      </c>
    </row>
    <row r="654" spans="1:10" x14ac:dyDescent="0.25">
      <c r="A654" t="s">
        <v>53255</v>
      </c>
      <c r="B654" t="s">
        <v>53256</v>
      </c>
      <c r="C654" t="s">
        <v>53257</v>
      </c>
      <c r="D654" t="s">
        <v>53206</v>
      </c>
      <c r="E654" t="s">
        <v>13</v>
      </c>
      <c r="F654">
        <v>13428</v>
      </c>
      <c r="G654" t="s">
        <v>53258</v>
      </c>
      <c r="H654">
        <v>4.7418383443780003</v>
      </c>
      <c r="I654">
        <v>52.076955724515003</v>
      </c>
      <c r="J654" t="s">
        <v>56339</v>
      </c>
    </row>
    <row r="655" spans="1:10" x14ac:dyDescent="0.25">
      <c r="A655" t="s">
        <v>53251</v>
      </c>
      <c r="B655" t="s">
        <v>53252</v>
      </c>
      <c r="C655" t="s">
        <v>53253</v>
      </c>
      <c r="D655" t="s">
        <v>53206</v>
      </c>
      <c r="E655" t="s">
        <v>13</v>
      </c>
      <c r="F655">
        <v>13427</v>
      </c>
      <c r="G655" t="s">
        <v>53254</v>
      </c>
      <c r="H655">
        <v>4.7452095289359999</v>
      </c>
      <c r="I655">
        <v>52.079882089011001</v>
      </c>
      <c r="J655" t="s">
        <v>56340</v>
      </c>
    </row>
    <row r="656" spans="1:10" x14ac:dyDescent="0.25">
      <c r="A656" t="s">
        <v>53247</v>
      </c>
      <c r="B656" t="s">
        <v>53248</v>
      </c>
      <c r="C656" t="s">
        <v>53249</v>
      </c>
      <c r="D656" t="s">
        <v>53206</v>
      </c>
      <c r="E656" t="s">
        <v>13</v>
      </c>
      <c r="F656">
        <v>13426</v>
      </c>
      <c r="G656" t="s">
        <v>53250</v>
      </c>
      <c r="H656">
        <v>4.7402520592609996</v>
      </c>
      <c r="I656">
        <v>52.081961030104999</v>
      </c>
      <c r="J656" t="s">
        <v>56341</v>
      </c>
    </row>
    <row r="657" spans="1:10" x14ac:dyDescent="0.25">
      <c r="A657" t="s">
        <v>53244</v>
      </c>
      <c r="B657" t="s">
        <v>53245</v>
      </c>
      <c r="C657" t="s">
        <v>17033</v>
      </c>
      <c r="D657" t="s">
        <v>53206</v>
      </c>
      <c r="E657" t="s">
        <v>13</v>
      </c>
      <c r="F657">
        <v>13425</v>
      </c>
      <c r="G657" t="s">
        <v>53246</v>
      </c>
      <c r="H657">
        <v>4.7473105263660003</v>
      </c>
      <c r="I657">
        <v>52.083022021044997</v>
      </c>
      <c r="J657" t="s">
        <v>56342</v>
      </c>
    </row>
    <row r="658" spans="1:10" x14ac:dyDescent="0.25">
      <c r="A658" t="s">
        <v>53241</v>
      </c>
      <c r="B658" t="s">
        <v>53242</v>
      </c>
      <c r="C658" t="s">
        <v>47932</v>
      </c>
      <c r="D658" t="s">
        <v>53206</v>
      </c>
      <c r="E658" t="s">
        <v>13</v>
      </c>
      <c r="F658">
        <v>13424</v>
      </c>
      <c r="G658" t="s">
        <v>53243</v>
      </c>
      <c r="H658">
        <v>4.74130214903</v>
      </c>
      <c r="I658">
        <v>52.085292495674999</v>
      </c>
      <c r="J658" t="s">
        <v>56343</v>
      </c>
    </row>
    <row r="659" spans="1:10" x14ac:dyDescent="0.25">
      <c r="A659" t="s">
        <v>53237</v>
      </c>
      <c r="B659" t="s">
        <v>53238</v>
      </c>
      <c r="C659" t="s">
        <v>53239</v>
      </c>
      <c r="D659" t="s">
        <v>53206</v>
      </c>
      <c r="E659" t="s">
        <v>13</v>
      </c>
      <c r="F659">
        <v>13423</v>
      </c>
      <c r="G659" t="s">
        <v>53240</v>
      </c>
      <c r="H659">
        <v>4.7289551908899998</v>
      </c>
      <c r="I659">
        <v>52.073793356106997</v>
      </c>
      <c r="J659" t="s">
        <v>56344</v>
      </c>
    </row>
    <row r="660" spans="1:10" x14ac:dyDescent="0.25">
      <c r="A660" t="s">
        <v>53233</v>
      </c>
      <c r="B660" t="s">
        <v>53234</v>
      </c>
      <c r="C660" t="s">
        <v>53235</v>
      </c>
      <c r="D660" t="s">
        <v>53206</v>
      </c>
      <c r="E660" t="s">
        <v>13</v>
      </c>
      <c r="F660">
        <v>13422</v>
      </c>
      <c r="G660" t="s">
        <v>53236</v>
      </c>
      <c r="H660">
        <v>4.7224461886459999</v>
      </c>
      <c r="I660">
        <v>52.089389748716997</v>
      </c>
      <c r="J660" t="s">
        <v>56345</v>
      </c>
    </row>
    <row r="661" spans="1:10" x14ac:dyDescent="0.25">
      <c r="A661" t="s">
        <v>53229</v>
      </c>
      <c r="B661" t="s">
        <v>53230</v>
      </c>
      <c r="C661" t="s">
        <v>53231</v>
      </c>
      <c r="D661" t="s">
        <v>53206</v>
      </c>
      <c r="E661" t="s">
        <v>13</v>
      </c>
      <c r="F661">
        <v>13421</v>
      </c>
      <c r="G661" t="s">
        <v>53232</v>
      </c>
      <c r="H661">
        <v>4.7353837818919997</v>
      </c>
      <c r="I661">
        <v>52.089912396627</v>
      </c>
      <c r="J661" t="s">
        <v>56346</v>
      </c>
    </row>
    <row r="662" spans="1:10" x14ac:dyDescent="0.25">
      <c r="A662" t="s">
        <v>53225</v>
      </c>
      <c r="B662" t="s">
        <v>53226</v>
      </c>
      <c r="C662" t="s">
        <v>53227</v>
      </c>
      <c r="D662" t="s">
        <v>53206</v>
      </c>
      <c r="E662" t="s">
        <v>13</v>
      </c>
      <c r="F662">
        <v>13420</v>
      </c>
      <c r="G662" t="s">
        <v>53228</v>
      </c>
      <c r="H662">
        <v>4.7332798402499998</v>
      </c>
      <c r="I662">
        <v>52.096453726255</v>
      </c>
      <c r="J662" t="s">
        <v>56347</v>
      </c>
    </row>
    <row r="663" spans="1:10" x14ac:dyDescent="0.25">
      <c r="A663" t="s">
        <v>53221</v>
      </c>
      <c r="B663" t="s">
        <v>53222</v>
      </c>
      <c r="C663" t="s">
        <v>53223</v>
      </c>
      <c r="D663" t="s">
        <v>53206</v>
      </c>
      <c r="E663" t="s">
        <v>13</v>
      </c>
      <c r="F663">
        <v>13419</v>
      </c>
      <c r="G663" t="s">
        <v>53224</v>
      </c>
      <c r="H663">
        <v>4.7568093896660004</v>
      </c>
      <c r="I663">
        <v>52.084912019462998</v>
      </c>
      <c r="J663" t="s">
        <v>56348</v>
      </c>
    </row>
    <row r="664" spans="1:10" x14ac:dyDescent="0.25">
      <c r="A664" t="s">
        <v>53218</v>
      </c>
      <c r="B664" t="s">
        <v>53219</v>
      </c>
      <c r="C664" t="s">
        <v>1376</v>
      </c>
      <c r="D664" t="s">
        <v>53206</v>
      </c>
      <c r="E664" t="s">
        <v>13</v>
      </c>
      <c r="F664">
        <v>13418</v>
      </c>
      <c r="G664" t="s">
        <v>53220</v>
      </c>
      <c r="H664">
        <v>4.7527313436179996</v>
      </c>
      <c r="I664">
        <v>52.086417739448002</v>
      </c>
      <c r="J664" t="s">
        <v>56349</v>
      </c>
    </row>
    <row r="665" spans="1:10" x14ac:dyDescent="0.25">
      <c r="A665" t="s">
        <v>53215</v>
      </c>
      <c r="B665" t="s">
        <v>53216</v>
      </c>
      <c r="C665" t="s">
        <v>17028</v>
      </c>
      <c r="D665" t="s">
        <v>53206</v>
      </c>
      <c r="E665" t="s">
        <v>13</v>
      </c>
      <c r="F665">
        <v>13417</v>
      </c>
      <c r="G665" t="s">
        <v>53217</v>
      </c>
      <c r="H665">
        <v>4.7470635973580002</v>
      </c>
      <c r="I665">
        <v>52.085673456153003</v>
      </c>
      <c r="J665" t="s">
        <v>56350</v>
      </c>
    </row>
    <row r="666" spans="1:10" x14ac:dyDescent="0.25">
      <c r="A666" t="s">
        <v>53212</v>
      </c>
      <c r="B666" t="s">
        <v>53213</v>
      </c>
      <c r="C666" t="s">
        <v>41392</v>
      </c>
      <c r="D666" t="s">
        <v>53206</v>
      </c>
      <c r="E666" t="s">
        <v>13</v>
      </c>
      <c r="F666">
        <v>13416</v>
      </c>
      <c r="G666" t="s">
        <v>53214</v>
      </c>
      <c r="H666">
        <v>4.7461565974909998</v>
      </c>
      <c r="I666">
        <v>52.088944399889002</v>
      </c>
      <c r="J666" t="s">
        <v>56351</v>
      </c>
    </row>
    <row r="667" spans="1:10" x14ac:dyDescent="0.25">
      <c r="A667" t="s">
        <v>53208</v>
      </c>
      <c r="B667" t="s">
        <v>53209</v>
      </c>
      <c r="C667" t="s">
        <v>53210</v>
      </c>
      <c r="D667" t="s">
        <v>53206</v>
      </c>
      <c r="E667" t="s">
        <v>13</v>
      </c>
      <c r="F667">
        <v>13415</v>
      </c>
      <c r="G667" t="s">
        <v>53211</v>
      </c>
      <c r="H667">
        <v>4.763996895859</v>
      </c>
      <c r="I667">
        <v>52.092405322615001</v>
      </c>
      <c r="J667" t="s">
        <v>56352</v>
      </c>
    </row>
    <row r="668" spans="1:10" x14ac:dyDescent="0.25">
      <c r="A668" t="s">
        <v>53203</v>
      </c>
      <c r="B668" t="s">
        <v>53204</v>
      </c>
      <c r="C668" t="s">
        <v>53205</v>
      </c>
      <c r="D668" t="s">
        <v>53206</v>
      </c>
      <c r="E668" t="s">
        <v>13</v>
      </c>
      <c r="F668">
        <v>13414</v>
      </c>
      <c r="G668" t="s">
        <v>53207</v>
      </c>
      <c r="H668">
        <v>4.7831613226099998</v>
      </c>
      <c r="I668">
        <v>52.108511735820002</v>
      </c>
      <c r="J668" t="s">
        <v>56353</v>
      </c>
    </row>
    <row r="669" spans="1:10" x14ac:dyDescent="0.25">
      <c r="A669" t="s">
        <v>53199</v>
      </c>
      <c r="B669" t="s">
        <v>53200</v>
      </c>
      <c r="C669" t="s">
        <v>53201</v>
      </c>
      <c r="D669" t="s">
        <v>52863</v>
      </c>
      <c r="E669" t="s">
        <v>13</v>
      </c>
      <c r="F669">
        <v>13413</v>
      </c>
      <c r="G669" t="s">
        <v>53202</v>
      </c>
      <c r="H669">
        <v>5.137431814538</v>
      </c>
      <c r="I669">
        <v>51.992259791748999</v>
      </c>
      <c r="J669" t="s">
        <v>56354</v>
      </c>
    </row>
    <row r="670" spans="1:10" x14ac:dyDescent="0.25">
      <c r="A670" t="s">
        <v>53195</v>
      </c>
      <c r="B670" t="s">
        <v>53196</v>
      </c>
      <c r="C670" t="s">
        <v>53197</v>
      </c>
      <c r="D670" t="s">
        <v>52863</v>
      </c>
      <c r="E670" t="s">
        <v>13</v>
      </c>
      <c r="F670">
        <v>13412</v>
      </c>
      <c r="G670" t="s">
        <v>53198</v>
      </c>
      <c r="H670">
        <v>5.1518203077139999</v>
      </c>
      <c r="I670">
        <v>51.956862704332003</v>
      </c>
      <c r="J670" t="s">
        <v>56355</v>
      </c>
    </row>
    <row r="671" spans="1:10" x14ac:dyDescent="0.25">
      <c r="A671" t="s">
        <v>53191</v>
      </c>
      <c r="B671" t="s">
        <v>53192</v>
      </c>
      <c r="C671" t="s">
        <v>53193</v>
      </c>
      <c r="D671" t="s">
        <v>52863</v>
      </c>
      <c r="E671" t="s">
        <v>13</v>
      </c>
      <c r="F671">
        <v>13411</v>
      </c>
      <c r="G671" t="s">
        <v>53194</v>
      </c>
      <c r="H671">
        <v>5.1558889270349999</v>
      </c>
      <c r="I671">
        <v>51.964218343135997</v>
      </c>
      <c r="J671" t="s">
        <v>56356</v>
      </c>
    </row>
    <row r="672" spans="1:10" x14ac:dyDescent="0.25">
      <c r="A672" t="s">
        <v>53187</v>
      </c>
      <c r="B672" t="s">
        <v>53188</v>
      </c>
      <c r="C672" t="s">
        <v>53189</v>
      </c>
      <c r="D672" t="s">
        <v>52863</v>
      </c>
      <c r="E672" t="s">
        <v>13</v>
      </c>
      <c r="F672">
        <v>13410</v>
      </c>
      <c r="G672" t="s">
        <v>53190</v>
      </c>
      <c r="H672">
        <v>5.1217299000610002</v>
      </c>
      <c r="I672">
        <v>51.991643707800002</v>
      </c>
      <c r="J672" t="s">
        <v>56357</v>
      </c>
    </row>
    <row r="673" spans="1:10" x14ac:dyDescent="0.25">
      <c r="A673" t="s">
        <v>53183</v>
      </c>
      <c r="B673" t="s">
        <v>53184</v>
      </c>
      <c r="C673" t="s">
        <v>53185</v>
      </c>
      <c r="D673" t="s">
        <v>52863</v>
      </c>
      <c r="E673" t="s">
        <v>13</v>
      </c>
      <c r="F673">
        <v>13409</v>
      </c>
      <c r="G673" t="s">
        <v>53186</v>
      </c>
      <c r="H673">
        <v>5.1218461524940002</v>
      </c>
      <c r="I673">
        <v>51.987348304237003</v>
      </c>
      <c r="J673" t="s">
        <v>56358</v>
      </c>
    </row>
    <row r="674" spans="1:10" x14ac:dyDescent="0.25">
      <c r="A674" t="s">
        <v>53179</v>
      </c>
      <c r="B674" t="s">
        <v>53180</v>
      </c>
      <c r="C674" t="s">
        <v>53181</v>
      </c>
      <c r="D674" t="s">
        <v>52863</v>
      </c>
      <c r="E674" t="s">
        <v>13</v>
      </c>
      <c r="F674">
        <v>13408</v>
      </c>
      <c r="G674" t="s">
        <v>53182</v>
      </c>
      <c r="H674">
        <v>5.1168433791260002</v>
      </c>
      <c r="I674">
        <v>51.988637123124001</v>
      </c>
      <c r="J674" t="s">
        <v>56359</v>
      </c>
    </row>
    <row r="675" spans="1:10" x14ac:dyDescent="0.25">
      <c r="A675" t="s">
        <v>53175</v>
      </c>
      <c r="B675" t="s">
        <v>53176</v>
      </c>
      <c r="C675" t="s">
        <v>53177</v>
      </c>
      <c r="D675" t="s">
        <v>52863</v>
      </c>
      <c r="E675" t="s">
        <v>13</v>
      </c>
      <c r="F675">
        <v>13407</v>
      </c>
      <c r="G675" t="s">
        <v>53178</v>
      </c>
      <c r="H675">
        <v>5.1200107609650001</v>
      </c>
      <c r="I675">
        <v>51.970190086633998</v>
      </c>
      <c r="J675" t="s">
        <v>56360</v>
      </c>
    </row>
    <row r="676" spans="1:10" x14ac:dyDescent="0.25">
      <c r="A676" t="s">
        <v>53171</v>
      </c>
      <c r="B676" t="s">
        <v>53172</v>
      </c>
      <c r="C676" t="s">
        <v>53173</v>
      </c>
      <c r="D676" t="s">
        <v>52863</v>
      </c>
      <c r="E676" t="s">
        <v>13</v>
      </c>
      <c r="F676">
        <v>13406</v>
      </c>
      <c r="G676" t="s">
        <v>53174</v>
      </c>
      <c r="H676">
        <v>5.1393724218859997</v>
      </c>
      <c r="I676">
        <v>51.974065576462003</v>
      </c>
      <c r="J676" t="s">
        <v>56361</v>
      </c>
    </row>
    <row r="677" spans="1:10" x14ac:dyDescent="0.25">
      <c r="A677" t="s">
        <v>53167</v>
      </c>
      <c r="B677" t="s">
        <v>53168</v>
      </c>
      <c r="C677" t="s">
        <v>53169</v>
      </c>
      <c r="D677" t="s">
        <v>52863</v>
      </c>
      <c r="E677" t="s">
        <v>13</v>
      </c>
      <c r="F677">
        <v>13405</v>
      </c>
      <c r="G677" t="s">
        <v>53170</v>
      </c>
      <c r="H677">
        <v>5.1246106210390003</v>
      </c>
      <c r="I677">
        <v>51.991679170204002</v>
      </c>
      <c r="J677" t="s">
        <v>56362</v>
      </c>
    </row>
    <row r="678" spans="1:10" x14ac:dyDescent="0.25">
      <c r="A678" t="s">
        <v>53163</v>
      </c>
      <c r="B678" t="s">
        <v>53164</v>
      </c>
      <c r="C678" t="s">
        <v>53165</v>
      </c>
      <c r="D678" t="s">
        <v>52863</v>
      </c>
      <c r="E678" t="s">
        <v>13</v>
      </c>
      <c r="F678">
        <v>13404</v>
      </c>
      <c r="G678" t="s">
        <v>53166</v>
      </c>
      <c r="H678">
        <v>5.1211730279410004</v>
      </c>
      <c r="I678">
        <v>51.981115025443998</v>
      </c>
      <c r="J678" t="s">
        <v>56363</v>
      </c>
    </row>
    <row r="679" spans="1:10" x14ac:dyDescent="0.25">
      <c r="A679" t="s">
        <v>53159</v>
      </c>
      <c r="B679" t="s">
        <v>53160</v>
      </c>
      <c r="C679" t="s">
        <v>53161</v>
      </c>
      <c r="D679" t="s">
        <v>52863</v>
      </c>
      <c r="E679" t="s">
        <v>13</v>
      </c>
      <c r="F679">
        <v>13403</v>
      </c>
      <c r="G679" t="s">
        <v>53162</v>
      </c>
      <c r="H679">
        <v>5.1256012506859996</v>
      </c>
      <c r="I679">
        <v>51.945642373696998</v>
      </c>
      <c r="J679" t="s">
        <v>56364</v>
      </c>
    </row>
    <row r="680" spans="1:10" x14ac:dyDescent="0.25">
      <c r="A680" t="s">
        <v>53155</v>
      </c>
      <c r="B680" t="s">
        <v>53156</v>
      </c>
      <c r="C680" t="s">
        <v>53157</v>
      </c>
      <c r="D680" t="s">
        <v>52863</v>
      </c>
      <c r="E680" t="s">
        <v>13</v>
      </c>
      <c r="F680">
        <v>13402</v>
      </c>
      <c r="G680" t="s">
        <v>53158</v>
      </c>
      <c r="H680">
        <v>5.1389938908310002</v>
      </c>
      <c r="I680">
        <v>51.941994546091003</v>
      </c>
      <c r="J680" t="s">
        <v>56365</v>
      </c>
    </row>
    <row r="681" spans="1:10" x14ac:dyDescent="0.25">
      <c r="A681" t="s">
        <v>53151</v>
      </c>
      <c r="B681" t="s">
        <v>53152</v>
      </c>
      <c r="C681" t="s">
        <v>53153</v>
      </c>
      <c r="D681" t="s">
        <v>52863</v>
      </c>
      <c r="E681" t="s">
        <v>13</v>
      </c>
      <c r="F681">
        <v>13401</v>
      </c>
      <c r="G681" t="s">
        <v>53154</v>
      </c>
      <c r="H681">
        <v>5.1183744650399996</v>
      </c>
      <c r="I681">
        <v>51.930187722013997</v>
      </c>
      <c r="J681" t="s">
        <v>56366</v>
      </c>
    </row>
    <row r="682" spans="1:10" x14ac:dyDescent="0.25">
      <c r="A682" t="s">
        <v>53147</v>
      </c>
      <c r="B682" t="s">
        <v>53148</v>
      </c>
      <c r="C682" t="s">
        <v>53149</v>
      </c>
      <c r="D682" t="s">
        <v>52863</v>
      </c>
      <c r="E682" t="s">
        <v>13</v>
      </c>
      <c r="F682">
        <v>13400</v>
      </c>
      <c r="G682" t="s">
        <v>53150</v>
      </c>
      <c r="H682">
        <v>5.1172544647420004</v>
      </c>
      <c r="I682">
        <v>51.920628407804998</v>
      </c>
      <c r="J682" t="s">
        <v>56367</v>
      </c>
    </row>
    <row r="683" spans="1:10" x14ac:dyDescent="0.25">
      <c r="A683" t="s">
        <v>53143</v>
      </c>
      <c r="B683" t="s">
        <v>53144</v>
      </c>
      <c r="C683" t="s">
        <v>53145</v>
      </c>
      <c r="D683" t="s">
        <v>52863</v>
      </c>
      <c r="E683" t="s">
        <v>13</v>
      </c>
      <c r="F683">
        <v>13399</v>
      </c>
      <c r="G683" t="s">
        <v>53146</v>
      </c>
      <c r="H683">
        <v>5.090947122048</v>
      </c>
      <c r="I683">
        <v>51.909281954309002</v>
      </c>
      <c r="J683" t="s">
        <v>56368</v>
      </c>
    </row>
    <row r="684" spans="1:10" x14ac:dyDescent="0.25">
      <c r="A684" t="s">
        <v>53139</v>
      </c>
      <c r="B684" t="s">
        <v>53140</v>
      </c>
      <c r="C684" t="s">
        <v>53141</v>
      </c>
      <c r="D684" t="s">
        <v>52863</v>
      </c>
      <c r="E684" t="s">
        <v>13</v>
      </c>
      <c r="F684">
        <v>13398</v>
      </c>
      <c r="G684" t="s">
        <v>53142</v>
      </c>
      <c r="H684">
        <v>5.102985358832</v>
      </c>
      <c r="I684">
        <v>51.898698344784002</v>
      </c>
      <c r="J684" t="s">
        <v>56369</v>
      </c>
    </row>
    <row r="685" spans="1:10" x14ac:dyDescent="0.25">
      <c r="A685" t="s">
        <v>53135</v>
      </c>
      <c r="B685" t="s">
        <v>53136</v>
      </c>
      <c r="C685" t="s">
        <v>53137</v>
      </c>
      <c r="D685" t="s">
        <v>52863</v>
      </c>
      <c r="E685" t="s">
        <v>13</v>
      </c>
      <c r="F685">
        <v>13397</v>
      </c>
      <c r="G685" t="s">
        <v>53138</v>
      </c>
      <c r="H685">
        <v>5.1042119204530003</v>
      </c>
      <c r="I685">
        <v>51.893845667164001</v>
      </c>
      <c r="J685" t="s">
        <v>56370</v>
      </c>
    </row>
    <row r="686" spans="1:10" x14ac:dyDescent="0.25">
      <c r="A686" t="s">
        <v>53131</v>
      </c>
      <c r="B686" t="s">
        <v>53132</v>
      </c>
      <c r="C686" t="s">
        <v>53133</v>
      </c>
      <c r="D686" t="s">
        <v>52863</v>
      </c>
      <c r="E686" t="s">
        <v>13</v>
      </c>
      <c r="F686">
        <v>13396</v>
      </c>
      <c r="G686" t="s">
        <v>53134</v>
      </c>
      <c r="H686">
        <v>5.1052353545709996</v>
      </c>
      <c r="I686">
        <v>51.890993258919998</v>
      </c>
      <c r="J686" t="s">
        <v>56371</v>
      </c>
    </row>
    <row r="687" spans="1:10" x14ac:dyDescent="0.25">
      <c r="A687" t="s">
        <v>53128</v>
      </c>
      <c r="B687" t="s">
        <v>53129</v>
      </c>
      <c r="C687" t="s">
        <v>31732</v>
      </c>
      <c r="D687" t="s">
        <v>52863</v>
      </c>
      <c r="E687" t="s">
        <v>13</v>
      </c>
      <c r="F687">
        <v>13395</v>
      </c>
      <c r="G687" t="s">
        <v>53130</v>
      </c>
      <c r="H687">
        <v>5.1019833469849996</v>
      </c>
      <c r="I687">
        <v>51.889210796645997</v>
      </c>
      <c r="J687" t="s">
        <v>56372</v>
      </c>
    </row>
    <row r="688" spans="1:10" x14ac:dyDescent="0.25">
      <c r="A688" t="s">
        <v>53124</v>
      </c>
      <c r="B688" t="s">
        <v>53125</v>
      </c>
      <c r="C688" t="s">
        <v>53126</v>
      </c>
      <c r="D688" t="s">
        <v>52863</v>
      </c>
      <c r="E688" t="s">
        <v>13</v>
      </c>
      <c r="F688">
        <v>13394</v>
      </c>
      <c r="G688" t="s">
        <v>53127</v>
      </c>
      <c r="H688">
        <v>5.0917282304320004</v>
      </c>
      <c r="I688">
        <v>51.893689938237998</v>
      </c>
      <c r="J688" t="s">
        <v>56373</v>
      </c>
    </row>
    <row r="689" spans="1:10" x14ac:dyDescent="0.25">
      <c r="A689" t="s">
        <v>53120</v>
      </c>
      <c r="B689" t="s">
        <v>53121</v>
      </c>
      <c r="C689" t="s">
        <v>53122</v>
      </c>
      <c r="D689" t="s">
        <v>52863</v>
      </c>
      <c r="E689" t="s">
        <v>13</v>
      </c>
      <c r="F689">
        <v>13393</v>
      </c>
      <c r="G689" t="s">
        <v>53123</v>
      </c>
      <c r="H689">
        <v>5.0929839106110002</v>
      </c>
      <c r="I689">
        <v>51.890958467281997</v>
      </c>
      <c r="J689" t="s">
        <v>56374</v>
      </c>
    </row>
    <row r="690" spans="1:10" x14ac:dyDescent="0.25">
      <c r="A690" t="s">
        <v>53116</v>
      </c>
      <c r="B690" t="s">
        <v>53117</v>
      </c>
      <c r="C690" t="s">
        <v>53118</v>
      </c>
      <c r="D690" t="s">
        <v>52863</v>
      </c>
      <c r="E690" t="s">
        <v>13</v>
      </c>
      <c r="F690">
        <v>13392</v>
      </c>
      <c r="G690" t="s">
        <v>53119</v>
      </c>
      <c r="H690">
        <v>5.095365181939</v>
      </c>
      <c r="I690">
        <v>51.900616479943999</v>
      </c>
      <c r="J690" t="s">
        <v>56375</v>
      </c>
    </row>
    <row r="691" spans="1:10" x14ac:dyDescent="0.25">
      <c r="A691" t="s">
        <v>53113</v>
      </c>
      <c r="B691" t="s">
        <v>53114</v>
      </c>
      <c r="C691" t="s">
        <v>29039</v>
      </c>
      <c r="D691" t="s">
        <v>52863</v>
      </c>
      <c r="E691" t="s">
        <v>13</v>
      </c>
      <c r="F691">
        <v>13391</v>
      </c>
      <c r="G691" t="s">
        <v>53115</v>
      </c>
      <c r="H691">
        <v>5.0921013411310003</v>
      </c>
      <c r="I691">
        <v>51.898081100181997</v>
      </c>
      <c r="J691" t="s">
        <v>56376</v>
      </c>
    </row>
    <row r="692" spans="1:10" x14ac:dyDescent="0.25">
      <c r="A692" t="s">
        <v>53109</v>
      </c>
      <c r="B692" t="s">
        <v>53110</v>
      </c>
      <c r="C692" t="s">
        <v>53111</v>
      </c>
      <c r="D692" t="s">
        <v>52863</v>
      </c>
      <c r="E692" t="s">
        <v>13</v>
      </c>
      <c r="F692">
        <v>13390</v>
      </c>
      <c r="G692" t="s">
        <v>53112</v>
      </c>
      <c r="H692">
        <v>5.0913739831919997</v>
      </c>
      <c r="I692">
        <v>51.895887785749998</v>
      </c>
      <c r="J692" t="s">
        <v>56377</v>
      </c>
    </row>
    <row r="693" spans="1:10" x14ac:dyDescent="0.25">
      <c r="A693" t="s">
        <v>53106</v>
      </c>
      <c r="B693" t="s">
        <v>53107</v>
      </c>
      <c r="C693" t="s">
        <v>77</v>
      </c>
      <c r="D693" t="s">
        <v>52863</v>
      </c>
      <c r="E693" t="s">
        <v>13</v>
      </c>
      <c r="F693">
        <v>13389</v>
      </c>
      <c r="G693" t="s">
        <v>53108</v>
      </c>
      <c r="H693">
        <v>5.0860118106580003</v>
      </c>
      <c r="I693">
        <v>51.899198568000998</v>
      </c>
      <c r="J693" t="s">
        <v>56378</v>
      </c>
    </row>
    <row r="694" spans="1:10" x14ac:dyDescent="0.25">
      <c r="A694" t="s">
        <v>53103</v>
      </c>
      <c r="B694" t="s">
        <v>53104</v>
      </c>
      <c r="C694" t="s">
        <v>182</v>
      </c>
      <c r="D694" t="s">
        <v>52863</v>
      </c>
      <c r="E694" t="s">
        <v>13</v>
      </c>
      <c r="F694">
        <v>13388</v>
      </c>
      <c r="G694" t="s">
        <v>53105</v>
      </c>
      <c r="H694">
        <v>5.080485589766</v>
      </c>
      <c r="I694">
        <v>51.896435180444001</v>
      </c>
      <c r="J694" t="s">
        <v>56379</v>
      </c>
    </row>
    <row r="695" spans="1:10" x14ac:dyDescent="0.25">
      <c r="A695" t="s">
        <v>53099</v>
      </c>
      <c r="B695" t="s">
        <v>53100</v>
      </c>
      <c r="C695" t="s">
        <v>53101</v>
      </c>
      <c r="D695" t="s">
        <v>52863</v>
      </c>
      <c r="E695" t="s">
        <v>13</v>
      </c>
      <c r="F695">
        <v>13387</v>
      </c>
      <c r="G695" t="s">
        <v>53102</v>
      </c>
      <c r="H695">
        <v>5.0868956214159997</v>
      </c>
      <c r="I695">
        <v>51.888170596913</v>
      </c>
      <c r="J695" t="s">
        <v>56380</v>
      </c>
    </row>
    <row r="696" spans="1:10" x14ac:dyDescent="0.25">
      <c r="A696" t="s">
        <v>53095</v>
      </c>
      <c r="B696" t="s">
        <v>53096</v>
      </c>
      <c r="C696" t="s">
        <v>53097</v>
      </c>
      <c r="D696" t="s">
        <v>52863</v>
      </c>
      <c r="E696" t="s">
        <v>13</v>
      </c>
      <c r="F696">
        <v>13386</v>
      </c>
      <c r="G696" t="s">
        <v>53098</v>
      </c>
      <c r="H696">
        <v>5.0745901409489997</v>
      </c>
      <c r="I696">
        <v>51.887046105704997</v>
      </c>
      <c r="J696" t="s">
        <v>56381</v>
      </c>
    </row>
    <row r="697" spans="1:10" x14ac:dyDescent="0.25">
      <c r="A697" t="s">
        <v>53091</v>
      </c>
      <c r="B697" t="s">
        <v>53092</v>
      </c>
      <c r="C697" t="s">
        <v>53093</v>
      </c>
      <c r="D697" t="s">
        <v>52863</v>
      </c>
      <c r="E697" t="s">
        <v>13</v>
      </c>
      <c r="F697">
        <v>13385</v>
      </c>
      <c r="G697" t="s">
        <v>53094</v>
      </c>
      <c r="H697">
        <v>5.0725481763399998</v>
      </c>
      <c r="I697">
        <v>51.891594701655002</v>
      </c>
      <c r="J697" t="s">
        <v>56382</v>
      </c>
    </row>
    <row r="698" spans="1:10" x14ac:dyDescent="0.25">
      <c r="A698" t="s">
        <v>53087</v>
      </c>
      <c r="B698" t="s">
        <v>53088</v>
      </c>
      <c r="C698" t="s">
        <v>53089</v>
      </c>
      <c r="D698" t="s">
        <v>52863</v>
      </c>
      <c r="E698" t="s">
        <v>13</v>
      </c>
      <c r="F698">
        <v>13384</v>
      </c>
      <c r="G698" t="s">
        <v>53090</v>
      </c>
      <c r="H698">
        <v>5.0835083574419997</v>
      </c>
      <c r="I698">
        <v>51.884513768978003</v>
      </c>
      <c r="J698" t="s">
        <v>56383</v>
      </c>
    </row>
    <row r="699" spans="1:10" x14ac:dyDescent="0.25">
      <c r="A699" t="s">
        <v>53083</v>
      </c>
      <c r="B699" t="s">
        <v>53084</v>
      </c>
      <c r="C699" t="s">
        <v>53085</v>
      </c>
      <c r="D699" t="s">
        <v>52863</v>
      </c>
      <c r="E699" t="s">
        <v>13</v>
      </c>
      <c r="F699">
        <v>13383</v>
      </c>
      <c r="G699" t="s">
        <v>53086</v>
      </c>
      <c r="H699">
        <v>5.0794552899529997</v>
      </c>
      <c r="I699">
        <v>51.887944729597997</v>
      </c>
      <c r="J699" t="s">
        <v>56384</v>
      </c>
    </row>
    <row r="700" spans="1:10" x14ac:dyDescent="0.25">
      <c r="A700" t="s">
        <v>53079</v>
      </c>
      <c r="B700" t="s">
        <v>53080</v>
      </c>
      <c r="C700" t="s">
        <v>53081</v>
      </c>
      <c r="D700" t="s">
        <v>52863</v>
      </c>
      <c r="E700" t="s">
        <v>13</v>
      </c>
      <c r="F700">
        <v>13382</v>
      </c>
      <c r="G700" t="s">
        <v>53082</v>
      </c>
      <c r="H700">
        <v>5.0769895548469997</v>
      </c>
      <c r="I700">
        <v>51.889837812064002</v>
      </c>
      <c r="J700" t="s">
        <v>56385</v>
      </c>
    </row>
    <row r="701" spans="1:10" x14ac:dyDescent="0.25">
      <c r="A701" t="s">
        <v>53075</v>
      </c>
      <c r="B701" t="s">
        <v>53076</v>
      </c>
      <c r="C701" t="s">
        <v>53077</v>
      </c>
      <c r="D701" t="s">
        <v>52863</v>
      </c>
      <c r="E701" t="s">
        <v>13</v>
      </c>
      <c r="F701">
        <v>13381</v>
      </c>
      <c r="G701" t="s">
        <v>53078</v>
      </c>
      <c r="H701">
        <v>5.0804291072119998</v>
      </c>
      <c r="I701">
        <v>51.893504076550997</v>
      </c>
      <c r="J701" t="s">
        <v>56386</v>
      </c>
    </row>
    <row r="702" spans="1:10" x14ac:dyDescent="0.25">
      <c r="A702" t="s">
        <v>53072</v>
      </c>
      <c r="B702" t="s">
        <v>53073</v>
      </c>
      <c r="C702" t="s">
        <v>81</v>
      </c>
      <c r="D702" t="s">
        <v>52863</v>
      </c>
      <c r="E702" t="s">
        <v>13</v>
      </c>
      <c r="F702">
        <v>13380</v>
      </c>
      <c r="G702" t="s">
        <v>53074</v>
      </c>
      <c r="H702">
        <v>5.0839387075350002</v>
      </c>
      <c r="I702">
        <v>51.891735883446998</v>
      </c>
      <c r="J702" t="s">
        <v>56387</v>
      </c>
    </row>
    <row r="703" spans="1:10" x14ac:dyDescent="0.25">
      <c r="A703" t="s">
        <v>53068</v>
      </c>
      <c r="B703" t="s">
        <v>53069</v>
      </c>
      <c r="C703" t="s">
        <v>53070</v>
      </c>
      <c r="D703" t="s">
        <v>52863</v>
      </c>
      <c r="E703" t="s">
        <v>13</v>
      </c>
      <c r="F703">
        <v>13379</v>
      </c>
      <c r="G703" t="s">
        <v>53071</v>
      </c>
      <c r="H703">
        <v>5.0894709654129997</v>
      </c>
      <c r="I703">
        <v>51.960974600943999</v>
      </c>
      <c r="J703" t="s">
        <v>56388</v>
      </c>
    </row>
    <row r="704" spans="1:10" x14ac:dyDescent="0.25">
      <c r="A704" t="s">
        <v>53064</v>
      </c>
      <c r="B704" t="s">
        <v>53065</v>
      </c>
      <c r="C704" t="s">
        <v>53066</v>
      </c>
      <c r="D704" t="s">
        <v>52863</v>
      </c>
      <c r="E704" t="s">
        <v>13</v>
      </c>
      <c r="F704">
        <v>13378</v>
      </c>
      <c r="G704" t="s">
        <v>53067</v>
      </c>
      <c r="H704">
        <v>5.0719441558779996</v>
      </c>
      <c r="I704">
        <v>51.985033909182</v>
      </c>
      <c r="J704" t="s">
        <v>56389</v>
      </c>
    </row>
    <row r="705" spans="1:10" x14ac:dyDescent="0.25">
      <c r="A705" t="s">
        <v>53060</v>
      </c>
      <c r="B705" t="s">
        <v>53061</v>
      </c>
      <c r="C705" t="s">
        <v>53062</v>
      </c>
      <c r="D705" t="s">
        <v>52863</v>
      </c>
      <c r="E705" t="s">
        <v>13</v>
      </c>
      <c r="F705">
        <v>13377</v>
      </c>
      <c r="G705" t="s">
        <v>53063</v>
      </c>
      <c r="H705">
        <v>5.0989010027789998</v>
      </c>
      <c r="I705">
        <v>51.994158470043999</v>
      </c>
      <c r="J705" t="s">
        <v>56390</v>
      </c>
    </row>
    <row r="706" spans="1:10" x14ac:dyDescent="0.25">
      <c r="A706" t="s">
        <v>53056</v>
      </c>
      <c r="B706" t="s">
        <v>53057</v>
      </c>
      <c r="C706" t="s">
        <v>53058</v>
      </c>
      <c r="D706" t="s">
        <v>52863</v>
      </c>
      <c r="E706" t="s">
        <v>13</v>
      </c>
      <c r="F706">
        <v>13376</v>
      </c>
      <c r="G706" t="s">
        <v>53059</v>
      </c>
      <c r="H706">
        <v>5.1044971240720001</v>
      </c>
      <c r="I706">
        <v>51.996092699377002</v>
      </c>
      <c r="J706" t="s">
        <v>56391</v>
      </c>
    </row>
    <row r="707" spans="1:10" x14ac:dyDescent="0.25">
      <c r="A707" t="s">
        <v>53052</v>
      </c>
      <c r="B707" t="s">
        <v>53053</v>
      </c>
      <c r="C707" t="s">
        <v>53054</v>
      </c>
      <c r="D707" t="s">
        <v>52863</v>
      </c>
      <c r="E707" t="s">
        <v>13</v>
      </c>
      <c r="F707">
        <v>13375</v>
      </c>
      <c r="G707" t="s">
        <v>53055</v>
      </c>
      <c r="H707">
        <v>5.1061354618639996</v>
      </c>
      <c r="I707">
        <v>51.992088453142003</v>
      </c>
      <c r="J707" t="s">
        <v>56392</v>
      </c>
    </row>
    <row r="708" spans="1:10" x14ac:dyDescent="0.25">
      <c r="A708" t="s">
        <v>53048</v>
      </c>
      <c r="B708" t="s">
        <v>53049</v>
      </c>
      <c r="C708" t="s">
        <v>53050</v>
      </c>
      <c r="D708" t="s">
        <v>52863</v>
      </c>
      <c r="E708" t="s">
        <v>13</v>
      </c>
      <c r="F708">
        <v>13374</v>
      </c>
      <c r="G708" t="s">
        <v>53051</v>
      </c>
      <c r="H708">
        <v>5.1005709391689997</v>
      </c>
      <c r="I708">
        <v>51.991662184490004</v>
      </c>
      <c r="J708" t="s">
        <v>56393</v>
      </c>
    </row>
    <row r="709" spans="1:10" x14ac:dyDescent="0.25">
      <c r="A709" t="s">
        <v>53044</v>
      </c>
      <c r="B709" t="s">
        <v>53045</v>
      </c>
      <c r="C709" t="s">
        <v>53046</v>
      </c>
      <c r="D709" t="s">
        <v>52863</v>
      </c>
      <c r="E709" t="s">
        <v>13</v>
      </c>
      <c r="F709">
        <v>13373</v>
      </c>
      <c r="G709" t="s">
        <v>53047</v>
      </c>
      <c r="H709">
        <v>5.1023330172570001</v>
      </c>
      <c r="I709">
        <v>51.993790508975998</v>
      </c>
      <c r="J709" t="s">
        <v>56394</v>
      </c>
    </row>
    <row r="710" spans="1:10" x14ac:dyDescent="0.25">
      <c r="A710" t="s">
        <v>53040</v>
      </c>
      <c r="B710" t="s">
        <v>53041</v>
      </c>
      <c r="C710" t="s">
        <v>53042</v>
      </c>
      <c r="D710" t="s">
        <v>52863</v>
      </c>
      <c r="E710" t="s">
        <v>13</v>
      </c>
      <c r="F710">
        <v>13372</v>
      </c>
      <c r="G710" t="s">
        <v>53043</v>
      </c>
      <c r="H710">
        <v>5.0966484426939997</v>
      </c>
      <c r="I710">
        <v>51.993234838751</v>
      </c>
      <c r="J710" t="s">
        <v>56395</v>
      </c>
    </row>
    <row r="711" spans="1:10" x14ac:dyDescent="0.25">
      <c r="A711" t="s">
        <v>53036</v>
      </c>
      <c r="B711" t="s">
        <v>53037</v>
      </c>
      <c r="C711" t="s">
        <v>53038</v>
      </c>
      <c r="D711" t="s">
        <v>52863</v>
      </c>
      <c r="E711" t="s">
        <v>13</v>
      </c>
      <c r="F711">
        <v>13371</v>
      </c>
      <c r="G711" t="s">
        <v>53039</v>
      </c>
      <c r="H711">
        <v>5.0954008358829999</v>
      </c>
      <c r="I711">
        <v>51.987774546883003</v>
      </c>
      <c r="J711" t="s">
        <v>56396</v>
      </c>
    </row>
    <row r="712" spans="1:10" x14ac:dyDescent="0.25">
      <c r="A712" t="s">
        <v>53033</v>
      </c>
      <c r="B712" t="s">
        <v>53034</v>
      </c>
      <c r="C712" t="s">
        <v>5121</v>
      </c>
      <c r="D712" t="s">
        <v>52863</v>
      </c>
      <c r="E712" t="s">
        <v>13</v>
      </c>
      <c r="F712">
        <v>13370</v>
      </c>
      <c r="G712" t="s">
        <v>53035</v>
      </c>
      <c r="H712">
        <v>5.0920070494249998</v>
      </c>
      <c r="I712">
        <v>51.985621302524997</v>
      </c>
      <c r="J712" t="s">
        <v>56397</v>
      </c>
    </row>
    <row r="713" spans="1:10" x14ac:dyDescent="0.25">
      <c r="A713" t="s">
        <v>53029</v>
      </c>
      <c r="B713" t="s">
        <v>53030</v>
      </c>
      <c r="C713" t="s">
        <v>53031</v>
      </c>
      <c r="D713" t="s">
        <v>52863</v>
      </c>
      <c r="E713" t="s">
        <v>13</v>
      </c>
      <c r="F713">
        <v>13369</v>
      </c>
      <c r="G713" t="s">
        <v>53032</v>
      </c>
      <c r="H713">
        <v>5.0891126237459998</v>
      </c>
      <c r="I713">
        <v>51.989028351919004</v>
      </c>
      <c r="J713" t="s">
        <v>56398</v>
      </c>
    </row>
    <row r="714" spans="1:10" x14ac:dyDescent="0.25">
      <c r="A714" t="s">
        <v>53025</v>
      </c>
      <c r="B714" t="s">
        <v>53026</v>
      </c>
      <c r="C714" t="s">
        <v>53027</v>
      </c>
      <c r="D714" t="s">
        <v>52863</v>
      </c>
      <c r="E714" t="s">
        <v>13</v>
      </c>
      <c r="F714">
        <v>13368</v>
      </c>
      <c r="G714" t="s">
        <v>53028</v>
      </c>
      <c r="H714">
        <v>5.0864776496689998</v>
      </c>
      <c r="I714">
        <v>51.991722758171001</v>
      </c>
      <c r="J714" t="s">
        <v>56399</v>
      </c>
    </row>
    <row r="715" spans="1:10" x14ac:dyDescent="0.25">
      <c r="A715" t="s">
        <v>53021</v>
      </c>
      <c r="B715" t="s">
        <v>53022</v>
      </c>
      <c r="C715" t="s">
        <v>53023</v>
      </c>
      <c r="D715" t="s">
        <v>52863</v>
      </c>
      <c r="E715" t="s">
        <v>13</v>
      </c>
      <c r="F715">
        <v>13367</v>
      </c>
      <c r="G715" t="s">
        <v>53024</v>
      </c>
      <c r="H715">
        <v>5.0916344254499997</v>
      </c>
      <c r="I715">
        <v>51.994697682758002</v>
      </c>
      <c r="J715" t="s">
        <v>56400</v>
      </c>
    </row>
    <row r="716" spans="1:10" x14ac:dyDescent="0.25">
      <c r="A716" t="s">
        <v>53017</v>
      </c>
      <c r="B716" t="s">
        <v>53018</v>
      </c>
      <c r="C716" t="s">
        <v>53019</v>
      </c>
      <c r="D716" t="s">
        <v>52863</v>
      </c>
      <c r="E716" t="s">
        <v>13</v>
      </c>
      <c r="F716">
        <v>13366</v>
      </c>
      <c r="G716" t="s">
        <v>53020</v>
      </c>
      <c r="H716">
        <v>5.1103566430600003</v>
      </c>
      <c r="I716">
        <v>51.982011339164998</v>
      </c>
      <c r="J716" t="s">
        <v>56401</v>
      </c>
    </row>
    <row r="717" spans="1:10" x14ac:dyDescent="0.25">
      <c r="A717" t="s">
        <v>53014</v>
      </c>
      <c r="B717" t="s">
        <v>53015</v>
      </c>
      <c r="C717" t="s">
        <v>51950</v>
      </c>
      <c r="D717" t="s">
        <v>52863</v>
      </c>
      <c r="E717" t="s">
        <v>13</v>
      </c>
      <c r="F717">
        <v>13365</v>
      </c>
      <c r="G717" t="s">
        <v>53016</v>
      </c>
      <c r="H717">
        <v>5.093174399454</v>
      </c>
      <c r="I717">
        <v>51.975402534159997</v>
      </c>
      <c r="J717" t="s">
        <v>56402</v>
      </c>
    </row>
    <row r="718" spans="1:10" x14ac:dyDescent="0.25">
      <c r="A718" t="s">
        <v>53010</v>
      </c>
      <c r="B718" t="s">
        <v>53011</v>
      </c>
      <c r="C718" t="s">
        <v>53012</v>
      </c>
      <c r="D718" t="s">
        <v>52863</v>
      </c>
      <c r="E718" t="s">
        <v>13</v>
      </c>
      <c r="F718">
        <v>13364</v>
      </c>
      <c r="G718" t="s">
        <v>53013</v>
      </c>
      <c r="H718">
        <v>5.1022034566260004</v>
      </c>
      <c r="I718">
        <v>51.984530006938002</v>
      </c>
      <c r="J718" t="s">
        <v>56403</v>
      </c>
    </row>
    <row r="719" spans="1:10" x14ac:dyDescent="0.25">
      <c r="A719" t="s">
        <v>53006</v>
      </c>
      <c r="B719" t="s">
        <v>53007</v>
      </c>
      <c r="C719" t="s">
        <v>53008</v>
      </c>
      <c r="D719" t="s">
        <v>52863</v>
      </c>
      <c r="E719" t="s">
        <v>13</v>
      </c>
      <c r="F719">
        <v>13363</v>
      </c>
      <c r="G719" t="s">
        <v>53009</v>
      </c>
      <c r="H719">
        <v>5.0878405649960001</v>
      </c>
      <c r="I719">
        <v>51.979943219524998</v>
      </c>
      <c r="J719" t="s">
        <v>56404</v>
      </c>
    </row>
    <row r="720" spans="1:10" x14ac:dyDescent="0.25">
      <c r="A720" t="s">
        <v>53002</v>
      </c>
      <c r="B720" t="s">
        <v>53003</v>
      </c>
      <c r="C720" t="s">
        <v>53004</v>
      </c>
      <c r="D720" t="s">
        <v>52863</v>
      </c>
      <c r="E720" t="s">
        <v>13</v>
      </c>
      <c r="F720">
        <v>13362</v>
      </c>
      <c r="G720" t="s">
        <v>53005</v>
      </c>
      <c r="H720">
        <v>5.0819585784700001</v>
      </c>
      <c r="I720">
        <v>51.986438878046002</v>
      </c>
      <c r="J720" t="s">
        <v>56405</v>
      </c>
    </row>
    <row r="721" spans="1:10" x14ac:dyDescent="0.25">
      <c r="A721" t="s">
        <v>52998</v>
      </c>
      <c r="B721" t="s">
        <v>52999</v>
      </c>
      <c r="C721" t="s">
        <v>53000</v>
      </c>
      <c r="D721" t="s">
        <v>52863</v>
      </c>
      <c r="E721" t="s">
        <v>13</v>
      </c>
      <c r="F721">
        <v>13361</v>
      </c>
      <c r="G721" t="s">
        <v>53001</v>
      </c>
      <c r="H721">
        <v>5.0782317039100002</v>
      </c>
      <c r="I721">
        <v>51.979960635064998</v>
      </c>
      <c r="J721" t="s">
        <v>56406</v>
      </c>
    </row>
    <row r="722" spans="1:10" x14ac:dyDescent="0.25">
      <c r="A722" t="s">
        <v>52994</v>
      </c>
      <c r="B722" t="s">
        <v>52995</v>
      </c>
      <c r="C722" t="s">
        <v>52996</v>
      </c>
      <c r="D722" t="s">
        <v>52863</v>
      </c>
      <c r="E722" t="s">
        <v>13</v>
      </c>
      <c r="F722">
        <v>13360</v>
      </c>
      <c r="G722" t="s">
        <v>52997</v>
      </c>
      <c r="H722">
        <v>5.0747092206089999</v>
      </c>
      <c r="I722">
        <v>51.983812552796998</v>
      </c>
      <c r="J722" t="s">
        <v>56407</v>
      </c>
    </row>
    <row r="723" spans="1:10" x14ac:dyDescent="0.25">
      <c r="A723" t="s">
        <v>52990</v>
      </c>
      <c r="B723" t="s">
        <v>52991</v>
      </c>
      <c r="C723" t="s">
        <v>52992</v>
      </c>
      <c r="D723" t="s">
        <v>52863</v>
      </c>
      <c r="E723" t="s">
        <v>13</v>
      </c>
      <c r="F723">
        <v>13359</v>
      </c>
      <c r="G723" t="s">
        <v>52993</v>
      </c>
      <c r="H723">
        <v>5.0834442779350004</v>
      </c>
      <c r="I723">
        <v>51.981570191038003</v>
      </c>
      <c r="J723" t="s">
        <v>56408</v>
      </c>
    </row>
    <row r="724" spans="1:10" x14ac:dyDescent="0.25">
      <c r="A724" t="s">
        <v>52986</v>
      </c>
      <c r="B724" t="s">
        <v>52987</v>
      </c>
      <c r="C724" t="s">
        <v>52988</v>
      </c>
      <c r="D724" t="s">
        <v>52863</v>
      </c>
      <c r="E724" t="s">
        <v>13</v>
      </c>
      <c r="F724">
        <v>13358</v>
      </c>
      <c r="G724" t="s">
        <v>52989</v>
      </c>
      <c r="H724">
        <v>5.071673247523</v>
      </c>
      <c r="I724">
        <v>51.98621480696</v>
      </c>
      <c r="J724" t="s">
        <v>56409</v>
      </c>
    </row>
    <row r="725" spans="1:10" x14ac:dyDescent="0.25">
      <c r="A725" t="s">
        <v>52983</v>
      </c>
      <c r="B725" t="s">
        <v>52984</v>
      </c>
      <c r="C725" t="s">
        <v>16843</v>
      </c>
      <c r="D725" t="s">
        <v>52863</v>
      </c>
      <c r="E725" t="s">
        <v>13</v>
      </c>
      <c r="F725">
        <v>13357</v>
      </c>
      <c r="G725" t="s">
        <v>52985</v>
      </c>
      <c r="H725">
        <v>5.0693470475530003</v>
      </c>
      <c r="I725">
        <v>51.879060575601002</v>
      </c>
      <c r="J725" t="s">
        <v>56410</v>
      </c>
    </row>
    <row r="726" spans="1:10" x14ac:dyDescent="0.25">
      <c r="A726" t="s">
        <v>52979</v>
      </c>
      <c r="B726" t="s">
        <v>52980</v>
      </c>
      <c r="C726" t="s">
        <v>52981</v>
      </c>
      <c r="D726" t="s">
        <v>52863</v>
      </c>
      <c r="E726" t="s">
        <v>13</v>
      </c>
      <c r="F726">
        <v>13356</v>
      </c>
      <c r="G726" t="s">
        <v>52982</v>
      </c>
      <c r="H726">
        <v>5.0707782435570001</v>
      </c>
      <c r="I726">
        <v>51.940070625023999</v>
      </c>
      <c r="J726" t="s">
        <v>56411</v>
      </c>
    </row>
    <row r="727" spans="1:10" x14ac:dyDescent="0.25">
      <c r="A727" t="s">
        <v>52975</v>
      </c>
      <c r="B727" t="s">
        <v>52976</v>
      </c>
      <c r="C727" t="s">
        <v>52977</v>
      </c>
      <c r="D727" t="s">
        <v>52863</v>
      </c>
      <c r="E727" t="s">
        <v>13</v>
      </c>
      <c r="F727">
        <v>13355</v>
      </c>
      <c r="G727" t="s">
        <v>52978</v>
      </c>
      <c r="H727">
        <v>5.0795779142040001</v>
      </c>
      <c r="I727">
        <v>51.944471881223997</v>
      </c>
      <c r="J727" t="s">
        <v>56412</v>
      </c>
    </row>
    <row r="728" spans="1:10" x14ac:dyDescent="0.25">
      <c r="A728" t="s">
        <v>52971</v>
      </c>
      <c r="B728" t="s">
        <v>52972</v>
      </c>
      <c r="C728" t="s">
        <v>52973</v>
      </c>
      <c r="D728" t="s">
        <v>52863</v>
      </c>
      <c r="E728" t="s">
        <v>13</v>
      </c>
      <c r="F728">
        <v>13354</v>
      </c>
      <c r="G728" t="s">
        <v>52974</v>
      </c>
      <c r="H728">
        <v>5.0449258259010001</v>
      </c>
      <c r="I728">
        <v>51.874381314171004</v>
      </c>
      <c r="J728" t="s">
        <v>56413</v>
      </c>
    </row>
    <row r="729" spans="1:10" x14ac:dyDescent="0.25">
      <c r="A729" t="s">
        <v>52967</v>
      </c>
      <c r="B729" t="s">
        <v>52968</v>
      </c>
      <c r="C729" t="s">
        <v>52969</v>
      </c>
      <c r="D729" t="s">
        <v>52863</v>
      </c>
      <c r="E729" t="s">
        <v>13</v>
      </c>
      <c r="F729">
        <v>13353</v>
      </c>
      <c r="G729" t="s">
        <v>52970</v>
      </c>
      <c r="H729">
        <v>5.0499919634549997</v>
      </c>
      <c r="I729">
        <v>51.860394027822998</v>
      </c>
      <c r="J729" t="s">
        <v>56414</v>
      </c>
    </row>
    <row r="730" spans="1:10" x14ac:dyDescent="0.25">
      <c r="A730" t="s">
        <v>52963</v>
      </c>
      <c r="B730" t="s">
        <v>52964</v>
      </c>
      <c r="C730" t="s">
        <v>52965</v>
      </c>
      <c r="D730" t="s">
        <v>52863</v>
      </c>
      <c r="E730" t="s">
        <v>13</v>
      </c>
      <c r="F730">
        <v>13352</v>
      </c>
      <c r="G730" t="s">
        <v>52966</v>
      </c>
      <c r="H730">
        <v>5.0470691986430003</v>
      </c>
      <c r="I730">
        <v>51.924000081921001</v>
      </c>
      <c r="J730" t="s">
        <v>56415</v>
      </c>
    </row>
    <row r="731" spans="1:10" x14ac:dyDescent="0.25">
      <c r="A731" t="s">
        <v>52959</v>
      </c>
      <c r="B731" t="s">
        <v>52960</v>
      </c>
      <c r="C731" t="s">
        <v>52961</v>
      </c>
      <c r="D731" t="s">
        <v>52863</v>
      </c>
      <c r="E731" t="s">
        <v>13</v>
      </c>
      <c r="F731">
        <v>13351</v>
      </c>
      <c r="G731" t="s">
        <v>52962</v>
      </c>
      <c r="H731">
        <v>5.0204744246909998</v>
      </c>
      <c r="I731">
        <v>51.916228430449003</v>
      </c>
      <c r="J731" t="s">
        <v>56416</v>
      </c>
    </row>
    <row r="732" spans="1:10" x14ac:dyDescent="0.25">
      <c r="A732" t="s">
        <v>52955</v>
      </c>
      <c r="B732" t="s">
        <v>52956</v>
      </c>
      <c r="C732" t="s">
        <v>52957</v>
      </c>
      <c r="D732" t="s">
        <v>52863</v>
      </c>
      <c r="E732" t="s">
        <v>13</v>
      </c>
      <c r="F732">
        <v>13350</v>
      </c>
      <c r="G732" t="s">
        <v>52958</v>
      </c>
      <c r="H732">
        <v>5.0377117420479998</v>
      </c>
      <c r="I732">
        <v>51.908476625704999</v>
      </c>
      <c r="J732" t="s">
        <v>56417</v>
      </c>
    </row>
    <row r="733" spans="1:10" x14ac:dyDescent="0.25">
      <c r="A733" t="s">
        <v>52951</v>
      </c>
      <c r="B733" t="s">
        <v>52952</v>
      </c>
      <c r="C733" t="s">
        <v>52953</v>
      </c>
      <c r="D733" t="s">
        <v>52863</v>
      </c>
      <c r="E733" t="s">
        <v>13</v>
      </c>
      <c r="F733">
        <v>13349</v>
      </c>
      <c r="G733" t="s">
        <v>52954</v>
      </c>
      <c r="H733">
        <v>5.0492340451600004</v>
      </c>
      <c r="I733">
        <v>51.909642106177003</v>
      </c>
      <c r="J733" t="s">
        <v>56418</v>
      </c>
    </row>
    <row r="734" spans="1:10" x14ac:dyDescent="0.25">
      <c r="A734" t="s">
        <v>52947</v>
      </c>
      <c r="B734" t="s">
        <v>52948</v>
      </c>
      <c r="C734" t="s">
        <v>52949</v>
      </c>
      <c r="D734" t="s">
        <v>52863</v>
      </c>
      <c r="E734" t="s">
        <v>13</v>
      </c>
      <c r="F734">
        <v>13348</v>
      </c>
      <c r="G734" t="s">
        <v>52950</v>
      </c>
      <c r="H734">
        <v>5.0445181347350001</v>
      </c>
      <c r="I734">
        <v>51.891098552625003</v>
      </c>
      <c r="J734" t="s">
        <v>56419</v>
      </c>
    </row>
    <row r="735" spans="1:10" x14ac:dyDescent="0.25">
      <c r="A735" t="s">
        <v>52943</v>
      </c>
      <c r="B735" t="s">
        <v>52944</v>
      </c>
      <c r="C735" t="s">
        <v>52945</v>
      </c>
      <c r="D735" t="s">
        <v>52863</v>
      </c>
      <c r="E735" t="s">
        <v>13</v>
      </c>
      <c r="F735">
        <v>13347</v>
      </c>
      <c r="G735" t="s">
        <v>52946</v>
      </c>
      <c r="H735">
        <v>5.0395598230100003</v>
      </c>
      <c r="I735">
        <v>51.899401719234</v>
      </c>
      <c r="J735" t="s">
        <v>56420</v>
      </c>
    </row>
    <row r="736" spans="1:10" x14ac:dyDescent="0.25">
      <c r="A736" t="s">
        <v>52939</v>
      </c>
      <c r="B736" t="s">
        <v>52940</v>
      </c>
      <c r="C736" t="s">
        <v>52941</v>
      </c>
      <c r="D736" t="s">
        <v>52863</v>
      </c>
      <c r="E736" t="s">
        <v>13</v>
      </c>
      <c r="F736">
        <v>13346</v>
      </c>
      <c r="G736" t="s">
        <v>52942</v>
      </c>
      <c r="H736">
        <v>5.0114587966280002</v>
      </c>
      <c r="I736">
        <v>51.889680708264002</v>
      </c>
      <c r="J736" t="s">
        <v>56421</v>
      </c>
    </row>
    <row r="737" spans="1:10" x14ac:dyDescent="0.25">
      <c r="A737" t="s">
        <v>52935</v>
      </c>
      <c r="B737" t="s">
        <v>52936</v>
      </c>
      <c r="C737" t="s">
        <v>52937</v>
      </c>
      <c r="D737" t="s">
        <v>52863</v>
      </c>
      <c r="E737" t="s">
        <v>13</v>
      </c>
      <c r="F737">
        <v>13345</v>
      </c>
      <c r="G737" t="s">
        <v>52938</v>
      </c>
      <c r="H737">
        <v>5.0134956851809998</v>
      </c>
      <c r="I737">
        <v>51.902258001036998</v>
      </c>
      <c r="J737" t="s">
        <v>56422</v>
      </c>
    </row>
    <row r="738" spans="1:10" x14ac:dyDescent="0.25">
      <c r="A738" t="s">
        <v>52931</v>
      </c>
      <c r="B738" t="s">
        <v>52932</v>
      </c>
      <c r="C738" t="s">
        <v>52933</v>
      </c>
      <c r="D738" t="s">
        <v>52863</v>
      </c>
      <c r="E738" t="s">
        <v>13</v>
      </c>
      <c r="F738">
        <v>13344</v>
      </c>
      <c r="G738" t="s">
        <v>52934</v>
      </c>
      <c r="H738">
        <v>5.0241123724049999</v>
      </c>
      <c r="I738">
        <v>51.939364169027002</v>
      </c>
      <c r="J738" t="s">
        <v>56423</v>
      </c>
    </row>
    <row r="739" spans="1:10" x14ac:dyDescent="0.25">
      <c r="A739" t="s">
        <v>52927</v>
      </c>
      <c r="B739" t="s">
        <v>52928</v>
      </c>
      <c r="C739" t="s">
        <v>52929</v>
      </c>
      <c r="D739" t="s">
        <v>52863</v>
      </c>
      <c r="E739" t="s">
        <v>13</v>
      </c>
      <c r="F739">
        <v>13343</v>
      </c>
      <c r="G739" t="s">
        <v>52930</v>
      </c>
      <c r="H739">
        <v>5.00018039371</v>
      </c>
      <c r="I739">
        <v>51.963913918347998</v>
      </c>
      <c r="J739" t="s">
        <v>56424</v>
      </c>
    </row>
    <row r="740" spans="1:10" x14ac:dyDescent="0.25">
      <c r="A740" t="s">
        <v>52923</v>
      </c>
      <c r="B740" t="s">
        <v>52924</v>
      </c>
      <c r="C740" t="s">
        <v>52925</v>
      </c>
      <c r="D740" t="s">
        <v>52863</v>
      </c>
      <c r="E740" t="s">
        <v>13</v>
      </c>
      <c r="F740">
        <v>13342</v>
      </c>
      <c r="G740" t="s">
        <v>52926</v>
      </c>
      <c r="H740">
        <v>5.0325744945939999</v>
      </c>
      <c r="I740">
        <v>51.960070000541002</v>
      </c>
      <c r="J740" t="s">
        <v>56425</v>
      </c>
    </row>
    <row r="741" spans="1:10" x14ac:dyDescent="0.25">
      <c r="A741" t="s">
        <v>52919</v>
      </c>
      <c r="B741" t="s">
        <v>52920</v>
      </c>
      <c r="C741" t="s">
        <v>52921</v>
      </c>
      <c r="D741" t="s">
        <v>52863</v>
      </c>
      <c r="E741" t="s">
        <v>13</v>
      </c>
      <c r="F741">
        <v>13341</v>
      </c>
      <c r="G741" t="s">
        <v>52922</v>
      </c>
      <c r="H741">
        <v>5.0378150707140001</v>
      </c>
      <c r="I741">
        <v>51.964091562661999</v>
      </c>
      <c r="J741" t="s">
        <v>56426</v>
      </c>
    </row>
    <row r="742" spans="1:10" x14ac:dyDescent="0.25">
      <c r="A742" t="s">
        <v>52916</v>
      </c>
      <c r="B742" t="s">
        <v>52917</v>
      </c>
      <c r="C742" t="s">
        <v>31791</v>
      </c>
      <c r="D742" t="s">
        <v>52863</v>
      </c>
      <c r="E742" t="s">
        <v>13</v>
      </c>
      <c r="F742">
        <v>13340</v>
      </c>
      <c r="G742" t="s">
        <v>52918</v>
      </c>
      <c r="H742">
        <v>4.9758829579560002</v>
      </c>
      <c r="I742">
        <v>51.926760483092998</v>
      </c>
      <c r="J742" t="s">
        <v>56427</v>
      </c>
    </row>
    <row r="743" spans="1:10" x14ac:dyDescent="0.25">
      <c r="A743" t="s">
        <v>52912</v>
      </c>
      <c r="B743" t="s">
        <v>52913</v>
      </c>
      <c r="C743" t="s">
        <v>52914</v>
      </c>
      <c r="D743" t="s">
        <v>52863</v>
      </c>
      <c r="E743" t="s">
        <v>13</v>
      </c>
      <c r="F743">
        <v>13339</v>
      </c>
      <c r="G743" t="s">
        <v>52915</v>
      </c>
      <c r="H743">
        <v>5.0012678501950001</v>
      </c>
      <c r="I743">
        <v>51.911138382624003</v>
      </c>
      <c r="J743" t="s">
        <v>56428</v>
      </c>
    </row>
    <row r="744" spans="1:10" x14ac:dyDescent="0.25">
      <c r="A744" t="s">
        <v>52908</v>
      </c>
      <c r="B744" t="s">
        <v>52909</v>
      </c>
      <c r="C744" t="s">
        <v>52910</v>
      </c>
      <c r="D744" t="s">
        <v>52863</v>
      </c>
      <c r="E744" t="s">
        <v>13</v>
      </c>
      <c r="F744">
        <v>13338</v>
      </c>
      <c r="G744" t="s">
        <v>52911</v>
      </c>
      <c r="H744">
        <v>4.9875101810269999</v>
      </c>
      <c r="I744">
        <v>51.911691084836001</v>
      </c>
      <c r="J744" t="s">
        <v>56429</v>
      </c>
    </row>
    <row r="745" spans="1:10" x14ac:dyDescent="0.25">
      <c r="A745" t="s">
        <v>52904</v>
      </c>
      <c r="B745" t="s">
        <v>52905</v>
      </c>
      <c r="C745" t="s">
        <v>52906</v>
      </c>
      <c r="D745" t="s">
        <v>52863</v>
      </c>
      <c r="E745" t="s">
        <v>13</v>
      </c>
      <c r="F745">
        <v>13337</v>
      </c>
      <c r="G745" t="s">
        <v>52907</v>
      </c>
      <c r="H745">
        <v>4.993913384252</v>
      </c>
      <c r="I745">
        <v>51.913238740293998</v>
      </c>
      <c r="J745" t="s">
        <v>56430</v>
      </c>
    </row>
    <row r="746" spans="1:10" x14ac:dyDescent="0.25">
      <c r="A746" t="s">
        <v>52900</v>
      </c>
      <c r="B746" t="s">
        <v>52901</v>
      </c>
      <c r="C746" t="s">
        <v>52902</v>
      </c>
      <c r="D746" t="s">
        <v>52863</v>
      </c>
      <c r="E746" t="s">
        <v>13</v>
      </c>
      <c r="F746">
        <v>13336</v>
      </c>
      <c r="G746" t="s">
        <v>52903</v>
      </c>
      <c r="H746">
        <v>4.9924944060590004</v>
      </c>
      <c r="I746">
        <v>51.920860694726997</v>
      </c>
      <c r="J746" t="s">
        <v>56431</v>
      </c>
    </row>
    <row r="747" spans="1:10" x14ac:dyDescent="0.25">
      <c r="A747" t="s">
        <v>52896</v>
      </c>
      <c r="B747" t="s">
        <v>52897</v>
      </c>
      <c r="C747" t="s">
        <v>52898</v>
      </c>
      <c r="D747" t="s">
        <v>52863</v>
      </c>
      <c r="E747" t="s">
        <v>13</v>
      </c>
      <c r="F747">
        <v>13335</v>
      </c>
      <c r="G747" t="s">
        <v>52899</v>
      </c>
      <c r="H747">
        <v>4.9968511882959996</v>
      </c>
      <c r="I747">
        <v>51.918750846626999</v>
      </c>
      <c r="J747" t="s">
        <v>56432</v>
      </c>
    </row>
    <row r="748" spans="1:10" x14ac:dyDescent="0.25">
      <c r="A748" t="s">
        <v>52892</v>
      </c>
      <c r="B748" t="s">
        <v>52893</v>
      </c>
      <c r="C748" t="s">
        <v>52894</v>
      </c>
      <c r="D748" t="s">
        <v>52863</v>
      </c>
      <c r="E748" t="s">
        <v>13</v>
      </c>
      <c r="F748">
        <v>13334</v>
      </c>
      <c r="G748" t="s">
        <v>52895</v>
      </c>
      <c r="H748">
        <v>4.9692390050900004</v>
      </c>
      <c r="I748">
        <v>51.959259956057998</v>
      </c>
      <c r="J748" t="s">
        <v>56433</v>
      </c>
    </row>
    <row r="749" spans="1:10" x14ac:dyDescent="0.25">
      <c r="A749" t="s">
        <v>52888</v>
      </c>
      <c r="B749" t="s">
        <v>52889</v>
      </c>
      <c r="C749" t="s">
        <v>52890</v>
      </c>
      <c r="D749" t="s">
        <v>52863</v>
      </c>
      <c r="E749" t="s">
        <v>13</v>
      </c>
      <c r="F749">
        <v>13333</v>
      </c>
      <c r="G749" t="s">
        <v>52891</v>
      </c>
      <c r="H749">
        <v>4.9649946145120003</v>
      </c>
      <c r="I749">
        <v>51.945575229577003</v>
      </c>
      <c r="J749" t="s">
        <v>56434</v>
      </c>
    </row>
    <row r="750" spans="1:10" x14ac:dyDescent="0.25">
      <c r="A750" t="s">
        <v>52885</v>
      </c>
      <c r="B750" t="s">
        <v>52886</v>
      </c>
      <c r="C750" t="s">
        <v>34921</v>
      </c>
      <c r="D750" t="s">
        <v>52863</v>
      </c>
      <c r="E750" t="s">
        <v>13</v>
      </c>
      <c r="F750">
        <v>13332</v>
      </c>
      <c r="G750" t="s">
        <v>52887</v>
      </c>
      <c r="H750">
        <v>4.976949928761</v>
      </c>
      <c r="I750">
        <v>51.956213679287004</v>
      </c>
      <c r="J750" t="s">
        <v>56435</v>
      </c>
    </row>
    <row r="751" spans="1:10" x14ac:dyDescent="0.25">
      <c r="A751" t="s">
        <v>52881</v>
      </c>
      <c r="B751" t="s">
        <v>52882</v>
      </c>
      <c r="C751" t="s">
        <v>52883</v>
      </c>
      <c r="D751" t="s">
        <v>52863</v>
      </c>
      <c r="E751" t="s">
        <v>13</v>
      </c>
      <c r="F751">
        <v>13331</v>
      </c>
      <c r="G751" t="s">
        <v>52884</v>
      </c>
      <c r="H751">
        <v>4.9678835789639999</v>
      </c>
      <c r="I751">
        <v>51.954061365926002</v>
      </c>
      <c r="J751" t="s">
        <v>56436</v>
      </c>
    </row>
    <row r="752" spans="1:10" x14ac:dyDescent="0.25">
      <c r="A752" t="s">
        <v>52877</v>
      </c>
      <c r="B752" t="s">
        <v>52878</v>
      </c>
      <c r="C752" t="s">
        <v>52879</v>
      </c>
      <c r="D752" t="s">
        <v>52863</v>
      </c>
      <c r="E752" t="s">
        <v>13</v>
      </c>
      <c r="F752">
        <v>13330</v>
      </c>
      <c r="G752" t="s">
        <v>52880</v>
      </c>
      <c r="H752">
        <v>4.9639008459770002</v>
      </c>
      <c r="I752">
        <v>51.953884995594997</v>
      </c>
      <c r="J752" t="s">
        <v>56437</v>
      </c>
    </row>
    <row r="753" spans="1:10" x14ac:dyDescent="0.25">
      <c r="A753" t="s">
        <v>52873</v>
      </c>
      <c r="B753" t="s">
        <v>52874</v>
      </c>
      <c r="C753" t="s">
        <v>52875</v>
      </c>
      <c r="D753" t="s">
        <v>52863</v>
      </c>
      <c r="E753" t="s">
        <v>13</v>
      </c>
      <c r="F753">
        <v>13329</v>
      </c>
      <c r="G753" t="s">
        <v>52876</v>
      </c>
      <c r="H753">
        <v>4.9616880416239999</v>
      </c>
      <c r="I753">
        <v>51.956827590033001</v>
      </c>
      <c r="J753" t="s">
        <v>56438</v>
      </c>
    </row>
    <row r="754" spans="1:10" x14ac:dyDescent="0.25">
      <c r="A754" t="s">
        <v>52869</v>
      </c>
      <c r="B754" t="s">
        <v>52870</v>
      </c>
      <c r="C754" t="s">
        <v>52871</v>
      </c>
      <c r="D754" t="s">
        <v>52863</v>
      </c>
      <c r="E754" t="s">
        <v>13</v>
      </c>
      <c r="F754">
        <v>13328</v>
      </c>
      <c r="G754" t="s">
        <v>52872</v>
      </c>
      <c r="H754">
        <v>4.9559532169759999</v>
      </c>
      <c r="I754">
        <v>51.955296553610999</v>
      </c>
      <c r="J754" t="s">
        <v>56439</v>
      </c>
    </row>
    <row r="755" spans="1:10" x14ac:dyDescent="0.25">
      <c r="A755" t="s">
        <v>52865</v>
      </c>
      <c r="B755" t="s">
        <v>52866</v>
      </c>
      <c r="C755" t="s">
        <v>52867</v>
      </c>
      <c r="D755" t="s">
        <v>52863</v>
      </c>
      <c r="E755" t="s">
        <v>13</v>
      </c>
      <c r="F755">
        <v>13327</v>
      </c>
      <c r="G755" t="s">
        <v>52868</v>
      </c>
      <c r="H755">
        <v>4.9416871724210001</v>
      </c>
      <c r="I755">
        <v>51.949802255964002</v>
      </c>
      <c r="J755" t="s">
        <v>56440</v>
      </c>
    </row>
    <row r="756" spans="1:10" x14ac:dyDescent="0.25">
      <c r="A756" t="s">
        <v>52860</v>
      </c>
      <c r="B756" t="s">
        <v>52861</v>
      </c>
      <c r="C756" t="s">
        <v>52862</v>
      </c>
      <c r="D756" t="s">
        <v>52863</v>
      </c>
      <c r="E756" t="s">
        <v>13</v>
      </c>
      <c r="F756">
        <v>13326</v>
      </c>
      <c r="G756" t="s">
        <v>52864</v>
      </c>
      <c r="H756">
        <v>4.9470047884430004</v>
      </c>
      <c r="I756">
        <v>51.961142496965998</v>
      </c>
      <c r="J756" t="s">
        <v>56441</v>
      </c>
    </row>
    <row r="757" spans="1:10" x14ac:dyDescent="0.25">
      <c r="A757" t="s">
        <v>52856</v>
      </c>
      <c r="B757" t="s">
        <v>52857</v>
      </c>
      <c r="C757" t="s">
        <v>52858</v>
      </c>
      <c r="D757" t="s">
        <v>52710</v>
      </c>
      <c r="E757" t="s">
        <v>13</v>
      </c>
      <c r="F757">
        <v>13325</v>
      </c>
      <c r="G757" t="s">
        <v>52859</v>
      </c>
      <c r="H757">
        <v>5.0984854920630003</v>
      </c>
      <c r="I757">
        <v>52.034562733702998</v>
      </c>
      <c r="J757" t="s">
        <v>56442</v>
      </c>
    </row>
    <row r="758" spans="1:10" x14ac:dyDescent="0.25">
      <c r="A758" t="s">
        <v>52853</v>
      </c>
      <c r="B758" t="s">
        <v>52854</v>
      </c>
      <c r="C758" t="s">
        <v>10942</v>
      </c>
      <c r="D758" t="s">
        <v>52710</v>
      </c>
      <c r="E758" t="s">
        <v>13</v>
      </c>
      <c r="F758">
        <v>13324</v>
      </c>
      <c r="G758" t="s">
        <v>52855</v>
      </c>
      <c r="H758">
        <v>5.0810597331110001</v>
      </c>
      <c r="I758">
        <v>52.028663914832002</v>
      </c>
      <c r="J758" t="s">
        <v>56443</v>
      </c>
    </row>
    <row r="759" spans="1:10" x14ac:dyDescent="0.25">
      <c r="A759" t="s">
        <v>52849</v>
      </c>
      <c r="B759" t="s">
        <v>52850</v>
      </c>
      <c r="C759" t="s">
        <v>52851</v>
      </c>
      <c r="D759" t="s">
        <v>52710</v>
      </c>
      <c r="E759" t="s">
        <v>13</v>
      </c>
      <c r="F759">
        <v>13323</v>
      </c>
      <c r="G759" t="s">
        <v>52852</v>
      </c>
      <c r="H759">
        <v>5.073483350929</v>
      </c>
      <c r="I759">
        <v>52.012767117372</v>
      </c>
      <c r="J759" t="s">
        <v>56444</v>
      </c>
    </row>
    <row r="760" spans="1:10" x14ac:dyDescent="0.25">
      <c r="A760" t="s">
        <v>52845</v>
      </c>
      <c r="B760" t="s">
        <v>52846</v>
      </c>
      <c r="C760" t="s">
        <v>52847</v>
      </c>
      <c r="D760" t="s">
        <v>52710</v>
      </c>
      <c r="E760" t="s">
        <v>13</v>
      </c>
      <c r="F760">
        <v>13322</v>
      </c>
      <c r="G760" t="s">
        <v>52848</v>
      </c>
      <c r="H760">
        <v>5.1039166061600003</v>
      </c>
      <c r="I760">
        <v>52.018483827913997</v>
      </c>
      <c r="J760" t="s">
        <v>56445</v>
      </c>
    </row>
    <row r="761" spans="1:10" x14ac:dyDescent="0.25">
      <c r="A761" t="s">
        <v>52841</v>
      </c>
      <c r="B761" t="s">
        <v>52842</v>
      </c>
      <c r="C761" t="s">
        <v>52843</v>
      </c>
      <c r="D761" t="s">
        <v>52710</v>
      </c>
      <c r="E761" t="s">
        <v>13</v>
      </c>
      <c r="F761">
        <v>13321</v>
      </c>
      <c r="G761" t="s">
        <v>52844</v>
      </c>
      <c r="H761">
        <v>5.1067257801399997</v>
      </c>
      <c r="I761">
        <v>52.033392925431997</v>
      </c>
      <c r="J761" t="s">
        <v>56446</v>
      </c>
    </row>
    <row r="762" spans="1:10" x14ac:dyDescent="0.25">
      <c r="A762" t="s">
        <v>52837</v>
      </c>
      <c r="B762" t="s">
        <v>52838</v>
      </c>
      <c r="C762" t="s">
        <v>52839</v>
      </c>
      <c r="D762" t="s">
        <v>52710</v>
      </c>
      <c r="E762" t="s">
        <v>13</v>
      </c>
      <c r="F762">
        <v>13320</v>
      </c>
      <c r="G762" t="s">
        <v>52840</v>
      </c>
      <c r="H762">
        <v>5.1193601019430002</v>
      </c>
      <c r="I762">
        <v>52.041071887515997</v>
      </c>
      <c r="J762" t="s">
        <v>56447</v>
      </c>
    </row>
    <row r="763" spans="1:10" x14ac:dyDescent="0.25">
      <c r="A763" t="s">
        <v>52833</v>
      </c>
      <c r="B763" t="s">
        <v>52834</v>
      </c>
      <c r="C763" t="s">
        <v>52835</v>
      </c>
      <c r="D763" t="s">
        <v>52710</v>
      </c>
      <c r="E763" t="s">
        <v>13</v>
      </c>
      <c r="F763">
        <v>13319</v>
      </c>
      <c r="G763" t="s">
        <v>52836</v>
      </c>
      <c r="H763">
        <v>5.1145010661720001</v>
      </c>
      <c r="I763">
        <v>52.050712247878003</v>
      </c>
      <c r="J763" t="s">
        <v>56448</v>
      </c>
    </row>
    <row r="764" spans="1:10" x14ac:dyDescent="0.25">
      <c r="A764" t="s">
        <v>52829</v>
      </c>
      <c r="B764" t="s">
        <v>52830</v>
      </c>
      <c r="C764" t="s">
        <v>52831</v>
      </c>
      <c r="D764" t="s">
        <v>52710</v>
      </c>
      <c r="E764" t="s">
        <v>13</v>
      </c>
      <c r="F764">
        <v>13318</v>
      </c>
      <c r="G764" t="s">
        <v>52832</v>
      </c>
      <c r="H764">
        <v>5.1168410428359996</v>
      </c>
      <c r="I764">
        <v>52.015886630609003</v>
      </c>
      <c r="J764" t="s">
        <v>56449</v>
      </c>
    </row>
    <row r="765" spans="1:10" x14ac:dyDescent="0.25">
      <c r="A765" t="s">
        <v>52825</v>
      </c>
      <c r="B765" t="s">
        <v>52826</v>
      </c>
      <c r="C765" t="s">
        <v>52827</v>
      </c>
      <c r="D765" t="s">
        <v>52710</v>
      </c>
      <c r="E765" t="s">
        <v>13</v>
      </c>
      <c r="F765">
        <v>13317</v>
      </c>
      <c r="G765" t="s">
        <v>52828</v>
      </c>
      <c r="H765">
        <v>5.0907813416350001</v>
      </c>
      <c r="I765">
        <v>52.008607231641001</v>
      </c>
      <c r="J765" t="s">
        <v>56450</v>
      </c>
    </row>
    <row r="766" spans="1:10" x14ac:dyDescent="0.25">
      <c r="A766" t="s">
        <v>52821</v>
      </c>
      <c r="B766" t="s">
        <v>52822</v>
      </c>
      <c r="C766" t="s">
        <v>52823</v>
      </c>
      <c r="D766" t="s">
        <v>52710</v>
      </c>
      <c r="E766" t="s">
        <v>13</v>
      </c>
      <c r="F766">
        <v>13316</v>
      </c>
      <c r="G766" t="s">
        <v>52824</v>
      </c>
      <c r="H766">
        <v>5.0843764788039998</v>
      </c>
      <c r="I766">
        <v>52.017924933342002</v>
      </c>
      <c r="J766" t="s">
        <v>56451</v>
      </c>
    </row>
    <row r="767" spans="1:10" x14ac:dyDescent="0.25">
      <c r="A767" t="s">
        <v>52817</v>
      </c>
      <c r="B767" t="s">
        <v>52818</v>
      </c>
      <c r="C767" t="s">
        <v>52819</v>
      </c>
      <c r="D767" t="s">
        <v>52710</v>
      </c>
      <c r="E767" t="s">
        <v>13</v>
      </c>
      <c r="F767">
        <v>13315</v>
      </c>
      <c r="G767" t="s">
        <v>52820</v>
      </c>
      <c r="H767">
        <v>5.0913067523260001</v>
      </c>
      <c r="I767">
        <v>52.027943638457003</v>
      </c>
      <c r="J767" t="s">
        <v>56452</v>
      </c>
    </row>
    <row r="768" spans="1:10" x14ac:dyDescent="0.25">
      <c r="A768" t="s">
        <v>52813</v>
      </c>
      <c r="B768" t="s">
        <v>52814</v>
      </c>
      <c r="C768" t="s">
        <v>52815</v>
      </c>
      <c r="D768" t="s">
        <v>52710</v>
      </c>
      <c r="E768" t="s">
        <v>13</v>
      </c>
      <c r="F768">
        <v>13314</v>
      </c>
      <c r="G768" t="s">
        <v>52816</v>
      </c>
      <c r="H768">
        <v>5.0985032967109998</v>
      </c>
      <c r="I768">
        <v>52.010953318706001</v>
      </c>
      <c r="J768" t="s">
        <v>56453</v>
      </c>
    </row>
    <row r="769" spans="1:10" x14ac:dyDescent="0.25">
      <c r="A769" t="s">
        <v>52809</v>
      </c>
      <c r="B769" t="s">
        <v>52810</v>
      </c>
      <c r="C769" t="s">
        <v>52811</v>
      </c>
      <c r="D769" t="s">
        <v>52710</v>
      </c>
      <c r="E769" t="s">
        <v>13</v>
      </c>
      <c r="F769">
        <v>13313</v>
      </c>
      <c r="G769" t="s">
        <v>52812</v>
      </c>
      <c r="H769">
        <v>5.0986470671879998</v>
      </c>
      <c r="I769">
        <v>52.006487019043</v>
      </c>
      <c r="J769" t="s">
        <v>56454</v>
      </c>
    </row>
    <row r="770" spans="1:10" x14ac:dyDescent="0.25">
      <c r="A770" t="s">
        <v>52805</v>
      </c>
      <c r="B770" t="s">
        <v>52806</v>
      </c>
      <c r="C770" t="s">
        <v>52807</v>
      </c>
      <c r="D770" t="s">
        <v>52710</v>
      </c>
      <c r="E770" t="s">
        <v>13</v>
      </c>
      <c r="F770">
        <v>13312</v>
      </c>
      <c r="G770" t="s">
        <v>52808</v>
      </c>
      <c r="H770">
        <v>5.0825289584690001</v>
      </c>
      <c r="I770">
        <v>52.002084504785003</v>
      </c>
      <c r="J770" t="s">
        <v>56455</v>
      </c>
    </row>
    <row r="771" spans="1:10" x14ac:dyDescent="0.25">
      <c r="A771" t="s">
        <v>52801</v>
      </c>
      <c r="B771" t="s">
        <v>52802</v>
      </c>
      <c r="C771" t="s">
        <v>52803</v>
      </c>
      <c r="D771" t="s">
        <v>52710</v>
      </c>
      <c r="E771" t="s">
        <v>13</v>
      </c>
      <c r="F771">
        <v>13311</v>
      </c>
      <c r="G771" t="s">
        <v>52804</v>
      </c>
      <c r="H771">
        <v>5.078435555614</v>
      </c>
      <c r="I771">
        <v>52.007012544608997</v>
      </c>
      <c r="J771" t="s">
        <v>56456</v>
      </c>
    </row>
    <row r="772" spans="1:10" x14ac:dyDescent="0.25">
      <c r="A772" t="s">
        <v>52797</v>
      </c>
      <c r="B772" t="s">
        <v>52798</v>
      </c>
      <c r="C772" t="s">
        <v>52799</v>
      </c>
      <c r="D772" t="s">
        <v>52710</v>
      </c>
      <c r="E772" t="s">
        <v>13</v>
      </c>
      <c r="F772">
        <v>13310</v>
      </c>
      <c r="G772" t="s">
        <v>52800</v>
      </c>
      <c r="H772">
        <v>5.0844029596590001</v>
      </c>
      <c r="I772">
        <v>52.007982606814998</v>
      </c>
      <c r="J772" t="s">
        <v>56457</v>
      </c>
    </row>
    <row r="773" spans="1:10" x14ac:dyDescent="0.25">
      <c r="A773" t="s">
        <v>52793</v>
      </c>
      <c r="B773" t="s">
        <v>52794</v>
      </c>
      <c r="C773" t="s">
        <v>52795</v>
      </c>
      <c r="D773" t="s">
        <v>52710</v>
      </c>
      <c r="E773" t="s">
        <v>13</v>
      </c>
      <c r="F773">
        <v>13309</v>
      </c>
      <c r="G773" t="s">
        <v>52796</v>
      </c>
      <c r="H773">
        <v>5.0931597421749997</v>
      </c>
      <c r="I773">
        <v>52.013647419126002</v>
      </c>
      <c r="J773" t="s">
        <v>56458</v>
      </c>
    </row>
    <row r="774" spans="1:10" x14ac:dyDescent="0.25">
      <c r="A774" t="s">
        <v>52789</v>
      </c>
      <c r="B774" t="s">
        <v>52790</v>
      </c>
      <c r="C774" t="s">
        <v>52791</v>
      </c>
      <c r="D774" t="s">
        <v>52710</v>
      </c>
      <c r="E774" t="s">
        <v>13</v>
      </c>
      <c r="F774">
        <v>13308</v>
      </c>
      <c r="G774" t="s">
        <v>52792</v>
      </c>
      <c r="H774">
        <v>5.0933778657440003</v>
      </c>
      <c r="I774">
        <v>52.018578579541</v>
      </c>
      <c r="J774" t="s">
        <v>56459</v>
      </c>
    </row>
    <row r="775" spans="1:10" x14ac:dyDescent="0.25">
      <c r="A775" t="s">
        <v>52786</v>
      </c>
      <c r="B775" t="s">
        <v>52787</v>
      </c>
      <c r="C775" t="s">
        <v>44698</v>
      </c>
      <c r="D775" t="s">
        <v>52710</v>
      </c>
      <c r="E775" t="s">
        <v>13</v>
      </c>
      <c r="F775">
        <v>13307</v>
      </c>
      <c r="G775" t="s">
        <v>52788</v>
      </c>
      <c r="H775">
        <v>5.0951979427999996</v>
      </c>
      <c r="I775">
        <v>52.023991663875996</v>
      </c>
      <c r="J775" t="s">
        <v>56460</v>
      </c>
    </row>
    <row r="776" spans="1:10" x14ac:dyDescent="0.25">
      <c r="A776" t="s">
        <v>52782</v>
      </c>
      <c r="B776" t="s">
        <v>52783</v>
      </c>
      <c r="C776" t="s">
        <v>52784</v>
      </c>
      <c r="D776" t="s">
        <v>52710</v>
      </c>
      <c r="E776" t="s">
        <v>13</v>
      </c>
      <c r="F776">
        <v>13306</v>
      </c>
      <c r="G776" t="s">
        <v>52785</v>
      </c>
      <c r="H776">
        <v>5.0831602160670002</v>
      </c>
      <c r="I776">
        <v>52.058503346610003</v>
      </c>
      <c r="J776" t="s">
        <v>56461</v>
      </c>
    </row>
    <row r="777" spans="1:10" x14ac:dyDescent="0.25">
      <c r="A777" t="s">
        <v>52778</v>
      </c>
      <c r="B777" t="s">
        <v>52779</v>
      </c>
      <c r="C777" t="s">
        <v>52780</v>
      </c>
      <c r="D777" t="s">
        <v>52710</v>
      </c>
      <c r="E777" t="s">
        <v>13</v>
      </c>
      <c r="F777">
        <v>13305</v>
      </c>
      <c r="G777" t="s">
        <v>52781</v>
      </c>
      <c r="H777">
        <v>5.0744827102069996</v>
      </c>
      <c r="I777">
        <v>52.055356434163002</v>
      </c>
      <c r="J777" t="s">
        <v>56462</v>
      </c>
    </row>
    <row r="778" spans="1:10" x14ac:dyDescent="0.25">
      <c r="A778" t="s">
        <v>52774</v>
      </c>
      <c r="B778" t="s">
        <v>52775</v>
      </c>
      <c r="C778" t="s">
        <v>52776</v>
      </c>
      <c r="D778" t="s">
        <v>52710</v>
      </c>
      <c r="E778" t="s">
        <v>13</v>
      </c>
      <c r="F778">
        <v>13304</v>
      </c>
      <c r="G778" t="s">
        <v>52777</v>
      </c>
      <c r="H778">
        <v>5.0862286018190002</v>
      </c>
      <c r="I778">
        <v>52.053682491807002</v>
      </c>
      <c r="J778" t="s">
        <v>56463</v>
      </c>
    </row>
    <row r="779" spans="1:10" x14ac:dyDescent="0.25">
      <c r="A779" t="s">
        <v>52771</v>
      </c>
      <c r="B779" t="s">
        <v>52772</v>
      </c>
      <c r="C779" t="s">
        <v>44594</v>
      </c>
      <c r="D779" t="s">
        <v>52710</v>
      </c>
      <c r="E779" t="s">
        <v>13</v>
      </c>
      <c r="F779">
        <v>13303</v>
      </c>
      <c r="G779" t="s">
        <v>52773</v>
      </c>
      <c r="H779">
        <v>5.0764435826229999</v>
      </c>
      <c r="I779">
        <v>52.051144503332999</v>
      </c>
      <c r="J779" t="s">
        <v>56464</v>
      </c>
    </row>
    <row r="780" spans="1:10" x14ac:dyDescent="0.25">
      <c r="A780" t="s">
        <v>52767</v>
      </c>
      <c r="B780" t="s">
        <v>52768</v>
      </c>
      <c r="C780" t="s">
        <v>52769</v>
      </c>
      <c r="D780" t="s">
        <v>52710</v>
      </c>
      <c r="E780" t="s">
        <v>13</v>
      </c>
      <c r="F780">
        <v>13302</v>
      </c>
      <c r="G780" t="s">
        <v>52770</v>
      </c>
      <c r="H780">
        <v>5.0937330828089999</v>
      </c>
      <c r="I780">
        <v>52.048513588294</v>
      </c>
      <c r="J780" t="s">
        <v>56465</v>
      </c>
    </row>
    <row r="781" spans="1:10" x14ac:dyDescent="0.25">
      <c r="A781" t="s">
        <v>52763</v>
      </c>
      <c r="B781" t="s">
        <v>52764</v>
      </c>
      <c r="C781" t="s">
        <v>52765</v>
      </c>
      <c r="D781" t="s">
        <v>52710</v>
      </c>
      <c r="E781" t="s">
        <v>13</v>
      </c>
      <c r="F781">
        <v>13301</v>
      </c>
      <c r="G781" t="s">
        <v>52766</v>
      </c>
      <c r="H781">
        <v>5.0989409998899999</v>
      </c>
      <c r="I781">
        <v>52.050182360023001</v>
      </c>
      <c r="J781" t="s">
        <v>56466</v>
      </c>
    </row>
    <row r="782" spans="1:10" x14ac:dyDescent="0.25">
      <c r="A782" t="s">
        <v>52759</v>
      </c>
      <c r="B782" t="s">
        <v>52760</v>
      </c>
      <c r="C782" t="s">
        <v>52761</v>
      </c>
      <c r="D782" t="s">
        <v>52710</v>
      </c>
      <c r="E782" t="s">
        <v>13</v>
      </c>
      <c r="F782">
        <v>13300</v>
      </c>
      <c r="G782" t="s">
        <v>52762</v>
      </c>
      <c r="H782">
        <v>5.0700052178980002</v>
      </c>
      <c r="I782">
        <v>52.021272948686999</v>
      </c>
      <c r="J782" t="s">
        <v>56467</v>
      </c>
    </row>
    <row r="783" spans="1:10" x14ac:dyDescent="0.25">
      <c r="A783" t="s">
        <v>52755</v>
      </c>
      <c r="B783" t="s">
        <v>52756</v>
      </c>
      <c r="C783" t="s">
        <v>52757</v>
      </c>
      <c r="D783" t="s">
        <v>52710</v>
      </c>
      <c r="E783" t="s">
        <v>13</v>
      </c>
      <c r="F783">
        <v>13299</v>
      </c>
      <c r="G783" t="s">
        <v>52758</v>
      </c>
      <c r="H783">
        <v>5.0784448158190001</v>
      </c>
      <c r="I783">
        <v>52.02318949536</v>
      </c>
      <c r="J783" t="s">
        <v>56468</v>
      </c>
    </row>
    <row r="784" spans="1:10" x14ac:dyDescent="0.25">
      <c r="A784" t="s">
        <v>52751</v>
      </c>
      <c r="B784" t="s">
        <v>52752</v>
      </c>
      <c r="C784" t="s">
        <v>52753</v>
      </c>
      <c r="D784" t="s">
        <v>52710</v>
      </c>
      <c r="E784" t="s">
        <v>13</v>
      </c>
      <c r="F784">
        <v>13298</v>
      </c>
      <c r="G784" t="s">
        <v>52754</v>
      </c>
      <c r="H784">
        <v>5.0742150718739998</v>
      </c>
      <c r="I784">
        <v>52.026003886757998</v>
      </c>
      <c r="J784" t="s">
        <v>56469</v>
      </c>
    </row>
    <row r="785" spans="1:10" x14ac:dyDescent="0.25">
      <c r="A785" t="s">
        <v>52747</v>
      </c>
      <c r="B785" t="s">
        <v>52748</v>
      </c>
      <c r="C785" t="s">
        <v>52749</v>
      </c>
      <c r="D785" t="s">
        <v>52710</v>
      </c>
      <c r="E785" t="s">
        <v>13</v>
      </c>
      <c r="F785">
        <v>13297</v>
      </c>
      <c r="G785" t="s">
        <v>52750</v>
      </c>
      <c r="H785">
        <v>5.0688215133470003</v>
      </c>
      <c r="I785">
        <v>52.045734202441999</v>
      </c>
      <c r="J785" t="s">
        <v>56470</v>
      </c>
    </row>
    <row r="786" spans="1:10" x14ac:dyDescent="0.25">
      <c r="A786" t="s">
        <v>52743</v>
      </c>
      <c r="B786" t="s">
        <v>52744</v>
      </c>
      <c r="C786" t="s">
        <v>52745</v>
      </c>
      <c r="D786" t="s">
        <v>52710</v>
      </c>
      <c r="E786" t="s">
        <v>13</v>
      </c>
      <c r="F786">
        <v>13296</v>
      </c>
      <c r="G786" t="s">
        <v>52746</v>
      </c>
      <c r="H786">
        <v>5.0733912266059997</v>
      </c>
      <c r="I786">
        <v>52.044094321205002</v>
      </c>
      <c r="J786" t="s">
        <v>56471</v>
      </c>
    </row>
    <row r="787" spans="1:10" x14ac:dyDescent="0.25">
      <c r="A787" t="s">
        <v>52739</v>
      </c>
      <c r="B787" t="s">
        <v>52740</v>
      </c>
      <c r="C787" t="s">
        <v>52741</v>
      </c>
      <c r="D787" t="s">
        <v>52710</v>
      </c>
      <c r="E787" t="s">
        <v>13</v>
      </c>
      <c r="F787">
        <v>13295</v>
      </c>
      <c r="G787" t="s">
        <v>52742</v>
      </c>
      <c r="H787">
        <v>5.0791630132709997</v>
      </c>
      <c r="I787">
        <v>52.044210034854999</v>
      </c>
      <c r="J787" t="s">
        <v>56472</v>
      </c>
    </row>
    <row r="788" spans="1:10" x14ac:dyDescent="0.25">
      <c r="A788" t="s">
        <v>52736</v>
      </c>
      <c r="B788" t="s">
        <v>52737</v>
      </c>
      <c r="C788" t="s">
        <v>39995</v>
      </c>
      <c r="D788" t="s">
        <v>52710</v>
      </c>
      <c r="E788" t="s">
        <v>13</v>
      </c>
      <c r="F788">
        <v>13294</v>
      </c>
      <c r="G788" t="s">
        <v>52738</v>
      </c>
      <c r="H788">
        <v>5.0675646890810002</v>
      </c>
      <c r="I788">
        <v>52.034078093300003</v>
      </c>
      <c r="J788" t="s">
        <v>56473</v>
      </c>
    </row>
    <row r="789" spans="1:10" x14ac:dyDescent="0.25">
      <c r="A789" t="s">
        <v>52732</v>
      </c>
      <c r="B789" t="s">
        <v>52733</v>
      </c>
      <c r="C789" t="s">
        <v>52734</v>
      </c>
      <c r="D789" t="s">
        <v>52710</v>
      </c>
      <c r="E789" t="s">
        <v>13</v>
      </c>
      <c r="F789">
        <v>13293</v>
      </c>
      <c r="G789" t="s">
        <v>52735</v>
      </c>
      <c r="H789">
        <v>5.0754630316040004</v>
      </c>
      <c r="I789">
        <v>52.035528675767999</v>
      </c>
      <c r="J789" t="s">
        <v>56474</v>
      </c>
    </row>
    <row r="790" spans="1:10" x14ac:dyDescent="0.25">
      <c r="A790" t="s">
        <v>52728</v>
      </c>
      <c r="B790" t="s">
        <v>52729</v>
      </c>
      <c r="C790" t="s">
        <v>52730</v>
      </c>
      <c r="D790" t="s">
        <v>52710</v>
      </c>
      <c r="E790" t="s">
        <v>13</v>
      </c>
      <c r="F790">
        <v>13292</v>
      </c>
      <c r="G790" t="s">
        <v>52731</v>
      </c>
      <c r="H790">
        <v>5.0721976864430003</v>
      </c>
      <c r="I790">
        <v>52.029824016614</v>
      </c>
      <c r="J790" t="s">
        <v>56475</v>
      </c>
    </row>
    <row r="791" spans="1:10" x14ac:dyDescent="0.25">
      <c r="A791" t="s">
        <v>52724</v>
      </c>
      <c r="B791" t="s">
        <v>52725</v>
      </c>
      <c r="C791" t="s">
        <v>52726</v>
      </c>
      <c r="D791" t="s">
        <v>52710</v>
      </c>
      <c r="E791" t="s">
        <v>13</v>
      </c>
      <c r="F791">
        <v>13291</v>
      </c>
      <c r="G791" t="s">
        <v>52727</v>
      </c>
      <c r="H791">
        <v>5.0868642906839998</v>
      </c>
      <c r="I791">
        <v>52.043748206577</v>
      </c>
      <c r="J791" t="s">
        <v>56476</v>
      </c>
    </row>
    <row r="792" spans="1:10" x14ac:dyDescent="0.25">
      <c r="A792" t="s">
        <v>52720</v>
      </c>
      <c r="B792" t="s">
        <v>52721</v>
      </c>
      <c r="C792" t="s">
        <v>52722</v>
      </c>
      <c r="D792" t="s">
        <v>52710</v>
      </c>
      <c r="E792" t="s">
        <v>13</v>
      </c>
      <c r="F792">
        <v>13290</v>
      </c>
      <c r="G792" t="s">
        <v>52723</v>
      </c>
      <c r="H792">
        <v>5.0895398250710002</v>
      </c>
      <c r="I792">
        <v>52.040175387087999</v>
      </c>
      <c r="J792" t="s">
        <v>56477</v>
      </c>
    </row>
    <row r="793" spans="1:10" x14ac:dyDescent="0.25">
      <c r="A793" t="s">
        <v>52716</v>
      </c>
      <c r="B793" t="s">
        <v>52717</v>
      </c>
      <c r="C793" t="s">
        <v>52718</v>
      </c>
      <c r="D793" t="s">
        <v>52710</v>
      </c>
      <c r="E793" t="s">
        <v>13</v>
      </c>
      <c r="F793">
        <v>13289</v>
      </c>
      <c r="G793" t="s">
        <v>52719</v>
      </c>
      <c r="H793">
        <v>5.0798670714679997</v>
      </c>
      <c r="I793">
        <v>52.035122357528998</v>
      </c>
      <c r="J793" t="s">
        <v>56478</v>
      </c>
    </row>
    <row r="794" spans="1:10" x14ac:dyDescent="0.25">
      <c r="A794" t="s">
        <v>52712</v>
      </c>
      <c r="B794" t="s">
        <v>52713</v>
      </c>
      <c r="C794" t="s">
        <v>52714</v>
      </c>
      <c r="D794" t="s">
        <v>52710</v>
      </c>
      <c r="E794" t="s">
        <v>13</v>
      </c>
      <c r="F794">
        <v>13288</v>
      </c>
      <c r="G794" t="s">
        <v>52715</v>
      </c>
      <c r="H794">
        <v>5.0845629263990002</v>
      </c>
      <c r="I794">
        <v>52.032847344643002</v>
      </c>
      <c r="J794" t="s">
        <v>56479</v>
      </c>
    </row>
    <row r="795" spans="1:10" x14ac:dyDescent="0.25">
      <c r="A795" t="s">
        <v>52707</v>
      </c>
      <c r="B795" t="s">
        <v>52708</v>
      </c>
      <c r="C795" t="s">
        <v>52709</v>
      </c>
      <c r="D795" t="s">
        <v>52710</v>
      </c>
      <c r="E795" t="s">
        <v>13</v>
      </c>
      <c r="F795">
        <v>13287</v>
      </c>
      <c r="G795" t="s">
        <v>52711</v>
      </c>
      <c r="H795">
        <v>5.089166023033</v>
      </c>
      <c r="I795">
        <v>52.035171795316998</v>
      </c>
      <c r="J795" t="s">
        <v>56480</v>
      </c>
    </row>
    <row r="796" spans="1:10" x14ac:dyDescent="0.25">
      <c r="A796" t="s">
        <v>52703</v>
      </c>
      <c r="B796" t="s">
        <v>52704</v>
      </c>
      <c r="C796" t="s">
        <v>52705</v>
      </c>
      <c r="D796" t="s">
        <v>52631</v>
      </c>
      <c r="E796" t="s">
        <v>13</v>
      </c>
      <c r="F796">
        <v>13286</v>
      </c>
      <c r="G796" t="s">
        <v>52706</v>
      </c>
      <c r="H796">
        <v>5.2107998207339996</v>
      </c>
      <c r="I796">
        <v>51.931234522163997</v>
      </c>
      <c r="J796" t="s">
        <v>56481</v>
      </c>
    </row>
    <row r="797" spans="1:10" x14ac:dyDescent="0.25">
      <c r="A797" t="s">
        <v>52699</v>
      </c>
      <c r="B797" t="s">
        <v>52700</v>
      </c>
      <c r="C797" t="s">
        <v>52701</v>
      </c>
      <c r="D797" t="s">
        <v>52631</v>
      </c>
      <c r="E797" t="s">
        <v>13</v>
      </c>
      <c r="F797">
        <v>13285</v>
      </c>
      <c r="G797" t="s">
        <v>52702</v>
      </c>
      <c r="H797">
        <v>5.1771129083869996</v>
      </c>
      <c r="I797">
        <v>51.946754061184002</v>
      </c>
      <c r="J797" t="s">
        <v>56482</v>
      </c>
    </row>
    <row r="798" spans="1:10" x14ac:dyDescent="0.25">
      <c r="A798" t="s">
        <v>52695</v>
      </c>
      <c r="B798" t="s">
        <v>52696</v>
      </c>
      <c r="C798" t="s">
        <v>52697</v>
      </c>
      <c r="D798" t="s">
        <v>52631</v>
      </c>
      <c r="E798" t="s">
        <v>13</v>
      </c>
      <c r="F798">
        <v>13284</v>
      </c>
      <c r="G798" t="s">
        <v>52698</v>
      </c>
      <c r="H798">
        <v>5.2134441030719998</v>
      </c>
      <c r="I798">
        <v>51.941398817189999</v>
      </c>
      <c r="J798" t="s">
        <v>56483</v>
      </c>
    </row>
    <row r="799" spans="1:10" x14ac:dyDescent="0.25">
      <c r="A799" t="s">
        <v>52691</v>
      </c>
      <c r="B799" t="s">
        <v>52692</v>
      </c>
      <c r="C799" t="s">
        <v>52693</v>
      </c>
      <c r="D799" t="s">
        <v>52631</v>
      </c>
      <c r="E799" t="s">
        <v>13</v>
      </c>
      <c r="F799">
        <v>13283</v>
      </c>
      <c r="G799" t="s">
        <v>52694</v>
      </c>
      <c r="H799">
        <v>5.1925891394060004</v>
      </c>
      <c r="I799">
        <v>51.946184063217999</v>
      </c>
      <c r="J799" t="s">
        <v>56484</v>
      </c>
    </row>
    <row r="800" spans="1:10" x14ac:dyDescent="0.25">
      <c r="A800" t="s">
        <v>52687</v>
      </c>
      <c r="B800" t="s">
        <v>52688</v>
      </c>
      <c r="C800" t="s">
        <v>52689</v>
      </c>
      <c r="D800" t="s">
        <v>52631</v>
      </c>
      <c r="E800" t="s">
        <v>13</v>
      </c>
      <c r="F800">
        <v>13282</v>
      </c>
      <c r="G800" t="s">
        <v>52690</v>
      </c>
      <c r="H800">
        <v>5.2018642437900002</v>
      </c>
      <c r="I800">
        <v>51.946597774139001</v>
      </c>
      <c r="J800" t="s">
        <v>56485</v>
      </c>
    </row>
    <row r="801" spans="1:10" x14ac:dyDescent="0.25">
      <c r="A801" t="s">
        <v>52683</v>
      </c>
      <c r="B801" t="s">
        <v>52684</v>
      </c>
      <c r="C801" t="s">
        <v>52685</v>
      </c>
      <c r="D801" t="s">
        <v>52631</v>
      </c>
      <c r="E801" t="s">
        <v>13</v>
      </c>
      <c r="F801">
        <v>13281</v>
      </c>
      <c r="G801" t="s">
        <v>52686</v>
      </c>
      <c r="H801">
        <v>5.2114900445399996</v>
      </c>
      <c r="I801">
        <v>51.946657426447999</v>
      </c>
      <c r="J801" t="s">
        <v>56486</v>
      </c>
    </row>
    <row r="802" spans="1:10" x14ac:dyDescent="0.25">
      <c r="A802" t="s">
        <v>52679</v>
      </c>
      <c r="B802" t="s">
        <v>52680</v>
      </c>
      <c r="C802" t="s">
        <v>52681</v>
      </c>
      <c r="D802" t="s">
        <v>52631</v>
      </c>
      <c r="E802" t="s">
        <v>13</v>
      </c>
      <c r="F802">
        <v>13280</v>
      </c>
      <c r="G802" t="s">
        <v>52682</v>
      </c>
      <c r="H802">
        <v>5.2042186843250002</v>
      </c>
      <c r="I802">
        <v>51.952914798786999</v>
      </c>
      <c r="J802" t="s">
        <v>56487</v>
      </c>
    </row>
    <row r="803" spans="1:10" x14ac:dyDescent="0.25">
      <c r="A803" t="s">
        <v>52675</v>
      </c>
      <c r="B803" t="s">
        <v>52676</v>
      </c>
      <c r="C803" t="s">
        <v>52677</v>
      </c>
      <c r="D803" t="s">
        <v>52631</v>
      </c>
      <c r="E803" t="s">
        <v>13</v>
      </c>
      <c r="F803">
        <v>13279</v>
      </c>
      <c r="G803" t="s">
        <v>52678</v>
      </c>
      <c r="H803">
        <v>5.2144375408989996</v>
      </c>
      <c r="I803">
        <v>51.952998402847001</v>
      </c>
      <c r="J803" t="s">
        <v>56488</v>
      </c>
    </row>
    <row r="804" spans="1:10" x14ac:dyDescent="0.25">
      <c r="A804" t="s">
        <v>52671</v>
      </c>
      <c r="B804" t="s">
        <v>52672</v>
      </c>
      <c r="C804" t="s">
        <v>52673</v>
      </c>
      <c r="D804" t="s">
        <v>52631</v>
      </c>
      <c r="E804" t="s">
        <v>13</v>
      </c>
      <c r="F804">
        <v>13278</v>
      </c>
      <c r="G804" t="s">
        <v>52674</v>
      </c>
      <c r="H804">
        <v>5.2206660192329997</v>
      </c>
      <c r="I804">
        <v>51.94916839551</v>
      </c>
      <c r="J804" t="s">
        <v>56489</v>
      </c>
    </row>
    <row r="805" spans="1:10" x14ac:dyDescent="0.25">
      <c r="A805" t="s">
        <v>52667</v>
      </c>
      <c r="B805" t="s">
        <v>52668</v>
      </c>
      <c r="C805" t="s">
        <v>52669</v>
      </c>
      <c r="D805" t="s">
        <v>52631</v>
      </c>
      <c r="E805" t="s">
        <v>13</v>
      </c>
      <c r="F805">
        <v>13277</v>
      </c>
      <c r="G805" t="s">
        <v>52670</v>
      </c>
      <c r="H805">
        <v>5.2451379574869996</v>
      </c>
      <c r="I805">
        <v>51.967335970710003</v>
      </c>
      <c r="J805" t="s">
        <v>56490</v>
      </c>
    </row>
    <row r="806" spans="1:10" x14ac:dyDescent="0.25">
      <c r="A806" t="s">
        <v>52663</v>
      </c>
      <c r="B806" t="s">
        <v>52664</v>
      </c>
      <c r="C806" t="s">
        <v>52665</v>
      </c>
      <c r="D806" t="s">
        <v>52631</v>
      </c>
      <c r="E806" t="s">
        <v>13</v>
      </c>
      <c r="F806">
        <v>13276</v>
      </c>
      <c r="G806" t="s">
        <v>52666</v>
      </c>
      <c r="H806">
        <v>5.2321291117179998</v>
      </c>
      <c r="I806">
        <v>51.947282249228998</v>
      </c>
      <c r="J806" t="s">
        <v>56491</v>
      </c>
    </row>
    <row r="807" spans="1:10" x14ac:dyDescent="0.25">
      <c r="A807" t="s">
        <v>52660</v>
      </c>
      <c r="B807" t="s">
        <v>52661</v>
      </c>
      <c r="C807" t="s">
        <v>21579</v>
      </c>
      <c r="D807" t="s">
        <v>52631</v>
      </c>
      <c r="E807" t="s">
        <v>13</v>
      </c>
      <c r="F807">
        <v>13275</v>
      </c>
      <c r="G807" t="s">
        <v>52662</v>
      </c>
      <c r="H807">
        <v>5.2199325301329997</v>
      </c>
      <c r="I807">
        <v>51.957455411201003</v>
      </c>
      <c r="J807" t="s">
        <v>56492</v>
      </c>
    </row>
    <row r="808" spans="1:10" x14ac:dyDescent="0.25">
      <c r="A808" t="s">
        <v>52656</v>
      </c>
      <c r="B808" t="s">
        <v>52657</v>
      </c>
      <c r="C808" t="s">
        <v>52658</v>
      </c>
      <c r="D808" t="s">
        <v>52631</v>
      </c>
      <c r="E808" t="s">
        <v>13</v>
      </c>
      <c r="F808">
        <v>13274</v>
      </c>
      <c r="G808" t="s">
        <v>52659</v>
      </c>
      <c r="H808">
        <v>5.2507454553580004</v>
      </c>
      <c r="I808">
        <v>51.952644090598</v>
      </c>
      <c r="J808" t="s">
        <v>56493</v>
      </c>
    </row>
    <row r="809" spans="1:10" x14ac:dyDescent="0.25">
      <c r="A809" t="s">
        <v>52652</v>
      </c>
      <c r="B809" t="s">
        <v>52653</v>
      </c>
      <c r="C809" t="s">
        <v>52654</v>
      </c>
      <c r="D809" t="s">
        <v>52631</v>
      </c>
      <c r="E809" t="s">
        <v>13</v>
      </c>
      <c r="F809">
        <v>13273</v>
      </c>
      <c r="G809" t="s">
        <v>52655</v>
      </c>
      <c r="H809">
        <v>5.2458618052709998</v>
      </c>
      <c r="I809">
        <v>51.956100892941002</v>
      </c>
      <c r="J809" t="s">
        <v>56494</v>
      </c>
    </row>
    <row r="810" spans="1:10" x14ac:dyDescent="0.25">
      <c r="A810" t="s">
        <v>52648</v>
      </c>
      <c r="B810" t="s">
        <v>52649</v>
      </c>
      <c r="C810" t="s">
        <v>52650</v>
      </c>
      <c r="D810" t="s">
        <v>52631</v>
      </c>
      <c r="E810" t="s">
        <v>13</v>
      </c>
      <c r="F810">
        <v>13272</v>
      </c>
      <c r="G810" t="s">
        <v>52651</v>
      </c>
      <c r="H810">
        <v>5.2433783329320001</v>
      </c>
      <c r="I810">
        <v>51.949216310110003</v>
      </c>
      <c r="J810" t="s">
        <v>56495</v>
      </c>
    </row>
    <row r="811" spans="1:10" x14ac:dyDescent="0.25">
      <c r="A811" t="s">
        <v>52644</v>
      </c>
      <c r="B811" t="s">
        <v>52645</v>
      </c>
      <c r="C811" t="s">
        <v>52646</v>
      </c>
      <c r="D811" t="s">
        <v>52631</v>
      </c>
      <c r="E811" t="s">
        <v>13</v>
      </c>
      <c r="F811">
        <v>13271</v>
      </c>
      <c r="G811" t="s">
        <v>52647</v>
      </c>
      <c r="H811">
        <v>5.2360408461960004</v>
      </c>
      <c r="I811">
        <v>51.952701110385</v>
      </c>
      <c r="J811" t="s">
        <v>56496</v>
      </c>
    </row>
    <row r="812" spans="1:10" x14ac:dyDescent="0.25">
      <c r="A812" t="s">
        <v>52640</v>
      </c>
      <c r="B812" t="s">
        <v>52641</v>
      </c>
      <c r="C812" t="s">
        <v>52642</v>
      </c>
      <c r="D812" t="s">
        <v>52631</v>
      </c>
      <c r="E812" t="s">
        <v>13</v>
      </c>
      <c r="F812">
        <v>13270</v>
      </c>
      <c r="G812" t="s">
        <v>52643</v>
      </c>
      <c r="H812">
        <v>5.2413855389439998</v>
      </c>
      <c r="I812">
        <v>51.959251666396</v>
      </c>
      <c r="J812" t="s">
        <v>56497</v>
      </c>
    </row>
    <row r="813" spans="1:10" x14ac:dyDescent="0.25">
      <c r="A813" t="s">
        <v>52636</v>
      </c>
      <c r="B813" t="s">
        <v>52637</v>
      </c>
      <c r="C813" t="s">
        <v>52638</v>
      </c>
      <c r="D813" t="s">
        <v>52631</v>
      </c>
      <c r="E813" t="s">
        <v>13</v>
      </c>
      <c r="F813">
        <v>13269</v>
      </c>
      <c r="G813" t="s">
        <v>52639</v>
      </c>
      <c r="H813">
        <v>5.234102344239</v>
      </c>
      <c r="I813">
        <v>51.956725332578998</v>
      </c>
      <c r="J813" t="s">
        <v>56498</v>
      </c>
    </row>
    <row r="814" spans="1:10" x14ac:dyDescent="0.25">
      <c r="A814" t="s">
        <v>52633</v>
      </c>
      <c r="B814" t="s">
        <v>52634</v>
      </c>
      <c r="C814" t="s">
        <v>39999</v>
      </c>
      <c r="D814" t="s">
        <v>52631</v>
      </c>
      <c r="E814" t="s">
        <v>13</v>
      </c>
      <c r="F814">
        <v>13268</v>
      </c>
      <c r="G814" t="s">
        <v>52635</v>
      </c>
      <c r="H814">
        <v>5.2318482502489996</v>
      </c>
      <c r="I814">
        <v>51.961915820965999</v>
      </c>
      <c r="J814" t="s">
        <v>56499</v>
      </c>
    </row>
    <row r="815" spans="1:10" x14ac:dyDescent="0.25">
      <c r="A815" t="s">
        <v>52629</v>
      </c>
      <c r="B815" t="s">
        <v>52630</v>
      </c>
      <c r="C815" t="s">
        <v>2874</v>
      </c>
      <c r="D815" t="s">
        <v>52631</v>
      </c>
      <c r="E815" t="s">
        <v>13</v>
      </c>
      <c r="F815">
        <v>13267</v>
      </c>
      <c r="G815" t="s">
        <v>52632</v>
      </c>
      <c r="H815">
        <v>5.2253373071520004</v>
      </c>
      <c r="I815">
        <v>51.956188225951998</v>
      </c>
      <c r="J815" t="s">
        <v>56500</v>
      </c>
    </row>
    <row r="816" spans="1:10" x14ac:dyDescent="0.25">
      <c r="A816" t="s">
        <v>52625</v>
      </c>
      <c r="B816" t="s">
        <v>52626</v>
      </c>
      <c r="C816" t="s">
        <v>52627</v>
      </c>
      <c r="D816" t="s">
        <v>52459</v>
      </c>
      <c r="E816" t="s">
        <v>13</v>
      </c>
      <c r="F816">
        <v>13266</v>
      </c>
      <c r="G816" t="s">
        <v>52628</v>
      </c>
      <c r="H816">
        <v>4.5406996680739997</v>
      </c>
      <c r="I816">
        <v>52.300030817646999</v>
      </c>
      <c r="J816" t="s">
        <v>56501</v>
      </c>
    </row>
    <row r="817" spans="1:10" x14ac:dyDescent="0.25">
      <c r="A817" t="s">
        <v>52621</v>
      </c>
      <c r="B817" t="s">
        <v>52622</v>
      </c>
      <c r="C817" t="s">
        <v>52623</v>
      </c>
      <c r="D817" t="s">
        <v>52459</v>
      </c>
      <c r="E817" t="s">
        <v>13</v>
      </c>
      <c r="F817">
        <v>13265</v>
      </c>
      <c r="G817" t="s">
        <v>52624</v>
      </c>
      <c r="H817">
        <v>4.5447650702539999</v>
      </c>
      <c r="I817">
        <v>52.303050368933</v>
      </c>
      <c r="J817" t="s">
        <v>56502</v>
      </c>
    </row>
    <row r="818" spans="1:10" x14ac:dyDescent="0.25">
      <c r="A818" t="s">
        <v>52617</v>
      </c>
      <c r="B818" t="s">
        <v>52618</v>
      </c>
      <c r="C818" t="s">
        <v>52619</v>
      </c>
      <c r="D818" t="s">
        <v>52459</v>
      </c>
      <c r="E818" t="s">
        <v>13</v>
      </c>
      <c r="F818">
        <v>13264</v>
      </c>
      <c r="G818" t="s">
        <v>52620</v>
      </c>
      <c r="H818">
        <v>4.4913576161410003</v>
      </c>
      <c r="I818">
        <v>52.275960441224001</v>
      </c>
      <c r="J818" t="s">
        <v>56503</v>
      </c>
    </row>
    <row r="819" spans="1:10" x14ac:dyDescent="0.25">
      <c r="A819" t="s">
        <v>52613</v>
      </c>
      <c r="B819" t="s">
        <v>52614</v>
      </c>
      <c r="C819" t="s">
        <v>52615</v>
      </c>
      <c r="D819" t="s">
        <v>52459</v>
      </c>
      <c r="E819" t="s">
        <v>13</v>
      </c>
      <c r="F819">
        <v>13263</v>
      </c>
      <c r="G819" t="s">
        <v>52616</v>
      </c>
      <c r="H819">
        <v>4.49600089686</v>
      </c>
      <c r="I819">
        <v>52.263230159560003</v>
      </c>
      <c r="J819" t="s">
        <v>56504</v>
      </c>
    </row>
    <row r="820" spans="1:10" x14ac:dyDescent="0.25">
      <c r="A820" t="s">
        <v>52609</v>
      </c>
      <c r="B820" t="s">
        <v>52610</v>
      </c>
      <c r="C820" t="s">
        <v>52611</v>
      </c>
      <c r="D820" t="s">
        <v>52459</v>
      </c>
      <c r="E820" t="s">
        <v>13</v>
      </c>
      <c r="F820">
        <v>13262</v>
      </c>
      <c r="G820" t="s">
        <v>52612</v>
      </c>
      <c r="H820">
        <v>4.5270587824410002</v>
      </c>
      <c r="I820">
        <v>52.287377417210003</v>
      </c>
      <c r="J820" t="s">
        <v>56505</v>
      </c>
    </row>
    <row r="821" spans="1:10" x14ac:dyDescent="0.25">
      <c r="A821" t="s">
        <v>52605</v>
      </c>
      <c r="B821" t="s">
        <v>52606</v>
      </c>
      <c r="C821" t="s">
        <v>52607</v>
      </c>
      <c r="D821" t="s">
        <v>52459</v>
      </c>
      <c r="E821" t="s">
        <v>13</v>
      </c>
      <c r="F821">
        <v>13261</v>
      </c>
      <c r="G821" t="s">
        <v>52608</v>
      </c>
      <c r="H821">
        <v>4.4947240900820002</v>
      </c>
      <c r="I821">
        <v>52.248447462839003</v>
      </c>
      <c r="J821" t="s">
        <v>56506</v>
      </c>
    </row>
    <row r="822" spans="1:10" x14ac:dyDescent="0.25">
      <c r="A822" t="s">
        <v>52601</v>
      </c>
      <c r="B822" t="s">
        <v>52602</v>
      </c>
      <c r="C822" t="s">
        <v>52603</v>
      </c>
      <c r="D822" t="s">
        <v>52459</v>
      </c>
      <c r="E822" t="s">
        <v>13</v>
      </c>
      <c r="F822">
        <v>13260</v>
      </c>
      <c r="G822" t="s">
        <v>52604</v>
      </c>
      <c r="H822">
        <v>4.5025041953420004</v>
      </c>
      <c r="I822">
        <v>52.264387479610001</v>
      </c>
      <c r="J822" t="s">
        <v>56507</v>
      </c>
    </row>
    <row r="823" spans="1:10" x14ac:dyDescent="0.25">
      <c r="A823" t="s">
        <v>52597</v>
      </c>
      <c r="B823" t="s">
        <v>52598</v>
      </c>
      <c r="C823" t="s">
        <v>52599</v>
      </c>
      <c r="D823" t="s">
        <v>52459</v>
      </c>
      <c r="E823" t="s">
        <v>13</v>
      </c>
      <c r="F823">
        <v>13259</v>
      </c>
      <c r="G823" t="s">
        <v>52600</v>
      </c>
      <c r="H823">
        <v>4.4990611504529996</v>
      </c>
      <c r="I823">
        <v>52.259170757584002</v>
      </c>
      <c r="J823" t="s">
        <v>56508</v>
      </c>
    </row>
    <row r="824" spans="1:10" x14ac:dyDescent="0.25">
      <c r="A824" t="s">
        <v>52593</v>
      </c>
      <c r="B824" t="s">
        <v>52594</v>
      </c>
      <c r="C824" t="s">
        <v>52595</v>
      </c>
      <c r="D824" t="s">
        <v>52459</v>
      </c>
      <c r="E824" t="s">
        <v>13</v>
      </c>
      <c r="F824">
        <v>13258</v>
      </c>
      <c r="G824" t="s">
        <v>52596</v>
      </c>
      <c r="H824">
        <v>4.4951338732080002</v>
      </c>
      <c r="I824">
        <v>52.256842748468003</v>
      </c>
      <c r="J824" t="s">
        <v>56509</v>
      </c>
    </row>
    <row r="825" spans="1:10" x14ac:dyDescent="0.25">
      <c r="A825" t="s">
        <v>52589</v>
      </c>
      <c r="B825" t="s">
        <v>52590</v>
      </c>
      <c r="C825" t="s">
        <v>52591</v>
      </c>
      <c r="D825" t="s">
        <v>52459</v>
      </c>
      <c r="E825" t="s">
        <v>13</v>
      </c>
      <c r="F825">
        <v>13257</v>
      </c>
      <c r="G825" t="s">
        <v>52592</v>
      </c>
      <c r="H825">
        <v>4.4909539411279997</v>
      </c>
      <c r="I825">
        <v>52.253996118986997</v>
      </c>
      <c r="J825" t="s">
        <v>56510</v>
      </c>
    </row>
    <row r="826" spans="1:10" x14ac:dyDescent="0.25">
      <c r="A826" t="s">
        <v>52585</v>
      </c>
      <c r="B826" t="s">
        <v>52586</v>
      </c>
      <c r="C826" t="s">
        <v>52587</v>
      </c>
      <c r="D826" t="s">
        <v>52459</v>
      </c>
      <c r="E826" t="s">
        <v>13</v>
      </c>
      <c r="F826">
        <v>13256</v>
      </c>
      <c r="G826" t="s">
        <v>52588</v>
      </c>
      <c r="H826">
        <v>4.4863621005020002</v>
      </c>
      <c r="I826">
        <v>52.250951261955002</v>
      </c>
      <c r="J826" t="s">
        <v>56511</v>
      </c>
    </row>
    <row r="827" spans="1:10" x14ac:dyDescent="0.25">
      <c r="A827" t="s">
        <v>52581</v>
      </c>
      <c r="B827" t="s">
        <v>52582</v>
      </c>
      <c r="C827" t="s">
        <v>52583</v>
      </c>
      <c r="D827" t="s">
        <v>52459</v>
      </c>
      <c r="E827" t="s">
        <v>13</v>
      </c>
      <c r="F827">
        <v>13255</v>
      </c>
      <c r="G827" t="s">
        <v>52584</v>
      </c>
      <c r="H827">
        <v>4.4948003706269999</v>
      </c>
      <c r="I827">
        <v>52.262373633393999</v>
      </c>
      <c r="J827" t="s">
        <v>56512</v>
      </c>
    </row>
    <row r="828" spans="1:10" x14ac:dyDescent="0.25">
      <c r="A828" t="s">
        <v>52578</v>
      </c>
      <c r="B828" t="s">
        <v>52579</v>
      </c>
      <c r="C828" t="s">
        <v>18771</v>
      </c>
      <c r="D828" t="s">
        <v>52459</v>
      </c>
      <c r="E828" t="s">
        <v>13</v>
      </c>
      <c r="F828">
        <v>13254</v>
      </c>
      <c r="G828" t="s">
        <v>52580</v>
      </c>
      <c r="H828">
        <v>4.4899680023280002</v>
      </c>
      <c r="I828">
        <v>52.258825627330999</v>
      </c>
      <c r="J828" t="s">
        <v>56513</v>
      </c>
    </row>
    <row r="829" spans="1:10" x14ac:dyDescent="0.25">
      <c r="A829" t="s">
        <v>52574</v>
      </c>
      <c r="B829" t="s">
        <v>52575</v>
      </c>
      <c r="C829" t="s">
        <v>52576</v>
      </c>
      <c r="D829" t="s">
        <v>52459</v>
      </c>
      <c r="E829" t="s">
        <v>13</v>
      </c>
      <c r="F829">
        <v>13253</v>
      </c>
      <c r="G829" t="s">
        <v>52577</v>
      </c>
      <c r="H829">
        <v>4.4975882128359999</v>
      </c>
      <c r="I829">
        <v>52.267193816514002</v>
      </c>
      <c r="J829" t="s">
        <v>56514</v>
      </c>
    </row>
    <row r="830" spans="1:10" x14ac:dyDescent="0.25">
      <c r="A830" t="s">
        <v>52570</v>
      </c>
      <c r="B830" t="s">
        <v>52571</v>
      </c>
      <c r="C830" t="s">
        <v>52572</v>
      </c>
      <c r="D830" t="s">
        <v>52459</v>
      </c>
      <c r="E830" t="s">
        <v>13</v>
      </c>
      <c r="F830">
        <v>13252</v>
      </c>
      <c r="G830" t="s">
        <v>52573</v>
      </c>
      <c r="H830">
        <v>4.4893299197300003</v>
      </c>
      <c r="I830">
        <v>52.266300212341001</v>
      </c>
      <c r="J830" t="s">
        <v>56515</v>
      </c>
    </row>
    <row r="831" spans="1:10" x14ac:dyDescent="0.25">
      <c r="A831" t="s">
        <v>52566</v>
      </c>
      <c r="B831" t="s">
        <v>52567</v>
      </c>
      <c r="C831" t="s">
        <v>52568</v>
      </c>
      <c r="D831" t="s">
        <v>52459</v>
      </c>
      <c r="E831" t="s">
        <v>13</v>
      </c>
      <c r="F831">
        <v>13251</v>
      </c>
      <c r="G831" t="s">
        <v>52569</v>
      </c>
      <c r="H831">
        <v>4.4847029097100002</v>
      </c>
      <c r="I831">
        <v>52.261940159307997</v>
      </c>
      <c r="J831" t="s">
        <v>56516</v>
      </c>
    </row>
    <row r="832" spans="1:10" x14ac:dyDescent="0.25">
      <c r="A832" t="s">
        <v>52562</v>
      </c>
      <c r="B832" t="s">
        <v>52563</v>
      </c>
      <c r="C832" t="s">
        <v>52564</v>
      </c>
      <c r="D832" t="s">
        <v>52459</v>
      </c>
      <c r="E832" t="s">
        <v>13</v>
      </c>
      <c r="F832">
        <v>13250</v>
      </c>
      <c r="G832" t="s">
        <v>52565</v>
      </c>
      <c r="H832">
        <v>4.4880790746640002</v>
      </c>
      <c r="I832">
        <v>52.277717203578</v>
      </c>
      <c r="J832" t="s">
        <v>56517</v>
      </c>
    </row>
    <row r="833" spans="1:10" x14ac:dyDescent="0.25">
      <c r="A833" t="s">
        <v>52558</v>
      </c>
      <c r="B833" t="s">
        <v>52559</v>
      </c>
      <c r="C833" t="s">
        <v>52560</v>
      </c>
      <c r="D833" t="s">
        <v>52459</v>
      </c>
      <c r="E833" t="s">
        <v>13</v>
      </c>
      <c r="F833">
        <v>13249</v>
      </c>
      <c r="G833" t="s">
        <v>52561</v>
      </c>
      <c r="H833">
        <v>4.4886360779250003</v>
      </c>
      <c r="I833">
        <v>52.293068613705998</v>
      </c>
      <c r="J833" t="s">
        <v>56518</v>
      </c>
    </row>
    <row r="834" spans="1:10" x14ac:dyDescent="0.25">
      <c r="A834" t="s">
        <v>52554</v>
      </c>
      <c r="B834" t="s">
        <v>52555</v>
      </c>
      <c r="C834" t="s">
        <v>52556</v>
      </c>
      <c r="D834" t="s">
        <v>52459</v>
      </c>
      <c r="E834" t="s">
        <v>13</v>
      </c>
      <c r="F834">
        <v>13248</v>
      </c>
      <c r="G834" t="s">
        <v>52557</v>
      </c>
      <c r="H834">
        <v>4.4435093138299999</v>
      </c>
      <c r="I834">
        <v>52.225049397444003</v>
      </c>
      <c r="J834" t="s">
        <v>56519</v>
      </c>
    </row>
    <row r="835" spans="1:10" x14ac:dyDescent="0.25">
      <c r="A835" t="s">
        <v>52550</v>
      </c>
      <c r="B835" t="s">
        <v>52551</v>
      </c>
      <c r="C835" t="s">
        <v>52552</v>
      </c>
      <c r="D835" t="s">
        <v>52459</v>
      </c>
      <c r="E835" t="s">
        <v>13</v>
      </c>
      <c r="F835">
        <v>13247</v>
      </c>
      <c r="G835" t="s">
        <v>52553</v>
      </c>
      <c r="H835">
        <v>4.4417529327920002</v>
      </c>
      <c r="I835">
        <v>52.209808746431001</v>
      </c>
      <c r="J835" t="s">
        <v>56520</v>
      </c>
    </row>
    <row r="836" spans="1:10" x14ac:dyDescent="0.25">
      <c r="A836" t="s">
        <v>52546</v>
      </c>
      <c r="B836" t="s">
        <v>52547</v>
      </c>
      <c r="C836" t="s">
        <v>52548</v>
      </c>
      <c r="D836" t="s">
        <v>52459</v>
      </c>
      <c r="E836" t="s">
        <v>13</v>
      </c>
      <c r="F836">
        <v>13246</v>
      </c>
      <c r="G836" t="s">
        <v>52549</v>
      </c>
      <c r="H836">
        <v>4.4264614415350003</v>
      </c>
      <c r="I836">
        <v>52.216338032952997</v>
      </c>
      <c r="J836" t="s">
        <v>56521</v>
      </c>
    </row>
    <row r="837" spans="1:10" x14ac:dyDescent="0.25">
      <c r="A837" t="s">
        <v>52542</v>
      </c>
      <c r="B837" t="s">
        <v>52543</v>
      </c>
      <c r="C837" t="s">
        <v>52544</v>
      </c>
      <c r="D837" t="s">
        <v>52459</v>
      </c>
      <c r="E837" t="s">
        <v>13</v>
      </c>
      <c r="F837">
        <v>13245</v>
      </c>
      <c r="G837" t="s">
        <v>52545</v>
      </c>
      <c r="H837">
        <v>4.4266315604280004</v>
      </c>
      <c r="I837">
        <v>52.222181562037001</v>
      </c>
      <c r="J837" t="s">
        <v>56522</v>
      </c>
    </row>
    <row r="838" spans="1:10" x14ac:dyDescent="0.25">
      <c r="A838" t="s">
        <v>52538</v>
      </c>
      <c r="B838" t="s">
        <v>52539</v>
      </c>
      <c r="C838" t="s">
        <v>52540</v>
      </c>
      <c r="D838" t="s">
        <v>52459</v>
      </c>
      <c r="E838" t="s">
        <v>13</v>
      </c>
      <c r="F838">
        <v>13244</v>
      </c>
      <c r="G838" t="s">
        <v>52541</v>
      </c>
      <c r="H838">
        <v>4.4577993853609996</v>
      </c>
      <c r="I838">
        <v>52.233569460081</v>
      </c>
      <c r="J838" t="s">
        <v>56523</v>
      </c>
    </row>
    <row r="839" spans="1:10" x14ac:dyDescent="0.25">
      <c r="A839" t="s">
        <v>52534</v>
      </c>
      <c r="B839" t="s">
        <v>52535</v>
      </c>
      <c r="C839" t="s">
        <v>52536</v>
      </c>
      <c r="D839" t="s">
        <v>52459</v>
      </c>
      <c r="E839" t="s">
        <v>13</v>
      </c>
      <c r="F839">
        <v>13243</v>
      </c>
      <c r="G839" t="s">
        <v>52537</v>
      </c>
      <c r="H839">
        <v>4.4518034517230003</v>
      </c>
      <c r="I839">
        <v>52.228535554253</v>
      </c>
      <c r="J839" t="s">
        <v>56524</v>
      </c>
    </row>
    <row r="840" spans="1:10" x14ac:dyDescent="0.25">
      <c r="A840" t="s">
        <v>52530</v>
      </c>
      <c r="B840" t="s">
        <v>52531</v>
      </c>
      <c r="C840" t="s">
        <v>52532</v>
      </c>
      <c r="D840" t="s">
        <v>52459</v>
      </c>
      <c r="E840" t="s">
        <v>13</v>
      </c>
      <c r="F840">
        <v>13242</v>
      </c>
      <c r="G840" t="s">
        <v>52533</v>
      </c>
      <c r="H840">
        <v>4.4570320807229997</v>
      </c>
      <c r="I840">
        <v>52.240600479941001</v>
      </c>
      <c r="J840" t="s">
        <v>56525</v>
      </c>
    </row>
    <row r="841" spans="1:10" x14ac:dyDescent="0.25">
      <c r="A841" t="s">
        <v>52526</v>
      </c>
      <c r="B841" t="s">
        <v>52527</v>
      </c>
      <c r="C841" t="s">
        <v>52528</v>
      </c>
      <c r="D841" t="s">
        <v>52459</v>
      </c>
      <c r="E841" t="s">
        <v>13</v>
      </c>
      <c r="F841">
        <v>13241</v>
      </c>
      <c r="G841" t="s">
        <v>52529</v>
      </c>
      <c r="H841">
        <v>4.451402081556</v>
      </c>
      <c r="I841">
        <v>52.242633130302004</v>
      </c>
      <c r="J841" t="s">
        <v>56526</v>
      </c>
    </row>
    <row r="842" spans="1:10" x14ac:dyDescent="0.25">
      <c r="A842" t="s">
        <v>52522</v>
      </c>
      <c r="B842" t="s">
        <v>52523</v>
      </c>
      <c r="C842" t="s">
        <v>52524</v>
      </c>
      <c r="D842" t="s">
        <v>52459</v>
      </c>
      <c r="E842" t="s">
        <v>13</v>
      </c>
      <c r="F842">
        <v>13240</v>
      </c>
      <c r="G842" t="s">
        <v>52525</v>
      </c>
      <c r="H842">
        <v>4.4528280875100004</v>
      </c>
      <c r="I842">
        <v>52.237210175343002</v>
      </c>
      <c r="J842" t="s">
        <v>56527</v>
      </c>
    </row>
    <row r="843" spans="1:10" x14ac:dyDescent="0.25">
      <c r="A843" t="s">
        <v>52518</v>
      </c>
      <c r="B843" t="s">
        <v>52519</v>
      </c>
      <c r="C843" t="s">
        <v>52520</v>
      </c>
      <c r="D843" t="s">
        <v>52459</v>
      </c>
      <c r="E843" t="s">
        <v>13</v>
      </c>
      <c r="F843">
        <v>13239</v>
      </c>
      <c r="G843" t="s">
        <v>52521</v>
      </c>
      <c r="H843">
        <v>4.4481024816690002</v>
      </c>
      <c r="I843">
        <v>52.237715579911999</v>
      </c>
      <c r="J843" t="s">
        <v>56528</v>
      </c>
    </row>
    <row r="844" spans="1:10" x14ac:dyDescent="0.25">
      <c r="A844" t="s">
        <v>52514</v>
      </c>
      <c r="B844" t="s">
        <v>52515</v>
      </c>
      <c r="C844" t="s">
        <v>52516</v>
      </c>
      <c r="D844" t="s">
        <v>52459</v>
      </c>
      <c r="E844" t="s">
        <v>13</v>
      </c>
      <c r="F844">
        <v>13238</v>
      </c>
      <c r="G844" t="s">
        <v>52517</v>
      </c>
      <c r="H844">
        <v>4.445906035678</v>
      </c>
      <c r="I844">
        <v>52.233469099430998</v>
      </c>
      <c r="J844" t="s">
        <v>56529</v>
      </c>
    </row>
    <row r="845" spans="1:10" x14ac:dyDescent="0.25">
      <c r="A845" t="s">
        <v>52510</v>
      </c>
      <c r="B845" t="s">
        <v>52511</v>
      </c>
      <c r="C845" t="s">
        <v>52512</v>
      </c>
      <c r="D845" t="s">
        <v>52459</v>
      </c>
      <c r="E845" t="s">
        <v>13</v>
      </c>
      <c r="F845">
        <v>13237</v>
      </c>
      <c r="G845" t="s">
        <v>52513</v>
      </c>
      <c r="H845">
        <v>4.4421675978539996</v>
      </c>
      <c r="I845">
        <v>52.231189818977001</v>
      </c>
      <c r="J845" t="s">
        <v>56530</v>
      </c>
    </row>
    <row r="846" spans="1:10" x14ac:dyDescent="0.25">
      <c r="A846" t="s">
        <v>52506</v>
      </c>
      <c r="B846" t="s">
        <v>52507</v>
      </c>
      <c r="C846" t="s">
        <v>52508</v>
      </c>
      <c r="D846" t="s">
        <v>52459</v>
      </c>
      <c r="E846" t="s">
        <v>13</v>
      </c>
      <c r="F846">
        <v>13236</v>
      </c>
      <c r="G846" t="s">
        <v>52509</v>
      </c>
      <c r="H846">
        <v>4.4397230710070001</v>
      </c>
      <c r="I846">
        <v>52.227880701163997</v>
      </c>
      <c r="J846" t="s">
        <v>56531</v>
      </c>
    </row>
    <row r="847" spans="1:10" x14ac:dyDescent="0.25">
      <c r="A847" t="s">
        <v>52502</v>
      </c>
      <c r="B847" t="s">
        <v>52503</v>
      </c>
      <c r="C847" t="s">
        <v>52504</v>
      </c>
      <c r="D847" t="s">
        <v>52459</v>
      </c>
      <c r="E847" t="s">
        <v>13</v>
      </c>
      <c r="F847">
        <v>13235</v>
      </c>
      <c r="G847" t="s">
        <v>52505</v>
      </c>
      <c r="H847">
        <v>4.4375143083950004</v>
      </c>
      <c r="I847">
        <v>52.230902388003003</v>
      </c>
      <c r="J847" t="s">
        <v>56532</v>
      </c>
    </row>
    <row r="848" spans="1:10" x14ac:dyDescent="0.25">
      <c r="A848" t="s">
        <v>52499</v>
      </c>
      <c r="B848" t="s">
        <v>52500</v>
      </c>
      <c r="C848" t="s">
        <v>37746</v>
      </c>
      <c r="D848" t="s">
        <v>52459</v>
      </c>
      <c r="E848" t="s">
        <v>13</v>
      </c>
      <c r="F848">
        <v>13234</v>
      </c>
      <c r="G848" t="s">
        <v>52501</v>
      </c>
      <c r="H848">
        <v>4.4501995455949999</v>
      </c>
      <c r="I848">
        <v>52.245630267924</v>
      </c>
      <c r="J848" t="s">
        <v>56533</v>
      </c>
    </row>
    <row r="849" spans="1:10" x14ac:dyDescent="0.25">
      <c r="A849" t="s">
        <v>52495</v>
      </c>
      <c r="B849" t="s">
        <v>52496</v>
      </c>
      <c r="C849" t="s">
        <v>52497</v>
      </c>
      <c r="D849" t="s">
        <v>52459</v>
      </c>
      <c r="E849" t="s">
        <v>13</v>
      </c>
      <c r="F849">
        <v>13233</v>
      </c>
      <c r="G849" t="s">
        <v>52498</v>
      </c>
      <c r="H849">
        <v>4.4463660033229999</v>
      </c>
      <c r="I849">
        <v>52.245239412174001</v>
      </c>
      <c r="J849" t="s">
        <v>56534</v>
      </c>
    </row>
    <row r="850" spans="1:10" x14ac:dyDescent="0.25">
      <c r="A850" t="s">
        <v>52491</v>
      </c>
      <c r="B850" t="s">
        <v>52492</v>
      </c>
      <c r="C850" t="s">
        <v>52493</v>
      </c>
      <c r="D850" t="s">
        <v>52459</v>
      </c>
      <c r="E850" t="s">
        <v>13</v>
      </c>
      <c r="F850">
        <v>13232</v>
      </c>
      <c r="G850" t="s">
        <v>52494</v>
      </c>
      <c r="H850">
        <v>4.4428439014040002</v>
      </c>
      <c r="I850">
        <v>52.240864173128998</v>
      </c>
      <c r="J850" t="s">
        <v>56535</v>
      </c>
    </row>
    <row r="851" spans="1:10" x14ac:dyDescent="0.25">
      <c r="A851" t="s">
        <v>52487</v>
      </c>
      <c r="B851" t="s">
        <v>52488</v>
      </c>
      <c r="C851" t="s">
        <v>52489</v>
      </c>
      <c r="D851" t="s">
        <v>52459</v>
      </c>
      <c r="E851" t="s">
        <v>13</v>
      </c>
      <c r="F851">
        <v>13231</v>
      </c>
      <c r="G851" t="s">
        <v>52490</v>
      </c>
      <c r="H851">
        <v>4.4390386717719998</v>
      </c>
      <c r="I851">
        <v>52.237580151477999</v>
      </c>
      <c r="J851" t="s">
        <v>56536</v>
      </c>
    </row>
    <row r="852" spans="1:10" x14ac:dyDescent="0.25">
      <c r="A852" t="s">
        <v>52483</v>
      </c>
      <c r="B852" t="s">
        <v>52484</v>
      </c>
      <c r="C852" t="s">
        <v>52485</v>
      </c>
      <c r="D852" t="s">
        <v>52459</v>
      </c>
      <c r="E852" t="s">
        <v>13</v>
      </c>
      <c r="F852">
        <v>13230</v>
      </c>
      <c r="G852" t="s">
        <v>52486</v>
      </c>
      <c r="H852">
        <v>4.4443378855939999</v>
      </c>
      <c r="I852">
        <v>52.248818896307</v>
      </c>
      <c r="J852" t="s">
        <v>56537</v>
      </c>
    </row>
    <row r="853" spans="1:10" x14ac:dyDescent="0.25">
      <c r="A853" t="s">
        <v>52480</v>
      </c>
      <c r="B853" t="s">
        <v>52481</v>
      </c>
      <c r="C853" t="s">
        <v>1296</v>
      </c>
      <c r="D853" t="s">
        <v>52459</v>
      </c>
      <c r="E853" t="s">
        <v>13</v>
      </c>
      <c r="F853">
        <v>13229</v>
      </c>
      <c r="G853" t="s">
        <v>52482</v>
      </c>
      <c r="H853">
        <v>4.4402235200850004</v>
      </c>
      <c r="I853">
        <v>52.25012279469</v>
      </c>
      <c r="J853" t="s">
        <v>56538</v>
      </c>
    </row>
    <row r="854" spans="1:10" x14ac:dyDescent="0.25">
      <c r="A854" t="s">
        <v>52476</v>
      </c>
      <c r="B854" t="s">
        <v>52477</v>
      </c>
      <c r="C854" t="s">
        <v>52478</v>
      </c>
      <c r="D854" t="s">
        <v>52459</v>
      </c>
      <c r="E854" t="s">
        <v>13</v>
      </c>
      <c r="F854">
        <v>13228</v>
      </c>
      <c r="G854" t="s">
        <v>52479</v>
      </c>
      <c r="H854">
        <v>4.4393486332369996</v>
      </c>
      <c r="I854">
        <v>52.247003821794003</v>
      </c>
      <c r="J854" t="s">
        <v>56539</v>
      </c>
    </row>
    <row r="855" spans="1:10" x14ac:dyDescent="0.25">
      <c r="A855" t="s">
        <v>52473</v>
      </c>
      <c r="B855" t="s">
        <v>52474</v>
      </c>
      <c r="C855" t="s">
        <v>1376</v>
      </c>
      <c r="D855" t="s">
        <v>52459</v>
      </c>
      <c r="E855" t="s">
        <v>13</v>
      </c>
      <c r="F855">
        <v>13227</v>
      </c>
      <c r="G855" t="s">
        <v>52475</v>
      </c>
      <c r="H855">
        <v>4.4368019485239998</v>
      </c>
      <c r="I855">
        <v>52.245182497808003</v>
      </c>
      <c r="J855" t="s">
        <v>56540</v>
      </c>
    </row>
    <row r="856" spans="1:10" x14ac:dyDescent="0.25">
      <c r="A856" t="s">
        <v>52469</v>
      </c>
      <c r="B856" t="s">
        <v>52470</v>
      </c>
      <c r="C856" t="s">
        <v>52471</v>
      </c>
      <c r="D856" t="s">
        <v>52459</v>
      </c>
      <c r="E856" t="s">
        <v>13</v>
      </c>
      <c r="F856">
        <v>13226</v>
      </c>
      <c r="G856" t="s">
        <v>52472</v>
      </c>
      <c r="H856">
        <v>4.435351777318</v>
      </c>
      <c r="I856">
        <v>52.240427520558001</v>
      </c>
      <c r="J856" t="s">
        <v>56541</v>
      </c>
    </row>
    <row r="857" spans="1:10" x14ac:dyDescent="0.25">
      <c r="A857" t="s">
        <v>52465</v>
      </c>
      <c r="B857" t="s">
        <v>52466</v>
      </c>
      <c r="C857" t="s">
        <v>52467</v>
      </c>
      <c r="D857" t="s">
        <v>52459</v>
      </c>
      <c r="E857" t="s">
        <v>13</v>
      </c>
      <c r="F857">
        <v>13225</v>
      </c>
      <c r="G857" t="s">
        <v>52468</v>
      </c>
      <c r="H857">
        <v>4.4326278678320001</v>
      </c>
      <c r="I857">
        <v>52.243245564622001</v>
      </c>
      <c r="J857" t="s">
        <v>56542</v>
      </c>
    </row>
    <row r="858" spans="1:10" x14ac:dyDescent="0.25">
      <c r="A858" t="s">
        <v>52461</v>
      </c>
      <c r="B858" t="s">
        <v>52462</v>
      </c>
      <c r="C858" t="s">
        <v>52463</v>
      </c>
      <c r="D858" t="s">
        <v>52459</v>
      </c>
      <c r="E858" t="s">
        <v>13</v>
      </c>
      <c r="F858">
        <v>13224</v>
      </c>
      <c r="G858" t="s">
        <v>52464</v>
      </c>
      <c r="H858">
        <v>4.4326063770250004</v>
      </c>
      <c r="I858">
        <v>52.246647576664998</v>
      </c>
      <c r="J858" t="s">
        <v>56543</v>
      </c>
    </row>
    <row r="859" spans="1:10" x14ac:dyDescent="0.25">
      <c r="A859" t="s">
        <v>52457</v>
      </c>
      <c r="B859" t="s">
        <v>52458</v>
      </c>
      <c r="C859" t="s">
        <v>19330</v>
      </c>
      <c r="D859" t="s">
        <v>52459</v>
      </c>
      <c r="E859" t="s">
        <v>13</v>
      </c>
      <c r="F859">
        <v>13223</v>
      </c>
      <c r="G859" t="s">
        <v>52460</v>
      </c>
      <c r="H859">
        <v>4.4275528695890003</v>
      </c>
      <c r="I859">
        <v>52.236006355863999</v>
      </c>
      <c r="J859" t="s">
        <v>56544</v>
      </c>
    </row>
    <row r="860" spans="1:10" x14ac:dyDescent="0.25">
      <c r="A860" t="s">
        <v>52453</v>
      </c>
      <c r="B860" t="s">
        <v>52454</v>
      </c>
      <c r="C860" t="s">
        <v>52455</v>
      </c>
      <c r="D860" t="s">
        <v>52327</v>
      </c>
      <c r="E860" t="s">
        <v>13</v>
      </c>
      <c r="F860">
        <v>13222</v>
      </c>
      <c r="G860" t="s">
        <v>52456</v>
      </c>
      <c r="H860">
        <v>5.4171961375100004</v>
      </c>
      <c r="I860">
        <v>52.065487685274</v>
      </c>
      <c r="J860" t="s">
        <v>56545</v>
      </c>
    </row>
    <row r="861" spans="1:10" x14ac:dyDescent="0.25">
      <c r="A861" t="s">
        <v>52449</v>
      </c>
      <c r="B861" t="s">
        <v>52450</v>
      </c>
      <c r="C861" t="s">
        <v>52451</v>
      </c>
      <c r="D861" t="s">
        <v>52327</v>
      </c>
      <c r="E861" t="s">
        <v>13</v>
      </c>
      <c r="F861">
        <v>13221</v>
      </c>
      <c r="G861" t="s">
        <v>52452</v>
      </c>
      <c r="H861">
        <v>5.3792203601780004</v>
      </c>
      <c r="I861">
        <v>52.057814025257997</v>
      </c>
      <c r="J861" t="s">
        <v>56546</v>
      </c>
    </row>
    <row r="862" spans="1:10" x14ac:dyDescent="0.25">
      <c r="A862" t="s">
        <v>52445</v>
      </c>
      <c r="B862" t="s">
        <v>52446</v>
      </c>
      <c r="C862" t="s">
        <v>52447</v>
      </c>
      <c r="D862" t="s">
        <v>52327</v>
      </c>
      <c r="E862" t="s">
        <v>13</v>
      </c>
      <c r="F862">
        <v>13220</v>
      </c>
      <c r="G862" t="s">
        <v>52448</v>
      </c>
      <c r="H862">
        <v>5.4174258025090003</v>
      </c>
      <c r="I862">
        <v>52.040592400712001</v>
      </c>
      <c r="J862" t="s">
        <v>56547</v>
      </c>
    </row>
    <row r="863" spans="1:10" x14ac:dyDescent="0.25">
      <c r="A863" t="s">
        <v>52441</v>
      </c>
      <c r="B863" t="s">
        <v>52442</v>
      </c>
      <c r="C863" t="s">
        <v>52443</v>
      </c>
      <c r="D863" t="s">
        <v>52327</v>
      </c>
      <c r="E863" t="s">
        <v>13</v>
      </c>
      <c r="F863">
        <v>13219</v>
      </c>
      <c r="G863" t="s">
        <v>52444</v>
      </c>
      <c r="H863">
        <v>5.4042024714619998</v>
      </c>
      <c r="I863">
        <v>52.05728129813</v>
      </c>
      <c r="J863" t="s">
        <v>56548</v>
      </c>
    </row>
    <row r="864" spans="1:10" x14ac:dyDescent="0.25">
      <c r="A864" t="s">
        <v>52437</v>
      </c>
      <c r="B864" t="s">
        <v>52438</v>
      </c>
      <c r="C864" t="s">
        <v>52439</v>
      </c>
      <c r="D864" t="s">
        <v>52327</v>
      </c>
      <c r="E864" t="s">
        <v>13</v>
      </c>
      <c r="F864">
        <v>13218</v>
      </c>
      <c r="G864" t="s">
        <v>52440</v>
      </c>
      <c r="H864">
        <v>5.3702173863129996</v>
      </c>
      <c r="I864">
        <v>52.064035599584003</v>
      </c>
      <c r="J864" t="s">
        <v>56549</v>
      </c>
    </row>
    <row r="865" spans="1:10" x14ac:dyDescent="0.25">
      <c r="A865" t="s">
        <v>52433</v>
      </c>
      <c r="B865" t="s">
        <v>52434</v>
      </c>
      <c r="C865" t="s">
        <v>52435</v>
      </c>
      <c r="D865" t="s">
        <v>52327</v>
      </c>
      <c r="E865" t="s">
        <v>13</v>
      </c>
      <c r="F865">
        <v>13217</v>
      </c>
      <c r="G865" t="s">
        <v>52436</v>
      </c>
      <c r="H865">
        <v>5.4290248624790003</v>
      </c>
      <c r="I865">
        <v>51.987677440307998</v>
      </c>
      <c r="J865" t="s">
        <v>56550</v>
      </c>
    </row>
    <row r="866" spans="1:10" x14ac:dyDescent="0.25">
      <c r="A866" t="s">
        <v>52429</v>
      </c>
      <c r="B866" t="s">
        <v>52430</v>
      </c>
      <c r="C866" t="s">
        <v>52431</v>
      </c>
      <c r="D866" t="s">
        <v>52327</v>
      </c>
      <c r="E866" t="s">
        <v>13</v>
      </c>
      <c r="F866">
        <v>13216</v>
      </c>
      <c r="G866" t="s">
        <v>52432</v>
      </c>
      <c r="H866">
        <v>5.4855299712949996</v>
      </c>
      <c r="I866">
        <v>52.010278948356003</v>
      </c>
      <c r="J866" t="s">
        <v>56551</v>
      </c>
    </row>
    <row r="867" spans="1:10" x14ac:dyDescent="0.25">
      <c r="A867" t="s">
        <v>52425</v>
      </c>
      <c r="B867" t="s">
        <v>52426</v>
      </c>
      <c r="C867" t="s">
        <v>52427</v>
      </c>
      <c r="D867" t="s">
        <v>52327</v>
      </c>
      <c r="E867" t="s">
        <v>13</v>
      </c>
      <c r="F867">
        <v>13215</v>
      </c>
      <c r="G867" t="s">
        <v>52428</v>
      </c>
      <c r="H867">
        <v>5.5043740348399997</v>
      </c>
      <c r="I867">
        <v>52.038447385204002</v>
      </c>
      <c r="J867" t="s">
        <v>56552</v>
      </c>
    </row>
    <row r="868" spans="1:10" x14ac:dyDescent="0.25">
      <c r="A868" t="s">
        <v>52421</v>
      </c>
      <c r="B868" t="s">
        <v>52422</v>
      </c>
      <c r="C868" t="s">
        <v>52423</v>
      </c>
      <c r="D868" t="s">
        <v>52327</v>
      </c>
      <c r="E868" t="s">
        <v>13</v>
      </c>
      <c r="F868">
        <v>13214</v>
      </c>
      <c r="G868" t="s">
        <v>52424</v>
      </c>
      <c r="H868">
        <v>5.4605443775140001</v>
      </c>
      <c r="I868">
        <v>52.001709762369998</v>
      </c>
      <c r="J868" t="s">
        <v>56553</v>
      </c>
    </row>
    <row r="869" spans="1:10" x14ac:dyDescent="0.25">
      <c r="A869" t="s">
        <v>52417</v>
      </c>
      <c r="B869" t="s">
        <v>52418</v>
      </c>
      <c r="C869" t="s">
        <v>52419</v>
      </c>
      <c r="D869" t="s">
        <v>52327</v>
      </c>
      <c r="E869" t="s">
        <v>13</v>
      </c>
      <c r="F869">
        <v>13213</v>
      </c>
      <c r="G869" t="s">
        <v>52420</v>
      </c>
      <c r="H869">
        <v>5.469716730279</v>
      </c>
      <c r="I869">
        <v>52.043436201228999</v>
      </c>
      <c r="J869" t="s">
        <v>56554</v>
      </c>
    </row>
    <row r="870" spans="1:10" x14ac:dyDescent="0.25">
      <c r="A870" t="s">
        <v>52413</v>
      </c>
      <c r="B870" t="s">
        <v>52414</v>
      </c>
      <c r="C870" t="s">
        <v>52415</v>
      </c>
      <c r="D870" t="s">
        <v>52327</v>
      </c>
      <c r="E870" t="s">
        <v>13</v>
      </c>
      <c r="F870">
        <v>13212</v>
      </c>
      <c r="G870" t="s">
        <v>52416</v>
      </c>
      <c r="H870">
        <v>5.4491279130889998</v>
      </c>
      <c r="I870">
        <v>52.026407635929999</v>
      </c>
      <c r="J870" t="s">
        <v>56555</v>
      </c>
    </row>
    <row r="871" spans="1:10" x14ac:dyDescent="0.25">
      <c r="A871" t="s">
        <v>52409</v>
      </c>
      <c r="B871" t="s">
        <v>52410</v>
      </c>
      <c r="C871" t="s">
        <v>52411</v>
      </c>
      <c r="D871" t="s">
        <v>52327</v>
      </c>
      <c r="E871" t="s">
        <v>13</v>
      </c>
      <c r="F871">
        <v>13211</v>
      </c>
      <c r="G871" t="s">
        <v>52412</v>
      </c>
      <c r="H871">
        <v>5.3993372437370004</v>
      </c>
      <c r="I871">
        <v>52.008592129329003</v>
      </c>
      <c r="J871" t="s">
        <v>56556</v>
      </c>
    </row>
    <row r="872" spans="1:10" x14ac:dyDescent="0.25">
      <c r="A872" t="s">
        <v>52405</v>
      </c>
      <c r="B872" t="s">
        <v>52406</v>
      </c>
      <c r="C872" t="s">
        <v>52407</v>
      </c>
      <c r="D872" t="s">
        <v>52327</v>
      </c>
      <c r="E872" t="s">
        <v>13</v>
      </c>
      <c r="F872">
        <v>13210</v>
      </c>
      <c r="G872" t="s">
        <v>52408</v>
      </c>
      <c r="H872">
        <v>5.4017423777970004</v>
      </c>
      <c r="I872">
        <v>52.024954194278997</v>
      </c>
      <c r="J872" t="s">
        <v>56557</v>
      </c>
    </row>
    <row r="873" spans="1:10" x14ac:dyDescent="0.25">
      <c r="A873" t="s">
        <v>52401</v>
      </c>
      <c r="B873" t="s">
        <v>52402</v>
      </c>
      <c r="C873" t="s">
        <v>52403</v>
      </c>
      <c r="D873" t="s">
        <v>52327</v>
      </c>
      <c r="E873" t="s">
        <v>13</v>
      </c>
      <c r="F873">
        <v>13209</v>
      </c>
      <c r="G873" t="s">
        <v>52404</v>
      </c>
      <c r="H873">
        <v>5.4176286678199999</v>
      </c>
      <c r="I873">
        <v>52.026357306054997</v>
      </c>
      <c r="J873" t="s">
        <v>56558</v>
      </c>
    </row>
    <row r="874" spans="1:10" x14ac:dyDescent="0.25">
      <c r="A874" t="s">
        <v>52397</v>
      </c>
      <c r="B874" t="s">
        <v>52398</v>
      </c>
      <c r="C874" t="s">
        <v>52399</v>
      </c>
      <c r="D874" t="s">
        <v>52327</v>
      </c>
      <c r="E874" t="s">
        <v>13</v>
      </c>
      <c r="F874">
        <v>13208</v>
      </c>
      <c r="G874" t="s">
        <v>52400</v>
      </c>
      <c r="H874">
        <v>5.4293837080699996</v>
      </c>
      <c r="I874">
        <v>52.013442180350999</v>
      </c>
      <c r="J874" t="s">
        <v>56559</v>
      </c>
    </row>
    <row r="875" spans="1:10" x14ac:dyDescent="0.25">
      <c r="A875" t="s">
        <v>52393</v>
      </c>
      <c r="B875" t="s">
        <v>52394</v>
      </c>
      <c r="C875" t="s">
        <v>52395</v>
      </c>
      <c r="D875" t="s">
        <v>52327</v>
      </c>
      <c r="E875" t="s">
        <v>13</v>
      </c>
      <c r="F875">
        <v>13207</v>
      </c>
      <c r="G875" t="s">
        <v>52396</v>
      </c>
      <c r="H875">
        <v>5.2935642567099999</v>
      </c>
      <c r="I875">
        <v>52.044462648341998</v>
      </c>
      <c r="J875" t="s">
        <v>56560</v>
      </c>
    </row>
    <row r="876" spans="1:10" x14ac:dyDescent="0.25">
      <c r="A876" t="s">
        <v>52389</v>
      </c>
      <c r="B876" t="s">
        <v>52390</v>
      </c>
      <c r="C876" t="s">
        <v>52391</v>
      </c>
      <c r="D876" t="s">
        <v>52327</v>
      </c>
      <c r="E876" t="s">
        <v>13</v>
      </c>
      <c r="F876">
        <v>13206</v>
      </c>
      <c r="G876" t="s">
        <v>52392</v>
      </c>
      <c r="H876">
        <v>5.2906764216079996</v>
      </c>
      <c r="I876">
        <v>52.048922233581003</v>
      </c>
      <c r="J876" t="s">
        <v>56561</v>
      </c>
    </row>
    <row r="877" spans="1:10" x14ac:dyDescent="0.25">
      <c r="A877" t="s">
        <v>52385</v>
      </c>
      <c r="B877" t="s">
        <v>52386</v>
      </c>
      <c r="C877" t="s">
        <v>52387</v>
      </c>
      <c r="D877" t="s">
        <v>52327</v>
      </c>
      <c r="E877" t="s">
        <v>13</v>
      </c>
      <c r="F877">
        <v>13205</v>
      </c>
      <c r="G877" t="s">
        <v>52388</v>
      </c>
      <c r="H877">
        <v>5.2752432948279999</v>
      </c>
      <c r="I877">
        <v>52.048335053328998</v>
      </c>
      <c r="J877" t="s">
        <v>56562</v>
      </c>
    </row>
    <row r="878" spans="1:10" x14ac:dyDescent="0.25">
      <c r="A878" t="s">
        <v>52381</v>
      </c>
      <c r="B878" t="s">
        <v>52382</v>
      </c>
      <c r="C878" t="s">
        <v>52383</v>
      </c>
      <c r="D878" t="s">
        <v>52327</v>
      </c>
      <c r="E878" t="s">
        <v>13</v>
      </c>
      <c r="F878">
        <v>13204</v>
      </c>
      <c r="G878" t="s">
        <v>52384</v>
      </c>
      <c r="H878">
        <v>5.2643814697210001</v>
      </c>
      <c r="I878">
        <v>52.054509045480003</v>
      </c>
      <c r="J878" t="s">
        <v>56563</v>
      </c>
    </row>
    <row r="879" spans="1:10" x14ac:dyDescent="0.25">
      <c r="A879" t="s">
        <v>52377</v>
      </c>
      <c r="B879" t="s">
        <v>52378</v>
      </c>
      <c r="C879" t="s">
        <v>52379</v>
      </c>
      <c r="D879" t="s">
        <v>52327</v>
      </c>
      <c r="E879" t="s">
        <v>13</v>
      </c>
      <c r="F879">
        <v>13203</v>
      </c>
      <c r="G879" t="s">
        <v>52380</v>
      </c>
      <c r="H879">
        <v>5.2868238323370003</v>
      </c>
      <c r="I879">
        <v>52.055762452605002</v>
      </c>
      <c r="J879" t="s">
        <v>56564</v>
      </c>
    </row>
    <row r="880" spans="1:10" x14ac:dyDescent="0.25">
      <c r="A880" t="s">
        <v>52373</v>
      </c>
      <c r="B880" t="s">
        <v>52374</v>
      </c>
      <c r="C880" t="s">
        <v>52375</v>
      </c>
      <c r="D880" t="s">
        <v>52327</v>
      </c>
      <c r="E880" t="s">
        <v>13</v>
      </c>
      <c r="F880">
        <v>13202</v>
      </c>
      <c r="G880" t="s">
        <v>52376</v>
      </c>
      <c r="H880">
        <v>5.2733582383990001</v>
      </c>
      <c r="I880">
        <v>52.060827180094002</v>
      </c>
      <c r="J880" t="s">
        <v>56565</v>
      </c>
    </row>
    <row r="881" spans="1:10" x14ac:dyDescent="0.25">
      <c r="A881" t="s">
        <v>52369</v>
      </c>
      <c r="B881" t="s">
        <v>52370</v>
      </c>
      <c r="C881" t="s">
        <v>52371</v>
      </c>
      <c r="D881" t="s">
        <v>52327</v>
      </c>
      <c r="E881" t="s">
        <v>13</v>
      </c>
      <c r="F881">
        <v>13201</v>
      </c>
      <c r="G881" t="s">
        <v>52372</v>
      </c>
      <c r="H881">
        <v>5.2643316928569996</v>
      </c>
      <c r="I881">
        <v>52.064664007807998</v>
      </c>
      <c r="J881" t="s">
        <v>56566</v>
      </c>
    </row>
    <row r="882" spans="1:10" x14ac:dyDescent="0.25">
      <c r="A882" t="s">
        <v>52365</v>
      </c>
      <c r="B882" t="s">
        <v>52366</v>
      </c>
      <c r="C882" t="s">
        <v>52367</v>
      </c>
      <c r="D882" t="s">
        <v>52327</v>
      </c>
      <c r="E882" t="s">
        <v>13</v>
      </c>
      <c r="F882">
        <v>13200</v>
      </c>
      <c r="G882" t="s">
        <v>52368</v>
      </c>
      <c r="H882">
        <v>5.2977167623100003</v>
      </c>
      <c r="I882">
        <v>52.060973331146997</v>
      </c>
      <c r="J882" t="s">
        <v>56567</v>
      </c>
    </row>
    <row r="883" spans="1:10" x14ac:dyDescent="0.25">
      <c r="A883" t="s">
        <v>52361</v>
      </c>
      <c r="B883" t="s">
        <v>52362</v>
      </c>
      <c r="C883" t="s">
        <v>52363</v>
      </c>
      <c r="D883" t="s">
        <v>52327</v>
      </c>
      <c r="E883" t="s">
        <v>13</v>
      </c>
      <c r="F883">
        <v>13199</v>
      </c>
      <c r="G883" t="s">
        <v>52364</v>
      </c>
      <c r="H883">
        <v>5.2779788242330001</v>
      </c>
      <c r="I883">
        <v>52.031111201830001</v>
      </c>
      <c r="J883" t="s">
        <v>56568</v>
      </c>
    </row>
    <row r="884" spans="1:10" x14ac:dyDescent="0.25">
      <c r="A884" t="s">
        <v>52357</v>
      </c>
      <c r="B884" t="s">
        <v>52358</v>
      </c>
      <c r="C884" t="s">
        <v>52359</v>
      </c>
      <c r="D884" t="s">
        <v>52327</v>
      </c>
      <c r="E884" t="s">
        <v>13</v>
      </c>
      <c r="F884">
        <v>13198</v>
      </c>
      <c r="G884" t="s">
        <v>52360</v>
      </c>
      <c r="H884">
        <v>5.3019346855030003</v>
      </c>
      <c r="I884">
        <v>52.071537350261003</v>
      </c>
      <c r="J884" t="s">
        <v>56569</v>
      </c>
    </row>
    <row r="885" spans="1:10" x14ac:dyDescent="0.25">
      <c r="A885" t="s">
        <v>52353</v>
      </c>
      <c r="B885" t="s">
        <v>52354</v>
      </c>
      <c r="C885" t="s">
        <v>52355</v>
      </c>
      <c r="D885" t="s">
        <v>52327</v>
      </c>
      <c r="E885" t="s">
        <v>13</v>
      </c>
      <c r="F885">
        <v>13197</v>
      </c>
      <c r="G885" t="s">
        <v>52356</v>
      </c>
      <c r="H885">
        <v>5.3499076831619998</v>
      </c>
      <c r="I885">
        <v>52.023980104324998</v>
      </c>
      <c r="J885" t="s">
        <v>56570</v>
      </c>
    </row>
    <row r="886" spans="1:10" x14ac:dyDescent="0.25">
      <c r="A886" t="s">
        <v>52349</v>
      </c>
      <c r="B886" t="s">
        <v>52350</v>
      </c>
      <c r="C886" t="s">
        <v>52351</v>
      </c>
      <c r="D886" t="s">
        <v>52327</v>
      </c>
      <c r="E886" t="s">
        <v>13</v>
      </c>
      <c r="F886">
        <v>13196</v>
      </c>
      <c r="G886" t="s">
        <v>52352</v>
      </c>
      <c r="H886">
        <v>5.3243772207779996</v>
      </c>
      <c r="I886">
        <v>52.052355491641997</v>
      </c>
      <c r="J886" t="s">
        <v>56571</v>
      </c>
    </row>
    <row r="887" spans="1:10" x14ac:dyDescent="0.25">
      <c r="A887" t="s">
        <v>52345</v>
      </c>
      <c r="B887" t="s">
        <v>52346</v>
      </c>
      <c r="C887" t="s">
        <v>52347</v>
      </c>
      <c r="D887" t="s">
        <v>52327</v>
      </c>
      <c r="E887" t="s">
        <v>13</v>
      </c>
      <c r="F887">
        <v>13195</v>
      </c>
      <c r="G887" t="s">
        <v>52348</v>
      </c>
      <c r="H887">
        <v>5.3689746236109999</v>
      </c>
      <c r="I887">
        <v>52.037840463138998</v>
      </c>
      <c r="J887" t="s">
        <v>56572</v>
      </c>
    </row>
    <row r="888" spans="1:10" x14ac:dyDescent="0.25">
      <c r="A888" t="s">
        <v>52341</v>
      </c>
      <c r="B888" t="s">
        <v>52342</v>
      </c>
      <c r="C888" t="s">
        <v>52343</v>
      </c>
      <c r="D888" t="s">
        <v>52327</v>
      </c>
      <c r="E888" t="s">
        <v>13</v>
      </c>
      <c r="F888">
        <v>13194</v>
      </c>
      <c r="G888" t="s">
        <v>52344</v>
      </c>
      <c r="H888">
        <v>5.3475857792210002</v>
      </c>
      <c r="I888">
        <v>52.027675513561</v>
      </c>
      <c r="J888" t="s">
        <v>56573</v>
      </c>
    </row>
    <row r="889" spans="1:10" x14ac:dyDescent="0.25">
      <c r="A889" t="s">
        <v>52337</v>
      </c>
      <c r="B889" t="s">
        <v>52338</v>
      </c>
      <c r="C889" t="s">
        <v>52339</v>
      </c>
      <c r="D889" t="s">
        <v>52327</v>
      </c>
      <c r="E889" t="s">
        <v>13</v>
      </c>
      <c r="F889">
        <v>13193</v>
      </c>
      <c r="G889" t="s">
        <v>52340</v>
      </c>
      <c r="H889">
        <v>5.3351954856469996</v>
      </c>
      <c r="I889">
        <v>52.032489524691002</v>
      </c>
      <c r="J889" t="s">
        <v>56574</v>
      </c>
    </row>
    <row r="890" spans="1:10" x14ac:dyDescent="0.25">
      <c r="A890" t="s">
        <v>52333</v>
      </c>
      <c r="B890" t="s">
        <v>52334</v>
      </c>
      <c r="C890" t="s">
        <v>52335</v>
      </c>
      <c r="D890" t="s">
        <v>52327</v>
      </c>
      <c r="E890" t="s">
        <v>13</v>
      </c>
      <c r="F890">
        <v>13192</v>
      </c>
      <c r="G890" t="s">
        <v>52336</v>
      </c>
      <c r="H890">
        <v>5.3339435315110002</v>
      </c>
      <c r="I890">
        <v>52.043399595529003</v>
      </c>
      <c r="J890" t="s">
        <v>56575</v>
      </c>
    </row>
    <row r="891" spans="1:10" x14ac:dyDescent="0.25">
      <c r="A891" t="s">
        <v>52329</v>
      </c>
      <c r="B891" t="s">
        <v>52330</v>
      </c>
      <c r="C891" t="s">
        <v>52331</v>
      </c>
      <c r="D891" t="s">
        <v>52327</v>
      </c>
      <c r="E891" t="s">
        <v>13</v>
      </c>
      <c r="F891">
        <v>13191</v>
      </c>
      <c r="G891" t="s">
        <v>52332</v>
      </c>
      <c r="H891">
        <v>5.3028300981090002</v>
      </c>
      <c r="I891">
        <v>52.036760841476998</v>
      </c>
      <c r="J891" t="s">
        <v>56576</v>
      </c>
    </row>
    <row r="892" spans="1:10" x14ac:dyDescent="0.25">
      <c r="A892" t="s">
        <v>52324</v>
      </c>
      <c r="B892" t="s">
        <v>52325</v>
      </c>
      <c r="C892" t="s">
        <v>52326</v>
      </c>
      <c r="D892" t="s">
        <v>52327</v>
      </c>
      <c r="E892" t="s">
        <v>13</v>
      </c>
      <c r="F892">
        <v>13190</v>
      </c>
      <c r="G892" t="s">
        <v>52328</v>
      </c>
      <c r="H892">
        <v>5.3449102792999996</v>
      </c>
      <c r="I892">
        <v>52.038622648632</v>
      </c>
      <c r="J892" t="s">
        <v>56577</v>
      </c>
    </row>
    <row r="893" spans="1:10" x14ac:dyDescent="0.25">
      <c r="A893" t="s">
        <v>52320</v>
      </c>
      <c r="B893" t="s">
        <v>52321</v>
      </c>
      <c r="C893" t="s">
        <v>52322</v>
      </c>
      <c r="D893" t="s">
        <v>52182</v>
      </c>
      <c r="E893" t="s">
        <v>13</v>
      </c>
      <c r="F893">
        <v>13189</v>
      </c>
      <c r="G893" t="s">
        <v>52323</v>
      </c>
      <c r="H893">
        <v>5.5258694007700004</v>
      </c>
      <c r="I893">
        <v>52.017588257169997</v>
      </c>
      <c r="J893" t="s">
        <v>56578</v>
      </c>
    </row>
    <row r="894" spans="1:10" x14ac:dyDescent="0.25">
      <c r="A894" t="s">
        <v>52317</v>
      </c>
      <c r="B894" t="s">
        <v>52318</v>
      </c>
      <c r="C894" t="s">
        <v>23025</v>
      </c>
      <c r="D894" t="s">
        <v>52182</v>
      </c>
      <c r="E894" t="s">
        <v>13</v>
      </c>
      <c r="F894">
        <v>13188</v>
      </c>
      <c r="G894" t="s">
        <v>52319</v>
      </c>
      <c r="H894">
        <v>5.5496417143430001</v>
      </c>
      <c r="I894">
        <v>52.045860135383997</v>
      </c>
      <c r="J894" t="s">
        <v>56579</v>
      </c>
    </row>
    <row r="895" spans="1:10" x14ac:dyDescent="0.25">
      <c r="A895" t="s">
        <v>52313</v>
      </c>
      <c r="B895" t="s">
        <v>52314</v>
      </c>
      <c r="C895" t="s">
        <v>52315</v>
      </c>
      <c r="D895" t="s">
        <v>52182</v>
      </c>
      <c r="E895" t="s">
        <v>13</v>
      </c>
      <c r="F895">
        <v>13187</v>
      </c>
      <c r="G895" t="s">
        <v>52316</v>
      </c>
      <c r="H895">
        <v>5.5436426238800003</v>
      </c>
      <c r="I895">
        <v>52.040054684655999</v>
      </c>
      <c r="J895" t="s">
        <v>56580</v>
      </c>
    </row>
    <row r="896" spans="1:10" x14ac:dyDescent="0.25">
      <c r="A896" t="s">
        <v>52310</v>
      </c>
      <c r="B896" t="s">
        <v>52311</v>
      </c>
      <c r="C896" t="s">
        <v>20368</v>
      </c>
      <c r="D896" t="s">
        <v>52182</v>
      </c>
      <c r="E896" t="s">
        <v>13</v>
      </c>
      <c r="F896">
        <v>13186</v>
      </c>
      <c r="G896" t="s">
        <v>52312</v>
      </c>
      <c r="H896">
        <v>5.5252280311069999</v>
      </c>
      <c r="I896">
        <v>52.026057793795999</v>
      </c>
      <c r="J896" t="s">
        <v>56581</v>
      </c>
    </row>
    <row r="897" spans="1:10" x14ac:dyDescent="0.25">
      <c r="A897" t="s">
        <v>52307</v>
      </c>
      <c r="B897" t="s">
        <v>52308</v>
      </c>
      <c r="C897" t="s">
        <v>18723</v>
      </c>
      <c r="D897" t="s">
        <v>52182</v>
      </c>
      <c r="E897" t="s">
        <v>13</v>
      </c>
      <c r="F897">
        <v>13185</v>
      </c>
      <c r="G897" t="s">
        <v>52309</v>
      </c>
      <c r="H897">
        <v>5.5338565867270004</v>
      </c>
      <c r="I897">
        <v>52.022766307662998</v>
      </c>
      <c r="J897" t="s">
        <v>56582</v>
      </c>
    </row>
    <row r="898" spans="1:10" x14ac:dyDescent="0.25">
      <c r="A898" t="s">
        <v>52304</v>
      </c>
      <c r="B898" t="s">
        <v>52305</v>
      </c>
      <c r="C898" t="s">
        <v>37</v>
      </c>
      <c r="D898" t="s">
        <v>52182</v>
      </c>
      <c r="E898" t="s">
        <v>13</v>
      </c>
      <c r="F898">
        <v>13184</v>
      </c>
      <c r="G898" t="s">
        <v>52306</v>
      </c>
      <c r="H898">
        <v>5.5326557868500004</v>
      </c>
      <c r="I898">
        <v>52.030220617984</v>
      </c>
      <c r="J898" t="s">
        <v>56583</v>
      </c>
    </row>
    <row r="899" spans="1:10" x14ac:dyDescent="0.25">
      <c r="A899" t="s">
        <v>52301</v>
      </c>
      <c r="B899" t="s">
        <v>52302</v>
      </c>
      <c r="C899" t="s">
        <v>17501</v>
      </c>
      <c r="D899" t="s">
        <v>52182</v>
      </c>
      <c r="E899" t="s">
        <v>13</v>
      </c>
      <c r="F899">
        <v>13183</v>
      </c>
      <c r="G899" t="s">
        <v>52303</v>
      </c>
      <c r="H899">
        <v>5.5317751358680001</v>
      </c>
      <c r="I899">
        <v>52.035932606225998</v>
      </c>
      <c r="J899" t="s">
        <v>56584</v>
      </c>
    </row>
    <row r="900" spans="1:10" x14ac:dyDescent="0.25">
      <c r="A900" t="s">
        <v>52297</v>
      </c>
      <c r="B900" t="s">
        <v>52298</v>
      </c>
      <c r="C900" t="s">
        <v>52299</v>
      </c>
      <c r="D900" t="s">
        <v>52182</v>
      </c>
      <c r="E900" t="s">
        <v>13</v>
      </c>
      <c r="F900">
        <v>13182</v>
      </c>
      <c r="G900" t="s">
        <v>52300</v>
      </c>
      <c r="H900">
        <v>5.540832315846</v>
      </c>
      <c r="I900">
        <v>52.034081457324</v>
      </c>
      <c r="J900" t="s">
        <v>56585</v>
      </c>
    </row>
    <row r="901" spans="1:10" x14ac:dyDescent="0.25">
      <c r="A901" t="s">
        <v>52293</v>
      </c>
      <c r="B901" t="s">
        <v>52294</v>
      </c>
      <c r="C901" t="s">
        <v>52295</v>
      </c>
      <c r="D901" t="s">
        <v>52182</v>
      </c>
      <c r="E901" t="s">
        <v>13</v>
      </c>
      <c r="F901">
        <v>13181</v>
      </c>
      <c r="G901" t="s">
        <v>52296</v>
      </c>
      <c r="H901">
        <v>5.5632985710470004</v>
      </c>
      <c r="I901">
        <v>52.045055442433998</v>
      </c>
      <c r="J901" t="s">
        <v>56586</v>
      </c>
    </row>
    <row r="902" spans="1:10" x14ac:dyDescent="0.25">
      <c r="A902" t="s">
        <v>52289</v>
      </c>
      <c r="B902" t="s">
        <v>52290</v>
      </c>
      <c r="C902" t="s">
        <v>52291</v>
      </c>
      <c r="D902" t="s">
        <v>52182</v>
      </c>
      <c r="E902" t="s">
        <v>13</v>
      </c>
      <c r="F902">
        <v>13180</v>
      </c>
      <c r="G902" t="s">
        <v>52292</v>
      </c>
      <c r="H902">
        <v>5.5607911178159997</v>
      </c>
      <c r="I902">
        <v>52.039899585968001</v>
      </c>
      <c r="J902" t="s">
        <v>56587</v>
      </c>
    </row>
    <row r="903" spans="1:10" x14ac:dyDescent="0.25">
      <c r="A903" t="s">
        <v>52285</v>
      </c>
      <c r="B903" t="s">
        <v>52286</v>
      </c>
      <c r="C903" t="s">
        <v>52287</v>
      </c>
      <c r="D903" t="s">
        <v>52182</v>
      </c>
      <c r="E903" t="s">
        <v>13</v>
      </c>
      <c r="F903">
        <v>13179</v>
      </c>
      <c r="G903" t="s">
        <v>52288</v>
      </c>
      <c r="H903">
        <v>5.5589957692469998</v>
      </c>
      <c r="I903">
        <v>52.036609896668999</v>
      </c>
      <c r="J903" t="s">
        <v>56588</v>
      </c>
    </row>
    <row r="904" spans="1:10" x14ac:dyDescent="0.25">
      <c r="A904" t="s">
        <v>52282</v>
      </c>
      <c r="B904" t="s">
        <v>52283</v>
      </c>
      <c r="C904" t="s">
        <v>34468</v>
      </c>
      <c r="D904" t="s">
        <v>52182</v>
      </c>
      <c r="E904" t="s">
        <v>13</v>
      </c>
      <c r="F904">
        <v>13178</v>
      </c>
      <c r="G904" t="s">
        <v>52284</v>
      </c>
      <c r="H904">
        <v>5.5581548468569997</v>
      </c>
      <c r="I904">
        <v>52.033316902993</v>
      </c>
      <c r="J904" t="s">
        <v>56589</v>
      </c>
    </row>
    <row r="905" spans="1:10" x14ac:dyDescent="0.25">
      <c r="A905" t="s">
        <v>52278</v>
      </c>
      <c r="B905" t="s">
        <v>52279</v>
      </c>
      <c r="C905" t="s">
        <v>52280</v>
      </c>
      <c r="D905" t="s">
        <v>52182</v>
      </c>
      <c r="E905" t="s">
        <v>13</v>
      </c>
      <c r="F905">
        <v>13177</v>
      </c>
      <c r="G905" t="s">
        <v>52281</v>
      </c>
      <c r="H905">
        <v>5.5495625285179999</v>
      </c>
      <c r="I905">
        <v>52.033786083179002</v>
      </c>
      <c r="J905" t="s">
        <v>56590</v>
      </c>
    </row>
    <row r="906" spans="1:10" x14ac:dyDescent="0.25">
      <c r="A906" t="s">
        <v>52274</v>
      </c>
      <c r="B906" t="s">
        <v>52275</v>
      </c>
      <c r="C906" t="s">
        <v>52276</v>
      </c>
      <c r="D906" t="s">
        <v>52182</v>
      </c>
      <c r="E906" t="s">
        <v>13</v>
      </c>
      <c r="F906">
        <v>13176</v>
      </c>
      <c r="G906" t="s">
        <v>52277</v>
      </c>
      <c r="H906">
        <v>5.5470843620409997</v>
      </c>
      <c r="I906">
        <v>52.027841680400002</v>
      </c>
      <c r="J906" t="s">
        <v>56591</v>
      </c>
    </row>
    <row r="907" spans="1:10" x14ac:dyDescent="0.25">
      <c r="A907" t="s">
        <v>52270</v>
      </c>
      <c r="B907" t="s">
        <v>52271</v>
      </c>
      <c r="C907" t="s">
        <v>52272</v>
      </c>
      <c r="D907" t="s">
        <v>52182</v>
      </c>
      <c r="E907" t="s">
        <v>13</v>
      </c>
      <c r="F907">
        <v>13175</v>
      </c>
      <c r="G907" t="s">
        <v>52273</v>
      </c>
      <c r="H907">
        <v>5.5393906694290003</v>
      </c>
      <c r="I907">
        <v>52.010743247716</v>
      </c>
      <c r="J907" t="s">
        <v>56592</v>
      </c>
    </row>
    <row r="908" spans="1:10" x14ac:dyDescent="0.25">
      <c r="A908" t="s">
        <v>52266</v>
      </c>
      <c r="B908" t="s">
        <v>52267</v>
      </c>
      <c r="C908" t="s">
        <v>52268</v>
      </c>
      <c r="D908" t="s">
        <v>52182</v>
      </c>
      <c r="E908" t="s">
        <v>13</v>
      </c>
      <c r="F908">
        <v>13174</v>
      </c>
      <c r="G908" t="s">
        <v>52269</v>
      </c>
      <c r="H908">
        <v>5.5425175923039998</v>
      </c>
      <c r="I908">
        <v>52.018399065254002</v>
      </c>
      <c r="J908" t="s">
        <v>56593</v>
      </c>
    </row>
    <row r="909" spans="1:10" x14ac:dyDescent="0.25">
      <c r="A909" t="s">
        <v>52262</v>
      </c>
      <c r="B909" t="s">
        <v>52263</v>
      </c>
      <c r="C909" t="s">
        <v>52264</v>
      </c>
      <c r="D909" t="s">
        <v>52182</v>
      </c>
      <c r="E909" t="s">
        <v>13</v>
      </c>
      <c r="F909">
        <v>13173</v>
      </c>
      <c r="G909" t="s">
        <v>52265</v>
      </c>
      <c r="H909">
        <v>5.5467411280769996</v>
      </c>
      <c r="I909">
        <v>52.023844808688999</v>
      </c>
      <c r="J909" t="s">
        <v>56594</v>
      </c>
    </row>
    <row r="910" spans="1:10" x14ac:dyDescent="0.25">
      <c r="A910" t="s">
        <v>52259</v>
      </c>
      <c r="B910" t="s">
        <v>52260</v>
      </c>
      <c r="C910" t="s">
        <v>47066</v>
      </c>
      <c r="D910" t="s">
        <v>52182</v>
      </c>
      <c r="E910" t="s">
        <v>13</v>
      </c>
      <c r="F910">
        <v>13172</v>
      </c>
      <c r="G910" t="s">
        <v>52261</v>
      </c>
      <c r="H910">
        <v>5.5646893227570002</v>
      </c>
      <c r="I910">
        <v>52.001900707335999</v>
      </c>
      <c r="J910" t="s">
        <v>56595</v>
      </c>
    </row>
    <row r="911" spans="1:10" x14ac:dyDescent="0.25">
      <c r="A911" t="s">
        <v>52255</v>
      </c>
      <c r="B911" t="s">
        <v>52256</v>
      </c>
      <c r="C911" t="s">
        <v>52257</v>
      </c>
      <c r="D911" t="s">
        <v>52182</v>
      </c>
      <c r="E911" t="s">
        <v>13</v>
      </c>
      <c r="F911">
        <v>13171</v>
      </c>
      <c r="G911" t="s">
        <v>52258</v>
      </c>
      <c r="H911">
        <v>5.5785228756049996</v>
      </c>
      <c r="I911">
        <v>52.011924817668998</v>
      </c>
      <c r="J911" t="s">
        <v>56596</v>
      </c>
    </row>
    <row r="912" spans="1:10" x14ac:dyDescent="0.25">
      <c r="A912" t="s">
        <v>52251</v>
      </c>
      <c r="B912" t="s">
        <v>52252</v>
      </c>
      <c r="C912" t="s">
        <v>52253</v>
      </c>
      <c r="D912" t="s">
        <v>52182</v>
      </c>
      <c r="E912" t="s">
        <v>13</v>
      </c>
      <c r="F912">
        <v>13170</v>
      </c>
      <c r="G912" t="s">
        <v>52254</v>
      </c>
      <c r="H912">
        <v>5.5681776116829997</v>
      </c>
      <c r="I912">
        <v>52.017710481694998</v>
      </c>
      <c r="J912" t="s">
        <v>56597</v>
      </c>
    </row>
    <row r="913" spans="1:10" x14ac:dyDescent="0.25">
      <c r="A913" t="s">
        <v>52247</v>
      </c>
      <c r="B913" t="s">
        <v>52248</v>
      </c>
      <c r="C913" t="s">
        <v>52249</v>
      </c>
      <c r="D913" t="s">
        <v>52182</v>
      </c>
      <c r="E913" t="s">
        <v>13</v>
      </c>
      <c r="F913">
        <v>13169</v>
      </c>
      <c r="G913" t="s">
        <v>52250</v>
      </c>
      <c r="H913">
        <v>5.5688707345059996</v>
      </c>
      <c r="I913">
        <v>52.007040811800003</v>
      </c>
      <c r="J913" t="s">
        <v>56598</v>
      </c>
    </row>
    <row r="914" spans="1:10" x14ac:dyDescent="0.25">
      <c r="A914" t="s">
        <v>52243</v>
      </c>
      <c r="B914" t="s">
        <v>52244</v>
      </c>
      <c r="C914" t="s">
        <v>52245</v>
      </c>
      <c r="D914" t="s">
        <v>52182</v>
      </c>
      <c r="E914" t="s">
        <v>13</v>
      </c>
      <c r="F914">
        <v>13168</v>
      </c>
      <c r="G914" t="s">
        <v>52246</v>
      </c>
      <c r="H914">
        <v>5.5546506291739997</v>
      </c>
      <c r="I914">
        <v>52.004055437201004</v>
      </c>
      <c r="J914" t="s">
        <v>56599</v>
      </c>
    </row>
    <row r="915" spans="1:10" x14ac:dyDescent="0.25">
      <c r="A915" t="s">
        <v>52239</v>
      </c>
      <c r="B915" t="s">
        <v>52240</v>
      </c>
      <c r="C915" t="s">
        <v>52241</v>
      </c>
      <c r="D915" t="s">
        <v>52182</v>
      </c>
      <c r="E915" t="s">
        <v>13</v>
      </c>
      <c r="F915">
        <v>13167</v>
      </c>
      <c r="G915" t="s">
        <v>52242</v>
      </c>
      <c r="H915">
        <v>5.5478324461149997</v>
      </c>
      <c r="I915">
        <v>52.007492033612998</v>
      </c>
      <c r="J915" t="s">
        <v>56600</v>
      </c>
    </row>
    <row r="916" spans="1:10" x14ac:dyDescent="0.25">
      <c r="A916" t="s">
        <v>52235</v>
      </c>
      <c r="B916" t="s">
        <v>52236</v>
      </c>
      <c r="C916" t="s">
        <v>52237</v>
      </c>
      <c r="D916" t="s">
        <v>52182</v>
      </c>
      <c r="E916" t="s">
        <v>13</v>
      </c>
      <c r="F916">
        <v>13166</v>
      </c>
      <c r="G916" t="s">
        <v>52238</v>
      </c>
      <c r="H916">
        <v>5.5499820191170004</v>
      </c>
      <c r="I916">
        <v>52.013711330801002</v>
      </c>
      <c r="J916" t="s">
        <v>56601</v>
      </c>
    </row>
    <row r="917" spans="1:10" x14ac:dyDescent="0.25">
      <c r="A917" t="s">
        <v>52231</v>
      </c>
      <c r="B917" t="s">
        <v>52232</v>
      </c>
      <c r="C917" t="s">
        <v>52233</v>
      </c>
      <c r="D917" t="s">
        <v>52182</v>
      </c>
      <c r="E917" t="s">
        <v>13</v>
      </c>
      <c r="F917">
        <v>13165</v>
      </c>
      <c r="G917" t="s">
        <v>52234</v>
      </c>
      <c r="H917">
        <v>5.5558111491400002</v>
      </c>
      <c r="I917">
        <v>52.015597491546998</v>
      </c>
      <c r="J917" t="s">
        <v>56602</v>
      </c>
    </row>
    <row r="918" spans="1:10" x14ac:dyDescent="0.25">
      <c r="A918" t="s">
        <v>52227</v>
      </c>
      <c r="B918" t="s">
        <v>52228</v>
      </c>
      <c r="C918" t="s">
        <v>52229</v>
      </c>
      <c r="D918" t="s">
        <v>52182</v>
      </c>
      <c r="E918" t="s">
        <v>13</v>
      </c>
      <c r="F918">
        <v>13164</v>
      </c>
      <c r="G918" t="s">
        <v>52230</v>
      </c>
      <c r="H918">
        <v>5.5596638929709998</v>
      </c>
      <c r="I918">
        <v>52.020428390263</v>
      </c>
      <c r="J918" t="s">
        <v>56603</v>
      </c>
    </row>
    <row r="919" spans="1:10" x14ac:dyDescent="0.25">
      <c r="A919" t="s">
        <v>52223</v>
      </c>
      <c r="B919" t="s">
        <v>52224</v>
      </c>
      <c r="C919" t="s">
        <v>52225</v>
      </c>
      <c r="D919" t="s">
        <v>52182</v>
      </c>
      <c r="E919" t="s">
        <v>13</v>
      </c>
      <c r="F919">
        <v>13163</v>
      </c>
      <c r="G919" t="s">
        <v>52226</v>
      </c>
      <c r="H919">
        <v>5.5831117720550001</v>
      </c>
      <c r="I919">
        <v>52.017590296068001</v>
      </c>
      <c r="J919" t="s">
        <v>56604</v>
      </c>
    </row>
    <row r="920" spans="1:10" x14ac:dyDescent="0.25">
      <c r="A920" t="s">
        <v>52219</v>
      </c>
      <c r="B920" t="s">
        <v>52220</v>
      </c>
      <c r="C920" t="s">
        <v>52221</v>
      </c>
      <c r="D920" t="s">
        <v>52182</v>
      </c>
      <c r="E920" t="s">
        <v>13</v>
      </c>
      <c r="F920">
        <v>13162</v>
      </c>
      <c r="G920" t="s">
        <v>52222</v>
      </c>
      <c r="H920">
        <v>5.5826546917290001</v>
      </c>
      <c r="I920">
        <v>52.023521244538998</v>
      </c>
      <c r="J920" t="s">
        <v>56605</v>
      </c>
    </row>
    <row r="921" spans="1:10" x14ac:dyDescent="0.25">
      <c r="A921" t="s">
        <v>52215</v>
      </c>
      <c r="B921" t="s">
        <v>52216</v>
      </c>
      <c r="C921" t="s">
        <v>52217</v>
      </c>
      <c r="D921" t="s">
        <v>52182</v>
      </c>
      <c r="E921" t="s">
        <v>13</v>
      </c>
      <c r="F921">
        <v>13161</v>
      </c>
      <c r="G921" t="s">
        <v>52218</v>
      </c>
      <c r="H921">
        <v>5.5843457519820001</v>
      </c>
      <c r="I921">
        <v>52.030989843722999</v>
      </c>
      <c r="J921" t="s">
        <v>56606</v>
      </c>
    </row>
    <row r="922" spans="1:10" x14ac:dyDescent="0.25">
      <c r="A922" t="s">
        <v>52211</v>
      </c>
      <c r="B922" t="s">
        <v>52212</v>
      </c>
      <c r="C922" t="s">
        <v>52213</v>
      </c>
      <c r="D922" t="s">
        <v>52182</v>
      </c>
      <c r="E922" t="s">
        <v>13</v>
      </c>
      <c r="F922">
        <v>13160</v>
      </c>
      <c r="G922" t="s">
        <v>52214</v>
      </c>
      <c r="H922">
        <v>5.5748966638270003</v>
      </c>
      <c r="I922">
        <v>52.023772578424001</v>
      </c>
      <c r="J922" t="s">
        <v>56607</v>
      </c>
    </row>
    <row r="923" spans="1:10" x14ac:dyDescent="0.25">
      <c r="A923" t="s">
        <v>52207</v>
      </c>
      <c r="B923" t="s">
        <v>52208</v>
      </c>
      <c r="C923" t="s">
        <v>52209</v>
      </c>
      <c r="D923" t="s">
        <v>52182</v>
      </c>
      <c r="E923" t="s">
        <v>13</v>
      </c>
      <c r="F923">
        <v>13159</v>
      </c>
      <c r="G923" t="s">
        <v>52210</v>
      </c>
      <c r="H923">
        <v>5.577316044642</v>
      </c>
      <c r="I923">
        <v>52.030894573586998</v>
      </c>
      <c r="J923" t="s">
        <v>56608</v>
      </c>
    </row>
    <row r="924" spans="1:10" x14ac:dyDescent="0.25">
      <c r="A924" t="s">
        <v>52203</v>
      </c>
      <c r="B924" t="s">
        <v>52204</v>
      </c>
      <c r="C924" t="s">
        <v>52205</v>
      </c>
      <c r="D924" t="s">
        <v>52182</v>
      </c>
      <c r="E924" t="s">
        <v>13</v>
      </c>
      <c r="F924">
        <v>13158</v>
      </c>
      <c r="G924" t="s">
        <v>52206</v>
      </c>
      <c r="H924">
        <v>5.5759546859529996</v>
      </c>
      <c r="I924">
        <v>52.036954512694003</v>
      </c>
      <c r="J924" t="s">
        <v>56609</v>
      </c>
    </row>
    <row r="925" spans="1:10" x14ac:dyDescent="0.25">
      <c r="A925" t="s">
        <v>52199</v>
      </c>
      <c r="B925" t="s">
        <v>52200</v>
      </c>
      <c r="C925" t="s">
        <v>52201</v>
      </c>
      <c r="D925" t="s">
        <v>52182</v>
      </c>
      <c r="E925" t="s">
        <v>13</v>
      </c>
      <c r="F925">
        <v>13157</v>
      </c>
      <c r="G925" t="s">
        <v>52202</v>
      </c>
      <c r="H925">
        <v>5.568048222292</v>
      </c>
      <c r="I925">
        <v>52.025310093667997</v>
      </c>
      <c r="J925" t="s">
        <v>56610</v>
      </c>
    </row>
    <row r="926" spans="1:10" x14ac:dyDescent="0.25">
      <c r="A926" t="s">
        <v>52195</v>
      </c>
      <c r="B926" t="s">
        <v>52196</v>
      </c>
      <c r="C926" t="s">
        <v>52197</v>
      </c>
      <c r="D926" t="s">
        <v>52182</v>
      </c>
      <c r="E926" t="s">
        <v>13</v>
      </c>
      <c r="F926">
        <v>13156</v>
      </c>
      <c r="G926" t="s">
        <v>52198</v>
      </c>
      <c r="H926">
        <v>5.5690433699220003</v>
      </c>
      <c r="I926">
        <v>52.032305011566997</v>
      </c>
      <c r="J926" t="s">
        <v>56611</v>
      </c>
    </row>
    <row r="927" spans="1:10" x14ac:dyDescent="0.25">
      <c r="A927" t="s">
        <v>52191</v>
      </c>
      <c r="B927" t="s">
        <v>52192</v>
      </c>
      <c r="C927" t="s">
        <v>52193</v>
      </c>
      <c r="D927" t="s">
        <v>52182</v>
      </c>
      <c r="E927" t="s">
        <v>13</v>
      </c>
      <c r="F927">
        <v>13155</v>
      </c>
      <c r="G927" t="s">
        <v>52194</v>
      </c>
      <c r="H927">
        <v>5.5566312312040003</v>
      </c>
      <c r="I927">
        <v>52.027329900143002</v>
      </c>
      <c r="J927" t="s">
        <v>56612</v>
      </c>
    </row>
    <row r="928" spans="1:10" x14ac:dyDescent="0.25">
      <c r="A928" t="s">
        <v>52187</v>
      </c>
      <c r="B928" t="s">
        <v>52188</v>
      </c>
      <c r="C928" t="s">
        <v>52189</v>
      </c>
      <c r="D928" t="s">
        <v>52182</v>
      </c>
      <c r="E928" t="s">
        <v>13</v>
      </c>
      <c r="F928">
        <v>13154</v>
      </c>
      <c r="G928" t="s">
        <v>52190</v>
      </c>
      <c r="H928">
        <v>5.5521896074999999</v>
      </c>
      <c r="I928">
        <v>52.026487863070997</v>
      </c>
      <c r="J928" t="s">
        <v>56613</v>
      </c>
    </row>
    <row r="929" spans="1:10" x14ac:dyDescent="0.25">
      <c r="A929" t="s">
        <v>52184</v>
      </c>
      <c r="B929" t="s">
        <v>52185</v>
      </c>
      <c r="C929" t="s">
        <v>18374</v>
      </c>
      <c r="D929" t="s">
        <v>52182</v>
      </c>
      <c r="E929" t="s">
        <v>13</v>
      </c>
      <c r="F929">
        <v>13153</v>
      </c>
      <c r="G929" t="s">
        <v>52186</v>
      </c>
      <c r="H929">
        <v>5.5605424836720001</v>
      </c>
      <c r="I929">
        <v>52.025369322350997</v>
      </c>
      <c r="J929" t="s">
        <v>56614</v>
      </c>
    </row>
    <row r="930" spans="1:10" x14ac:dyDescent="0.25">
      <c r="A930" t="s">
        <v>52179</v>
      </c>
      <c r="B930" t="s">
        <v>52180</v>
      </c>
      <c r="C930" t="s">
        <v>52181</v>
      </c>
      <c r="D930" t="s">
        <v>52182</v>
      </c>
      <c r="E930" t="s">
        <v>13</v>
      </c>
      <c r="F930">
        <v>13152</v>
      </c>
      <c r="G930" t="s">
        <v>52183</v>
      </c>
      <c r="H930">
        <v>5.5623750315200002</v>
      </c>
      <c r="I930">
        <v>52.028881672201003</v>
      </c>
      <c r="J930" t="s">
        <v>56615</v>
      </c>
    </row>
    <row r="931" spans="1:10" x14ac:dyDescent="0.25">
      <c r="A931" t="s">
        <v>52175</v>
      </c>
      <c r="B931" t="s">
        <v>52176</v>
      </c>
      <c r="C931" t="s">
        <v>52177</v>
      </c>
      <c r="D931" t="s">
        <v>51619</v>
      </c>
      <c r="E931" t="s">
        <v>13</v>
      </c>
      <c r="F931">
        <v>13151</v>
      </c>
      <c r="G931" t="s">
        <v>52178</v>
      </c>
      <c r="H931">
        <v>5.3371566390599998</v>
      </c>
      <c r="I931">
        <v>52.127030948211001</v>
      </c>
      <c r="J931" t="s">
        <v>56616</v>
      </c>
    </row>
    <row r="932" spans="1:10" x14ac:dyDescent="0.25">
      <c r="A932" t="s">
        <v>52172</v>
      </c>
      <c r="B932" t="s">
        <v>52173</v>
      </c>
      <c r="C932" t="s">
        <v>13643</v>
      </c>
      <c r="D932" t="s">
        <v>51619</v>
      </c>
      <c r="E932" t="s">
        <v>13</v>
      </c>
      <c r="F932">
        <v>13150</v>
      </c>
      <c r="G932" t="s">
        <v>52174</v>
      </c>
      <c r="H932">
        <v>5.3435728219970002</v>
      </c>
      <c r="I932">
        <v>52.141914705669997</v>
      </c>
      <c r="J932" t="s">
        <v>56617</v>
      </c>
    </row>
    <row r="933" spans="1:10" x14ac:dyDescent="0.25">
      <c r="A933" t="s">
        <v>52168</v>
      </c>
      <c r="B933" t="s">
        <v>52169</v>
      </c>
      <c r="C933" t="s">
        <v>52170</v>
      </c>
      <c r="D933" t="s">
        <v>51619</v>
      </c>
      <c r="E933" t="s">
        <v>13</v>
      </c>
      <c r="F933">
        <v>13149</v>
      </c>
      <c r="G933" t="s">
        <v>52171</v>
      </c>
      <c r="H933">
        <v>5.3453002996769996</v>
      </c>
      <c r="I933">
        <v>52.153832565687999</v>
      </c>
      <c r="J933" t="s">
        <v>56618</v>
      </c>
    </row>
    <row r="934" spans="1:10" x14ac:dyDescent="0.25">
      <c r="A934" t="s">
        <v>52164</v>
      </c>
      <c r="B934" t="s">
        <v>52165</v>
      </c>
      <c r="C934" t="s">
        <v>52166</v>
      </c>
      <c r="D934" t="s">
        <v>51619</v>
      </c>
      <c r="E934" t="s">
        <v>13</v>
      </c>
      <c r="F934">
        <v>13148</v>
      </c>
      <c r="G934" t="s">
        <v>52167</v>
      </c>
      <c r="H934">
        <v>5.397245725845</v>
      </c>
      <c r="I934">
        <v>52.202472655439998</v>
      </c>
      <c r="J934" t="s">
        <v>56619</v>
      </c>
    </row>
    <row r="935" spans="1:10" x14ac:dyDescent="0.25">
      <c r="A935" t="s">
        <v>52160</v>
      </c>
      <c r="B935" t="s">
        <v>52161</v>
      </c>
      <c r="C935" t="s">
        <v>52162</v>
      </c>
      <c r="D935" t="s">
        <v>51619</v>
      </c>
      <c r="E935" t="s">
        <v>13</v>
      </c>
      <c r="F935">
        <v>13147</v>
      </c>
      <c r="G935" t="s">
        <v>52163</v>
      </c>
      <c r="H935">
        <v>5.4032210507979999</v>
      </c>
      <c r="I935">
        <v>52.196911167008999</v>
      </c>
      <c r="J935" t="s">
        <v>56620</v>
      </c>
    </row>
    <row r="936" spans="1:10" x14ac:dyDescent="0.25">
      <c r="A936" t="s">
        <v>52156</v>
      </c>
      <c r="B936" t="s">
        <v>52157</v>
      </c>
      <c r="C936" t="s">
        <v>52158</v>
      </c>
      <c r="D936" t="s">
        <v>51619</v>
      </c>
      <c r="E936" t="s">
        <v>13</v>
      </c>
      <c r="F936">
        <v>13146</v>
      </c>
      <c r="G936" t="s">
        <v>52159</v>
      </c>
      <c r="H936">
        <v>5.4115942455420001</v>
      </c>
      <c r="I936">
        <v>52.189712029395999</v>
      </c>
      <c r="J936" t="s">
        <v>56621</v>
      </c>
    </row>
    <row r="937" spans="1:10" x14ac:dyDescent="0.25">
      <c r="A937" t="s">
        <v>52152</v>
      </c>
      <c r="B937" t="s">
        <v>52153</v>
      </c>
      <c r="C937" t="s">
        <v>52154</v>
      </c>
      <c r="D937" t="s">
        <v>51619</v>
      </c>
      <c r="E937" t="s">
        <v>13</v>
      </c>
      <c r="F937">
        <v>13145</v>
      </c>
      <c r="G937" t="s">
        <v>52155</v>
      </c>
      <c r="H937">
        <v>5.4270537850620002</v>
      </c>
      <c r="I937">
        <v>52.180703564369999</v>
      </c>
      <c r="J937" t="s">
        <v>56622</v>
      </c>
    </row>
    <row r="938" spans="1:10" x14ac:dyDescent="0.25">
      <c r="A938" t="s">
        <v>52148</v>
      </c>
      <c r="B938" t="s">
        <v>52149</v>
      </c>
      <c r="C938" t="s">
        <v>52150</v>
      </c>
      <c r="D938" t="s">
        <v>51619</v>
      </c>
      <c r="E938" t="s">
        <v>13</v>
      </c>
      <c r="F938">
        <v>13144</v>
      </c>
      <c r="G938" t="s">
        <v>52151</v>
      </c>
      <c r="H938">
        <v>5.4006922199150003</v>
      </c>
      <c r="I938">
        <v>52.210444872163997</v>
      </c>
      <c r="J938" t="s">
        <v>56623</v>
      </c>
    </row>
    <row r="939" spans="1:10" x14ac:dyDescent="0.25">
      <c r="A939" t="s">
        <v>52144</v>
      </c>
      <c r="B939" t="s">
        <v>52145</v>
      </c>
      <c r="C939" t="s">
        <v>52146</v>
      </c>
      <c r="D939" t="s">
        <v>51619</v>
      </c>
      <c r="E939" t="s">
        <v>13</v>
      </c>
      <c r="F939">
        <v>13143</v>
      </c>
      <c r="G939" t="s">
        <v>52147</v>
      </c>
      <c r="H939">
        <v>5.437790709073</v>
      </c>
      <c r="I939">
        <v>52.191015721478003</v>
      </c>
      <c r="J939" t="s">
        <v>56624</v>
      </c>
    </row>
    <row r="940" spans="1:10" x14ac:dyDescent="0.25">
      <c r="A940" t="s">
        <v>52140</v>
      </c>
      <c r="B940" t="s">
        <v>52141</v>
      </c>
      <c r="C940" t="s">
        <v>52142</v>
      </c>
      <c r="D940" t="s">
        <v>51619</v>
      </c>
      <c r="E940" t="s">
        <v>13</v>
      </c>
      <c r="F940">
        <v>13142</v>
      </c>
      <c r="G940" t="s">
        <v>52143</v>
      </c>
      <c r="H940">
        <v>5.4243569178250004</v>
      </c>
      <c r="I940">
        <v>52.208065908969999</v>
      </c>
      <c r="J940" t="s">
        <v>56625</v>
      </c>
    </row>
    <row r="941" spans="1:10" x14ac:dyDescent="0.25">
      <c r="A941" t="s">
        <v>52136</v>
      </c>
      <c r="B941" t="s">
        <v>52137</v>
      </c>
      <c r="C941" t="s">
        <v>52138</v>
      </c>
      <c r="D941" t="s">
        <v>51619</v>
      </c>
      <c r="E941" t="s">
        <v>13</v>
      </c>
      <c r="F941">
        <v>13141</v>
      </c>
      <c r="G941" t="s">
        <v>52139</v>
      </c>
      <c r="H941">
        <v>5.4113979091279996</v>
      </c>
      <c r="I941">
        <v>52.207299710081003</v>
      </c>
      <c r="J941" t="s">
        <v>56626</v>
      </c>
    </row>
    <row r="942" spans="1:10" x14ac:dyDescent="0.25">
      <c r="A942" t="s">
        <v>52132</v>
      </c>
      <c r="B942" t="s">
        <v>52133</v>
      </c>
      <c r="C942" t="s">
        <v>52134</v>
      </c>
      <c r="D942" t="s">
        <v>51619</v>
      </c>
      <c r="E942" t="s">
        <v>13</v>
      </c>
      <c r="F942">
        <v>13140</v>
      </c>
      <c r="G942" t="s">
        <v>52135</v>
      </c>
      <c r="H942">
        <v>5.4189750928629996</v>
      </c>
      <c r="I942">
        <v>52.204728899286998</v>
      </c>
      <c r="J942" t="s">
        <v>56627</v>
      </c>
    </row>
    <row r="943" spans="1:10" x14ac:dyDescent="0.25">
      <c r="A943" t="s">
        <v>52128</v>
      </c>
      <c r="B943" t="s">
        <v>52129</v>
      </c>
      <c r="C943" t="s">
        <v>52130</v>
      </c>
      <c r="D943" t="s">
        <v>51619</v>
      </c>
      <c r="E943" t="s">
        <v>13</v>
      </c>
      <c r="F943">
        <v>13139</v>
      </c>
      <c r="G943" t="s">
        <v>52131</v>
      </c>
      <c r="H943">
        <v>5.4269351627580003</v>
      </c>
      <c r="I943">
        <v>52.201283582861997</v>
      </c>
      <c r="J943" t="s">
        <v>56628</v>
      </c>
    </row>
    <row r="944" spans="1:10" x14ac:dyDescent="0.25">
      <c r="A944" t="s">
        <v>52124</v>
      </c>
      <c r="B944" t="s">
        <v>52125</v>
      </c>
      <c r="C944" t="s">
        <v>52126</v>
      </c>
      <c r="D944" t="s">
        <v>51619</v>
      </c>
      <c r="E944" t="s">
        <v>13</v>
      </c>
      <c r="F944">
        <v>13138</v>
      </c>
      <c r="G944" t="s">
        <v>52127</v>
      </c>
      <c r="H944">
        <v>5.4330776906859999</v>
      </c>
      <c r="I944">
        <v>52.197762676426002</v>
      </c>
      <c r="J944" t="s">
        <v>56629</v>
      </c>
    </row>
    <row r="945" spans="1:10" x14ac:dyDescent="0.25">
      <c r="A945" t="s">
        <v>52120</v>
      </c>
      <c r="B945" t="s">
        <v>52121</v>
      </c>
      <c r="C945" t="s">
        <v>52122</v>
      </c>
      <c r="D945" t="s">
        <v>51619</v>
      </c>
      <c r="E945" t="s">
        <v>13</v>
      </c>
      <c r="F945">
        <v>13137</v>
      </c>
      <c r="G945" t="s">
        <v>52123</v>
      </c>
      <c r="H945">
        <v>5.4369633506759998</v>
      </c>
      <c r="I945">
        <v>52.195728990965002</v>
      </c>
      <c r="J945" t="s">
        <v>56630</v>
      </c>
    </row>
    <row r="946" spans="1:10" x14ac:dyDescent="0.25">
      <c r="A946" t="s">
        <v>52116</v>
      </c>
      <c r="B946" t="s">
        <v>52117</v>
      </c>
      <c r="C946" t="s">
        <v>52118</v>
      </c>
      <c r="D946" t="s">
        <v>51619</v>
      </c>
      <c r="E946" t="s">
        <v>13</v>
      </c>
      <c r="F946">
        <v>13136</v>
      </c>
      <c r="G946" t="s">
        <v>52119</v>
      </c>
      <c r="H946">
        <v>5.4202072841630002</v>
      </c>
      <c r="I946">
        <v>52.191845904402001</v>
      </c>
      <c r="J946" t="s">
        <v>56631</v>
      </c>
    </row>
    <row r="947" spans="1:10" x14ac:dyDescent="0.25">
      <c r="A947" t="s">
        <v>52112</v>
      </c>
      <c r="B947" t="s">
        <v>52113</v>
      </c>
      <c r="C947" t="s">
        <v>52114</v>
      </c>
      <c r="D947" t="s">
        <v>51619</v>
      </c>
      <c r="E947" t="s">
        <v>13</v>
      </c>
      <c r="F947">
        <v>13135</v>
      </c>
      <c r="G947" t="s">
        <v>52115</v>
      </c>
      <c r="H947">
        <v>5.4195273117360001</v>
      </c>
      <c r="I947">
        <v>52.194653745152003</v>
      </c>
      <c r="J947" t="s">
        <v>56632</v>
      </c>
    </row>
    <row r="948" spans="1:10" x14ac:dyDescent="0.25">
      <c r="A948" t="s">
        <v>52108</v>
      </c>
      <c r="B948" t="s">
        <v>52109</v>
      </c>
      <c r="C948" t="s">
        <v>52110</v>
      </c>
      <c r="D948" t="s">
        <v>51619</v>
      </c>
      <c r="E948" t="s">
        <v>13</v>
      </c>
      <c r="F948">
        <v>13134</v>
      </c>
      <c r="G948" t="s">
        <v>52111</v>
      </c>
      <c r="H948">
        <v>5.4276433175559999</v>
      </c>
      <c r="I948">
        <v>52.194294373768003</v>
      </c>
      <c r="J948" t="s">
        <v>56633</v>
      </c>
    </row>
    <row r="949" spans="1:10" x14ac:dyDescent="0.25">
      <c r="A949" t="s">
        <v>52104</v>
      </c>
      <c r="B949" t="s">
        <v>52105</v>
      </c>
      <c r="C949" t="s">
        <v>52106</v>
      </c>
      <c r="D949" t="s">
        <v>51619</v>
      </c>
      <c r="E949" t="s">
        <v>13</v>
      </c>
      <c r="F949">
        <v>13133</v>
      </c>
      <c r="G949" t="s">
        <v>52107</v>
      </c>
      <c r="H949">
        <v>5.4306927572100001</v>
      </c>
      <c r="I949">
        <v>52.194934004727003</v>
      </c>
      <c r="J949" t="s">
        <v>56634</v>
      </c>
    </row>
    <row r="950" spans="1:10" x14ac:dyDescent="0.25">
      <c r="A950" t="s">
        <v>52100</v>
      </c>
      <c r="B950" t="s">
        <v>52101</v>
      </c>
      <c r="C950" t="s">
        <v>52102</v>
      </c>
      <c r="D950" t="s">
        <v>51619</v>
      </c>
      <c r="E950" t="s">
        <v>13</v>
      </c>
      <c r="F950">
        <v>13132</v>
      </c>
      <c r="G950" t="s">
        <v>52103</v>
      </c>
      <c r="H950">
        <v>5.4229675448209997</v>
      </c>
      <c r="I950">
        <v>52.198219617351</v>
      </c>
      <c r="J950" t="s">
        <v>56635</v>
      </c>
    </row>
    <row r="951" spans="1:10" x14ac:dyDescent="0.25">
      <c r="A951" t="s">
        <v>52096</v>
      </c>
      <c r="B951" t="s">
        <v>52097</v>
      </c>
      <c r="C951" t="s">
        <v>52098</v>
      </c>
      <c r="D951" t="s">
        <v>51619</v>
      </c>
      <c r="E951" t="s">
        <v>13</v>
      </c>
      <c r="F951">
        <v>13131</v>
      </c>
      <c r="G951" t="s">
        <v>52099</v>
      </c>
      <c r="H951">
        <v>5.4188078504010004</v>
      </c>
      <c r="I951">
        <v>52.188879253087002</v>
      </c>
      <c r="J951" t="s">
        <v>56636</v>
      </c>
    </row>
    <row r="952" spans="1:10" x14ac:dyDescent="0.25">
      <c r="A952" t="s">
        <v>52092</v>
      </c>
      <c r="B952" t="s">
        <v>52093</v>
      </c>
      <c r="C952" t="s">
        <v>52094</v>
      </c>
      <c r="D952" t="s">
        <v>51619</v>
      </c>
      <c r="E952" t="s">
        <v>13</v>
      </c>
      <c r="F952">
        <v>13130</v>
      </c>
      <c r="G952" t="s">
        <v>52095</v>
      </c>
      <c r="H952">
        <v>5.4123614660020003</v>
      </c>
      <c r="I952">
        <v>52.193321778177001</v>
      </c>
      <c r="J952" t="s">
        <v>56637</v>
      </c>
    </row>
    <row r="953" spans="1:10" x14ac:dyDescent="0.25">
      <c r="A953" t="s">
        <v>52088</v>
      </c>
      <c r="B953" t="s">
        <v>52089</v>
      </c>
      <c r="C953" t="s">
        <v>52090</v>
      </c>
      <c r="D953" t="s">
        <v>51619</v>
      </c>
      <c r="E953" t="s">
        <v>13</v>
      </c>
      <c r="F953">
        <v>13129</v>
      </c>
      <c r="G953" t="s">
        <v>52091</v>
      </c>
      <c r="H953">
        <v>5.4165505599459998</v>
      </c>
      <c r="I953">
        <v>52.198942966171998</v>
      </c>
      <c r="J953" t="s">
        <v>56638</v>
      </c>
    </row>
    <row r="954" spans="1:10" x14ac:dyDescent="0.25">
      <c r="A954" t="s">
        <v>52084</v>
      </c>
      <c r="B954" t="s">
        <v>52085</v>
      </c>
      <c r="C954" t="s">
        <v>52086</v>
      </c>
      <c r="D954" t="s">
        <v>51619</v>
      </c>
      <c r="E954" t="s">
        <v>13</v>
      </c>
      <c r="F954">
        <v>13128</v>
      </c>
      <c r="G954" t="s">
        <v>52087</v>
      </c>
      <c r="H954">
        <v>5.4091814353330001</v>
      </c>
      <c r="I954">
        <v>52.197131246352001</v>
      </c>
      <c r="J954" t="s">
        <v>56639</v>
      </c>
    </row>
    <row r="955" spans="1:10" x14ac:dyDescent="0.25">
      <c r="A955" t="s">
        <v>52080</v>
      </c>
      <c r="B955" t="s">
        <v>52081</v>
      </c>
      <c r="C955" t="s">
        <v>52082</v>
      </c>
      <c r="D955" t="s">
        <v>51619</v>
      </c>
      <c r="E955" t="s">
        <v>13</v>
      </c>
      <c r="F955">
        <v>13127</v>
      </c>
      <c r="G955" t="s">
        <v>52083</v>
      </c>
      <c r="H955">
        <v>5.4100420542550003</v>
      </c>
      <c r="I955">
        <v>52.201036400315999</v>
      </c>
      <c r="J955" t="s">
        <v>56640</v>
      </c>
    </row>
    <row r="956" spans="1:10" x14ac:dyDescent="0.25">
      <c r="A956" t="s">
        <v>52077</v>
      </c>
      <c r="B956" t="s">
        <v>52078</v>
      </c>
      <c r="C956" t="s">
        <v>46427</v>
      </c>
      <c r="D956" t="s">
        <v>51619</v>
      </c>
      <c r="E956" t="s">
        <v>13</v>
      </c>
      <c r="F956">
        <v>13126</v>
      </c>
      <c r="G956" t="s">
        <v>52079</v>
      </c>
      <c r="H956">
        <v>5.3692867268809996</v>
      </c>
      <c r="I956">
        <v>52.170628410421003</v>
      </c>
      <c r="J956" t="s">
        <v>56641</v>
      </c>
    </row>
    <row r="957" spans="1:10" x14ac:dyDescent="0.25">
      <c r="A957" t="s">
        <v>52073</v>
      </c>
      <c r="B957" t="s">
        <v>52074</v>
      </c>
      <c r="C957" t="s">
        <v>52075</v>
      </c>
      <c r="D957" t="s">
        <v>51619</v>
      </c>
      <c r="E957" t="s">
        <v>13</v>
      </c>
      <c r="F957">
        <v>13125</v>
      </c>
      <c r="G957" t="s">
        <v>52076</v>
      </c>
      <c r="H957">
        <v>5.342558119355</v>
      </c>
      <c r="I957">
        <v>52.195960620816997</v>
      </c>
      <c r="J957" t="s">
        <v>56642</v>
      </c>
    </row>
    <row r="958" spans="1:10" x14ac:dyDescent="0.25">
      <c r="A958" t="s">
        <v>52069</v>
      </c>
      <c r="B958" t="s">
        <v>52070</v>
      </c>
      <c r="C958" t="s">
        <v>52071</v>
      </c>
      <c r="D958" t="s">
        <v>51619</v>
      </c>
      <c r="E958" t="s">
        <v>13</v>
      </c>
      <c r="F958">
        <v>13124</v>
      </c>
      <c r="G958" t="s">
        <v>52072</v>
      </c>
      <c r="H958">
        <v>5.3585214390399996</v>
      </c>
      <c r="I958">
        <v>52.177719001956</v>
      </c>
      <c r="J958" t="s">
        <v>56643</v>
      </c>
    </row>
    <row r="959" spans="1:10" x14ac:dyDescent="0.25">
      <c r="A959" t="s">
        <v>52065</v>
      </c>
      <c r="B959" t="s">
        <v>52066</v>
      </c>
      <c r="C959" t="s">
        <v>52067</v>
      </c>
      <c r="D959" t="s">
        <v>51619</v>
      </c>
      <c r="E959" t="s">
        <v>13</v>
      </c>
      <c r="F959">
        <v>13123</v>
      </c>
      <c r="G959" t="s">
        <v>52068</v>
      </c>
      <c r="H959">
        <v>5.4247468396210001</v>
      </c>
      <c r="I959">
        <v>52.188914810451003</v>
      </c>
      <c r="J959" t="s">
        <v>56644</v>
      </c>
    </row>
    <row r="960" spans="1:10" x14ac:dyDescent="0.25">
      <c r="A960" t="s">
        <v>52061</v>
      </c>
      <c r="B960" t="s">
        <v>52062</v>
      </c>
      <c r="C960" t="s">
        <v>52063</v>
      </c>
      <c r="D960" t="s">
        <v>51619</v>
      </c>
      <c r="E960" t="s">
        <v>13</v>
      </c>
      <c r="F960">
        <v>13122</v>
      </c>
      <c r="G960" t="s">
        <v>52064</v>
      </c>
      <c r="H960">
        <v>5.4345543548570001</v>
      </c>
      <c r="I960">
        <v>52.189153628169002</v>
      </c>
      <c r="J960" t="s">
        <v>56645</v>
      </c>
    </row>
    <row r="961" spans="1:10" x14ac:dyDescent="0.25">
      <c r="A961" t="s">
        <v>52057</v>
      </c>
      <c r="B961" t="s">
        <v>52058</v>
      </c>
      <c r="C961" t="s">
        <v>52059</v>
      </c>
      <c r="D961" t="s">
        <v>51619</v>
      </c>
      <c r="E961" t="s">
        <v>13</v>
      </c>
      <c r="F961">
        <v>13121</v>
      </c>
      <c r="G961" t="s">
        <v>52060</v>
      </c>
      <c r="H961">
        <v>5.4281018619549997</v>
      </c>
      <c r="I961">
        <v>52.184160519932</v>
      </c>
      <c r="J961" t="s">
        <v>56646</v>
      </c>
    </row>
    <row r="962" spans="1:10" x14ac:dyDescent="0.25">
      <c r="A962" t="s">
        <v>52053</v>
      </c>
      <c r="B962" t="s">
        <v>52054</v>
      </c>
      <c r="C962" t="s">
        <v>52055</v>
      </c>
      <c r="D962" t="s">
        <v>51619</v>
      </c>
      <c r="E962" t="s">
        <v>13</v>
      </c>
      <c r="F962">
        <v>13120</v>
      </c>
      <c r="G962" t="s">
        <v>52056</v>
      </c>
      <c r="H962">
        <v>5.4303673448909997</v>
      </c>
      <c r="I962">
        <v>52.186887509310999</v>
      </c>
      <c r="J962" t="s">
        <v>56647</v>
      </c>
    </row>
    <row r="963" spans="1:10" x14ac:dyDescent="0.25">
      <c r="A963" t="s">
        <v>52049</v>
      </c>
      <c r="B963" t="s">
        <v>52050</v>
      </c>
      <c r="C963" t="s">
        <v>52051</v>
      </c>
      <c r="D963" t="s">
        <v>51619</v>
      </c>
      <c r="E963" t="s">
        <v>13</v>
      </c>
      <c r="F963">
        <v>13119</v>
      </c>
      <c r="G963" t="s">
        <v>52052</v>
      </c>
      <c r="H963">
        <v>5.4193157398430003</v>
      </c>
      <c r="I963">
        <v>52.176660842889</v>
      </c>
      <c r="J963" t="s">
        <v>56648</v>
      </c>
    </row>
    <row r="964" spans="1:10" x14ac:dyDescent="0.25">
      <c r="A964" t="s">
        <v>52045</v>
      </c>
      <c r="B964" t="s">
        <v>52046</v>
      </c>
      <c r="C964" t="s">
        <v>52047</v>
      </c>
      <c r="D964" t="s">
        <v>51619</v>
      </c>
      <c r="E964" t="s">
        <v>13</v>
      </c>
      <c r="F964">
        <v>13118</v>
      </c>
      <c r="G964" t="s">
        <v>52048</v>
      </c>
      <c r="H964">
        <v>5.408702123846</v>
      </c>
      <c r="I964">
        <v>52.173539026621</v>
      </c>
      <c r="J964" t="s">
        <v>56649</v>
      </c>
    </row>
    <row r="965" spans="1:10" x14ac:dyDescent="0.25">
      <c r="A965" t="s">
        <v>52042</v>
      </c>
      <c r="B965" t="s">
        <v>52043</v>
      </c>
      <c r="C965" t="s">
        <v>14681</v>
      </c>
      <c r="D965" t="s">
        <v>51619</v>
      </c>
      <c r="E965" t="s">
        <v>13</v>
      </c>
      <c r="F965">
        <v>13117</v>
      </c>
      <c r="G965" t="s">
        <v>52044</v>
      </c>
      <c r="H965">
        <v>5.3824355936649999</v>
      </c>
      <c r="I965">
        <v>52.203358483423997</v>
      </c>
      <c r="J965" t="s">
        <v>56650</v>
      </c>
    </row>
    <row r="966" spans="1:10" x14ac:dyDescent="0.25">
      <c r="A966" t="s">
        <v>52038</v>
      </c>
      <c r="B966" t="s">
        <v>52039</v>
      </c>
      <c r="C966" t="s">
        <v>52040</v>
      </c>
      <c r="D966" t="s">
        <v>51619</v>
      </c>
      <c r="E966" t="s">
        <v>13</v>
      </c>
      <c r="F966">
        <v>13116</v>
      </c>
      <c r="G966" t="s">
        <v>52041</v>
      </c>
      <c r="H966">
        <v>5.3739452875499998</v>
      </c>
      <c r="I966">
        <v>52.204025748898999</v>
      </c>
      <c r="J966" t="s">
        <v>56651</v>
      </c>
    </row>
    <row r="967" spans="1:10" x14ac:dyDescent="0.25">
      <c r="A967" t="s">
        <v>52034</v>
      </c>
      <c r="B967" t="s">
        <v>52035</v>
      </c>
      <c r="C967" t="s">
        <v>52036</v>
      </c>
      <c r="D967" t="s">
        <v>51619</v>
      </c>
      <c r="E967" t="s">
        <v>13</v>
      </c>
      <c r="F967">
        <v>13115</v>
      </c>
      <c r="G967" t="s">
        <v>52037</v>
      </c>
      <c r="H967">
        <v>5.3680388607529999</v>
      </c>
      <c r="I967">
        <v>52.205264037738999</v>
      </c>
      <c r="J967" t="s">
        <v>56652</v>
      </c>
    </row>
    <row r="968" spans="1:10" x14ac:dyDescent="0.25">
      <c r="A968" t="s">
        <v>52030</v>
      </c>
      <c r="B968" t="s">
        <v>52031</v>
      </c>
      <c r="C968" t="s">
        <v>52032</v>
      </c>
      <c r="D968" t="s">
        <v>51619</v>
      </c>
      <c r="E968" t="s">
        <v>13</v>
      </c>
      <c r="F968">
        <v>13114</v>
      </c>
      <c r="G968" t="s">
        <v>52033</v>
      </c>
      <c r="H968">
        <v>5.3720973635440004</v>
      </c>
      <c r="I968">
        <v>52.199844026584003</v>
      </c>
      <c r="J968" t="s">
        <v>56653</v>
      </c>
    </row>
    <row r="969" spans="1:10" x14ac:dyDescent="0.25">
      <c r="A969" t="s">
        <v>52026</v>
      </c>
      <c r="B969" t="s">
        <v>52027</v>
      </c>
      <c r="C969" t="s">
        <v>52028</v>
      </c>
      <c r="D969" t="s">
        <v>51619</v>
      </c>
      <c r="E969" t="s">
        <v>13</v>
      </c>
      <c r="F969">
        <v>13113</v>
      </c>
      <c r="G969" t="s">
        <v>52029</v>
      </c>
      <c r="H969">
        <v>5.3717802942750001</v>
      </c>
      <c r="I969">
        <v>52.196360939340998</v>
      </c>
      <c r="J969" t="s">
        <v>56654</v>
      </c>
    </row>
    <row r="970" spans="1:10" x14ac:dyDescent="0.25">
      <c r="A970" t="s">
        <v>52022</v>
      </c>
      <c r="B970" t="s">
        <v>52023</v>
      </c>
      <c r="C970" t="s">
        <v>52024</v>
      </c>
      <c r="D970" t="s">
        <v>51619</v>
      </c>
      <c r="E970" t="s">
        <v>13</v>
      </c>
      <c r="F970">
        <v>13112</v>
      </c>
      <c r="G970" t="s">
        <v>52025</v>
      </c>
      <c r="H970">
        <v>5.3806819951209999</v>
      </c>
      <c r="I970">
        <v>52.197094977991</v>
      </c>
      <c r="J970" t="s">
        <v>56655</v>
      </c>
    </row>
    <row r="971" spans="1:10" x14ac:dyDescent="0.25">
      <c r="A971" t="s">
        <v>52018</v>
      </c>
      <c r="B971" t="s">
        <v>52019</v>
      </c>
      <c r="C971" t="s">
        <v>52020</v>
      </c>
      <c r="D971" t="s">
        <v>51619</v>
      </c>
      <c r="E971" t="s">
        <v>13</v>
      </c>
      <c r="F971">
        <v>13111</v>
      </c>
      <c r="G971" t="s">
        <v>52021</v>
      </c>
      <c r="H971">
        <v>5.3913228512340003</v>
      </c>
      <c r="I971">
        <v>52.197870849287</v>
      </c>
      <c r="J971" t="s">
        <v>56656</v>
      </c>
    </row>
    <row r="972" spans="1:10" x14ac:dyDescent="0.25">
      <c r="A972" t="s">
        <v>52014</v>
      </c>
      <c r="B972" t="s">
        <v>52015</v>
      </c>
      <c r="C972" t="s">
        <v>52016</v>
      </c>
      <c r="D972" t="s">
        <v>51619</v>
      </c>
      <c r="E972" t="s">
        <v>13</v>
      </c>
      <c r="F972">
        <v>13110</v>
      </c>
      <c r="G972" t="s">
        <v>52017</v>
      </c>
      <c r="H972">
        <v>5.3920702390460002</v>
      </c>
      <c r="I972">
        <v>52.193268907803997</v>
      </c>
      <c r="J972" t="s">
        <v>56657</v>
      </c>
    </row>
    <row r="973" spans="1:10" x14ac:dyDescent="0.25">
      <c r="A973" t="s">
        <v>52010</v>
      </c>
      <c r="B973" t="s">
        <v>52011</v>
      </c>
      <c r="C973" t="s">
        <v>52012</v>
      </c>
      <c r="D973" t="s">
        <v>51619</v>
      </c>
      <c r="E973" t="s">
        <v>13</v>
      </c>
      <c r="F973">
        <v>13109</v>
      </c>
      <c r="G973" t="s">
        <v>52013</v>
      </c>
      <c r="H973">
        <v>5.4025176153499999</v>
      </c>
      <c r="I973">
        <v>52.191596917837998</v>
      </c>
      <c r="J973" t="s">
        <v>56658</v>
      </c>
    </row>
    <row r="974" spans="1:10" x14ac:dyDescent="0.25">
      <c r="A974" t="s">
        <v>52006</v>
      </c>
      <c r="B974" t="s">
        <v>52007</v>
      </c>
      <c r="C974" t="s">
        <v>52008</v>
      </c>
      <c r="D974" t="s">
        <v>51619</v>
      </c>
      <c r="E974" t="s">
        <v>13</v>
      </c>
      <c r="F974">
        <v>13108</v>
      </c>
      <c r="G974" t="s">
        <v>52009</v>
      </c>
      <c r="H974">
        <v>5.3973774946850002</v>
      </c>
      <c r="I974">
        <v>52.189533271113</v>
      </c>
      <c r="J974" t="s">
        <v>56659</v>
      </c>
    </row>
    <row r="975" spans="1:10" x14ac:dyDescent="0.25">
      <c r="A975" t="s">
        <v>52002</v>
      </c>
      <c r="B975" t="s">
        <v>52003</v>
      </c>
      <c r="C975" t="s">
        <v>52004</v>
      </c>
      <c r="D975" t="s">
        <v>51619</v>
      </c>
      <c r="E975" t="s">
        <v>13</v>
      </c>
      <c r="F975">
        <v>13107</v>
      </c>
      <c r="G975" t="s">
        <v>52005</v>
      </c>
      <c r="H975">
        <v>5.3990472215820002</v>
      </c>
      <c r="I975">
        <v>52.186938074423999</v>
      </c>
      <c r="J975" t="s">
        <v>56660</v>
      </c>
    </row>
    <row r="976" spans="1:10" x14ac:dyDescent="0.25">
      <c r="A976" t="s">
        <v>51998</v>
      </c>
      <c r="B976" t="s">
        <v>51999</v>
      </c>
      <c r="C976" t="s">
        <v>52000</v>
      </c>
      <c r="D976" t="s">
        <v>51619</v>
      </c>
      <c r="E976" t="s">
        <v>13</v>
      </c>
      <c r="F976">
        <v>13106</v>
      </c>
      <c r="G976" t="s">
        <v>52001</v>
      </c>
      <c r="H976">
        <v>5.3922553698879998</v>
      </c>
      <c r="I976">
        <v>52.190188983825998</v>
      </c>
      <c r="J976" t="s">
        <v>56661</v>
      </c>
    </row>
    <row r="977" spans="1:10" x14ac:dyDescent="0.25">
      <c r="A977" t="s">
        <v>51994</v>
      </c>
      <c r="B977" t="s">
        <v>51995</v>
      </c>
      <c r="C977" t="s">
        <v>51996</v>
      </c>
      <c r="D977" t="s">
        <v>51619</v>
      </c>
      <c r="E977" t="s">
        <v>13</v>
      </c>
      <c r="F977">
        <v>13105</v>
      </c>
      <c r="G977" t="s">
        <v>51997</v>
      </c>
      <c r="H977">
        <v>5.389617501889</v>
      </c>
      <c r="I977">
        <v>52.188807821386</v>
      </c>
      <c r="J977" t="s">
        <v>56662</v>
      </c>
    </row>
    <row r="978" spans="1:10" x14ac:dyDescent="0.25">
      <c r="A978" t="s">
        <v>51990</v>
      </c>
      <c r="B978" t="s">
        <v>51991</v>
      </c>
      <c r="C978" t="s">
        <v>51992</v>
      </c>
      <c r="D978" t="s">
        <v>51619</v>
      </c>
      <c r="E978" t="s">
        <v>13</v>
      </c>
      <c r="F978">
        <v>13104</v>
      </c>
      <c r="G978" t="s">
        <v>51993</v>
      </c>
      <c r="H978">
        <v>5.3861361674359998</v>
      </c>
      <c r="I978">
        <v>52.187243944386999</v>
      </c>
      <c r="J978" t="s">
        <v>56663</v>
      </c>
    </row>
    <row r="979" spans="1:10" x14ac:dyDescent="0.25">
      <c r="A979" t="s">
        <v>51987</v>
      </c>
      <c r="B979" t="s">
        <v>51988</v>
      </c>
      <c r="C979" t="s">
        <v>45398</v>
      </c>
      <c r="D979" t="s">
        <v>51619</v>
      </c>
      <c r="E979" t="s">
        <v>13</v>
      </c>
      <c r="F979">
        <v>13103</v>
      </c>
      <c r="G979" t="s">
        <v>51989</v>
      </c>
      <c r="H979">
        <v>5.392266983231</v>
      </c>
      <c r="I979">
        <v>52.186038897168999</v>
      </c>
      <c r="J979" t="s">
        <v>56664</v>
      </c>
    </row>
    <row r="980" spans="1:10" x14ac:dyDescent="0.25">
      <c r="A980" t="s">
        <v>51983</v>
      </c>
      <c r="B980" t="s">
        <v>51984</v>
      </c>
      <c r="C980" t="s">
        <v>51985</v>
      </c>
      <c r="D980" t="s">
        <v>51619</v>
      </c>
      <c r="E980" t="s">
        <v>13</v>
      </c>
      <c r="F980">
        <v>13102</v>
      </c>
      <c r="G980" t="s">
        <v>51986</v>
      </c>
      <c r="H980">
        <v>5.3894526117129997</v>
      </c>
      <c r="I980">
        <v>52.183899061024</v>
      </c>
      <c r="J980" t="s">
        <v>56665</v>
      </c>
    </row>
    <row r="981" spans="1:10" x14ac:dyDescent="0.25">
      <c r="A981" t="s">
        <v>51979</v>
      </c>
      <c r="B981" t="s">
        <v>51980</v>
      </c>
      <c r="C981" t="s">
        <v>51981</v>
      </c>
      <c r="D981" t="s">
        <v>51619</v>
      </c>
      <c r="E981" t="s">
        <v>13</v>
      </c>
      <c r="F981">
        <v>13101</v>
      </c>
      <c r="G981" t="s">
        <v>51982</v>
      </c>
      <c r="H981">
        <v>5.4075164110090004</v>
      </c>
      <c r="I981">
        <v>52.188418270112997</v>
      </c>
      <c r="J981" t="s">
        <v>56666</v>
      </c>
    </row>
    <row r="982" spans="1:10" x14ac:dyDescent="0.25">
      <c r="A982" t="s">
        <v>51975</v>
      </c>
      <c r="B982" t="s">
        <v>51976</v>
      </c>
      <c r="C982" t="s">
        <v>51977</v>
      </c>
      <c r="D982" t="s">
        <v>51619</v>
      </c>
      <c r="E982" t="s">
        <v>13</v>
      </c>
      <c r="F982">
        <v>13100</v>
      </c>
      <c r="G982" t="s">
        <v>51978</v>
      </c>
      <c r="H982">
        <v>5.4138086496550004</v>
      </c>
      <c r="I982">
        <v>52.18329707062</v>
      </c>
      <c r="J982" t="s">
        <v>56667</v>
      </c>
    </row>
    <row r="983" spans="1:10" x14ac:dyDescent="0.25">
      <c r="A983" t="s">
        <v>51971</v>
      </c>
      <c r="B983" t="s">
        <v>51972</v>
      </c>
      <c r="C983" t="s">
        <v>51973</v>
      </c>
      <c r="D983" t="s">
        <v>51619</v>
      </c>
      <c r="E983" t="s">
        <v>13</v>
      </c>
      <c r="F983">
        <v>13099</v>
      </c>
      <c r="G983" t="s">
        <v>51974</v>
      </c>
      <c r="H983">
        <v>5.3967356836120004</v>
      </c>
      <c r="I983">
        <v>52.181416857231</v>
      </c>
      <c r="J983" t="s">
        <v>56668</v>
      </c>
    </row>
    <row r="984" spans="1:10" x14ac:dyDescent="0.25">
      <c r="A984" t="s">
        <v>51967</v>
      </c>
      <c r="B984" t="s">
        <v>51968</v>
      </c>
      <c r="C984" t="s">
        <v>51969</v>
      </c>
      <c r="D984" t="s">
        <v>51619</v>
      </c>
      <c r="E984" t="s">
        <v>13</v>
      </c>
      <c r="F984">
        <v>13098</v>
      </c>
      <c r="G984" t="s">
        <v>51970</v>
      </c>
      <c r="H984">
        <v>5.4003927327110004</v>
      </c>
      <c r="I984">
        <v>52.182386752223998</v>
      </c>
      <c r="J984" t="s">
        <v>56669</v>
      </c>
    </row>
    <row r="985" spans="1:10" x14ac:dyDescent="0.25">
      <c r="A985" t="s">
        <v>51963</v>
      </c>
      <c r="B985" t="s">
        <v>51964</v>
      </c>
      <c r="C985" t="s">
        <v>51965</v>
      </c>
      <c r="D985" t="s">
        <v>51619</v>
      </c>
      <c r="E985" t="s">
        <v>13</v>
      </c>
      <c r="F985">
        <v>13097</v>
      </c>
      <c r="G985" t="s">
        <v>51966</v>
      </c>
      <c r="H985">
        <v>5.4038284167960002</v>
      </c>
      <c r="I985">
        <v>52.180293856778</v>
      </c>
      <c r="J985" t="s">
        <v>56670</v>
      </c>
    </row>
    <row r="986" spans="1:10" x14ac:dyDescent="0.25">
      <c r="A986" t="s">
        <v>51959</v>
      </c>
      <c r="B986" t="s">
        <v>51960</v>
      </c>
      <c r="C986" t="s">
        <v>51961</v>
      </c>
      <c r="D986" t="s">
        <v>51619</v>
      </c>
      <c r="E986" t="s">
        <v>13</v>
      </c>
      <c r="F986">
        <v>13096</v>
      </c>
      <c r="G986" t="s">
        <v>51962</v>
      </c>
      <c r="H986">
        <v>5.4042832439020003</v>
      </c>
      <c r="I986">
        <v>52.184743296374002</v>
      </c>
      <c r="J986" t="s">
        <v>56671</v>
      </c>
    </row>
    <row r="987" spans="1:10" x14ac:dyDescent="0.25">
      <c r="A987" t="s">
        <v>51955</v>
      </c>
      <c r="B987" t="s">
        <v>51956</v>
      </c>
      <c r="C987" t="s">
        <v>51957</v>
      </c>
      <c r="D987" t="s">
        <v>51619</v>
      </c>
      <c r="E987" t="s">
        <v>13</v>
      </c>
      <c r="F987">
        <v>13095</v>
      </c>
      <c r="G987" t="s">
        <v>51958</v>
      </c>
      <c r="H987">
        <v>5.4082841662919998</v>
      </c>
      <c r="I987">
        <v>52.179768728016001</v>
      </c>
      <c r="J987" t="s">
        <v>56672</v>
      </c>
    </row>
    <row r="988" spans="1:10" x14ac:dyDescent="0.25">
      <c r="A988" t="s">
        <v>51952</v>
      </c>
      <c r="B988" t="s">
        <v>51953</v>
      </c>
      <c r="C988" t="s">
        <v>7792</v>
      </c>
      <c r="D988" t="s">
        <v>51619</v>
      </c>
      <c r="E988" t="s">
        <v>13</v>
      </c>
      <c r="F988">
        <v>13094</v>
      </c>
      <c r="G988" t="s">
        <v>51954</v>
      </c>
      <c r="H988">
        <v>5.408445453903</v>
      </c>
      <c r="I988">
        <v>52.185789395459999</v>
      </c>
      <c r="J988" t="s">
        <v>56673</v>
      </c>
    </row>
    <row r="989" spans="1:10" x14ac:dyDescent="0.25">
      <c r="A989" t="s">
        <v>51948</v>
      </c>
      <c r="B989" t="s">
        <v>51949</v>
      </c>
      <c r="C989" t="s">
        <v>51950</v>
      </c>
      <c r="D989" t="s">
        <v>51619</v>
      </c>
      <c r="E989" t="s">
        <v>13</v>
      </c>
      <c r="F989">
        <v>13093</v>
      </c>
      <c r="G989" t="s">
        <v>51951</v>
      </c>
      <c r="H989">
        <v>5.3741548226839999</v>
      </c>
      <c r="I989">
        <v>52.193392357983001</v>
      </c>
      <c r="J989" t="s">
        <v>56674</v>
      </c>
    </row>
    <row r="990" spans="1:10" x14ac:dyDescent="0.25">
      <c r="A990" t="s">
        <v>51944</v>
      </c>
      <c r="B990" t="s">
        <v>51945</v>
      </c>
      <c r="C990" t="s">
        <v>51946</v>
      </c>
      <c r="D990" t="s">
        <v>51619</v>
      </c>
      <c r="E990" t="s">
        <v>13</v>
      </c>
      <c r="F990">
        <v>13092</v>
      </c>
      <c r="G990" t="s">
        <v>51947</v>
      </c>
      <c r="H990">
        <v>5.3838269374739998</v>
      </c>
      <c r="I990">
        <v>52.193024140943002</v>
      </c>
      <c r="J990" t="s">
        <v>56675</v>
      </c>
    </row>
    <row r="991" spans="1:10" x14ac:dyDescent="0.25">
      <c r="A991" t="s">
        <v>51940</v>
      </c>
      <c r="B991" t="s">
        <v>51941</v>
      </c>
      <c r="C991" t="s">
        <v>51942</v>
      </c>
      <c r="D991" t="s">
        <v>51619</v>
      </c>
      <c r="E991" t="s">
        <v>13</v>
      </c>
      <c r="F991">
        <v>13091</v>
      </c>
      <c r="G991" t="s">
        <v>51943</v>
      </c>
      <c r="H991">
        <v>5.3724710213310001</v>
      </c>
      <c r="I991">
        <v>52.176218082368997</v>
      </c>
      <c r="J991" t="s">
        <v>56676</v>
      </c>
    </row>
    <row r="992" spans="1:10" x14ac:dyDescent="0.25">
      <c r="A992" t="s">
        <v>51936</v>
      </c>
      <c r="B992" t="s">
        <v>51937</v>
      </c>
      <c r="C992" t="s">
        <v>51938</v>
      </c>
      <c r="D992" t="s">
        <v>51619</v>
      </c>
      <c r="E992" t="s">
        <v>13</v>
      </c>
      <c r="F992">
        <v>13090</v>
      </c>
      <c r="G992" t="s">
        <v>51939</v>
      </c>
      <c r="H992">
        <v>5.3717618980899999</v>
      </c>
      <c r="I992">
        <v>52.185436543740003</v>
      </c>
      <c r="J992" t="s">
        <v>56677</v>
      </c>
    </row>
    <row r="993" spans="1:10" x14ac:dyDescent="0.25">
      <c r="A993" t="s">
        <v>51932</v>
      </c>
      <c r="B993" t="s">
        <v>51933</v>
      </c>
      <c r="C993" t="s">
        <v>51934</v>
      </c>
      <c r="D993" t="s">
        <v>51619</v>
      </c>
      <c r="E993" t="s">
        <v>13</v>
      </c>
      <c r="F993">
        <v>13089</v>
      </c>
      <c r="G993" t="s">
        <v>51935</v>
      </c>
      <c r="H993">
        <v>5.3741004788930002</v>
      </c>
      <c r="I993">
        <v>52.190487934838998</v>
      </c>
      <c r="J993" t="s">
        <v>56678</v>
      </c>
    </row>
    <row r="994" spans="1:10" x14ac:dyDescent="0.25">
      <c r="A994" t="s">
        <v>51928</v>
      </c>
      <c r="B994" t="s">
        <v>51929</v>
      </c>
      <c r="C994" t="s">
        <v>51930</v>
      </c>
      <c r="D994" t="s">
        <v>51619</v>
      </c>
      <c r="E994" t="s">
        <v>13</v>
      </c>
      <c r="F994">
        <v>13088</v>
      </c>
      <c r="G994" t="s">
        <v>51931</v>
      </c>
      <c r="H994">
        <v>5.3807292313490001</v>
      </c>
      <c r="I994">
        <v>52.188081814062997</v>
      </c>
      <c r="J994" t="s">
        <v>56679</v>
      </c>
    </row>
    <row r="995" spans="1:10" x14ac:dyDescent="0.25">
      <c r="A995" t="s">
        <v>51924</v>
      </c>
      <c r="B995" t="s">
        <v>51925</v>
      </c>
      <c r="C995" t="s">
        <v>51926</v>
      </c>
      <c r="D995" t="s">
        <v>51619</v>
      </c>
      <c r="E995" t="s">
        <v>13</v>
      </c>
      <c r="F995">
        <v>13087</v>
      </c>
      <c r="G995" t="s">
        <v>51927</v>
      </c>
      <c r="H995">
        <v>5.3774756828320003</v>
      </c>
      <c r="I995">
        <v>52.181705650494003</v>
      </c>
      <c r="J995" t="s">
        <v>56680</v>
      </c>
    </row>
    <row r="996" spans="1:10" x14ac:dyDescent="0.25">
      <c r="A996" t="s">
        <v>51921</v>
      </c>
      <c r="B996" t="s">
        <v>51922</v>
      </c>
      <c r="C996" t="s">
        <v>97</v>
      </c>
      <c r="D996" t="s">
        <v>51619</v>
      </c>
      <c r="E996" t="s">
        <v>13</v>
      </c>
      <c r="F996">
        <v>13086</v>
      </c>
      <c r="G996" t="s">
        <v>51923</v>
      </c>
      <c r="H996">
        <v>5.3614300167959996</v>
      </c>
      <c r="I996">
        <v>52.144566525767999</v>
      </c>
      <c r="J996" t="s">
        <v>56681</v>
      </c>
    </row>
    <row r="997" spans="1:10" x14ac:dyDescent="0.25">
      <c r="A997" t="s">
        <v>51917</v>
      </c>
      <c r="B997" t="s">
        <v>51918</v>
      </c>
      <c r="C997" t="s">
        <v>51919</v>
      </c>
      <c r="D997" t="s">
        <v>51619</v>
      </c>
      <c r="E997" t="s">
        <v>13</v>
      </c>
      <c r="F997">
        <v>13085</v>
      </c>
      <c r="G997" t="s">
        <v>51920</v>
      </c>
      <c r="H997">
        <v>5.3589336525639997</v>
      </c>
      <c r="I997">
        <v>52.149000972928</v>
      </c>
      <c r="J997" t="s">
        <v>56682</v>
      </c>
    </row>
    <row r="998" spans="1:10" x14ac:dyDescent="0.25">
      <c r="A998" t="s">
        <v>51913</v>
      </c>
      <c r="B998" t="s">
        <v>51914</v>
      </c>
      <c r="C998" t="s">
        <v>51915</v>
      </c>
      <c r="D998" t="s">
        <v>51619</v>
      </c>
      <c r="E998" t="s">
        <v>13</v>
      </c>
      <c r="F998">
        <v>13084</v>
      </c>
      <c r="G998" t="s">
        <v>51916</v>
      </c>
      <c r="H998">
        <v>5.3666602252470001</v>
      </c>
      <c r="I998">
        <v>52.151160394389002</v>
      </c>
      <c r="J998" t="s">
        <v>56683</v>
      </c>
    </row>
    <row r="999" spans="1:10" x14ac:dyDescent="0.25">
      <c r="A999" t="s">
        <v>51910</v>
      </c>
      <c r="B999" t="s">
        <v>51911</v>
      </c>
      <c r="C999" t="s">
        <v>4780</v>
      </c>
      <c r="D999" t="s">
        <v>51619</v>
      </c>
      <c r="E999" t="s">
        <v>13</v>
      </c>
      <c r="F999">
        <v>13083</v>
      </c>
      <c r="G999" t="s">
        <v>51912</v>
      </c>
      <c r="H999">
        <v>5.3715636495709997</v>
      </c>
      <c r="I999">
        <v>52.153073680596002</v>
      </c>
      <c r="J999" t="s">
        <v>56684</v>
      </c>
    </row>
    <row r="1000" spans="1:10" x14ac:dyDescent="0.25">
      <c r="A1000" t="s">
        <v>51906</v>
      </c>
      <c r="B1000" t="s">
        <v>51907</v>
      </c>
      <c r="C1000" t="s">
        <v>51908</v>
      </c>
      <c r="D1000" t="s">
        <v>51619</v>
      </c>
      <c r="E1000" t="s">
        <v>13</v>
      </c>
      <c r="F1000">
        <v>13082</v>
      </c>
      <c r="G1000" t="s">
        <v>51909</v>
      </c>
      <c r="H1000">
        <v>5.3732630094280003</v>
      </c>
      <c r="I1000">
        <v>52.149768034162001</v>
      </c>
      <c r="J1000" t="s">
        <v>56685</v>
      </c>
    </row>
    <row r="1001" spans="1:10" x14ac:dyDescent="0.25">
      <c r="A1001" t="s">
        <v>51902</v>
      </c>
      <c r="B1001" t="s">
        <v>51903</v>
      </c>
      <c r="C1001" t="s">
        <v>51904</v>
      </c>
      <c r="D1001" t="s">
        <v>51619</v>
      </c>
      <c r="E1001" t="s">
        <v>13</v>
      </c>
      <c r="F1001">
        <v>13081</v>
      </c>
      <c r="G1001" t="s">
        <v>51905</v>
      </c>
      <c r="H1001">
        <v>5.3652116403430004</v>
      </c>
      <c r="I1001">
        <v>52.140120704167998</v>
      </c>
      <c r="J1001" t="s">
        <v>56686</v>
      </c>
    </row>
    <row r="1002" spans="1:10" x14ac:dyDescent="0.25">
      <c r="A1002" t="s">
        <v>51898</v>
      </c>
      <c r="B1002" t="s">
        <v>51899</v>
      </c>
      <c r="C1002" t="s">
        <v>51900</v>
      </c>
      <c r="D1002" t="s">
        <v>51619</v>
      </c>
      <c r="E1002" t="s">
        <v>13</v>
      </c>
      <c r="F1002">
        <v>13080</v>
      </c>
      <c r="G1002" t="s">
        <v>51901</v>
      </c>
      <c r="H1002">
        <v>5.3705565251119998</v>
      </c>
      <c r="I1002">
        <v>52.138417709696</v>
      </c>
      <c r="J1002" t="s">
        <v>56687</v>
      </c>
    </row>
    <row r="1003" spans="1:10" x14ac:dyDescent="0.25">
      <c r="A1003" t="s">
        <v>51895</v>
      </c>
      <c r="B1003" t="s">
        <v>51896</v>
      </c>
      <c r="C1003" t="s">
        <v>24089</v>
      </c>
      <c r="D1003" t="s">
        <v>51619</v>
      </c>
      <c r="E1003" t="s">
        <v>13</v>
      </c>
      <c r="F1003">
        <v>13079</v>
      </c>
      <c r="G1003" t="s">
        <v>51897</v>
      </c>
      <c r="H1003">
        <v>5.3732683357279996</v>
      </c>
      <c r="I1003">
        <v>52.13634437156</v>
      </c>
      <c r="J1003" t="s">
        <v>56688</v>
      </c>
    </row>
    <row r="1004" spans="1:10" x14ac:dyDescent="0.25">
      <c r="A1004" t="s">
        <v>51891</v>
      </c>
      <c r="B1004" t="s">
        <v>51892</v>
      </c>
      <c r="C1004" t="s">
        <v>51893</v>
      </c>
      <c r="D1004" t="s">
        <v>51619</v>
      </c>
      <c r="E1004" t="s">
        <v>13</v>
      </c>
      <c r="F1004">
        <v>13078</v>
      </c>
      <c r="G1004" t="s">
        <v>51894</v>
      </c>
      <c r="H1004">
        <v>5.3778315215100001</v>
      </c>
      <c r="I1004">
        <v>52.14318613407</v>
      </c>
      <c r="J1004" t="s">
        <v>56689</v>
      </c>
    </row>
    <row r="1005" spans="1:10" x14ac:dyDescent="0.25">
      <c r="A1005" t="s">
        <v>51887</v>
      </c>
      <c r="B1005" t="s">
        <v>51888</v>
      </c>
      <c r="C1005" t="s">
        <v>51889</v>
      </c>
      <c r="D1005" t="s">
        <v>51619</v>
      </c>
      <c r="E1005" t="s">
        <v>13</v>
      </c>
      <c r="F1005">
        <v>13077</v>
      </c>
      <c r="G1005" t="s">
        <v>51890</v>
      </c>
      <c r="H1005">
        <v>5.372825515652</v>
      </c>
      <c r="I1005">
        <v>52.143663272414003</v>
      </c>
      <c r="J1005" t="s">
        <v>56690</v>
      </c>
    </row>
    <row r="1006" spans="1:10" x14ac:dyDescent="0.25">
      <c r="A1006" t="s">
        <v>51883</v>
      </c>
      <c r="B1006" t="s">
        <v>51884</v>
      </c>
      <c r="C1006" t="s">
        <v>51885</v>
      </c>
      <c r="D1006" t="s">
        <v>51619</v>
      </c>
      <c r="E1006" t="s">
        <v>13</v>
      </c>
      <c r="F1006">
        <v>13076</v>
      </c>
      <c r="G1006" t="s">
        <v>51886</v>
      </c>
      <c r="H1006">
        <v>5.3739679344929998</v>
      </c>
      <c r="I1006">
        <v>52.147300054155998</v>
      </c>
      <c r="J1006" t="s">
        <v>56691</v>
      </c>
    </row>
    <row r="1007" spans="1:10" x14ac:dyDescent="0.25">
      <c r="A1007" t="s">
        <v>51879</v>
      </c>
      <c r="B1007" t="s">
        <v>51880</v>
      </c>
      <c r="C1007" t="s">
        <v>51881</v>
      </c>
      <c r="D1007" t="s">
        <v>51619</v>
      </c>
      <c r="E1007" t="s">
        <v>13</v>
      </c>
      <c r="F1007">
        <v>13075</v>
      </c>
      <c r="G1007" t="s">
        <v>51882</v>
      </c>
      <c r="H1007">
        <v>5.3799320890170002</v>
      </c>
      <c r="I1007">
        <v>52.147180026535999</v>
      </c>
      <c r="J1007" t="s">
        <v>56692</v>
      </c>
    </row>
    <row r="1008" spans="1:10" x14ac:dyDescent="0.25">
      <c r="A1008" t="s">
        <v>51875</v>
      </c>
      <c r="B1008" t="s">
        <v>51876</v>
      </c>
      <c r="C1008" t="s">
        <v>51877</v>
      </c>
      <c r="D1008" t="s">
        <v>51619</v>
      </c>
      <c r="E1008" t="s">
        <v>13</v>
      </c>
      <c r="F1008">
        <v>13074</v>
      </c>
      <c r="G1008" t="s">
        <v>51878</v>
      </c>
      <c r="H1008">
        <v>5.3809922460950004</v>
      </c>
      <c r="I1008">
        <v>52.149672824558003</v>
      </c>
      <c r="J1008" t="s">
        <v>56693</v>
      </c>
    </row>
    <row r="1009" spans="1:10" x14ac:dyDescent="0.25">
      <c r="A1009" t="s">
        <v>51871</v>
      </c>
      <c r="B1009" t="s">
        <v>51872</v>
      </c>
      <c r="C1009" t="s">
        <v>51873</v>
      </c>
      <c r="D1009" t="s">
        <v>51619</v>
      </c>
      <c r="E1009" t="s">
        <v>13</v>
      </c>
      <c r="F1009">
        <v>13073</v>
      </c>
      <c r="G1009" t="s">
        <v>51874</v>
      </c>
      <c r="H1009">
        <v>5.3868542882090003</v>
      </c>
      <c r="I1009">
        <v>52.135485664854002</v>
      </c>
      <c r="J1009" t="s">
        <v>56694</v>
      </c>
    </row>
    <row r="1010" spans="1:10" x14ac:dyDescent="0.25">
      <c r="A1010" t="s">
        <v>51867</v>
      </c>
      <c r="B1010" t="s">
        <v>51868</v>
      </c>
      <c r="C1010" t="s">
        <v>51869</v>
      </c>
      <c r="D1010" t="s">
        <v>51619</v>
      </c>
      <c r="E1010" t="s">
        <v>13</v>
      </c>
      <c r="F1010">
        <v>13072</v>
      </c>
      <c r="G1010" t="s">
        <v>51870</v>
      </c>
      <c r="H1010">
        <v>5.3891017279220002</v>
      </c>
      <c r="I1010">
        <v>52.141757241143999</v>
      </c>
      <c r="J1010" t="s">
        <v>56695</v>
      </c>
    </row>
    <row r="1011" spans="1:10" x14ac:dyDescent="0.25">
      <c r="A1011" t="s">
        <v>51863</v>
      </c>
      <c r="B1011" t="s">
        <v>51864</v>
      </c>
      <c r="C1011" t="s">
        <v>51865</v>
      </c>
      <c r="D1011" t="s">
        <v>51619</v>
      </c>
      <c r="E1011" t="s">
        <v>13</v>
      </c>
      <c r="F1011">
        <v>13071</v>
      </c>
      <c r="G1011" t="s">
        <v>51866</v>
      </c>
      <c r="H1011">
        <v>5.3807731514980004</v>
      </c>
      <c r="I1011">
        <v>52.140196138023001</v>
      </c>
      <c r="J1011" t="s">
        <v>56696</v>
      </c>
    </row>
    <row r="1012" spans="1:10" x14ac:dyDescent="0.25">
      <c r="A1012" t="s">
        <v>51860</v>
      </c>
      <c r="B1012" t="s">
        <v>51861</v>
      </c>
      <c r="C1012" t="s">
        <v>47095</v>
      </c>
      <c r="D1012" t="s">
        <v>51619</v>
      </c>
      <c r="E1012" t="s">
        <v>13</v>
      </c>
      <c r="F1012">
        <v>13070</v>
      </c>
      <c r="G1012" t="s">
        <v>51862</v>
      </c>
      <c r="H1012">
        <v>5.385495492135</v>
      </c>
      <c r="I1012">
        <v>52.145860383330998</v>
      </c>
      <c r="J1012" t="s">
        <v>56697</v>
      </c>
    </row>
    <row r="1013" spans="1:10" x14ac:dyDescent="0.25">
      <c r="A1013" t="s">
        <v>51856</v>
      </c>
      <c r="B1013" t="s">
        <v>51857</v>
      </c>
      <c r="C1013" t="s">
        <v>51858</v>
      </c>
      <c r="D1013" t="s">
        <v>51619</v>
      </c>
      <c r="E1013" t="s">
        <v>13</v>
      </c>
      <c r="F1013">
        <v>13069</v>
      </c>
      <c r="G1013" t="s">
        <v>51859</v>
      </c>
      <c r="H1013">
        <v>5.400100039032</v>
      </c>
      <c r="I1013">
        <v>52.140747845088001</v>
      </c>
      <c r="J1013" t="s">
        <v>56698</v>
      </c>
    </row>
    <row r="1014" spans="1:10" x14ac:dyDescent="0.25">
      <c r="A1014" t="s">
        <v>51852</v>
      </c>
      <c r="B1014" t="s">
        <v>51853</v>
      </c>
      <c r="C1014" t="s">
        <v>51854</v>
      </c>
      <c r="D1014" t="s">
        <v>51619</v>
      </c>
      <c r="E1014" t="s">
        <v>13</v>
      </c>
      <c r="F1014">
        <v>13068</v>
      </c>
      <c r="G1014" t="s">
        <v>51855</v>
      </c>
      <c r="H1014">
        <v>5.3889774123759997</v>
      </c>
      <c r="I1014">
        <v>52.148319935610999</v>
      </c>
      <c r="J1014" t="s">
        <v>56699</v>
      </c>
    </row>
    <row r="1015" spans="1:10" x14ac:dyDescent="0.25">
      <c r="A1015" t="s">
        <v>51848</v>
      </c>
      <c r="B1015" t="s">
        <v>51849</v>
      </c>
      <c r="C1015" t="s">
        <v>51850</v>
      </c>
      <c r="D1015" t="s">
        <v>51619</v>
      </c>
      <c r="E1015" t="s">
        <v>13</v>
      </c>
      <c r="F1015">
        <v>13067</v>
      </c>
      <c r="G1015" t="s">
        <v>51851</v>
      </c>
      <c r="H1015">
        <v>5.3950492408409998</v>
      </c>
      <c r="I1015">
        <v>52.146466050341999</v>
      </c>
      <c r="J1015" t="s">
        <v>56700</v>
      </c>
    </row>
    <row r="1016" spans="1:10" x14ac:dyDescent="0.25">
      <c r="A1016" t="s">
        <v>51844</v>
      </c>
      <c r="B1016" t="s">
        <v>51845</v>
      </c>
      <c r="C1016" t="s">
        <v>51846</v>
      </c>
      <c r="D1016" t="s">
        <v>51619</v>
      </c>
      <c r="E1016" t="s">
        <v>13</v>
      </c>
      <c r="F1016">
        <v>13066</v>
      </c>
      <c r="G1016" t="s">
        <v>51847</v>
      </c>
      <c r="H1016">
        <v>5.3903784743180001</v>
      </c>
      <c r="I1016">
        <v>52.151691779438998</v>
      </c>
      <c r="J1016" t="s">
        <v>56701</v>
      </c>
    </row>
    <row r="1017" spans="1:10" x14ac:dyDescent="0.25">
      <c r="A1017" t="s">
        <v>51841</v>
      </c>
      <c r="B1017" t="s">
        <v>51842</v>
      </c>
      <c r="C1017" t="s">
        <v>1304</v>
      </c>
      <c r="D1017" t="s">
        <v>51619</v>
      </c>
      <c r="E1017" t="s">
        <v>13</v>
      </c>
      <c r="F1017">
        <v>13065</v>
      </c>
      <c r="G1017" t="s">
        <v>51843</v>
      </c>
      <c r="H1017">
        <v>5.4065593248469996</v>
      </c>
      <c r="I1017">
        <v>52.146167777060001</v>
      </c>
      <c r="J1017" t="s">
        <v>56702</v>
      </c>
    </row>
    <row r="1018" spans="1:10" x14ac:dyDescent="0.25">
      <c r="A1018" t="s">
        <v>51838</v>
      </c>
      <c r="B1018" t="s">
        <v>51839</v>
      </c>
      <c r="C1018" t="s">
        <v>1308</v>
      </c>
      <c r="D1018" t="s">
        <v>51619</v>
      </c>
      <c r="E1018" t="s">
        <v>13</v>
      </c>
      <c r="F1018">
        <v>13064</v>
      </c>
      <c r="G1018" t="s">
        <v>51840</v>
      </c>
      <c r="H1018">
        <v>5.4012447571589997</v>
      </c>
      <c r="I1018">
        <v>52.149929469568001</v>
      </c>
      <c r="J1018" t="s">
        <v>56703</v>
      </c>
    </row>
    <row r="1019" spans="1:10" x14ac:dyDescent="0.25">
      <c r="A1019" t="s">
        <v>51835</v>
      </c>
      <c r="B1019" t="s">
        <v>51836</v>
      </c>
      <c r="C1019" t="s">
        <v>1312</v>
      </c>
      <c r="D1019" t="s">
        <v>51619</v>
      </c>
      <c r="E1019" t="s">
        <v>13</v>
      </c>
      <c r="F1019">
        <v>13063</v>
      </c>
      <c r="G1019" t="s">
        <v>51837</v>
      </c>
      <c r="H1019">
        <v>5.403542849351</v>
      </c>
      <c r="I1019">
        <v>52.153912763085003</v>
      </c>
      <c r="J1019" t="s">
        <v>56704</v>
      </c>
    </row>
    <row r="1020" spans="1:10" x14ac:dyDescent="0.25">
      <c r="A1020" t="s">
        <v>51831</v>
      </c>
      <c r="B1020" t="s">
        <v>51832</v>
      </c>
      <c r="C1020" t="s">
        <v>51833</v>
      </c>
      <c r="D1020" t="s">
        <v>51619</v>
      </c>
      <c r="E1020" t="s">
        <v>13</v>
      </c>
      <c r="F1020">
        <v>13062</v>
      </c>
      <c r="G1020" t="s">
        <v>51834</v>
      </c>
      <c r="H1020">
        <v>5.399187647302</v>
      </c>
      <c r="I1020">
        <v>52.154671434374997</v>
      </c>
      <c r="J1020" t="s">
        <v>56705</v>
      </c>
    </row>
    <row r="1021" spans="1:10" x14ac:dyDescent="0.25">
      <c r="A1021" t="s">
        <v>51827</v>
      </c>
      <c r="B1021" t="s">
        <v>51828</v>
      </c>
      <c r="C1021" t="s">
        <v>51829</v>
      </c>
      <c r="D1021" t="s">
        <v>51619</v>
      </c>
      <c r="E1021" t="s">
        <v>13</v>
      </c>
      <c r="F1021">
        <v>13061</v>
      </c>
      <c r="G1021" t="s">
        <v>51830</v>
      </c>
      <c r="H1021">
        <v>5.4132682843340003</v>
      </c>
      <c r="I1021">
        <v>52.151683808994001</v>
      </c>
      <c r="J1021" t="s">
        <v>56706</v>
      </c>
    </row>
    <row r="1022" spans="1:10" x14ac:dyDescent="0.25">
      <c r="A1022" t="s">
        <v>51823</v>
      </c>
      <c r="B1022" t="s">
        <v>51824</v>
      </c>
      <c r="C1022" t="s">
        <v>51825</v>
      </c>
      <c r="D1022" t="s">
        <v>51619</v>
      </c>
      <c r="E1022" t="s">
        <v>13</v>
      </c>
      <c r="F1022">
        <v>13060</v>
      </c>
      <c r="G1022" t="s">
        <v>51826</v>
      </c>
      <c r="H1022">
        <v>5.4145266185000001</v>
      </c>
      <c r="I1022">
        <v>52.157812847042003</v>
      </c>
      <c r="J1022" t="s">
        <v>56707</v>
      </c>
    </row>
    <row r="1023" spans="1:10" x14ac:dyDescent="0.25">
      <c r="A1023" t="s">
        <v>51819</v>
      </c>
      <c r="B1023" t="s">
        <v>51820</v>
      </c>
      <c r="C1023" t="s">
        <v>51821</v>
      </c>
      <c r="D1023" t="s">
        <v>51619</v>
      </c>
      <c r="E1023" t="s">
        <v>13</v>
      </c>
      <c r="F1023">
        <v>13059</v>
      </c>
      <c r="G1023" t="s">
        <v>51822</v>
      </c>
      <c r="H1023">
        <v>5.4107519500789998</v>
      </c>
      <c r="I1023">
        <v>52.155463047280001</v>
      </c>
      <c r="J1023" t="s">
        <v>56708</v>
      </c>
    </row>
    <row r="1024" spans="1:10" x14ac:dyDescent="0.25">
      <c r="A1024" t="s">
        <v>51815</v>
      </c>
      <c r="B1024" t="s">
        <v>51816</v>
      </c>
      <c r="C1024" t="s">
        <v>51817</v>
      </c>
      <c r="D1024" t="s">
        <v>51619</v>
      </c>
      <c r="E1024" t="s">
        <v>13</v>
      </c>
      <c r="F1024">
        <v>13058</v>
      </c>
      <c r="G1024" t="s">
        <v>51818</v>
      </c>
      <c r="H1024">
        <v>5.4360128228500004</v>
      </c>
      <c r="I1024">
        <v>52.176827070126002</v>
      </c>
      <c r="J1024" t="s">
        <v>56709</v>
      </c>
    </row>
    <row r="1025" spans="1:10" x14ac:dyDescent="0.25">
      <c r="A1025" t="s">
        <v>51811</v>
      </c>
      <c r="B1025" t="s">
        <v>51812</v>
      </c>
      <c r="C1025" t="s">
        <v>51813</v>
      </c>
      <c r="D1025" t="s">
        <v>51619</v>
      </c>
      <c r="E1025" t="s">
        <v>13</v>
      </c>
      <c r="F1025">
        <v>13057</v>
      </c>
      <c r="G1025" t="s">
        <v>51814</v>
      </c>
      <c r="H1025">
        <v>5.4328256264609998</v>
      </c>
      <c r="I1025">
        <v>52.170969499141997</v>
      </c>
      <c r="J1025" t="s">
        <v>56710</v>
      </c>
    </row>
    <row r="1026" spans="1:10" x14ac:dyDescent="0.25">
      <c r="A1026" t="s">
        <v>51807</v>
      </c>
      <c r="B1026" t="s">
        <v>51808</v>
      </c>
      <c r="C1026" t="s">
        <v>51809</v>
      </c>
      <c r="D1026" t="s">
        <v>51619</v>
      </c>
      <c r="E1026" t="s">
        <v>13</v>
      </c>
      <c r="F1026">
        <v>13056</v>
      </c>
      <c r="G1026" t="s">
        <v>51810</v>
      </c>
      <c r="H1026">
        <v>5.4265296965500003</v>
      </c>
      <c r="I1026">
        <v>52.166360489631998</v>
      </c>
      <c r="J1026" t="s">
        <v>56711</v>
      </c>
    </row>
    <row r="1027" spans="1:10" x14ac:dyDescent="0.25">
      <c r="A1027" t="s">
        <v>51803</v>
      </c>
      <c r="B1027" t="s">
        <v>51804</v>
      </c>
      <c r="C1027" t="s">
        <v>51805</v>
      </c>
      <c r="D1027" t="s">
        <v>51619</v>
      </c>
      <c r="E1027" t="s">
        <v>13</v>
      </c>
      <c r="F1027">
        <v>13055</v>
      </c>
      <c r="G1027" t="s">
        <v>51806</v>
      </c>
      <c r="H1027">
        <v>5.4654225869179998</v>
      </c>
      <c r="I1027">
        <v>52.159610027554002</v>
      </c>
      <c r="J1027" t="s">
        <v>56712</v>
      </c>
    </row>
    <row r="1028" spans="1:10" x14ac:dyDescent="0.25">
      <c r="A1028" t="s">
        <v>51799</v>
      </c>
      <c r="B1028" t="s">
        <v>51800</v>
      </c>
      <c r="C1028" t="s">
        <v>51801</v>
      </c>
      <c r="D1028" t="s">
        <v>51619</v>
      </c>
      <c r="E1028" t="s">
        <v>13</v>
      </c>
      <c r="F1028">
        <v>13054</v>
      </c>
      <c r="G1028" t="s">
        <v>51802</v>
      </c>
      <c r="H1028">
        <v>5.434427580485</v>
      </c>
      <c r="I1028">
        <v>52.162584179401001</v>
      </c>
      <c r="J1028" t="s">
        <v>56713</v>
      </c>
    </row>
    <row r="1029" spans="1:10" x14ac:dyDescent="0.25">
      <c r="A1029" t="s">
        <v>51795</v>
      </c>
      <c r="B1029" t="s">
        <v>51796</v>
      </c>
      <c r="C1029" t="s">
        <v>51797</v>
      </c>
      <c r="D1029" t="s">
        <v>51619</v>
      </c>
      <c r="E1029" t="s">
        <v>13</v>
      </c>
      <c r="F1029">
        <v>13053</v>
      </c>
      <c r="G1029" t="s">
        <v>51798</v>
      </c>
      <c r="H1029">
        <v>5.4174563203439998</v>
      </c>
      <c r="I1029">
        <v>52.164732471336002</v>
      </c>
      <c r="J1029" t="s">
        <v>56714</v>
      </c>
    </row>
    <row r="1030" spans="1:10" x14ac:dyDescent="0.25">
      <c r="A1030" t="s">
        <v>51791</v>
      </c>
      <c r="B1030" t="s">
        <v>51792</v>
      </c>
      <c r="C1030" t="s">
        <v>51793</v>
      </c>
      <c r="D1030" t="s">
        <v>51619</v>
      </c>
      <c r="E1030" t="s">
        <v>13</v>
      </c>
      <c r="F1030">
        <v>13052</v>
      </c>
      <c r="G1030" t="s">
        <v>51794</v>
      </c>
      <c r="H1030">
        <v>5.4137886844259997</v>
      </c>
      <c r="I1030">
        <v>52.169801667575001</v>
      </c>
      <c r="J1030" t="s">
        <v>56715</v>
      </c>
    </row>
    <row r="1031" spans="1:10" x14ac:dyDescent="0.25">
      <c r="A1031" t="s">
        <v>51787</v>
      </c>
      <c r="B1031" t="s">
        <v>51788</v>
      </c>
      <c r="C1031" t="s">
        <v>51789</v>
      </c>
      <c r="D1031" t="s">
        <v>51619</v>
      </c>
      <c r="E1031" t="s">
        <v>13</v>
      </c>
      <c r="F1031">
        <v>13051</v>
      </c>
      <c r="G1031" t="s">
        <v>51790</v>
      </c>
      <c r="H1031">
        <v>5.4098318375850001</v>
      </c>
      <c r="I1031">
        <v>52.160101270675</v>
      </c>
      <c r="J1031" t="s">
        <v>56716</v>
      </c>
    </row>
    <row r="1032" spans="1:10" x14ac:dyDescent="0.25">
      <c r="A1032" t="s">
        <v>51784</v>
      </c>
      <c r="B1032" t="s">
        <v>51785</v>
      </c>
      <c r="C1032" t="s">
        <v>13863</v>
      </c>
      <c r="D1032" t="s">
        <v>51619</v>
      </c>
      <c r="E1032" t="s">
        <v>13</v>
      </c>
      <c r="F1032">
        <v>13050</v>
      </c>
      <c r="G1032" t="s">
        <v>51786</v>
      </c>
      <c r="H1032">
        <v>5.4086991354840004</v>
      </c>
      <c r="I1032">
        <v>52.163207234498998</v>
      </c>
      <c r="J1032" t="s">
        <v>56717</v>
      </c>
    </row>
    <row r="1033" spans="1:10" x14ac:dyDescent="0.25">
      <c r="A1033" t="s">
        <v>51781</v>
      </c>
      <c r="B1033" t="s">
        <v>51782</v>
      </c>
      <c r="C1033" t="s">
        <v>4805</v>
      </c>
      <c r="D1033" t="s">
        <v>51619</v>
      </c>
      <c r="E1033" t="s">
        <v>13</v>
      </c>
      <c r="F1033">
        <v>13049</v>
      </c>
      <c r="G1033" t="s">
        <v>51783</v>
      </c>
      <c r="H1033">
        <v>5.4072129740000001</v>
      </c>
      <c r="I1033">
        <v>52.168651754751998</v>
      </c>
      <c r="J1033" t="s">
        <v>56718</v>
      </c>
    </row>
    <row r="1034" spans="1:10" x14ac:dyDescent="0.25">
      <c r="A1034" t="s">
        <v>51777</v>
      </c>
      <c r="B1034" t="s">
        <v>51778</v>
      </c>
      <c r="C1034" t="s">
        <v>51779</v>
      </c>
      <c r="D1034" t="s">
        <v>51619</v>
      </c>
      <c r="E1034" t="s">
        <v>13</v>
      </c>
      <c r="F1034">
        <v>13048</v>
      </c>
      <c r="G1034" t="s">
        <v>51780</v>
      </c>
      <c r="H1034">
        <v>5.4039207235040001</v>
      </c>
      <c r="I1034">
        <v>52.166145681929002</v>
      </c>
      <c r="J1034" t="s">
        <v>56719</v>
      </c>
    </row>
    <row r="1035" spans="1:10" x14ac:dyDescent="0.25">
      <c r="A1035" t="s">
        <v>51773</v>
      </c>
      <c r="B1035" t="s">
        <v>51774</v>
      </c>
      <c r="C1035" t="s">
        <v>51775</v>
      </c>
      <c r="D1035" t="s">
        <v>51619</v>
      </c>
      <c r="E1035" t="s">
        <v>13</v>
      </c>
      <c r="F1035">
        <v>13047</v>
      </c>
      <c r="G1035" t="s">
        <v>51776</v>
      </c>
      <c r="H1035">
        <v>5.3995679059880004</v>
      </c>
      <c r="I1035">
        <v>52.168693456748002</v>
      </c>
      <c r="J1035" t="s">
        <v>56720</v>
      </c>
    </row>
    <row r="1036" spans="1:10" x14ac:dyDescent="0.25">
      <c r="A1036" t="s">
        <v>51769</v>
      </c>
      <c r="B1036" t="s">
        <v>51770</v>
      </c>
      <c r="C1036" t="s">
        <v>51771</v>
      </c>
      <c r="D1036" t="s">
        <v>51619</v>
      </c>
      <c r="E1036" t="s">
        <v>13</v>
      </c>
      <c r="F1036">
        <v>13046</v>
      </c>
      <c r="G1036" t="s">
        <v>51772</v>
      </c>
      <c r="H1036">
        <v>5.3864716148499996</v>
      </c>
      <c r="I1036">
        <v>52.179666101987003</v>
      </c>
      <c r="J1036" t="s">
        <v>56721</v>
      </c>
    </row>
    <row r="1037" spans="1:10" x14ac:dyDescent="0.25">
      <c r="A1037" t="s">
        <v>51765</v>
      </c>
      <c r="B1037" t="s">
        <v>51766</v>
      </c>
      <c r="C1037" t="s">
        <v>51767</v>
      </c>
      <c r="D1037" t="s">
        <v>51619</v>
      </c>
      <c r="E1037" t="s">
        <v>13</v>
      </c>
      <c r="F1037">
        <v>13045</v>
      </c>
      <c r="G1037" t="s">
        <v>51768</v>
      </c>
      <c r="H1037">
        <v>5.4013709917639998</v>
      </c>
      <c r="I1037">
        <v>52.175829979534001</v>
      </c>
      <c r="J1037" t="s">
        <v>56722</v>
      </c>
    </row>
    <row r="1038" spans="1:10" x14ac:dyDescent="0.25">
      <c r="A1038" t="s">
        <v>51761</v>
      </c>
      <c r="B1038" t="s">
        <v>51762</v>
      </c>
      <c r="C1038" t="s">
        <v>51763</v>
      </c>
      <c r="D1038" t="s">
        <v>51619</v>
      </c>
      <c r="E1038" t="s">
        <v>13</v>
      </c>
      <c r="F1038">
        <v>13044</v>
      </c>
      <c r="G1038" t="s">
        <v>51764</v>
      </c>
      <c r="H1038">
        <v>5.395448101435</v>
      </c>
      <c r="I1038">
        <v>52.174559062344002</v>
      </c>
      <c r="J1038" t="s">
        <v>56723</v>
      </c>
    </row>
    <row r="1039" spans="1:10" x14ac:dyDescent="0.25">
      <c r="A1039" t="s">
        <v>51757</v>
      </c>
      <c r="B1039" t="s">
        <v>51758</v>
      </c>
      <c r="C1039" t="s">
        <v>51759</v>
      </c>
      <c r="D1039" t="s">
        <v>51619</v>
      </c>
      <c r="E1039" t="s">
        <v>13</v>
      </c>
      <c r="F1039">
        <v>13043</v>
      </c>
      <c r="G1039" t="s">
        <v>51760</v>
      </c>
      <c r="H1039">
        <v>5.3873789890920003</v>
      </c>
      <c r="I1039">
        <v>52.175090540291002</v>
      </c>
      <c r="J1039" t="s">
        <v>56724</v>
      </c>
    </row>
    <row r="1040" spans="1:10" x14ac:dyDescent="0.25">
      <c r="A1040" t="s">
        <v>51753</v>
      </c>
      <c r="B1040" t="s">
        <v>51754</v>
      </c>
      <c r="C1040" t="s">
        <v>51755</v>
      </c>
      <c r="D1040" t="s">
        <v>51619</v>
      </c>
      <c r="E1040" t="s">
        <v>13</v>
      </c>
      <c r="F1040">
        <v>13042</v>
      </c>
      <c r="G1040" t="s">
        <v>51756</v>
      </c>
      <c r="H1040">
        <v>5.3801676857049996</v>
      </c>
      <c r="I1040">
        <v>52.172456347214002</v>
      </c>
      <c r="J1040" t="s">
        <v>56725</v>
      </c>
    </row>
    <row r="1041" spans="1:10" x14ac:dyDescent="0.25">
      <c r="A1041" t="s">
        <v>51749</v>
      </c>
      <c r="B1041" t="s">
        <v>51750</v>
      </c>
      <c r="C1041" t="s">
        <v>51751</v>
      </c>
      <c r="D1041" t="s">
        <v>51619</v>
      </c>
      <c r="E1041" t="s">
        <v>13</v>
      </c>
      <c r="F1041">
        <v>13041</v>
      </c>
      <c r="G1041" t="s">
        <v>51752</v>
      </c>
      <c r="H1041">
        <v>5.3936260980219997</v>
      </c>
      <c r="I1041">
        <v>52.170315968604001</v>
      </c>
      <c r="J1041" t="s">
        <v>56726</v>
      </c>
    </row>
    <row r="1042" spans="1:10" x14ac:dyDescent="0.25">
      <c r="A1042" t="s">
        <v>51745</v>
      </c>
      <c r="B1042" t="s">
        <v>51746</v>
      </c>
      <c r="C1042" t="s">
        <v>51747</v>
      </c>
      <c r="D1042" t="s">
        <v>51619</v>
      </c>
      <c r="E1042" t="s">
        <v>13</v>
      </c>
      <c r="F1042">
        <v>13040</v>
      </c>
      <c r="G1042" t="s">
        <v>51748</v>
      </c>
      <c r="H1042">
        <v>5.3867779654670001</v>
      </c>
      <c r="I1042">
        <v>52.169898686286999</v>
      </c>
      <c r="J1042" t="s">
        <v>56727</v>
      </c>
    </row>
    <row r="1043" spans="1:10" x14ac:dyDescent="0.25">
      <c r="A1043" t="s">
        <v>51741</v>
      </c>
      <c r="B1043" t="s">
        <v>51742</v>
      </c>
      <c r="C1043" t="s">
        <v>51743</v>
      </c>
      <c r="D1043" t="s">
        <v>51619</v>
      </c>
      <c r="E1043" t="s">
        <v>13</v>
      </c>
      <c r="F1043">
        <v>13039</v>
      </c>
      <c r="G1043" t="s">
        <v>51744</v>
      </c>
      <c r="H1043">
        <v>5.3793700565889999</v>
      </c>
      <c r="I1043">
        <v>52.167993012122999</v>
      </c>
      <c r="J1043" t="s">
        <v>56728</v>
      </c>
    </row>
    <row r="1044" spans="1:10" x14ac:dyDescent="0.25">
      <c r="A1044" t="s">
        <v>51737</v>
      </c>
      <c r="B1044" t="s">
        <v>51738</v>
      </c>
      <c r="C1044" t="s">
        <v>51739</v>
      </c>
      <c r="D1044" t="s">
        <v>51619</v>
      </c>
      <c r="E1044" t="s">
        <v>13</v>
      </c>
      <c r="F1044">
        <v>13038</v>
      </c>
      <c r="G1044" t="s">
        <v>51740</v>
      </c>
      <c r="H1044">
        <v>5.4017474213329999</v>
      </c>
      <c r="I1044">
        <v>52.159570689954997</v>
      </c>
      <c r="J1044" t="s">
        <v>56729</v>
      </c>
    </row>
    <row r="1045" spans="1:10" x14ac:dyDescent="0.25">
      <c r="A1045" t="s">
        <v>51733</v>
      </c>
      <c r="B1045" t="s">
        <v>51734</v>
      </c>
      <c r="C1045" t="s">
        <v>51735</v>
      </c>
      <c r="D1045" t="s">
        <v>51619</v>
      </c>
      <c r="E1045" t="s">
        <v>13</v>
      </c>
      <c r="F1045">
        <v>13037</v>
      </c>
      <c r="G1045" t="s">
        <v>51736</v>
      </c>
      <c r="H1045">
        <v>5.3978622359069997</v>
      </c>
      <c r="I1045">
        <v>52.162163743484001</v>
      </c>
      <c r="J1045" t="s">
        <v>56730</v>
      </c>
    </row>
    <row r="1046" spans="1:10" x14ac:dyDescent="0.25">
      <c r="A1046" t="s">
        <v>51729</v>
      </c>
      <c r="B1046" t="s">
        <v>51730</v>
      </c>
      <c r="C1046" t="s">
        <v>51731</v>
      </c>
      <c r="D1046" t="s">
        <v>51619</v>
      </c>
      <c r="E1046" t="s">
        <v>13</v>
      </c>
      <c r="F1046">
        <v>13036</v>
      </c>
      <c r="G1046" t="s">
        <v>51732</v>
      </c>
      <c r="H1046">
        <v>5.3932881181959997</v>
      </c>
      <c r="I1046">
        <v>52.163728821907</v>
      </c>
      <c r="J1046" t="s">
        <v>56731</v>
      </c>
    </row>
    <row r="1047" spans="1:10" x14ac:dyDescent="0.25">
      <c r="A1047" t="s">
        <v>51725</v>
      </c>
      <c r="B1047" t="s">
        <v>51726</v>
      </c>
      <c r="C1047" t="s">
        <v>51727</v>
      </c>
      <c r="D1047" t="s">
        <v>51619</v>
      </c>
      <c r="E1047" t="s">
        <v>13</v>
      </c>
      <c r="F1047">
        <v>13035</v>
      </c>
      <c r="G1047" t="s">
        <v>51728</v>
      </c>
      <c r="H1047">
        <v>5.3832700024579996</v>
      </c>
      <c r="I1047">
        <v>52.161342796164</v>
      </c>
      <c r="J1047" t="s">
        <v>56732</v>
      </c>
    </row>
    <row r="1048" spans="1:10" x14ac:dyDescent="0.25">
      <c r="A1048" t="s">
        <v>51722</v>
      </c>
      <c r="B1048" t="s">
        <v>51723</v>
      </c>
      <c r="C1048" t="s">
        <v>1260</v>
      </c>
      <c r="D1048" t="s">
        <v>51619</v>
      </c>
      <c r="E1048" t="s">
        <v>13</v>
      </c>
      <c r="F1048">
        <v>13034</v>
      </c>
      <c r="G1048" t="s">
        <v>51724</v>
      </c>
      <c r="H1048">
        <v>5.3876861179419997</v>
      </c>
      <c r="I1048">
        <v>52.165290993912997</v>
      </c>
      <c r="J1048" t="s">
        <v>56733</v>
      </c>
    </row>
    <row r="1049" spans="1:10" x14ac:dyDescent="0.25">
      <c r="A1049" t="s">
        <v>51718</v>
      </c>
      <c r="B1049" t="s">
        <v>51719</v>
      </c>
      <c r="C1049" t="s">
        <v>51720</v>
      </c>
      <c r="D1049" t="s">
        <v>51619</v>
      </c>
      <c r="E1049" t="s">
        <v>13</v>
      </c>
      <c r="F1049">
        <v>13033</v>
      </c>
      <c r="G1049" t="s">
        <v>51721</v>
      </c>
      <c r="H1049">
        <v>5.3807788217879997</v>
      </c>
      <c r="I1049">
        <v>52.163616881659003</v>
      </c>
      <c r="J1049" t="s">
        <v>56734</v>
      </c>
    </row>
    <row r="1050" spans="1:10" x14ac:dyDescent="0.25">
      <c r="A1050" t="s">
        <v>51714</v>
      </c>
      <c r="B1050" t="s">
        <v>51715</v>
      </c>
      <c r="C1050" t="s">
        <v>51716</v>
      </c>
      <c r="D1050" t="s">
        <v>51619</v>
      </c>
      <c r="E1050" t="s">
        <v>13</v>
      </c>
      <c r="F1050">
        <v>13032</v>
      </c>
      <c r="G1050" t="s">
        <v>51717</v>
      </c>
      <c r="H1050">
        <v>5.352516581713</v>
      </c>
      <c r="I1050">
        <v>52.168721838061998</v>
      </c>
      <c r="J1050" t="s">
        <v>56735</v>
      </c>
    </row>
    <row r="1051" spans="1:10" x14ac:dyDescent="0.25">
      <c r="A1051" t="s">
        <v>51710</v>
      </c>
      <c r="B1051" t="s">
        <v>51711</v>
      </c>
      <c r="C1051" t="s">
        <v>51712</v>
      </c>
      <c r="D1051" t="s">
        <v>51619</v>
      </c>
      <c r="E1051" t="s">
        <v>13</v>
      </c>
      <c r="F1051">
        <v>13031</v>
      </c>
      <c r="G1051" t="s">
        <v>51713</v>
      </c>
      <c r="H1051">
        <v>5.3654790578710001</v>
      </c>
      <c r="I1051">
        <v>52.166569432307</v>
      </c>
      <c r="J1051" t="s">
        <v>56736</v>
      </c>
    </row>
    <row r="1052" spans="1:10" x14ac:dyDescent="0.25">
      <c r="A1052" t="s">
        <v>51706</v>
      </c>
      <c r="B1052" t="s">
        <v>51707</v>
      </c>
      <c r="C1052" t="s">
        <v>51708</v>
      </c>
      <c r="D1052" t="s">
        <v>51619</v>
      </c>
      <c r="E1052" t="s">
        <v>13</v>
      </c>
      <c r="F1052">
        <v>13030</v>
      </c>
      <c r="G1052" t="s">
        <v>51709</v>
      </c>
      <c r="H1052">
        <v>5.3750716203320001</v>
      </c>
      <c r="I1052">
        <v>52.162851047385999</v>
      </c>
      <c r="J1052" t="s">
        <v>56737</v>
      </c>
    </row>
    <row r="1053" spans="1:10" x14ac:dyDescent="0.25">
      <c r="A1053" t="s">
        <v>51702</v>
      </c>
      <c r="B1053" t="s">
        <v>51703</v>
      </c>
      <c r="C1053" t="s">
        <v>51704</v>
      </c>
      <c r="D1053" t="s">
        <v>51619</v>
      </c>
      <c r="E1053" t="s">
        <v>13</v>
      </c>
      <c r="F1053">
        <v>13029</v>
      </c>
      <c r="G1053" t="s">
        <v>51705</v>
      </c>
      <c r="H1053">
        <v>5.3808549300589998</v>
      </c>
      <c r="I1053">
        <v>52.159706824977</v>
      </c>
      <c r="J1053" t="s">
        <v>56738</v>
      </c>
    </row>
    <row r="1054" spans="1:10" x14ac:dyDescent="0.25">
      <c r="A1054" t="s">
        <v>51698</v>
      </c>
      <c r="B1054" t="s">
        <v>51699</v>
      </c>
      <c r="C1054" t="s">
        <v>51700</v>
      </c>
      <c r="D1054" t="s">
        <v>51619</v>
      </c>
      <c r="E1054" t="s">
        <v>13</v>
      </c>
      <c r="F1054">
        <v>13028</v>
      </c>
      <c r="G1054" t="s">
        <v>51701</v>
      </c>
      <c r="H1054">
        <v>5.3574958748919999</v>
      </c>
      <c r="I1054">
        <v>52.155524421979003</v>
      </c>
      <c r="J1054" t="s">
        <v>56739</v>
      </c>
    </row>
    <row r="1055" spans="1:10" x14ac:dyDescent="0.25">
      <c r="A1055" t="s">
        <v>51694</v>
      </c>
      <c r="B1055" t="s">
        <v>51695</v>
      </c>
      <c r="C1055" t="s">
        <v>51696</v>
      </c>
      <c r="D1055" t="s">
        <v>51619</v>
      </c>
      <c r="E1055" t="s">
        <v>13</v>
      </c>
      <c r="F1055">
        <v>13027</v>
      </c>
      <c r="G1055" t="s">
        <v>51697</v>
      </c>
      <c r="H1055">
        <v>5.3642380726659997</v>
      </c>
      <c r="I1055">
        <v>52.156021586409999</v>
      </c>
      <c r="J1055" t="s">
        <v>56740</v>
      </c>
    </row>
    <row r="1056" spans="1:10" x14ac:dyDescent="0.25">
      <c r="A1056" t="s">
        <v>51690</v>
      </c>
      <c r="B1056" t="s">
        <v>51691</v>
      </c>
      <c r="C1056" t="s">
        <v>51692</v>
      </c>
      <c r="D1056" t="s">
        <v>51619</v>
      </c>
      <c r="E1056" t="s">
        <v>13</v>
      </c>
      <c r="F1056">
        <v>13026</v>
      </c>
      <c r="G1056" t="s">
        <v>51693</v>
      </c>
      <c r="H1056">
        <v>5.3771154280009998</v>
      </c>
      <c r="I1056">
        <v>52.155593946491003</v>
      </c>
      <c r="J1056" t="s">
        <v>56741</v>
      </c>
    </row>
    <row r="1057" spans="1:10" x14ac:dyDescent="0.25">
      <c r="A1057" t="s">
        <v>51686</v>
      </c>
      <c r="B1057" t="s">
        <v>51687</v>
      </c>
      <c r="C1057" t="s">
        <v>51688</v>
      </c>
      <c r="D1057" t="s">
        <v>51619</v>
      </c>
      <c r="E1057" t="s">
        <v>13</v>
      </c>
      <c r="F1057">
        <v>13025</v>
      </c>
      <c r="G1057" t="s">
        <v>51689</v>
      </c>
      <c r="H1057">
        <v>5.377087926113</v>
      </c>
      <c r="I1057">
        <v>52.158622904594999</v>
      </c>
      <c r="J1057" t="s">
        <v>56742</v>
      </c>
    </row>
    <row r="1058" spans="1:10" x14ac:dyDescent="0.25">
      <c r="A1058" t="s">
        <v>51683</v>
      </c>
      <c r="B1058" t="s">
        <v>51684</v>
      </c>
      <c r="C1058" t="s">
        <v>6548</v>
      </c>
      <c r="D1058" t="s">
        <v>51619</v>
      </c>
      <c r="E1058" t="s">
        <v>13</v>
      </c>
      <c r="F1058">
        <v>13024</v>
      </c>
      <c r="G1058" t="s">
        <v>51685</v>
      </c>
      <c r="H1058">
        <v>5.3532437024190003</v>
      </c>
      <c r="I1058">
        <v>52.162262447379</v>
      </c>
      <c r="J1058" t="s">
        <v>56743</v>
      </c>
    </row>
    <row r="1059" spans="1:10" x14ac:dyDescent="0.25">
      <c r="A1059" t="s">
        <v>51680</v>
      </c>
      <c r="B1059" t="s">
        <v>51681</v>
      </c>
      <c r="C1059" t="s">
        <v>22210</v>
      </c>
      <c r="D1059" t="s">
        <v>51619</v>
      </c>
      <c r="E1059" t="s">
        <v>13</v>
      </c>
      <c r="F1059">
        <v>13023</v>
      </c>
      <c r="G1059" t="s">
        <v>51682</v>
      </c>
      <c r="H1059">
        <v>5.3561051884559996</v>
      </c>
      <c r="I1059">
        <v>52.159470358636</v>
      </c>
      <c r="J1059" t="s">
        <v>56744</v>
      </c>
    </row>
    <row r="1060" spans="1:10" x14ac:dyDescent="0.25">
      <c r="A1060" t="s">
        <v>51677</v>
      </c>
      <c r="B1060" t="s">
        <v>51678</v>
      </c>
      <c r="C1060" t="s">
        <v>22214</v>
      </c>
      <c r="D1060" t="s">
        <v>51619</v>
      </c>
      <c r="E1060" t="s">
        <v>13</v>
      </c>
      <c r="F1060">
        <v>13022</v>
      </c>
      <c r="G1060" t="s">
        <v>51679</v>
      </c>
      <c r="H1060">
        <v>5.3660058090250002</v>
      </c>
      <c r="I1060">
        <v>52.158199116467003</v>
      </c>
      <c r="J1060" t="s">
        <v>56745</v>
      </c>
    </row>
    <row r="1061" spans="1:10" x14ac:dyDescent="0.25">
      <c r="A1061" t="s">
        <v>51673</v>
      </c>
      <c r="B1061" t="s">
        <v>51674</v>
      </c>
      <c r="C1061" t="s">
        <v>51675</v>
      </c>
      <c r="D1061" t="s">
        <v>51619</v>
      </c>
      <c r="E1061" t="s">
        <v>13</v>
      </c>
      <c r="F1061">
        <v>13021</v>
      </c>
      <c r="G1061" t="s">
        <v>51676</v>
      </c>
      <c r="H1061">
        <v>5.3738797390370001</v>
      </c>
      <c r="I1061">
        <v>52.157157310315</v>
      </c>
      <c r="J1061" t="s">
        <v>56746</v>
      </c>
    </row>
    <row r="1062" spans="1:10" x14ac:dyDescent="0.25">
      <c r="A1062" t="s">
        <v>51669</v>
      </c>
      <c r="B1062" t="s">
        <v>51670</v>
      </c>
      <c r="C1062" t="s">
        <v>51671</v>
      </c>
      <c r="D1062" t="s">
        <v>51619</v>
      </c>
      <c r="E1062" t="s">
        <v>13</v>
      </c>
      <c r="F1062">
        <v>13020</v>
      </c>
      <c r="G1062" t="s">
        <v>51672</v>
      </c>
      <c r="H1062">
        <v>5.3612175190700002</v>
      </c>
      <c r="I1062">
        <v>52.162569149485002</v>
      </c>
      <c r="J1062" t="s">
        <v>56747</v>
      </c>
    </row>
    <row r="1063" spans="1:10" x14ac:dyDescent="0.25">
      <c r="A1063" t="s">
        <v>51665</v>
      </c>
      <c r="B1063" t="s">
        <v>51666</v>
      </c>
      <c r="C1063" t="s">
        <v>51667</v>
      </c>
      <c r="D1063" t="s">
        <v>51619</v>
      </c>
      <c r="E1063" t="s">
        <v>13</v>
      </c>
      <c r="F1063">
        <v>13019</v>
      </c>
      <c r="G1063" t="s">
        <v>51668</v>
      </c>
      <c r="H1063">
        <v>5.3691307828049997</v>
      </c>
      <c r="I1063">
        <v>52.160999690505001</v>
      </c>
      <c r="J1063" t="s">
        <v>56748</v>
      </c>
    </row>
    <row r="1064" spans="1:10" x14ac:dyDescent="0.25">
      <c r="A1064" t="s">
        <v>51661</v>
      </c>
      <c r="B1064" t="s">
        <v>51662</v>
      </c>
      <c r="C1064" t="s">
        <v>51663</v>
      </c>
      <c r="D1064" t="s">
        <v>51619</v>
      </c>
      <c r="E1064" t="s">
        <v>13</v>
      </c>
      <c r="F1064">
        <v>13018</v>
      </c>
      <c r="G1064" t="s">
        <v>51664</v>
      </c>
      <c r="H1064">
        <v>5.3837174907499996</v>
      </c>
      <c r="I1064">
        <v>52.151392063137997</v>
      </c>
      <c r="J1064" t="s">
        <v>56749</v>
      </c>
    </row>
    <row r="1065" spans="1:10" x14ac:dyDescent="0.25">
      <c r="A1065" t="s">
        <v>51657</v>
      </c>
      <c r="B1065" t="s">
        <v>51658</v>
      </c>
      <c r="C1065" t="s">
        <v>51659</v>
      </c>
      <c r="D1065" t="s">
        <v>51619</v>
      </c>
      <c r="E1065" t="s">
        <v>13</v>
      </c>
      <c r="F1065">
        <v>13017</v>
      </c>
      <c r="G1065" t="s">
        <v>51660</v>
      </c>
      <c r="H1065">
        <v>5.3812228598649998</v>
      </c>
      <c r="I1065">
        <v>52.153298645139998</v>
      </c>
      <c r="J1065" t="s">
        <v>56750</v>
      </c>
    </row>
    <row r="1066" spans="1:10" x14ac:dyDescent="0.25">
      <c r="A1066" t="s">
        <v>51653</v>
      </c>
      <c r="B1066" t="s">
        <v>51654</v>
      </c>
      <c r="C1066" t="s">
        <v>51655</v>
      </c>
      <c r="D1066" t="s">
        <v>51619</v>
      </c>
      <c r="E1066" t="s">
        <v>13</v>
      </c>
      <c r="F1066">
        <v>13016</v>
      </c>
      <c r="G1066" t="s">
        <v>51656</v>
      </c>
      <c r="H1066">
        <v>5.3804101396539998</v>
      </c>
      <c r="I1066">
        <v>52.155258236240002</v>
      </c>
      <c r="J1066" t="s">
        <v>56751</v>
      </c>
    </row>
    <row r="1067" spans="1:10" x14ac:dyDescent="0.25">
      <c r="A1067" t="s">
        <v>51649</v>
      </c>
      <c r="B1067" t="s">
        <v>51650</v>
      </c>
      <c r="C1067" t="s">
        <v>51651</v>
      </c>
      <c r="D1067" t="s">
        <v>51619</v>
      </c>
      <c r="E1067" t="s">
        <v>13</v>
      </c>
      <c r="F1067">
        <v>13015</v>
      </c>
      <c r="G1067" t="s">
        <v>51652</v>
      </c>
      <c r="H1067">
        <v>5.3870874976429999</v>
      </c>
      <c r="I1067">
        <v>52.160405754350997</v>
      </c>
      <c r="J1067" t="s">
        <v>56752</v>
      </c>
    </row>
    <row r="1068" spans="1:10" x14ac:dyDescent="0.25">
      <c r="A1068" t="s">
        <v>51645</v>
      </c>
      <c r="B1068" t="s">
        <v>51646</v>
      </c>
      <c r="C1068" t="s">
        <v>51647</v>
      </c>
      <c r="D1068" t="s">
        <v>51619</v>
      </c>
      <c r="E1068" t="s">
        <v>13</v>
      </c>
      <c r="F1068">
        <v>13014</v>
      </c>
      <c r="G1068" t="s">
        <v>51648</v>
      </c>
      <c r="H1068">
        <v>5.3847539439340002</v>
      </c>
      <c r="I1068">
        <v>52.156519857444998</v>
      </c>
      <c r="J1068" t="s">
        <v>56753</v>
      </c>
    </row>
    <row r="1069" spans="1:10" x14ac:dyDescent="0.25">
      <c r="A1069" t="s">
        <v>51641</v>
      </c>
      <c r="B1069" t="s">
        <v>51642</v>
      </c>
      <c r="C1069" t="s">
        <v>51643</v>
      </c>
      <c r="D1069" t="s">
        <v>51619</v>
      </c>
      <c r="E1069" t="s">
        <v>13</v>
      </c>
      <c r="F1069">
        <v>13013</v>
      </c>
      <c r="G1069" t="s">
        <v>51644</v>
      </c>
      <c r="H1069">
        <v>5.3885963479000001</v>
      </c>
      <c r="I1069">
        <v>52.153423862875002</v>
      </c>
      <c r="J1069" t="s">
        <v>56754</v>
      </c>
    </row>
    <row r="1070" spans="1:10" x14ac:dyDescent="0.25">
      <c r="A1070" t="s">
        <v>51637</v>
      </c>
      <c r="B1070" t="s">
        <v>51638</v>
      </c>
      <c r="C1070" t="s">
        <v>51639</v>
      </c>
      <c r="D1070" t="s">
        <v>51619</v>
      </c>
      <c r="E1070" t="s">
        <v>13</v>
      </c>
      <c r="F1070">
        <v>13012</v>
      </c>
      <c r="G1070" t="s">
        <v>51640</v>
      </c>
      <c r="H1070">
        <v>5.3948433285670001</v>
      </c>
      <c r="I1070">
        <v>52.156191339209997</v>
      </c>
      <c r="J1070" t="s">
        <v>56755</v>
      </c>
    </row>
    <row r="1071" spans="1:10" x14ac:dyDescent="0.25">
      <c r="A1071" t="s">
        <v>51633</v>
      </c>
      <c r="B1071" t="s">
        <v>51634</v>
      </c>
      <c r="C1071" t="s">
        <v>51635</v>
      </c>
      <c r="D1071" t="s">
        <v>51619</v>
      </c>
      <c r="E1071" t="s">
        <v>13</v>
      </c>
      <c r="F1071">
        <v>13011</v>
      </c>
      <c r="G1071" t="s">
        <v>51636</v>
      </c>
      <c r="H1071">
        <v>5.391302198639</v>
      </c>
      <c r="I1071">
        <v>52.159006099987003</v>
      </c>
      <c r="J1071" t="s">
        <v>56756</v>
      </c>
    </row>
    <row r="1072" spans="1:10" x14ac:dyDescent="0.25">
      <c r="A1072" t="s">
        <v>51629</v>
      </c>
      <c r="B1072" t="s">
        <v>51630</v>
      </c>
      <c r="C1072" t="s">
        <v>51631</v>
      </c>
      <c r="D1072" t="s">
        <v>51619</v>
      </c>
      <c r="E1072" t="s">
        <v>13</v>
      </c>
      <c r="F1072">
        <v>13010</v>
      </c>
      <c r="G1072" t="s">
        <v>51632</v>
      </c>
      <c r="H1072">
        <v>5.3873897984639996</v>
      </c>
      <c r="I1072">
        <v>52.156033978659003</v>
      </c>
      <c r="J1072" t="s">
        <v>56757</v>
      </c>
    </row>
    <row r="1073" spans="1:10" x14ac:dyDescent="0.25">
      <c r="A1073" t="s">
        <v>51625</v>
      </c>
      <c r="B1073" t="s">
        <v>51626</v>
      </c>
      <c r="C1073" t="s">
        <v>51627</v>
      </c>
      <c r="D1073" t="s">
        <v>51619</v>
      </c>
      <c r="E1073" t="s">
        <v>13</v>
      </c>
      <c r="F1073">
        <v>13009</v>
      </c>
      <c r="G1073" t="s">
        <v>51628</v>
      </c>
      <c r="H1073">
        <v>5.3896100194049996</v>
      </c>
      <c r="I1073">
        <v>52.154610163244001</v>
      </c>
      <c r="J1073" t="s">
        <v>56758</v>
      </c>
    </row>
    <row r="1074" spans="1:10" x14ac:dyDescent="0.25">
      <c r="A1074" t="s">
        <v>51621</v>
      </c>
      <c r="B1074" t="s">
        <v>51622</v>
      </c>
      <c r="C1074" t="s">
        <v>51623</v>
      </c>
      <c r="D1074" t="s">
        <v>51619</v>
      </c>
      <c r="E1074" t="s">
        <v>13</v>
      </c>
      <c r="F1074">
        <v>13008</v>
      </c>
      <c r="G1074" t="s">
        <v>51624</v>
      </c>
      <c r="H1074">
        <v>5.3914914105919998</v>
      </c>
      <c r="I1074">
        <v>52.155592264597999</v>
      </c>
      <c r="J1074" t="s">
        <v>56759</v>
      </c>
    </row>
    <row r="1075" spans="1:10" x14ac:dyDescent="0.25">
      <c r="A1075" t="s">
        <v>51617</v>
      </c>
      <c r="B1075" t="s">
        <v>51618</v>
      </c>
      <c r="C1075" t="s">
        <v>35288</v>
      </c>
      <c r="D1075" t="s">
        <v>51619</v>
      </c>
      <c r="E1075" t="s">
        <v>13</v>
      </c>
      <c r="F1075">
        <v>13007</v>
      </c>
      <c r="G1075" t="s">
        <v>51620</v>
      </c>
      <c r="H1075">
        <v>5.3897804482440002</v>
      </c>
      <c r="I1075">
        <v>52.157072333544001</v>
      </c>
      <c r="J1075" t="s">
        <v>56760</v>
      </c>
    </row>
    <row r="1076" spans="1:10" x14ac:dyDescent="0.25">
      <c r="A1076" t="s">
        <v>51613</v>
      </c>
      <c r="B1076" t="s">
        <v>51614</v>
      </c>
      <c r="C1076" t="s">
        <v>51615</v>
      </c>
      <c r="D1076" t="s">
        <v>51513</v>
      </c>
      <c r="E1076" t="s">
        <v>13</v>
      </c>
      <c r="F1076">
        <v>13006</v>
      </c>
      <c r="G1076" t="s">
        <v>51616</v>
      </c>
      <c r="H1076">
        <v>6.6559875325069999</v>
      </c>
      <c r="I1076">
        <v>52.402848448501999</v>
      </c>
      <c r="J1076" t="s">
        <v>56761</v>
      </c>
    </row>
    <row r="1077" spans="1:10" x14ac:dyDescent="0.25">
      <c r="A1077" t="s">
        <v>51609</v>
      </c>
      <c r="B1077" t="s">
        <v>51610</v>
      </c>
      <c r="C1077" t="s">
        <v>51611</v>
      </c>
      <c r="D1077" t="s">
        <v>51513</v>
      </c>
      <c r="E1077" t="s">
        <v>13</v>
      </c>
      <c r="F1077">
        <v>13005</v>
      </c>
      <c r="G1077" t="s">
        <v>51612</v>
      </c>
      <c r="H1077">
        <v>6.6692324311039997</v>
      </c>
      <c r="I1077">
        <v>52.438578099575999</v>
      </c>
      <c r="J1077" t="s">
        <v>56762</v>
      </c>
    </row>
    <row r="1078" spans="1:10" x14ac:dyDescent="0.25">
      <c r="A1078" t="s">
        <v>51605</v>
      </c>
      <c r="B1078" t="s">
        <v>51606</v>
      </c>
      <c r="C1078" t="s">
        <v>51607</v>
      </c>
      <c r="D1078" t="s">
        <v>51513</v>
      </c>
      <c r="E1078" t="s">
        <v>13</v>
      </c>
      <c r="F1078">
        <v>13004</v>
      </c>
      <c r="G1078" t="s">
        <v>51608</v>
      </c>
      <c r="H1078">
        <v>6.6230793435270003</v>
      </c>
      <c r="I1078">
        <v>52.428030774074998</v>
      </c>
      <c r="J1078" t="s">
        <v>56763</v>
      </c>
    </row>
    <row r="1079" spans="1:10" x14ac:dyDescent="0.25">
      <c r="A1079" t="s">
        <v>51601</v>
      </c>
      <c r="B1079" t="s">
        <v>51602</v>
      </c>
      <c r="C1079" t="s">
        <v>51603</v>
      </c>
      <c r="D1079" t="s">
        <v>51513</v>
      </c>
      <c r="E1079" t="s">
        <v>13</v>
      </c>
      <c r="F1079">
        <v>13003</v>
      </c>
      <c r="G1079" t="s">
        <v>51604</v>
      </c>
      <c r="H1079">
        <v>6.5833839201120004</v>
      </c>
      <c r="I1079">
        <v>52.419868354616</v>
      </c>
      <c r="J1079" t="s">
        <v>56764</v>
      </c>
    </row>
    <row r="1080" spans="1:10" x14ac:dyDescent="0.25">
      <c r="A1080" t="s">
        <v>51597</v>
      </c>
      <c r="B1080" t="s">
        <v>51598</v>
      </c>
      <c r="C1080" t="s">
        <v>51599</v>
      </c>
      <c r="D1080" t="s">
        <v>51513</v>
      </c>
      <c r="E1080" t="s">
        <v>13</v>
      </c>
      <c r="F1080">
        <v>13002</v>
      </c>
      <c r="G1080" t="s">
        <v>51600</v>
      </c>
      <c r="H1080">
        <v>6.5935156822499996</v>
      </c>
      <c r="I1080">
        <v>52.466221789955</v>
      </c>
      <c r="J1080" t="s">
        <v>56765</v>
      </c>
    </row>
    <row r="1081" spans="1:10" x14ac:dyDescent="0.25">
      <c r="A1081" t="s">
        <v>51593</v>
      </c>
      <c r="B1081" t="s">
        <v>51594</v>
      </c>
      <c r="C1081" t="s">
        <v>51595</v>
      </c>
      <c r="D1081" t="s">
        <v>51513</v>
      </c>
      <c r="E1081" t="s">
        <v>13</v>
      </c>
      <c r="F1081">
        <v>13001</v>
      </c>
      <c r="G1081" t="s">
        <v>51596</v>
      </c>
      <c r="H1081">
        <v>6.5745031453260001</v>
      </c>
      <c r="I1081">
        <v>52.458767264735997</v>
      </c>
      <c r="J1081" t="s">
        <v>56766</v>
      </c>
    </row>
    <row r="1082" spans="1:10" x14ac:dyDescent="0.25">
      <c r="A1082" t="s">
        <v>51589</v>
      </c>
      <c r="B1082" t="s">
        <v>51590</v>
      </c>
      <c r="C1082" t="s">
        <v>51591</v>
      </c>
      <c r="D1082" t="s">
        <v>51513</v>
      </c>
      <c r="E1082" t="s">
        <v>13</v>
      </c>
      <c r="F1082">
        <v>13000</v>
      </c>
      <c r="G1082" t="s">
        <v>51592</v>
      </c>
      <c r="H1082">
        <v>6.5700624314459999</v>
      </c>
      <c r="I1082">
        <v>52.478452479803003</v>
      </c>
      <c r="J1082" t="s">
        <v>56767</v>
      </c>
    </row>
    <row r="1083" spans="1:10" x14ac:dyDescent="0.25">
      <c r="A1083" t="s">
        <v>51585</v>
      </c>
      <c r="B1083" t="s">
        <v>51586</v>
      </c>
      <c r="C1083" t="s">
        <v>51587</v>
      </c>
      <c r="D1083" t="s">
        <v>51513</v>
      </c>
      <c r="E1083" t="s">
        <v>13</v>
      </c>
      <c r="F1083">
        <v>12999</v>
      </c>
      <c r="G1083" t="s">
        <v>51588</v>
      </c>
      <c r="H1083">
        <v>6.5652671339150004</v>
      </c>
      <c r="I1083">
        <v>52.450905342905997</v>
      </c>
      <c r="J1083" t="s">
        <v>56768</v>
      </c>
    </row>
    <row r="1084" spans="1:10" x14ac:dyDescent="0.25">
      <c r="A1084" t="s">
        <v>51581</v>
      </c>
      <c r="B1084" t="s">
        <v>51582</v>
      </c>
      <c r="C1084" t="s">
        <v>51583</v>
      </c>
      <c r="D1084" t="s">
        <v>51513</v>
      </c>
      <c r="E1084" t="s">
        <v>13</v>
      </c>
      <c r="F1084">
        <v>12998</v>
      </c>
      <c r="G1084" t="s">
        <v>51584</v>
      </c>
      <c r="H1084">
        <v>6.5567329761849997</v>
      </c>
      <c r="I1084">
        <v>52.459104009240001</v>
      </c>
      <c r="J1084" t="s">
        <v>56769</v>
      </c>
    </row>
    <row r="1085" spans="1:10" x14ac:dyDescent="0.25">
      <c r="A1085" t="s">
        <v>51577</v>
      </c>
      <c r="B1085" t="s">
        <v>51578</v>
      </c>
      <c r="C1085" t="s">
        <v>51579</v>
      </c>
      <c r="D1085" t="s">
        <v>51513</v>
      </c>
      <c r="E1085" t="s">
        <v>13</v>
      </c>
      <c r="F1085">
        <v>12997</v>
      </c>
      <c r="G1085" t="s">
        <v>51580</v>
      </c>
      <c r="H1085">
        <v>6.5537419918620001</v>
      </c>
      <c r="I1085">
        <v>52.477734362656001</v>
      </c>
      <c r="J1085" t="s">
        <v>56770</v>
      </c>
    </row>
    <row r="1086" spans="1:10" x14ac:dyDescent="0.25">
      <c r="A1086" t="s">
        <v>51573</v>
      </c>
      <c r="B1086" t="s">
        <v>51574</v>
      </c>
      <c r="C1086" t="s">
        <v>51575</v>
      </c>
      <c r="D1086" t="s">
        <v>51513</v>
      </c>
      <c r="E1086" t="s">
        <v>13</v>
      </c>
      <c r="F1086">
        <v>12996</v>
      </c>
      <c r="G1086" t="s">
        <v>51576</v>
      </c>
      <c r="H1086">
        <v>6.5220323620369998</v>
      </c>
      <c r="I1086">
        <v>52.472816213051999</v>
      </c>
      <c r="J1086" t="s">
        <v>56771</v>
      </c>
    </row>
    <row r="1087" spans="1:10" x14ac:dyDescent="0.25">
      <c r="A1087" t="s">
        <v>51569</v>
      </c>
      <c r="B1087" t="s">
        <v>51570</v>
      </c>
      <c r="C1087" t="s">
        <v>51571</v>
      </c>
      <c r="D1087" t="s">
        <v>51513</v>
      </c>
      <c r="E1087" t="s">
        <v>13</v>
      </c>
      <c r="F1087">
        <v>12995</v>
      </c>
      <c r="G1087" t="s">
        <v>51572</v>
      </c>
      <c r="H1087">
        <v>6.508951589005</v>
      </c>
      <c r="I1087">
        <v>52.448410076626999</v>
      </c>
      <c r="J1087" t="s">
        <v>56772</v>
      </c>
    </row>
    <row r="1088" spans="1:10" x14ac:dyDescent="0.25">
      <c r="A1088" t="s">
        <v>51566</v>
      </c>
      <c r="B1088" t="s">
        <v>51567</v>
      </c>
      <c r="C1088" t="s">
        <v>43362</v>
      </c>
      <c r="D1088" t="s">
        <v>51513</v>
      </c>
      <c r="E1088" t="s">
        <v>13</v>
      </c>
      <c r="F1088">
        <v>12994</v>
      </c>
      <c r="G1088" t="s">
        <v>51568</v>
      </c>
      <c r="H1088">
        <v>6.4944341535149999</v>
      </c>
      <c r="I1088">
        <v>52.463681441036002</v>
      </c>
      <c r="J1088" t="s">
        <v>56773</v>
      </c>
    </row>
    <row r="1089" spans="1:10" x14ac:dyDescent="0.25">
      <c r="A1089" t="s">
        <v>51562</v>
      </c>
      <c r="B1089" t="s">
        <v>51563</v>
      </c>
      <c r="C1089" t="s">
        <v>51564</v>
      </c>
      <c r="D1089" t="s">
        <v>51513</v>
      </c>
      <c r="E1089" t="s">
        <v>13</v>
      </c>
      <c r="F1089">
        <v>12993</v>
      </c>
      <c r="G1089" t="s">
        <v>51565</v>
      </c>
      <c r="H1089">
        <v>6.4722566561650003</v>
      </c>
      <c r="I1089">
        <v>52.462926542517998</v>
      </c>
      <c r="J1089" t="s">
        <v>56774</v>
      </c>
    </row>
    <row r="1090" spans="1:10" x14ac:dyDescent="0.25">
      <c r="A1090" t="s">
        <v>51558</v>
      </c>
      <c r="B1090" t="s">
        <v>51559</v>
      </c>
      <c r="C1090" t="s">
        <v>51560</v>
      </c>
      <c r="D1090" t="s">
        <v>51513</v>
      </c>
      <c r="E1090" t="s">
        <v>13</v>
      </c>
      <c r="F1090">
        <v>12992</v>
      </c>
      <c r="G1090" t="s">
        <v>51561</v>
      </c>
      <c r="H1090">
        <v>6.668950152112</v>
      </c>
      <c r="I1090">
        <v>52.466366920985003</v>
      </c>
      <c r="J1090" t="s">
        <v>56775</v>
      </c>
    </row>
    <row r="1091" spans="1:10" x14ac:dyDescent="0.25">
      <c r="A1091" t="s">
        <v>51554</v>
      </c>
      <c r="B1091" t="s">
        <v>51555</v>
      </c>
      <c r="C1091" t="s">
        <v>51556</v>
      </c>
      <c r="D1091" t="s">
        <v>51513</v>
      </c>
      <c r="E1091" t="s">
        <v>13</v>
      </c>
      <c r="F1091">
        <v>12991</v>
      </c>
      <c r="G1091" t="s">
        <v>51557</v>
      </c>
      <c r="H1091">
        <v>6.6090488619899999</v>
      </c>
      <c r="I1091">
        <v>52.442386334129999</v>
      </c>
      <c r="J1091" t="s">
        <v>56776</v>
      </c>
    </row>
    <row r="1092" spans="1:10" x14ac:dyDescent="0.25">
      <c r="A1092" t="s">
        <v>51550</v>
      </c>
      <c r="B1092" t="s">
        <v>51551</v>
      </c>
      <c r="C1092" t="s">
        <v>51552</v>
      </c>
      <c r="D1092" t="s">
        <v>51513</v>
      </c>
      <c r="E1092" t="s">
        <v>13</v>
      </c>
      <c r="F1092">
        <v>12990</v>
      </c>
      <c r="G1092" t="s">
        <v>51553</v>
      </c>
      <c r="H1092">
        <v>6.6220908046940004</v>
      </c>
      <c r="I1092">
        <v>52.451140568272002</v>
      </c>
      <c r="J1092" t="s">
        <v>56777</v>
      </c>
    </row>
    <row r="1093" spans="1:10" x14ac:dyDescent="0.25">
      <c r="A1093" t="s">
        <v>51546</v>
      </c>
      <c r="B1093" t="s">
        <v>51547</v>
      </c>
      <c r="C1093" t="s">
        <v>51548</v>
      </c>
      <c r="D1093" t="s">
        <v>51513</v>
      </c>
      <c r="E1093" t="s">
        <v>13</v>
      </c>
      <c r="F1093">
        <v>12989</v>
      </c>
      <c r="G1093" t="s">
        <v>51549</v>
      </c>
      <c r="H1093">
        <v>6.6192464817719996</v>
      </c>
      <c r="I1093">
        <v>52.464083766767999</v>
      </c>
      <c r="J1093" t="s">
        <v>56778</v>
      </c>
    </row>
    <row r="1094" spans="1:10" x14ac:dyDescent="0.25">
      <c r="A1094" t="s">
        <v>51542</v>
      </c>
      <c r="B1094" t="s">
        <v>51543</v>
      </c>
      <c r="C1094" t="s">
        <v>51544</v>
      </c>
      <c r="D1094" t="s">
        <v>51513</v>
      </c>
      <c r="E1094" t="s">
        <v>13</v>
      </c>
      <c r="F1094">
        <v>12988</v>
      </c>
      <c r="G1094" t="s">
        <v>51545</v>
      </c>
      <c r="H1094">
        <v>6.6291866750170003</v>
      </c>
      <c r="I1094">
        <v>52.467535571154002</v>
      </c>
      <c r="J1094" t="s">
        <v>56779</v>
      </c>
    </row>
    <row r="1095" spans="1:10" x14ac:dyDescent="0.25">
      <c r="A1095" t="s">
        <v>51538</v>
      </c>
      <c r="B1095" t="s">
        <v>51539</v>
      </c>
      <c r="C1095" t="s">
        <v>51540</v>
      </c>
      <c r="D1095" t="s">
        <v>51513</v>
      </c>
      <c r="E1095" t="s">
        <v>13</v>
      </c>
      <c r="F1095">
        <v>12987</v>
      </c>
      <c r="G1095" t="s">
        <v>51541</v>
      </c>
      <c r="H1095">
        <v>6.6510011488799998</v>
      </c>
      <c r="I1095">
        <v>52.419850499155999</v>
      </c>
      <c r="J1095" t="s">
        <v>56780</v>
      </c>
    </row>
    <row r="1096" spans="1:10" x14ac:dyDescent="0.25">
      <c r="A1096" t="s">
        <v>51534</v>
      </c>
      <c r="B1096" t="s">
        <v>51535</v>
      </c>
      <c r="C1096" t="s">
        <v>51536</v>
      </c>
      <c r="D1096" t="s">
        <v>51513</v>
      </c>
      <c r="E1096" t="s">
        <v>13</v>
      </c>
      <c r="F1096">
        <v>12986</v>
      </c>
      <c r="G1096" t="s">
        <v>51537</v>
      </c>
      <c r="H1096">
        <v>6.6295587235779996</v>
      </c>
      <c r="I1096">
        <v>52.406904605332002</v>
      </c>
      <c r="J1096" t="s">
        <v>56781</v>
      </c>
    </row>
    <row r="1097" spans="1:10" x14ac:dyDescent="0.25">
      <c r="A1097" t="s">
        <v>51530</v>
      </c>
      <c r="B1097" t="s">
        <v>51531</v>
      </c>
      <c r="C1097" t="s">
        <v>51532</v>
      </c>
      <c r="D1097" t="s">
        <v>51513</v>
      </c>
      <c r="E1097" t="s">
        <v>13</v>
      </c>
      <c r="F1097">
        <v>12985</v>
      </c>
      <c r="G1097" t="s">
        <v>51533</v>
      </c>
      <c r="H1097">
        <v>6.6144238578139998</v>
      </c>
      <c r="I1097">
        <v>52.402321494254998</v>
      </c>
      <c r="J1097" t="s">
        <v>56782</v>
      </c>
    </row>
    <row r="1098" spans="1:10" x14ac:dyDescent="0.25">
      <c r="A1098" t="s">
        <v>51526</v>
      </c>
      <c r="B1098" t="s">
        <v>51527</v>
      </c>
      <c r="C1098" t="s">
        <v>51528</v>
      </c>
      <c r="D1098" t="s">
        <v>51513</v>
      </c>
      <c r="E1098" t="s">
        <v>13</v>
      </c>
      <c r="F1098">
        <v>12984</v>
      </c>
      <c r="G1098" t="s">
        <v>51529</v>
      </c>
      <c r="H1098">
        <v>6.6132896712570002</v>
      </c>
      <c r="I1098">
        <v>52.407815939803001</v>
      </c>
      <c r="J1098" t="s">
        <v>56783</v>
      </c>
    </row>
    <row r="1099" spans="1:10" x14ac:dyDescent="0.25">
      <c r="A1099" t="s">
        <v>51522</v>
      </c>
      <c r="B1099" t="s">
        <v>51523</v>
      </c>
      <c r="C1099" t="s">
        <v>51524</v>
      </c>
      <c r="D1099" t="s">
        <v>51513</v>
      </c>
      <c r="E1099" t="s">
        <v>13</v>
      </c>
      <c r="F1099">
        <v>12983</v>
      </c>
      <c r="G1099" t="s">
        <v>51525</v>
      </c>
      <c r="H1099">
        <v>6.6160620755700004</v>
      </c>
      <c r="I1099">
        <v>52.413286096956</v>
      </c>
      <c r="J1099" t="s">
        <v>56784</v>
      </c>
    </row>
    <row r="1100" spans="1:10" x14ac:dyDescent="0.25">
      <c r="A1100" t="s">
        <v>51519</v>
      </c>
      <c r="B1100" t="s">
        <v>51520</v>
      </c>
      <c r="C1100" t="s">
        <v>4164</v>
      </c>
      <c r="D1100" t="s">
        <v>51513</v>
      </c>
      <c r="E1100" t="s">
        <v>13</v>
      </c>
      <c r="F1100">
        <v>12982</v>
      </c>
      <c r="G1100" t="s">
        <v>51521</v>
      </c>
      <c r="H1100">
        <v>6.6054025145960003</v>
      </c>
      <c r="I1100">
        <v>52.400656843146002</v>
      </c>
      <c r="J1100" t="s">
        <v>56785</v>
      </c>
    </row>
    <row r="1101" spans="1:10" x14ac:dyDescent="0.25">
      <c r="A1101" t="s">
        <v>51515</v>
      </c>
      <c r="B1101" t="s">
        <v>51516</v>
      </c>
      <c r="C1101" t="s">
        <v>51517</v>
      </c>
      <c r="D1101" t="s">
        <v>51513</v>
      </c>
      <c r="E1101" t="s">
        <v>13</v>
      </c>
      <c r="F1101">
        <v>12981</v>
      </c>
      <c r="G1101" t="s">
        <v>51518</v>
      </c>
      <c r="H1101">
        <v>6.5996869331339996</v>
      </c>
      <c r="I1101">
        <v>52.410007686158998</v>
      </c>
      <c r="J1101" t="s">
        <v>56786</v>
      </c>
    </row>
    <row r="1102" spans="1:10" x14ac:dyDescent="0.25">
      <c r="A1102" t="s">
        <v>51510</v>
      </c>
      <c r="B1102" t="s">
        <v>51511</v>
      </c>
      <c r="C1102" t="s">
        <v>51512</v>
      </c>
      <c r="D1102" t="s">
        <v>51513</v>
      </c>
      <c r="E1102" t="s">
        <v>13</v>
      </c>
      <c r="F1102">
        <v>12980</v>
      </c>
      <c r="G1102" t="s">
        <v>51514</v>
      </c>
      <c r="H1102">
        <v>6.5959761970040001</v>
      </c>
      <c r="I1102">
        <v>52.399351760133001</v>
      </c>
      <c r="J1102" t="s">
        <v>56787</v>
      </c>
    </row>
    <row r="1103" spans="1:10" x14ac:dyDescent="0.25">
      <c r="A1103" t="s">
        <v>51506</v>
      </c>
      <c r="B1103" t="s">
        <v>51507</v>
      </c>
      <c r="C1103" t="s">
        <v>51508</v>
      </c>
      <c r="D1103" t="s">
        <v>51231</v>
      </c>
      <c r="E1103" t="s">
        <v>13</v>
      </c>
      <c r="F1103">
        <v>12979</v>
      </c>
      <c r="G1103" t="s">
        <v>51509</v>
      </c>
      <c r="H1103">
        <v>6.6555689632229997</v>
      </c>
      <c r="I1103">
        <v>52.312402332063002</v>
      </c>
      <c r="J1103" t="s">
        <v>56788</v>
      </c>
    </row>
    <row r="1104" spans="1:10" x14ac:dyDescent="0.25">
      <c r="A1104" t="s">
        <v>51502</v>
      </c>
      <c r="B1104" t="s">
        <v>51503</v>
      </c>
      <c r="C1104" t="s">
        <v>51504</v>
      </c>
      <c r="D1104" t="s">
        <v>51231</v>
      </c>
      <c r="E1104" t="s">
        <v>13</v>
      </c>
      <c r="F1104">
        <v>12978</v>
      </c>
      <c r="G1104" t="s">
        <v>51505</v>
      </c>
      <c r="H1104">
        <v>6.6545967540830002</v>
      </c>
      <c r="I1104">
        <v>52.308474582758002</v>
      </c>
      <c r="J1104" t="s">
        <v>56789</v>
      </c>
    </row>
    <row r="1105" spans="1:10" x14ac:dyDescent="0.25">
      <c r="A1105" t="s">
        <v>51498</v>
      </c>
      <c r="B1105" t="s">
        <v>51499</v>
      </c>
      <c r="C1105" t="s">
        <v>51500</v>
      </c>
      <c r="D1105" t="s">
        <v>51231</v>
      </c>
      <c r="E1105" t="s">
        <v>13</v>
      </c>
      <c r="F1105">
        <v>12977</v>
      </c>
      <c r="G1105" t="s">
        <v>51501</v>
      </c>
      <c r="H1105">
        <v>6.6296765444289996</v>
      </c>
      <c r="I1105">
        <v>52.379661296713003</v>
      </c>
      <c r="J1105" t="s">
        <v>56790</v>
      </c>
    </row>
    <row r="1106" spans="1:10" x14ac:dyDescent="0.25">
      <c r="A1106" t="s">
        <v>51494</v>
      </c>
      <c r="B1106" t="s">
        <v>51495</v>
      </c>
      <c r="C1106" t="s">
        <v>51496</v>
      </c>
      <c r="D1106" t="s">
        <v>51231</v>
      </c>
      <c r="E1106" t="s">
        <v>13</v>
      </c>
      <c r="F1106">
        <v>12976</v>
      </c>
      <c r="G1106" t="s">
        <v>51497</v>
      </c>
      <c r="H1106">
        <v>6.6258389342779997</v>
      </c>
      <c r="I1106">
        <v>52.372318617818998</v>
      </c>
      <c r="J1106" t="s">
        <v>56791</v>
      </c>
    </row>
    <row r="1107" spans="1:10" x14ac:dyDescent="0.25">
      <c r="A1107" t="s">
        <v>51490</v>
      </c>
      <c r="B1107" t="s">
        <v>51491</v>
      </c>
      <c r="C1107" t="s">
        <v>51492</v>
      </c>
      <c r="D1107" t="s">
        <v>51231</v>
      </c>
      <c r="E1107" t="s">
        <v>13</v>
      </c>
      <c r="F1107">
        <v>12975</v>
      </c>
      <c r="G1107" t="s">
        <v>51493</v>
      </c>
      <c r="H1107">
        <v>6.6379051667790003</v>
      </c>
      <c r="I1107">
        <v>52.334181475313002</v>
      </c>
      <c r="J1107" t="s">
        <v>56792</v>
      </c>
    </row>
    <row r="1108" spans="1:10" x14ac:dyDescent="0.25">
      <c r="A1108" t="s">
        <v>51486</v>
      </c>
      <c r="B1108" t="s">
        <v>51487</v>
      </c>
      <c r="C1108" t="s">
        <v>51488</v>
      </c>
      <c r="D1108" t="s">
        <v>51231</v>
      </c>
      <c r="E1108" t="s">
        <v>13</v>
      </c>
      <c r="F1108">
        <v>12974</v>
      </c>
      <c r="G1108" t="s">
        <v>51489</v>
      </c>
      <c r="H1108">
        <v>6.6477765458320004</v>
      </c>
      <c r="I1108">
        <v>52.320160079927</v>
      </c>
      <c r="J1108" t="s">
        <v>56793</v>
      </c>
    </row>
    <row r="1109" spans="1:10" x14ac:dyDescent="0.25">
      <c r="A1109" t="s">
        <v>51482</v>
      </c>
      <c r="B1109" t="s">
        <v>51483</v>
      </c>
      <c r="C1109" t="s">
        <v>51484</v>
      </c>
      <c r="D1109" t="s">
        <v>51231</v>
      </c>
      <c r="E1109" t="s">
        <v>13</v>
      </c>
      <c r="F1109">
        <v>12973</v>
      </c>
      <c r="G1109" t="s">
        <v>51485</v>
      </c>
      <c r="H1109">
        <v>6.6624139672720002</v>
      </c>
      <c r="I1109">
        <v>52.334203051509</v>
      </c>
      <c r="J1109" t="s">
        <v>56794</v>
      </c>
    </row>
    <row r="1110" spans="1:10" x14ac:dyDescent="0.25">
      <c r="A1110" t="s">
        <v>51478</v>
      </c>
      <c r="B1110" t="s">
        <v>51479</v>
      </c>
      <c r="C1110" t="s">
        <v>51480</v>
      </c>
      <c r="D1110" t="s">
        <v>51231</v>
      </c>
      <c r="E1110" t="s">
        <v>13</v>
      </c>
      <c r="F1110">
        <v>12972</v>
      </c>
      <c r="G1110" t="s">
        <v>51481</v>
      </c>
      <c r="H1110">
        <v>6.6512426130559996</v>
      </c>
      <c r="I1110">
        <v>52.331104427672003</v>
      </c>
      <c r="J1110" t="s">
        <v>56795</v>
      </c>
    </row>
    <row r="1111" spans="1:10" x14ac:dyDescent="0.25">
      <c r="A1111" t="s">
        <v>51474</v>
      </c>
      <c r="B1111" t="s">
        <v>51475</v>
      </c>
      <c r="C1111" t="s">
        <v>51476</v>
      </c>
      <c r="D1111" t="s">
        <v>51231</v>
      </c>
      <c r="E1111" t="s">
        <v>13</v>
      </c>
      <c r="F1111">
        <v>12971</v>
      </c>
      <c r="G1111" t="s">
        <v>51477</v>
      </c>
      <c r="H1111">
        <v>6.6502105178319999</v>
      </c>
      <c r="I1111">
        <v>52.334099270381998</v>
      </c>
      <c r="J1111" t="s">
        <v>56796</v>
      </c>
    </row>
    <row r="1112" spans="1:10" x14ac:dyDescent="0.25">
      <c r="A1112" t="s">
        <v>51470</v>
      </c>
      <c r="B1112" t="s">
        <v>51471</v>
      </c>
      <c r="C1112" t="s">
        <v>51472</v>
      </c>
      <c r="D1112" t="s">
        <v>51231</v>
      </c>
      <c r="E1112" t="s">
        <v>13</v>
      </c>
      <c r="F1112">
        <v>12970</v>
      </c>
      <c r="G1112" t="s">
        <v>51473</v>
      </c>
      <c r="H1112">
        <v>6.6418828600740003</v>
      </c>
      <c r="I1112">
        <v>52.331023622521997</v>
      </c>
      <c r="J1112" t="s">
        <v>56797</v>
      </c>
    </row>
    <row r="1113" spans="1:10" x14ac:dyDescent="0.25">
      <c r="A1113" t="s">
        <v>51466</v>
      </c>
      <c r="B1113" t="s">
        <v>51467</v>
      </c>
      <c r="C1113" t="s">
        <v>51468</v>
      </c>
      <c r="D1113" t="s">
        <v>51231</v>
      </c>
      <c r="E1113" t="s">
        <v>13</v>
      </c>
      <c r="F1113">
        <v>12969</v>
      </c>
      <c r="G1113" t="s">
        <v>51469</v>
      </c>
      <c r="H1113">
        <v>6.641887134898</v>
      </c>
      <c r="I1113">
        <v>52.336573628925997</v>
      </c>
      <c r="J1113" t="s">
        <v>56798</v>
      </c>
    </row>
    <row r="1114" spans="1:10" x14ac:dyDescent="0.25">
      <c r="A1114" t="s">
        <v>51462</v>
      </c>
      <c r="B1114" t="s">
        <v>51463</v>
      </c>
      <c r="C1114" t="s">
        <v>51464</v>
      </c>
      <c r="D1114" t="s">
        <v>51231</v>
      </c>
      <c r="E1114" t="s">
        <v>13</v>
      </c>
      <c r="F1114">
        <v>12968</v>
      </c>
      <c r="G1114" t="s">
        <v>51465</v>
      </c>
      <c r="H1114">
        <v>6.6328607182789998</v>
      </c>
      <c r="I1114">
        <v>52.328643609331998</v>
      </c>
      <c r="J1114" t="s">
        <v>56799</v>
      </c>
    </row>
    <row r="1115" spans="1:10" x14ac:dyDescent="0.25">
      <c r="A1115" t="s">
        <v>51458</v>
      </c>
      <c r="B1115" t="s">
        <v>51459</v>
      </c>
      <c r="C1115" t="s">
        <v>51460</v>
      </c>
      <c r="D1115" t="s">
        <v>51231</v>
      </c>
      <c r="E1115" t="s">
        <v>13</v>
      </c>
      <c r="F1115">
        <v>12967</v>
      </c>
      <c r="G1115" t="s">
        <v>51461</v>
      </c>
      <c r="H1115">
        <v>6.6306629625870004</v>
      </c>
      <c r="I1115">
        <v>52.333644400913997</v>
      </c>
      <c r="J1115" t="s">
        <v>56800</v>
      </c>
    </row>
    <row r="1116" spans="1:10" x14ac:dyDescent="0.25">
      <c r="A1116" t="s">
        <v>51454</v>
      </c>
      <c r="B1116" t="s">
        <v>51455</v>
      </c>
      <c r="C1116" t="s">
        <v>51456</v>
      </c>
      <c r="D1116" t="s">
        <v>51231</v>
      </c>
      <c r="E1116" t="s">
        <v>13</v>
      </c>
      <c r="F1116">
        <v>12966</v>
      </c>
      <c r="G1116" t="s">
        <v>51457</v>
      </c>
      <c r="H1116">
        <v>6.6317958583200003</v>
      </c>
      <c r="I1116">
        <v>52.336686936619003</v>
      </c>
      <c r="J1116" t="s">
        <v>56801</v>
      </c>
    </row>
    <row r="1117" spans="1:10" x14ac:dyDescent="0.25">
      <c r="A1117" t="s">
        <v>51450</v>
      </c>
      <c r="B1117" t="s">
        <v>51451</v>
      </c>
      <c r="C1117" t="s">
        <v>51452</v>
      </c>
      <c r="D1117" t="s">
        <v>51231</v>
      </c>
      <c r="E1117" t="s">
        <v>13</v>
      </c>
      <c r="F1117">
        <v>12965</v>
      </c>
      <c r="G1117" t="s">
        <v>51453</v>
      </c>
      <c r="H1117">
        <v>6.6272598171889996</v>
      </c>
      <c r="I1117">
        <v>52.339518707049997</v>
      </c>
      <c r="J1117" t="s">
        <v>56802</v>
      </c>
    </row>
    <row r="1118" spans="1:10" x14ac:dyDescent="0.25">
      <c r="A1118" t="s">
        <v>51447</v>
      </c>
      <c r="B1118" t="s">
        <v>51448</v>
      </c>
      <c r="C1118" t="s">
        <v>30596</v>
      </c>
      <c r="D1118" t="s">
        <v>51231</v>
      </c>
      <c r="E1118" t="s">
        <v>13</v>
      </c>
      <c r="F1118">
        <v>12964</v>
      </c>
      <c r="G1118" t="s">
        <v>51449</v>
      </c>
      <c r="H1118">
        <v>6.6364963290440002</v>
      </c>
      <c r="I1118">
        <v>52.342183195894002</v>
      </c>
      <c r="J1118" t="s">
        <v>56803</v>
      </c>
    </row>
    <row r="1119" spans="1:10" x14ac:dyDescent="0.25">
      <c r="A1119" t="s">
        <v>51443</v>
      </c>
      <c r="B1119" t="s">
        <v>51444</v>
      </c>
      <c r="C1119" t="s">
        <v>51445</v>
      </c>
      <c r="D1119" t="s">
        <v>51231</v>
      </c>
      <c r="E1119" t="s">
        <v>13</v>
      </c>
      <c r="F1119">
        <v>12963</v>
      </c>
      <c r="G1119" t="s">
        <v>51446</v>
      </c>
      <c r="H1119">
        <v>6.6716724698140002</v>
      </c>
      <c r="I1119">
        <v>52.385917497089999</v>
      </c>
      <c r="J1119" t="s">
        <v>56804</v>
      </c>
    </row>
    <row r="1120" spans="1:10" x14ac:dyDescent="0.25">
      <c r="A1120" t="s">
        <v>51439</v>
      </c>
      <c r="B1120" t="s">
        <v>51440</v>
      </c>
      <c r="C1120" t="s">
        <v>51441</v>
      </c>
      <c r="D1120" t="s">
        <v>51231</v>
      </c>
      <c r="E1120" t="s">
        <v>13</v>
      </c>
      <c r="F1120">
        <v>12962</v>
      </c>
      <c r="G1120" t="s">
        <v>51442</v>
      </c>
      <c r="H1120">
        <v>6.6843816330459997</v>
      </c>
      <c r="I1120">
        <v>52.375323151395001</v>
      </c>
      <c r="J1120" t="s">
        <v>56805</v>
      </c>
    </row>
    <row r="1121" spans="1:10" x14ac:dyDescent="0.25">
      <c r="A1121" t="s">
        <v>51435</v>
      </c>
      <c r="B1121" t="s">
        <v>51436</v>
      </c>
      <c r="C1121" t="s">
        <v>51437</v>
      </c>
      <c r="D1121" t="s">
        <v>51231</v>
      </c>
      <c r="E1121" t="s">
        <v>13</v>
      </c>
      <c r="F1121">
        <v>12961</v>
      </c>
      <c r="G1121" t="s">
        <v>51438</v>
      </c>
      <c r="H1121">
        <v>6.6857283743979998</v>
      </c>
      <c r="I1121">
        <v>52.382704492187997</v>
      </c>
      <c r="J1121" t="s">
        <v>56806</v>
      </c>
    </row>
    <row r="1122" spans="1:10" x14ac:dyDescent="0.25">
      <c r="A1122" t="s">
        <v>51431</v>
      </c>
      <c r="B1122" t="s">
        <v>51432</v>
      </c>
      <c r="C1122" t="s">
        <v>51433</v>
      </c>
      <c r="D1122" t="s">
        <v>51231</v>
      </c>
      <c r="E1122" t="s">
        <v>13</v>
      </c>
      <c r="F1122">
        <v>12960</v>
      </c>
      <c r="G1122" t="s">
        <v>51434</v>
      </c>
      <c r="H1122">
        <v>6.6821853804130003</v>
      </c>
      <c r="I1122">
        <v>52.380658697076001</v>
      </c>
      <c r="J1122" t="s">
        <v>56807</v>
      </c>
    </row>
    <row r="1123" spans="1:10" x14ac:dyDescent="0.25">
      <c r="A1123" t="s">
        <v>51427</v>
      </c>
      <c r="B1123" t="s">
        <v>51428</v>
      </c>
      <c r="C1123" t="s">
        <v>51429</v>
      </c>
      <c r="D1123" t="s">
        <v>51231</v>
      </c>
      <c r="E1123" t="s">
        <v>13</v>
      </c>
      <c r="F1123">
        <v>12959</v>
      </c>
      <c r="G1123" t="s">
        <v>51430</v>
      </c>
      <c r="H1123">
        <v>6.6745331921539997</v>
      </c>
      <c r="I1123">
        <v>52.381163724632998</v>
      </c>
      <c r="J1123" t="s">
        <v>56808</v>
      </c>
    </row>
    <row r="1124" spans="1:10" x14ac:dyDescent="0.25">
      <c r="A1124" t="s">
        <v>51423</v>
      </c>
      <c r="B1124" t="s">
        <v>51424</v>
      </c>
      <c r="C1124" t="s">
        <v>51425</v>
      </c>
      <c r="D1124" t="s">
        <v>51231</v>
      </c>
      <c r="E1124" t="s">
        <v>13</v>
      </c>
      <c r="F1124">
        <v>12958</v>
      </c>
      <c r="G1124" t="s">
        <v>51426</v>
      </c>
      <c r="H1124">
        <v>6.675030967424</v>
      </c>
      <c r="I1124">
        <v>52.375724057406003</v>
      </c>
      <c r="J1124" t="s">
        <v>56809</v>
      </c>
    </row>
    <row r="1125" spans="1:10" x14ac:dyDescent="0.25">
      <c r="A1125" t="s">
        <v>51419</v>
      </c>
      <c r="B1125" t="s">
        <v>51420</v>
      </c>
      <c r="C1125" t="s">
        <v>51421</v>
      </c>
      <c r="D1125" t="s">
        <v>51231</v>
      </c>
      <c r="E1125" t="s">
        <v>13</v>
      </c>
      <c r="F1125">
        <v>12957</v>
      </c>
      <c r="G1125" t="s">
        <v>51422</v>
      </c>
      <c r="H1125">
        <v>6.6732705800580003</v>
      </c>
      <c r="I1125">
        <v>52.372573523137</v>
      </c>
      <c r="J1125" t="s">
        <v>56810</v>
      </c>
    </row>
    <row r="1126" spans="1:10" x14ac:dyDescent="0.25">
      <c r="A1126" t="s">
        <v>51415</v>
      </c>
      <c r="B1126" t="s">
        <v>51416</v>
      </c>
      <c r="C1126" t="s">
        <v>51417</v>
      </c>
      <c r="D1126" t="s">
        <v>51231</v>
      </c>
      <c r="E1126" t="s">
        <v>13</v>
      </c>
      <c r="F1126">
        <v>12956</v>
      </c>
      <c r="G1126" t="s">
        <v>51418</v>
      </c>
      <c r="H1126">
        <v>6.7007334402950001</v>
      </c>
      <c r="I1126">
        <v>52.353001265145998</v>
      </c>
      <c r="J1126" t="s">
        <v>56811</v>
      </c>
    </row>
    <row r="1127" spans="1:10" x14ac:dyDescent="0.25">
      <c r="A1127" t="s">
        <v>51411</v>
      </c>
      <c r="B1127" t="s">
        <v>51412</v>
      </c>
      <c r="C1127" t="s">
        <v>51413</v>
      </c>
      <c r="D1127" t="s">
        <v>51231</v>
      </c>
      <c r="E1127" t="s">
        <v>13</v>
      </c>
      <c r="F1127">
        <v>12955</v>
      </c>
      <c r="G1127" t="s">
        <v>51414</v>
      </c>
      <c r="H1127">
        <v>6.6841120443489999</v>
      </c>
      <c r="I1127">
        <v>52.347603131383998</v>
      </c>
      <c r="J1127" t="s">
        <v>56812</v>
      </c>
    </row>
    <row r="1128" spans="1:10" x14ac:dyDescent="0.25">
      <c r="A1128" t="s">
        <v>51407</v>
      </c>
      <c r="B1128" t="s">
        <v>51408</v>
      </c>
      <c r="C1128" t="s">
        <v>51409</v>
      </c>
      <c r="D1128" t="s">
        <v>51231</v>
      </c>
      <c r="E1128" t="s">
        <v>13</v>
      </c>
      <c r="F1128">
        <v>12954</v>
      </c>
      <c r="G1128" t="s">
        <v>51410</v>
      </c>
      <c r="H1128">
        <v>6.682390655072</v>
      </c>
      <c r="I1128">
        <v>52.352686614997999</v>
      </c>
      <c r="J1128" t="s">
        <v>56813</v>
      </c>
    </row>
    <row r="1129" spans="1:10" x14ac:dyDescent="0.25">
      <c r="A1129" t="s">
        <v>51403</v>
      </c>
      <c r="B1129" t="s">
        <v>51404</v>
      </c>
      <c r="C1129" t="s">
        <v>51405</v>
      </c>
      <c r="D1129" t="s">
        <v>51231</v>
      </c>
      <c r="E1129" t="s">
        <v>13</v>
      </c>
      <c r="F1129">
        <v>12953</v>
      </c>
      <c r="G1129" t="s">
        <v>51406</v>
      </c>
      <c r="H1129">
        <v>6.6737863425419999</v>
      </c>
      <c r="I1129">
        <v>52.351687940447</v>
      </c>
      <c r="J1129" t="s">
        <v>56814</v>
      </c>
    </row>
    <row r="1130" spans="1:10" x14ac:dyDescent="0.25">
      <c r="A1130" t="s">
        <v>51399</v>
      </c>
      <c r="B1130" t="s">
        <v>51400</v>
      </c>
      <c r="C1130" t="s">
        <v>51401</v>
      </c>
      <c r="D1130" t="s">
        <v>51231</v>
      </c>
      <c r="E1130" t="s">
        <v>13</v>
      </c>
      <c r="F1130">
        <v>12952</v>
      </c>
      <c r="G1130" t="s">
        <v>51402</v>
      </c>
      <c r="H1130">
        <v>6.6688583303910001</v>
      </c>
      <c r="I1130">
        <v>52.352692893583999</v>
      </c>
      <c r="J1130" t="s">
        <v>56815</v>
      </c>
    </row>
    <row r="1131" spans="1:10" x14ac:dyDescent="0.25">
      <c r="A1131" t="s">
        <v>51395</v>
      </c>
      <c r="B1131" t="s">
        <v>51396</v>
      </c>
      <c r="C1131" t="s">
        <v>51397</v>
      </c>
      <c r="D1131" t="s">
        <v>51231</v>
      </c>
      <c r="E1131" t="s">
        <v>13</v>
      </c>
      <c r="F1131">
        <v>12951</v>
      </c>
      <c r="G1131" t="s">
        <v>51398</v>
      </c>
      <c r="H1131">
        <v>6.652714716577</v>
      </c>
      <c r="I1131">
        <v>52.342214398914997</v>
      </c>
      <c r="J1131" t="s">
        <v>56816</v>
      </c>
    </row>
    <row r="1132" spans="1:10" x14ac:dyDescent="0.25">
      <c r="A1132" t="s">
        <v>51391</v>
      </c>
      <c r="B1132" t="s">
        <v>51392</v>
      </c>
      <c r="C1132" t="s">
        <v>51393</v>
      </c>
      <c r="D1132" t="s">
        <v>51231</v>
      </c>
      <c r="E1132" t="s">
        <v>13</v>
      </c>
      <c r="F1132">
        <v>12950</v>
      </c>
      <c r="G1132" t="s">
        <v>51394</v>
      </c>
      <c r="H1132">
        <v>6.6439131766920001</v>
      </c>
      <c r="I1132">
        <v>52.344640276050001</v>
      </c>
      <c r="J1132" t="s">
        <v>56817</v>
      </c>
    </row>
    <row r="1133" spans="1:10" x14ac:dyDescent="0.25">
      <c r="A1133" t="s">
        <v>51387</v>
      </c>
      <c r="B1133" t="s">
        <v>51388</v>
      </c>
      <c r="C1133" t="s">
        <v>51389</v>
      </c>
      <c r="D1133" t="s">
        <v>51231</v>
      </c>
      <c r="E1133" t="s">
        <v>13</v>
      </c>
      <c r="F1133">
        <v>12949</v>
      </c>
      <c r="G1133" t="s">
        <v>51390</v>
      </c>
      <c r="H1133">
        <v>6.65286732672</v>
      </c>
      <c r="I1133">
        <v>52.345583174376003</v>
      </c>
      <c r="J1133" t="s">
        <v>56818</v>
      </c>
    </row>
    <row r="1134" spans="1:10" x14ac:dyDescent="0.25">
      <c r="A1134" t="s">
        <v>51383</v>
      </c>
      <c r="B1134" t="s">
        <v>51384</v>
      </c>
      <c r="C1134" t="s">
        <v>51385</v>
      </c>
      <c r="D1134" t="s">
        <v>51231</v>
      </c>
      <c r="E1134" t="s">
        <v>13</v>
      </c>
      <c r="F1134">
        <v>12948</v>
      </c>
      <c r="G1134" t="s">
        <v>51386</v>
      </c>
      <c r="H1134">
        <v>6.6444030424509997</v>
      </c>
      <c r="I1134">
        <v>52.348476901006002</v>
      </c>
      <c r="J1134" t="s">
        <v>56819</v>
      </c>
    </row>
    <row r="1135" spans="1:10" x14ac:dyDescent="0.25">
      <c r="A1135" t="s">
        <v>51379</v>
      </c>
      <c r="B1135" t="s">
        <v>51380</v>
      </c>
      <c r="C1135" t="s">
        <v>51381</v>
      </c>
      <c r="D1135" t="s">
        <v>51231</v>
      </c>
      <c r="E1135" t="s">
        <v>13</v>
      </c>
      <c r="F1135">
        <v>12947</v>
      </c>
      <c r="G1135" t="s">
        <v>51382</v>
      </c>
      <c r="H1135">
        <v>6.6593896679129996</v>
      </c>
      <c r="I1135">
        <v>52.343116271257998</v>
      </c>
      <c r="J1135" t="s">
        <v>56820</v>
      </c>
    </row>
    <row r="1136" spans="1:10" x14ac:dyDescent="0.25">
      <c r="A1136" t="s">
        <v>51375</v>
      </c>
      <c r="B1136" t="s">
        <v>51376</v>
      </c>
      <c r="C1136" t="s">
        <v>51377</v>
      </c>
      <c r="D1136" t="s">
        <v>51231</v>
      </c>
      <c r="E1136" t="s">
        <v>13</v>
      </c>
      <c r="F1136">
        <v>12946</v>
      </c>
      <c r="G1136" t="s">
        <v>51378</v>
      </c>
      <c r="H1136">
        <v>6.6641754113970002</v>
      </c>
      <c r="I1136">
        <v>52.342033882938999</v>
      </c>
      <c r="J1136" t="s">
        <v>56821</v>
      </c>
    </row>
    <row r="1137" spans="1:10" x14ac:dyDescent="0.25">
      <c r="A1137" t="s">
        <v>51371</v>
      </c>
      <c r="B1137" t="s">
        <v>51372</v>
      </c>
      <c r="C1137" t="s">
        <v>51373</v>
      </c>
      <c r="D1137" t="s">
        <v>51231</v>
      </c>
      <c r="E1137" t="s">
        <v>13</v>
      </c>
      <c r="F1137">
        <v>12945</v>
      </c>
      <c r="G1137" t="s">
        <v>51374</v>
      </c>
      <c r="H1137">
        <v>6.6482363835129998</v>
      </c>
      <c r="I1137">
        <v>52.349685634559002</v>
      </c>
      <c r="J1137" t="s">
        <v>56822</v>
      </c>
    </row>
    <row r="1138" spans="1:10" x14ac:dyDescent="0.25">
      <c r="A1138" t="s">
        <v>51367</v>
      </c>
      <c r="B1138" t="s">
        <v>51368</v>
      </c>
      <c r="C1138" t="s">
        <v>51369</v>
      </c>
      <c r="D1138" t="s">
        <v>51231</v>
      </c>
      <c r="E1138" t="s">
        <v>13</v>
      </c>
      <c r="F1138">
        <v>12944</v>
      </c>
      <c r="G1138" t="s">
        <v>51370</v>
      </c>
      <c r="H1138">
        <v>6.656052661305</v>
      </c>
      <c r="I1138">
        <v>52.34814595249</v>
      </c>
      <c r="J1138" t="s">
        <v>56823</v>
      </c>
    </row>
    <row r="1139" spans="1:10" x14ac:dyDescent="0.25">
      <c r="A1139" t="s">
        <v>51363</v>
      </c>
      <c r="B1139" t="s">
        <v>51364</v>
      </c>
      <c r="C1139" t="s">
        <v>51365</v>
      </c>
      <c r="D1139" t="s">
        <v>51231</v>
      </c>
      <c r="E1139" t="s">
        <v>13</v>
      </c>
      <c r="F1139">
        <v>12943</v>
      </c>
      <c r="G1139" t="s">
        <v>51366</v>
      </c>
      <c r="H1139">
        <v>6.6540826350189999</v>
      </c>
      <c r="I1139">
        <v>52.351375261472</v>
      </c>
      <c r="J1139" t="s">
        <v>56824</v>
      </c>
    </row>
    <row r="1140" spans="1:10" x14ac:dyDescent="0.25">
      <c r="A1140" t="s">
        <v>51359</v>
      </c>
      <c r="B1140" t="s">
        <v>51360</v>
      </c>
      <c r="C1140" t="s">
        <v>51361</v>
      </c>
      <c r="D1140" t="s">
        <v>51231</v>
      </c>
      <c r="E1140" t="s">
        <v>13</v>
      </c>
      <c r="F1140">
        <v>12942</v>
      </c>
      <c r="G1140" t="s">
        <v>51362</v>
      </c>
      <c r="H1140">
        <v>6.6225629681039999</v>
      </c>
      <c r="I1140">
        <v>52.348692932534</v>
      </c>
      <c r="J1140" t="s">
        <v>56825</v>
      </c>
    </row>
    <row r="1141" spans="1:10" x14ac:dyDescent="0.25">
      <c r="A1141" t="s">
        <v>51355</v>
      </c>
      <c r="B1141" t="s">
        <v>51356</v>
      </c>
      <c r="C1141" t="s">
        <v>51357</v>
      </c>
      <c r="D1141" t="s">
        <v>51231</v>
      </c>
      <c r="E1141" t="s">
        <v>13</v>
      </c>
      <c r="F1141">
        <v>12941</v>
      </c>
      <c r="G1141" t="s">
        <v>51358</v>
      </c>
      <c r="H1141">
        <v>6.6348560540149997</v>
      </c>
      <c r="I1141">
        <v>52.357499716595001</v>
      </c>
      <c r="J1141" t="s">
        <v>56826</v>
      </c>
    </row>
    <row r="1142" spans="1:10" x14ac:dyDescent="0.25">
      <c r="A1142" t="s">
        <v>51351</v>
      </c>
      <c r="B1142" t="s">
        <v>51352</v>
      </c>
      <c r="C1142" t="s">
        <v>51353</v>
      </c>
      <c r="D1142" t="s">
        <v>51231</v>
      </c>
      <c r="E1142" t="s">
        <v>13</v>
      </c>
      <c r="F1142">
        <v>12940</v>
      </c>
      <c r="G1142" t="s">
        <v>51354</v>
      </c>
      <c r="H1142">
        <v>6.635344672485</v>
      </c>
      <c r="I1142">
        <v>52.361544237989001</v>
      </c>
      <c r="J1142" t="s">
        <v>56827</v>
      </c>
    </row>
    <row r="1143" spans="1:10" x14ac:dyDescent="0.25">
      <c r="A1143" t="s">
        <v>51347</v>
      </c>
      <c r="B1143" t="s">
        <v>51348</v>
      </c>
      <c r="C1143" t="s">
        <v>51349</v>
      </c>
      <c r="D1143" t="s">
        <v>51231</v>
      </c>
      <c r="E1143" t="s">
        <v>13</v>
      </c>
      <c r="F1143">
        <v>12939</v>
      </c>
      <c r="G1143" t="s">
        <v>51350</v>
      </c>
      <c r="H1143">
        <v>6.6423674951200002</v>
      </c>
      <c r="I1143">
        <v>52.356818183717003</v>
      </c>
      <c r="J1143" t="s">
        <v>56828</v>
      </c>
    </row>
    <row r="1144" spans="1:10" x14ac:dyDescent="0.25">
      <c r="A1144" t="s">
        <v>51343</v>
      </c>
      <c r="B1144" t="s">
        <v>51344</v>
      </c>
      <c r="C1144" t="s">
        <v>51345</v>
      </c>
      <c r="D1144" t="s">
        <v>51231</v>
      </c>
      <c r="E1144" t="s">
        <v>13</v>
      </c>
      <c r="F1144">
        <v>12938</v>
      </c>
      <c r="G1144" t="s">
        <v>51346</v>
      </c>
      <c r="H1144">
        <v>6.6421489121870003</v>
      </c>
      <c r="I1144">
        <v>52.360652281580997</v>
      </c>
      <c r="J1144" t="s">
        <v>56829</v>
      </c>
    </row>
    <row r="1145" spans="1:10" x14ac:dyDescent="0.25">
      <c r="A1145" t="s">
        <v>51340</v>
      </c>
      <c r="B1145" t="s">
        <v>51341</v>
      </c>
      <c r="C1145" t="s">
        <v>18911</v>
      </c>
      <c r="D1145" t="s">
        <v>51231</v>
      </c>
      <c r="E1145" t="s">
        <v>13</v>
      </c>
      <c r="F1145">
        <v>12937</v>
      </c>
      <c r="G1145" t="s">
        <v>51342</v>
      </c>
      <c r="H1145">
        <v>6.6503253256479997</v>
      </c>
      <c r="I1145">
        <v>52.357907742762002</v>
      </c>
      <c r="J1145" t="s">
        <v>56830</v>
      </c>
    </row>
    <row r="1146" spans="1:10" x14ac:dyDescent="0.25">
      <c r="A1146" t="s">
        <v>51336</v>
      </c>
      <c r="B1146" t="s">
        <v>51337</v>
      </c>
      <c r="C1146" t="s">
        <v>51338</v>
      </c>
      <c r="D1146" t="s">
        <v>51231</v>
      </c>
      <c r="E1146" t="s">
        <v>13</v>
      </c>
      <c r="F1146">
        <v>12936</v>
      </c>
      <c r="G1146" t="s">
        <v>51339</v>
      </c>
      <c r="H1146">
        <v>6.6236076101770003</v>
      </c>
      <c r="I1146">
        <v>52.358207112643001</v>
      </c>
      <c r="J1146" t="s">
        <v>56831</v>
      </c>
    </row>
    <row r="1147" spans="1:10" x14ac:dyDescent="0.25">
      <c r="A1147" t="s">
        <v>51332</v>
      </c>
      <c r="B1147" t="s">
        <v>51333</v>
      </c>
      <c r="C1147" t="s">
        <v>51334</v>
      </c>
      <c r="D1147" t="s">
        <v>51231</v>
      </c>
      <c r="E1147" t="s">
        <v>13</v>
      </c>
      <c r="F1147">
        <v>12935</v>
      </c>
      <c r="G1147" t="s">
        <v>51335</v>
      </c>
      <c r="H1147">
        <v>6.6518703708890001</v>
      </c>
      <c r="I1147">
        <v>52.353704888415002</v>
      </c>
      <c r="J1147" t="s">
        <v>56832</v>
      </c>
    </row>
    <row r="1148" spans="1:10" x14ac:dyDescent="0.25">
      <c r="A1148" t="s">
        <v>51328</v>
      </c>
      <c r="B1148" t="s">
        <v>51329</v>
      </c>
      <c r="C1148" t="s">
        <v>51330</v>
      </c>
      <c r="D1148" t="s">
        <v>51231</v>
      </c>
      <c r="E1148" t="s">
        <v>13</v>
      </c>
      <c r="F1148">
        <v>12934</v>
      </c>
      <c r="G1148" t="s">
        <v>51331</v>
      </c>
      <c r="H1148">
        <v>6.6929898581660003</v>
      </c>
      <c r="I1148">
        <v>52.384390699937001</v>
      </c>
      <c r="J1148" t="s">
        <v>56833</v>
      </c>
    </row>
    <row r="1149" spans="1:10" x14ac:dyDescent="0.25">
      <c r="A1149" t="s">
        <v>51324</v>
      </c>
      <c r="B1149" t="s">
        <v>51325</v>
      </c>
      <c r="C1149" t="s">
        <v>51326</v>
      </c>
      <c r="D1149" t="s">
        <v>51231</v>
      </c>
      <c r="E1149" t="s">
        <v>13</v>
      </c>
      <c r="F1149">
        <v>12933</v>
      </c>
      <c r="G1149" t="s">
        <v>51327</v>
      </c>
      <c r="H1149">
        <v>6.6973464839509997</v>
      </c>
      <c r="I1149">
        <v>52.380270190251998</v>
      </c>
      <c r="J1149" t="s">
        <v>56834</v>
      </c>
    </row>
    <row r="1150" spans="1:10" x14ac:dyDescent="0.25">
      <c r="A1150" t="s">
        <v>51320</v>
      </c>
      <c r="B1150" t="s">
        <v>51321</v>
      </c>
      <c r="C1150" t="s">
        <v>51322</v>
      </c>
      <c r="D1150" t="s">
        <v>51231</v>
      </c>
      <c r="E1150" t="s">
        <v>13</v>
      </c>
      <c r="F1150">
        <v>12932</v>
      </c>
      <c r="G1150" t="s">
        <v>51323</v>
      </c>
      <c r="H1150">
        <v>6.7025419834979996</v>
      </c>
      <c r="I1150">
        <v>52.374181251457998</v>
      </c>
      <c r="J1150" t="s">
        <v>56835</v>
      </c>
    </row>
    <row r="1151" spans="1:10" x14ac:dyDescent="0.25">
      <c r="A1151" t="s">
        <v>51316</v>
      </c>
      <c r="B1151" t="s">
        <v>51317</v>
      </c>
      <c r="C1151" t="s">
        <v>51318</v>
      </c>
      <c r="D1151" t="s">
        <v>51231</v>
      </c>
      <c r="E1151" t="s">
        <v>13</v>
      </c>
      <c r="F1151">
        <v>12931</v>
      </c>
      <c r="G1151" t="s">
        <v>51319</v>
      </c>
      <c r="H1151">
        <v>6.6794009647239996</v>
      </c>
      <c r="I1151">
        <v>52.368539978119003</v>
      </c>
      <c r="J1151" t="s">
        <v>56836</v>
      </c>
    </row>
    <row r="1152" spans="1:10" x14ac:dyDescent="0.25">
      <c r="A1152" t="s">
        <v>51312</v>
      </c>
      <c r="B1152" t="s">
        <v>51313</v>
      </c>
      <c r="C1152" t="s">
        <v>51314</v>
      </c>
      <c r="D1152" t="s">
        <v>51231</v>
      </c>
      <c r="E1152" t="s">
        <v>13</v>
      </c>
      <c r="F1152">
        <v>12930</v>
      </c>
      <c r="G1152" t="s">
        <v>51315</v>
      </c>
      <c r="H1152">
        <v>6.6881696455449999</v>
      </c>
      <c r="I1152">
        <v>52.369538715106003</v>
      </c>
      <c r="J1152" t="s">
        <v>56837</v>
      </c>
    </row>
    <row r="1153" spans="1:10" x14ac:dyDescent="0.25">
      <c r="A1153" t="s">
        <v>51308</v>
      </c>
      <c r="B1153" t="s">
        <v>51309</v>
      </c>
      <c r="C1153" t="s">
        <v>51310</v>
      </c>
      <c r="D1153" t="s">
        <v>51231</v>
      </c>
      <c r="E1153" t="s">
        <v>13</v>
      </c>
      <c r="F1153">
        <v>12929</v>
      </c>
      <c r="G1153" t="s">
        <v>51311</v>
      </c>
      <c r="H1153">
        <v>6.6938058947409997</v>
      </c>
      <c r="I1153">
        <v>52.370680422348002</v>
      </c>
      <c r="J1153" t="s">
        <v>56838</v>
      </c>
    </row>
    <row r="1154" spans="1:10" x14ac:dyDescent="0.25">
      <c r="A1154" t="s">
        <v>51304</v>
      </c>
      <c r="B1154" t="s">
        <v>51305</v>
      </c>
      <c r="C1154" t="s">
        <v>51306</v>
      </c>
      <c r="D1154" t="s">
        <v>51231</v>
      </c>
      <c r="E1154" t="s">
        <v>13</v>
      </c>
      <c r="F1154">
        <v>12928</v>
      </c>
      <c r="G1154" t="s">
        <v>51307</v>
      </c>
      <c r="H1154">
        <v>6.6793850133339996</v>
      </c>
      <c r="I1154">
        <v>52.365242777249001</v>
      </c>
      <c r="J1154" t="s">
        <v>56839</v>
      </c>
    </row>
    <row r="1155" spans="1:10" x14ac:dyDescent="0.25">
      <c r="A1155" t="s">
        <v>51300</v>
      </c>
      <c r="B1155" t="s">
        <v>51301</v>
      </c>
      <c r="C1155" t="s">
        <v>51302</v>
      </c>
      <c r="D1155" t="s">
        <v>51231</v>
      </c>
      <c r="E1155" t="s">
        <v>13</v>
      </c>
      <c r="F1155">
        <v>12927</v>
      </c>
      <c r="G1155" t="s">
        <v>51303</v>
      </c>
      <c r="H1155">
        <v>6.6453660606279996</v>
      </c>
      <c r="I1155">
        <v>52.385024234626002</v>
      </c>
      <c r="J1155" t="s">
        <v>56840</v>
      </c>
    </row>
    <row r="1156" spans="1:10" x14ac:dyDescent="0.25">
      <c r="A1156" t="s">
        <v>51296</v>
      </c>
      <c r="B1156" t="s">
        <v>51297</v>
      </c>
      <c r="C1156" t="s">
        <v>51298</v>
      </c>
      <c r="D1156" t="s">
        <v>51231</v>
      </c>
      <c r="E1156" t="s">
        <v>13</v>
      </c>
      <c r="F1156">
        <v>12926</v>
      </c>
      <c r="G1156" t="s">
        <v>51299</v>
      </c>
      <c r="H1156">
        <v>6.662695457061</v>
      </c>
      <c r="I1156">
        <v>52.380520616161</v>
      </c>
      <c r="J1156" t="s">
        <v>56841</v>
      </c>
    </row>
    <row r="1157" spans="1:10" x14ac:dyDescent="0.25">
      <c r="A1157" t="s">
        <v>51292</v>
      </c>
      <c r="B1157" t="s">
        <v>51293</v>
      </c>
      <c r="C1157" t="s">
        <v>51294</v>
      </c>
      <c r="D1157" t="s">
        <v>51231</v>
      </c>
      <c r="E1157" t="s">
        <v>13</v>
      </c>
      <c r="F1157">
        <v>12925</v>
      </c>
      <c r="G1157" t="s">
        <v>51295</v>
      </c>
      <c r="H1157">
        <v>6.6125658153210001</v>
      </c>
      <c r="I1157">
        <v>52.376635046840001</v>
      </c>
      <c r="J1157" t="s">
        <v>56842</v>
      </c>
    </row>
    <row r="1158" spans="1:10" x14ac:dyDescent="0.25">
      <c r="A1158" t="s">
        <v>51288</v>
      </c>
      <c r="B1158" t="s">
        <v>51289</v>
      </c>
      <c r="C1158" t="s">
        <v>51290</v>
      </c>
      <c r="D1158" t="s">
        <v>51231</v>
      </c>
      <c r="E1158" t="s">
        <v>13</v>
      </c>
      <c r="F1158">
        <v>12924</v>
      </c>
      <c r="G1158" t="s">
        <v>51291</v>
      </c>
      <c r="H1158">
        <v>6.6407554345720001</v>
      </c>
      <c r="I1158">
        <v>52.369671402381002</v>
      </c>
      <c r="J1158" t="s">
        <v>56843</v>
      </c>
    </row>
    <row r="1159" spans="1:10" x14ac:dyDescent="0.25">
      <c r="A1159" t="s">
        <v>51284</v>
      </c>
      <c r="B1159" t="s">
        <v>51285</v>
      </c>
      <c r="C1159" t="s">
        <v>51286</v>
      </c>
      <c r="D1159" t="s">
        <v>51231</v>
      </c>
      <c r="E1159" t="s">
        <v>13</v>
      </c>
      <c r="F1159">
        <v>12923</v>
      </c>
      <c r="G1159" t="s">
        <v>51287</v>
      </c>
      <c r="H1159">
        <v>6.6528431762790001</v>
      </c>
      <c r="I1159">
        <v>52.362469342983999</v>
      </c>
      <c r="J1159" t="s">
        <v>56844</v>
      </c>
    </row>
    <row r="1160" spans="1:10" x14ac:dyDescent="0.25">
      <c r="A1160" t="s">
        <v>51280</v>
      </c>
      <c r="B1160" t="s">
        <v>51281</v>
      </c>
      <c r="C1160" t="s">
        <v>51282</v>
      </c>
      <c r="D1160" t="s">
        <v>51231</v>
      </c>
      <c r="E1160" t="s">
        <v>13</v>
      </c>
      <c r="F1160">
        <v>12922</v>
      </c>
      <c r="G1160" t="s">
        <v>51283</v>
      </c>
      <c r="H1160">
        <v>6.6621171109799997</v>
      </c>
      <c r="I1160">
        <v>52.372321395672003</v>
      </c>
      <c r="J1160" t="s">
        <v>56845</v>
      </c>
    </row>
    <row r="1161" spans="1:10" x14ac:dyDescent="0.25">
      <c r="A1161" t="s">
        <v>51276</v>
      </c>
      <c r="B1161" t="s">
        <v>51277</v>
      </c>
      <c r="C1161" t="s">
        <v>51278</v>
      </c>
      <c r="D1161" t="s">
        <v>51231</v>
      </c>
      <c r="E1161" t="s">
        <v>13</v>
      </c>
      <c r="F1161">
        <v>12921</v>
      </c>
      <c r="G1161" t="s">
        <v>51279</v>
      </c>
      <c r="H1161">
        <v>6.6649747956730003</v>
      </c>
      <c r="I1161">
        <v>52.364670675230002</v>
      </c>
      <c r="J1161" t="s">
        <v>56846</v>
      </c>
    </row>
    <row r="1162" spans="1:10" x14ac:dyDescent="0.25">
      <c r="A1162" t="s">
        <v>51272</v>
      </c>
      <c r="B1162" t="s">
        <v>51273</v>
      </c>
      <c r="C1162" t="s">
        <v>51274</v>
      </c>
      <c r="D1162" t="s">
        <v>51231</v>
      </c>
      <c r="E1162" t="s">
        <v>13</v>
      </c>
      <c r="F1162">
        <v>12920</v>
      </c>
      <c r="G1162" t="s">
        <v>51275</v>
      </c>
      <c r="H1162">
        <v>6.6671457270980001</v>
      </c>
      <c r="I1162">
        <v>52.371869893331997</v>
      </c>
      <c r="J1162" t="s">
        <v>56847</v>
      </c>
    </row>
    <row r="1163" spans="1:10" x14ac:dyDescent="0.25">
      <c r="A1163" t="s">
        <v>51268</v>
      </c>
      <c r="B1163" t="s">
        <v>51269</v>
      </c>
      <c r="C1163" t="s">
        <v>51270</v>
      </c>
      <c r="D1163" t="s">
        <v>51231</v>
      </c>
      <c r="E1163" t="s">
        <v>13</v>
      </c>
      <c r="F1163">
        <v>12919</v>
      </c>
      <c r="G1163" t="s">
        <v>51271</v>
      </c>
      <c r="H1163">
        <v>6.6892412100080003</v>
      </c>
      <c r="I1163">
        <v>52.334294501610998</v>
      </c>
      <c r="J1163" t="s">
        <v>56848</v>
      </c>
    </row>
    <row r="1164" spans="1:10" x14ac:dyDescent="0.25">
      <c r="A1164" t="s">
        <v>51264</v>
      </c>
      <c r="B1164" t="s">
        <v>51265</v>
      </c>
      <c r="C1164" t="s">
        <v>51266</v>
      </c>
      <c r="D1164" t="s">
        <v>51231</v>
      </c>
      <c r="E1164" t="s">
        <v>13</v>
      </c>
      <c r="F1164">
        <v>12918</v>
      </c>
      <c r="G1164" t="s">
        <v>51267</v>
      </c>
      <c r="H1164">
        <v>6.6891367185900004</v>
      </c>
      <c r="I1164">
        <v>52.337633017160996</v>
      </c>
      <c r="J1164" t="s">
        <v>56849</v>
      </c>
    </row>
    <row r="1165" spans="1:10" x14ac:dyDescent="0.25">
      <c r="A1165" t="s">
        <v>51260</v>
      </c>
      <c r="B1165" t="s">
        <v>51261</v>
      </c>
      <c r="C1165" t="s">
        <v>51262</v>
      </c>
      <c r="D1165" t="s">
        <v>51231</v>
      </c>
      <c r="E1165" t="s">
        <v>13</v>
      </c>
      <c r="F1165">
        <v>12917</v>
      </c>
      <c r="G1165" t="s">
        <v>51263</v>
      </c>
      <c r="H1165">
        <v>6.6670523091360003</v>
      </c>
      <c r="I1165">
        <v>52.343908514953</v>
      </c>
      <c r="J1165" t="s">
        <v>56850</v>
      </c>
    </row>
    <row r="1166" spans="1:10" x14ac:dyDescent="0.25">
      <c r="A1166" t="s">
        <v>51257</v>
      </c>
      <c r="B1166" t="s">
        <v>51258</v>
      </c>
      <c r="C1166" t="s">
        <v>109</v>
      </c>
      <c r="D1166" t="s">
        <v>51231</v>
      </c>
      <c r="E1166" t="s">
        <v>13</v>
      </c>
      <c r="F1166">
        <v>12916</v>
      </c>
      <c r="G1166" t="s">
        <v>51259</v>
      </c>
      <c r="H1166">
        <v>6.6726452650630002</v>
      </c>
      <c r="I1166">
        <v>52.344146174549998</v>
      </c>
      <c r="J1166" t="s">
        <v>56851</v>
      </c>
    </row>
    <row r="1167" spans="1:10" x14ac:dyDescent="0.25">
      <c r="A1167" t="s">
        <v>51253</v>
      </c>
      <c r="B1167" t="s">
        <v>51254</v>
      </c>
      <c r="C1167" t="s">
        <v>51255</v>
      </c>
      <c r="D1167" t="s">
        <v>51231</v>
      </c>
      <c r="E1167" t="s">
        <v>13</v>
      </c>
      <c r="F1167">
        <v>12915</v>
      </c>
      <c r="G1167" t="s">
        <v>51256</v>
      </c>
      <c r="H1167">
        <v>6.6637069176869996</v>
      </c>
      <c r="I1167">
        <v>52.348974897346999</v>
      </c>
      <c r="J1167" t="s">
        <v>56852</v>
      </c>
    </row>
    <row r="1168" spans="1:10" x14ac:dyDescent="0.25">
      <c r="A1168" t="s">
        <v>51249</v>
      </c>
      <c r="B1168" t="s">
        <v>51250</v>
      </c>
      <c r="C1168" t="s">
        <v>51251</v>
      </c>
      <c r="D1168" t="s">
        <v>51231</v>
      </c>
      <c r="E1168" t="s">
        <v>13</v>
      </c>
      <c r="F1168">
        <v>12914</v>
      </c>
      <c r="G1168" t="s">
        <v>51252</v>
      </c>
      <c r="H1168">
        <v>6.6787189012989998</v>
      </c>
      <c r="I1168">
        <v>52.344777235034996</v>
      </c>
      <c r="J1168" t="s">
        <v>56853</v>
      </c>
    </row>
    <row r="1169" spans="1:10" x14ac:dyDescent="0.25">
      <c r="A1169" t="s">
        <v>51245</v>
      </c>
      <c r="B1169" t="s">
        <v>51246</v>
      </c>
      <c r="C1169" t="s">
        <v>51247</v>
      </c>
      <c r="D1169" t="s">
        <v>51231</v>
      </c>
      <c r="E1169" t="s">
        <v>13</v>
      </c>
      <c r="F1169">
        <v>12913</v>
      </c>
      <c r="G1169" t="s">
        <v>51248</v>
      </c>
      <c r="H1169">
        <v>6.6701540996539999</v>
      </c>
      <c r="I1169">
        <v>52.348196651068001</v>
      </c>
      <c r="J1169" t="s">
        <v>56854</v>
      </c>
    </row>
    <row r="1170" spans="1:10" x14ac:dyDescent="0.25">
      <c r="A1170" t="s">
        <v>51241</v>
      </c>
      <c r="B1170" t="s">
        <v>51242</v>
      </c>
      <c r="C1170" t="s">
        <v>51243</v>
      </c>
      <c r="D1170" t="s">
        <v>51231</v>
      </c>
      <c r="E1170" t="s">
        <v>13</v>
      </c>
      <c r="F1170">
        <v>12912</v>
      </c>
      <c r="G1170" t="s">
        <v>51244</v>
      </c>
      <c r="H1170">
        <v>6.6639738842699998</v>
      </c>
      <c r="I1170">
        <v>52.360680130653002</v>
      </c>
      <c r="J1170" t="s">
        <v>56855</v>
      </c>
    </row>
    <row r="1171" spans="1:10" x14ac:dyDescent="0.25">
      <c r="A1171" t="s">
        <v>51237</v>
      </c>
      <c r="B1171" t="s">
        <v>51238</v>
      </c>
      <c r="C1171" t="s">
        <v>51239</v>
      </c>
      <c r="D1171" t="s">
        <v>51231</v>
      </c>
      <c r="E1171" t="s">
        <v>13</v>
      </c>
      <c r="F1171">
        <v>12911</v>
      </c>
      <c r="G1171" t="s">
        <v>51240</v>
      </c>
      <c r="H1171">
        <v>6.6617348482940004</v>
      </c>
      <c r="I1171">
        <v>52.352033310061998</v>
      </c>
      <c r="J1171" t="s">
        <v>56856</v>
      </c>
    </row>
    <row r="1172" spans="1:10" x14ac:dyDescent="0.25">
      <c r="A1172" t="s">
        <v>51233</v>
      </c>
      <c r="B1172" t="s">
        <v>51234</v>
      </c>
      <c r="C1172" t="s">
        <v>51235</v>
      </c>
      <c r="D1172" t="s">
        <v>51231</v>
      </c>
      <c r="E1172" t="s">
        <v>13</v>
      </c>
      <c r="F1172">
        <v>12910</v>
      </c>
      <c r="G1172" t="s">
        <v>51236</v>
      </c>
      <c r="H1172">
        <v>6.6650541715009997</v>
      </c>
      <c r="I1172">
        <v>52.354609547172998</v>
      </c>
      <c r="J1172" t="s">
        <v>56857</v>
      </c>
    </row>
    <row r="1173" spans="1:10" x14ac:dyDescent="0.25">
      <c r="A1173" t="s">
        <v>51228</v>
      </c>
      <c r="B1173" t="s">
        <v>51229</v>
      </c>
      <c r="C1173" t="s">
        <v>51230</v>
      </c>
      <c r="D1173" t="s">
        <v>51231</v>
      </c>
      <c r="E1173" t="s">
        <v>13</v>
      </c>
      <c r="F1173">
        <v>12909</v>
      </c>
      <c r="G1173" t="s">
        <v>51232</v>
      </c>
      <c r="H1173">
        <v>6.6643132037499999</v>
      </c>
      <c r="I1173">
        <v>52.358237674899001</v>
      </c>
      <c r="J1173" t="s">
        <v>56858</v>
      </c>
    </row>
    <row r="1174" spans="1:10" x14ac:dyDescent="0.25">
      <c r="A1174" t="s">
        <v>51224</v>
      </c>
      <c r="B1174" t="s">
        <v>51225</v>
      </c>
      <c r="C1174" t="s">
        <v>51226</v>
      </c>
      <c r="D1174" t="s">
        <v>50925</v>
      </c>
      <c r="E1174" t="s">
        <v>13</v>
      </c>
      <c r="F1174">
        <v>12908</v>
      </c>
      <c r="G1174" t="s">
        <v>51227</v>
      </c>
      <c r="H1174">
        <v>6.1270129154699999</v>
      </c>
      <c r="I1174">
        <v>52.459213999581003</v>
      </c>
      <c r="J1174" t="s">
        <v>56859</v>
      </c>
    </row>
    <row r="1175" spans="1:10" x14ac:dyDescent="0.25">
      <c r="A1175" t="s">
        <v>51220</v>
      </c>
      <c r="B1175" t="s">
        <v>51221</v>
      </c>
      <c r="C1175" t="s">
        <v>51222</v>
      </c>
      <c r="D1175" t="s">
        <v>50925</v>
      </c>
      <c r="E1175" t="s">
        <v>13</v>
      </c>
      <c r="F1175">
        <v>12907</v>
      </c>
      <c r="G1175" t="s">
        <v>51223</v>
      </c>
      <c r="H1175">
        <v>6.1305438931370002</v>
      </c>
      <c r="I1175">
        <v>52.446968657268997</v>
      </c>
      <c r="J1175" t="s">
        <v>56860</v>
      </c>
    </row>
    <row r="1176" spans="1:10" x14ac:dyDescent="0.25">
      <c r="A1176" t="s">
        <v>51216</v>
      </c>
      <c r="B1176" t="s">
        <v>51217</v>
      </c>
      <c r="C1176" t="s">
        <v>51218</v>
      </c>
      <c r="D1176" t="s">
        <v>50925</v>
      </c>
      <c r="E1176" t="s">
        <v>13</v>
      </c>
      <c r="F1176">
        <v>12906</v>
      </c>
      <c r="G1176" t="s">
        <v>51219</v>
      </c>
      <c r="H1176">
        <v>6.1319292339600002</v>
      </c>
      <c r="I1176">
        <v>52.48018301458</v>
      </c>
      <c r="J1176" t="s">
        <v>56861</v>
      </c>
    </row>
    <row r="1177" spans="1:10" x14ac:dyDescent="0.25">
      <c r="A1177" t="s">
        <v>51212</v>
      </c>
      <c r="B1177" t="s">
        <v>51213</v>
      </c>
      <c r="C1177" t="s">
        <v>51214</v>
      </c>
      <c r="D1177" t="s">
        <v>50925</v>
      </c>
      <c r="E1177" t="s">
        <v>13</v>
      </c>
      <c r="F1177">
        <v>12905</v>
      </c>
      <c r="G1177" t="s">
        <v>51215</v>
      </c>
      <c r="H1177">
        <v>6.1219779506269996</v>
      </c>
      <c r="I1177">
        <v>52.484908956608997</v>
      </c>
      <c r="J1177" t="s">
        <v>56862</v>
      </c>
    </row>
    <row r="1178" spans="1:10" x14ac:dyDescent="0.25">
      <c r="A1178" t="s">
        <v>51208</v>
      </c>
      <c r="B1178" t="s">
        <v>51209</v>
      </c>
      <c r="C1178" t="s">
        <v>51210</v>
      </c>
      <c r="D1178" t="s">
        <v>50925</v>
      </c>
      <c r="E1178" t="s">
        <v>13</v>
      </c>
      <c r="F1178">
        <v>12904</v>
      </c>
      <c r="G1178" t="s">
        <v>51211</v>
      </c>
      <c r="H1178">
        <v>6.1149023829200004</v>
      </c>
      <c r="I1178">
        <v>52.489824046190002</v>
      </c>
      <c r="J1178" t="s">
        <v>56863</v>
      </c>
    </row>
    <row r="1179" spans="1:10" x14ac:dyDescent="0.25">
      <c r="A1179" t="s">
        <v>51204</v>
      </c>
      <c r="B1179" t="s">
        <v>51205</v>
      </c>
      <c r="C1179" t="s">
        <v>51206</v>
      </c>
      <c r="D1179" t="s">
        <v>50925</v>
      </c>
      <c r="E1179" t="s">
        <v>13</v>
      </c>
      <c r="F1179">
        <v>12903</v>
      </c>
      <c r="G1179" t="s">
        <v>51207</v>
      </c>
      <c r="H1179">
        <v>6.110308240847</v>
      </c>
      <c r="I1179">
        <v>52.494699032749999</v>
      </c>
      <c r="J1179" t="s">
        <v>56864</v>
      </c>
    </row>
    <row r="1180" spans="1:10" x14ac:dyDescent="0.25">
      <c r="A1180" t="s">
        <v>51200</v>
      </c>
      <c r="B1180" t="s">
        <v>51201</v>
      </c>
      <c r="C1180" t="s">
        <v>51202</v>
      </c>
      <c r="D1180" t="s">
        <v>50925</v>
      </c>
      <c r="E1180" t="s">
        <v>13</v>
      </c>
      <c r="F1180">
        <v>12902</v>
      </c>
      <c r="G1180" t="s">
        <v>51203</v>
      </c>
      <c r="H1180">
        <v>6.1191091775880002</v>
      </c>
      <c r="I1180">
        <v>52.475047683565997</v>
      </c>
      <c r="J1180" t="s">
        <v>56865</v>
      </c>
    </row>
    <row r="1181" spans="1:10" x14ac:dyDescent="0.25">
      <c r="A1181" t="s">
        <v>51196</v>
      </c>
      <c r="B1181" t="s">
        <v>51197</v>
      </c>
      <c r="C1181" t="s">
        <v>51198</v>
      </c>
      <c r="D1181" t="s">
        <v>50925</v>
      </c>
      <c r="E1181" t="s">
        <v>13</v>
      </c>
      <c r="F1181">
        <v>12901</v>
      </c>
      <c r="G1181" t="s">
        <v>51199</v>
      </c>
      <c r="H1181">
        <v>6.1132017044899998</v>
      </c>
      <c r="I1181">
        <v>52.480582385421002</v>
      </c>
      <c r="J1181" t="s">
        <v>56866</v>
      </c>
    </row>
    <row r="1182" spans="1:10" x14ac:dyDescent="0.25">
      <c r="A1182" t="s">
        <v>51192</v>
      </c>
      <c r="B1182" t="s">
        <v>51193</v>
      </c>
      <c r="C1182" t="s">
        <v>51194</v>
      </c>
      <c r="D1182" t="s">
        <v>50925</v>
      </c>
      <c r="E1182" t="s">
        <v>13</v>
      </c>
      <c r="F1182">
        <v>12900</v>
      </c>
      <c r="G1182" t="s">
        <v>51195</v>
      </c>
      <c r="H1182">
        <v>6.1086121300249996</v>
      </c>
      <c r="I1182">
        <v>52.486961816662998</v>
      </c>
      <c r="J1182" t="s">
        <v>56867</v>
      </c>
    </row>
    <row r="1183" spans="1:10" x14ac:dyDescent="0.25">
      <c r="A1183" t="s">
        <v>51188</v>
      </c>
      <c r="B1183" t="s">
        <v>51189</v>
      </c>
      <c r="C1183" t="s">
        <v>51190</v>
      </c>
      <c r="D1183" t="s">
        <v>50925</v>
      </c>
      <c r="E1183" t="s">
        <v>13</v>
      </c>
      <c r="F1183">
        <v>12899</v>
      </c>
      <c r="G1183" t="s">
        <v>51191</v>
      </c>
      <c r="H1183">
        <v>6.066193318701</v>
      </c>
      <c r="I1183">
        <v>52.498773864781</v>
      </c>
      <c r="J1183" t="s">
        <v>56868</v>
      </c>
    </row>
    <row r="1184" spans="1:10" x14ac:dyDescent="0.25">
      <c r="A1184" t="s">
        <v>51184</v>
      </c>
      <c r="B1184" t="s">
        <v>51185</v>
      </c>
      <c r="C1184" t="s">
        <v>51186</v>
      </c>
      <c r="D1184" t="s">
        <v>50925</v>
      </c>
      <c r="E1184" t="s">
        <v>13</v>
      </c>
      <c r="F1184">
        <v>12898</v>
      </c>
      <c r="G1184" t="s">
        <v>51187</v>
      </c>
      <c r="H1184">
        <v>6.0828718620069999</v>
      </c>
      <c r="I1184">
        <v>52.485627749427998</v>
      </c>
      <c r="J1184" t="s">
        <v>56869</v>
      </c>
    </row>
    <row r="1185" spans="1:10" x14ac:dyDescent="0.25">
      <c r="A1185" t="s">
        <v>51180</v>
      </c>
      <c r="B1185" t="s">
        <v>51181</v>
      </c>
      <c r="C1185" t="s">
        <v>51182</v>
      </c>
      <c r="D1185" t="s">
        <v>50925</v>
      </c>
      <c r="E1185" t="s">
        <v>13</v>
      </c>
      <c r="F1185">
        <v>12897</v>
      </c>
      <c r="G1185" t="s">
        <v>51183</v>
      </c>
      <c r="H1185">
        <v>6.1057312382640001</v>
      </c>
      <c r="I1185">
        <v>52.475826611290003</v>
      </c>
      <c r="J1185" t="s">
        <v>56870</v>
      </c>
    </row>
    <row r="1186" spans="1:10" x14ac:dyDescent="0.25">
      <c r="A1186" t="s">
        <v>51176</v>
      </c>
      <c r="B1186" t="s">
        <v>51177</v>
      </c>
      <c r="C1186" t="s">
        <v>51178</v>
      </c>
      <c r="D1186" t="s">
        <v>50925</v>
      </c>
      <c r="E1186" t="s">
        <v>13</v>
      </c>
      <c r="F1186">
        <v>12896</v>
      </c>
      <c r="G1186" t="s">
        <v>51179</v>
      </c>
      <c r="H1186">
        <v>6.0966787061060002</v>
      </c>
      <c r="I1186">
        <v>52.484786852208003</v>
      </c>
      <c r="J1186" t="s">
        <v>56871</v>
      </c>
    </row>
    <row r="1187" spans="1:10" x14ac:dyDescent="0.25">
      <c r="A1187" t="s">
        <v>51172</v>
      </c>
      <c r="B1187" t="s">
        <v>51173</v>
      </c>
      <c r="C1187" t="s">
        <v>51174</v>
      </c>
      <c r="D1187" t="s">
        <v>50925</v>
      </c>
      <c r="E1187" t="s">
        <v>13</v>
      </c>
      <c r="F1187">
        <v>12895</v>
      </c>
      <c r="G1187" t="s">
        <v>51175</v>
      </c>
      <c r="H1187">
        <v>6.1020047504850004</v>
      </c>
      <c r="I1187">
        <v>52.486226026369003</v>
      </c>
      <c r="J1187" t="s">
        <v>56872</v>
      </c>
    </row>
    <row r="1188" spans="1:10" x14ac:dyDescent="0.25">
      <c r="A1188" t="s">
        <v>51168</v>
      </c>
      <c r="B1188" t="s">
        <v>51169</v>
      </c>
      <c r="C1188" t="s">
        <v>51170</v>
      </c>
      <c r="D1188" t="s">
        <v>50925</v>
      </c>
      <c r="E1188" t="s">
        <v>13</v>
      </c>
      <c r="F1188">
        <v>12894</v>
      </c>
      <c r="G1188" t="s">
        <v>51171</v>
      </c>
      <c r="H1188">
        <v>6.0966356447520003</v>
      </c>
      <c r="I1188">
        <v>52.492795631253003</v>
      </c>
      <c r="J1188" t="s">
        <v>56873</v>
      </c>
    </row>
    <row r="1189" spans="1:10" x14ac:dyDescent="0.25">
      <c r="A1189" t="s">
        <v>51164</v>
      </c>
      <c r="B1189" t="s">
        <v>51165</v>
      </c>
      <c r="C1189" t="s">
        <v>51166</v>
      </c>
      <c r="D1189" t="s">
        <v>50925</v>
      </c>
      <c r="E1189" t="s">
        <v>13</v>
      </c>
      <c r="F1189">
        <v>12893</v>
      </c>
      <c r="G1189" t="s">
        <v>51167</v>
      </c>
      <c r="H1189">
        <v>6.0844330414599996</v>
      </c>
      <c r="I1189">
        <v>52.498820006781003</v>
      </c>
      <c r="J1189" t="s">
        <v>56874</v>
      </c>
    </row>
    <row r="1190" spans="1:10" x14ac:dyDescent="0.25">
      <c r="A1190" t="s">
        <v>51160</v>
      </c>
      <c r="B1190" t="s">
        <v>51161</v>
      </c>
      <c r="C1190" t="s">
        <v>51162</v>
      </c>
      <c r="D1190" t="s">
        <v>50925</v>
      </c>
      <c r="E1190" t="s">
        <v>13</v>
      </c>
      <c r="F1190">
        <v>12892</v>
      </c>
      <c r="G1190" t="s">
        <v>51163</v>
      </c>
      <c r="H1190">
        <v>6.1036529774329997</v>
      </c>
      <c r="I1190">
        <v>52.497300325384003</v>
      </c>
      <c r="J1190" t="s">
        <v>56875</v>
      </c>
    </row>
    <row r="1191" spans="1:10" x14ac:dyDescent="0.25">
      <c r="A1191" t="s">
        <v>51156</v>
      </c>
      <c r="B1191" t="s">
        <v>51157</v>
      </c>
      <c r="C1191" t="s">
        <v>51158</v>
      </c>
      <c r="D1191" t="s">
        <v>50925</v>
      </c>
      <c r="E1191" t="s">
        <v>13</v>
      </c>
      <c r="F1191">
        <v>12891</v>
      </c>
      <c r="G1191" t="s">
        <v>51159</v>
      </c>
      <c r="H1191">
        <v>6.0996303480550003</v>
      </c>
      <c r="I1191">
        <v>52.497035854490001</v>
      </c>
      <c r="J1191" t="s">
        <v>56876</v>
      </c>
    </row>
    <row r="1192" spans="1:10" x14ac:dyDescent="0.25">
      <c r="A1192" t="s">
        <v>51152</v>
      </c>
      <c r="B1192" t="s">
        <v>51153</v>
      </c>
      <c r="C1192" t="s">
        <v>51154</v>
      </c>
      <c r="D1192" t="s">
        <v>50925</v>
      </c>
      <c r="E1192" t="s">
        <v>13</v>
      </c>
      <c r="F1192">
        <v>12890</v>
      </c>
      <c r="G1192" t="s">
        <v>51155</v>
      </c>
      <c r="H1192">
        <v>6.1691926039489999</v>
      </c>
      <c r="I1192">
        <v>52.485579445481001</v>
      </c>
      <c r="J1192" t="s">
        <v>56877</v>
      </c>
    </row>
    <row r="1193" spans="1:10" x14ac:dyDescent="0.25">
      <c r="A1193" t="s">
        <v>51148</v>
      </c>
      <c r="B1193" t="s">
        <v>51149</v>
      </c>
      <c r="C1193" t="s">
        <v>51150</v>
      </c>
      <c r="D1193" t="s">
        <v>50925</v>
      </c>
      <c r="E1193" t="s">
        <v>13</v>
      </c>
      <c r="F1193">
        <v>12889</v>
      </c>
      <c r="G1193" t="s">
        <v>51151</v>
      </c>
      <c r="H1193">
        <v>6.130136828645</v>
      </c>
      <c r="I1193">
        <v>52.492577613267997</v>
      </c>
      <c r="J1193" t="s">
        <v>56878</v>
      </c>
    </row>
    <row r="1194" spans="1:10" x14ac:dyDescent="0.25">
      <c r="A1194" t="s">
        <v>51144</v>
      </c>
      <c r="B1194" t="s">
        <v>51145</v>
      </c>
      <c r="C1194" t="s">
        <v>51146</v>
      </c>
      <c r="D1194" t="s">
        <v>50925</v>
      </c>
      <c r="E1194" t="s">
        <v>13</v>
      </c>
      <c r="F1194">
        <v>12888</v>
      </c>
      <c r="G1194" t="s">
        <v>51147</v>
      </c>
      <c r="H1194">
        <v>6.1610521011600001</v>
      </c>
      <c r="I1194">
        <v>52.503917643656003</v>
      </c>
      <c r="J1194" t="s">
        <v>56879</v>
      </c>
    </row>
    <row r="1195" spans="1:10" x14ac:dyDescent="0.25">
      <c r="A1195" t="s">
        <v>51140</v>
      </c>
      <c r="B1195" t="s">
        <v>51141</v>
      </c>
      <c r="C1195" t="s">
        <v>51142</v>
      </c>
      <c r="D1195" t="s">
        <v>50925</v>
      </c>
      <c r="E1195" t="s">
        <v>13</v>
      </c>
      <c r="F1195">
        <v>12887</v>
      </c>
      <c r="G1195" t="s">
        <v>51143</v>
      </c>
      <c r="H1195">
        <v>6.1929650641679999</v>
      </c>
      <c r="I1195">
        <v>52.562080602159</v>
      </c>
      <c r="J1195" t="s">
        <v>56880</v>
      </c>
    </row>
    <row r="1196" spans="1:10" x14ac:dyDescent="0.25">
      <c r="A1196" t="s">
        <v>51136</v>
      </c>
      <c r="B1196" t="s">
        <v>51137</v>
      </c>
      <c r="C1196" t="s">
        <v>51138</v>
      </c>
      <c r="D1196" t="s">
        <v>50925</v>
      </c>
      <c r="E1196" t="s">
        <v>13</v>
      </c>
      <c r="F1196">
        <v>12886</v>
      </c>
      <c r="G1196" t="s">
        <v>51139</v>
      </c>
      <c r="H1196">
        <v>6.1722795449749999</v>
      </c>
      <c r="I1196">
        <v>52.533641387350002</v>
      </c>
      <c r="J1196" t="s">
        <v>56881</v>
      </c>
    </row>
    <row r="1197" spans="1:10" x14ac:dyDescent="0.25">
      <c r="A1197" t="s">
        <v>51132</v>
      </c>
      <c r="B1197" t="s">
        <v>51133</v>
      </c>
      <c r="C1197" t="s">
        <v>51134</v>
      </c>
      <c r="D1197" t="s">
        <v>50925</v>
      </c>
      <c r="E1197" t="s">
        <v>13</v>
      </c>
      <c r="F1197">
        <v>12885</v>
      </c>
      <c r="G1197" t="s">
        <v>51135</v>
      </c>
      <c r="H1197">
        <v>6.1266377070729998</v>
      </c>
      <c r="I1197">
        <v>52.511089247588998</v>
      </c>
      <c r="J1197" t="s">
        <v>56882</v>
      </c>
    </row>
    <row r="1198" spans="1:10" x14ac:dyDescent="0.25">
      <c r="A1198" t="s">
        <v>51129</v>
      </c>
      <c r="B1198" t="s">
        <v>51130</v>
      </c>
      <c r="C1198" t="s">
        <v>37044</v>
      </c>
      <c r="D1198" t="s">
        <v>50925</v>
      </c>
      <c r="E1198" t="s">
        <v>13</v>
      </c>
      <c r="F1198">
        <v>12884</v>
      </c>
      <c r="G1198" t="s">
        <v>51131</v>
      </c>
      <c r="H1198">
        <v>6.1459184940759997</v>
      </c>
      <c r="I1198">
        <v>52.516309253663003</v>
      </c>
      <c r="J1198" t="s">
        <v>56883</v>
      </c>
    </row>
    <row r="1199" spans="1:10" x14ac:dyDescent="0.25">
      <c r="A1199" t="s">
        <v>51125</v>
      </c>
      <c r="B1199" t="s">
        <v>51126</v>
      </c>
      <c r="C1199" t="s">
        <v>51127</v>
      </c>
      <c r="D1199" t="s">
        <v>50925</v>
      </c>
      <c r="E1199" t="s">
        <v>13</v>
      </c>
      <c r="F1199">
        <v>12883</v>
      </c>
      <c r="G1199" t="s">
        <v>51128</v>
      </c>
      <c r="H1199">
        <v>6.1212524019299996</v>
      </c>
      <c r="I1199">
        <v>52.522723358481002</v>
      </c>
      <c r="J1199" t="s">
        <v>56884</v>
      </c>
    </row>
    <row r="1200" spans="1:10" x14ac:dyDescent="0.25">
      <c r="A1200" t="s">
        <v>51121</v>
      </c>
      <c r="B1200" t="s">
        <v>51122</v>
      </c>
      <c r="C1200" t="s">
        <v>51123</v>
      </c>
      <c r="D1200" t="s">
        <v>50925</v>
      </c>
      <c r="E1200" t="s">
        <v>13</v>
      </c>
      <c r="F1200">
        <v>12882</v>
      </c>
      <c r="G1200" t="s">
        <v>51124</v>
      </c>
      <c r="H1200">
        <v>6.1368709492360001</v>
      </c>
      <c r="I1200">
        <v>52.524243815451001</v>
      </c>
      <c r="J1200" t="s">
        <v>56885</v>
      </c>
    </row>
    <row r="1201" spans="1:10" x14ac:dyDescent="0.25">
      <c r="A1201" t="s">
        <v>51117</v>
      </c>
      <c r="B1201" t="s">
        <v>51118</v>
      </c>
      <c r="C1201" t="s">
        <v>51119</v>
      </c>
      <c r="D1201" t="s">
        <v>50925</v>
      </c>
      <c r="E1201" t="s">
        <v>13</v>
      </c>
      <c r="F1201">
        <v>12881</v>
      </c>
      <c r="G1201" t="s">
        <v>51120</v>
      </c>
      <c r="H1201">
        <v>6.1572431415670001</v>
      </c>
      <c r="I1201">
        <v>52.560377314638004</v>
      </c>
      <c r="J1201" t="s">
        <v>56886</v>
      </c>
    </row>
    <row r="1202" spans="1:10" x14ac:dyDescent="0.25">
      <c r="A1202" t="s">
        <v>51113</v>
      </c>
      <c r="B1202" t="s">
        <v>51114</v>
      </c>
      <c r="C1202" t="s">
        <v>51115</v>
      </c>
      <c r="D1202" t="s">
        <v>50925</v>
      </c>
      <c r="E1202" t="s">
        <v>13</v>
      </c>
      <c r="F1202">
        <v>12880</v>
      </c>
      <c r="G1202" t="s">
        <v>51116</v>
      </c>
      <c r="H1202">
        <v>6.1002062965350001</v>
      </c>
      <c r="I1202">
        <v>52.547412144469</v>
      </c>
      <c r="J1202" t="s">
        <v>56887</v>
      </c>
    </row>
    <row r="1203" spans="1:10" x14ac:dyDescent="0.25">
      <c r="A1203" t="s">
        <v>51109</v>
      </c>
      <c r="B1203" t="s">
        <v>51110</v>
      </c>
      <c r="C1203" t="s">
        <v>51111</v>
      </c>
      <c r="D1203" t="s">
        <v>50925</v>
      </c>
      <c r="E1203" t="s">
        <v>13</v>
      </c>
      <c r="F1203">
        <v>12879</v>
      </c>
      <c r="G1203" t="s">
        <v>51112</v>
      </c>
      <c r="H1203">
        <v>6.1278932396080004</v>
      </c>
      <c r="I1203">
        <v>52.535449650620997</v>
      </c>
      <c r="J1203" t="s">
        <v>56888</v>
      </c>
    </row>
    <row r="1204" spans="1:10" x14ac:dyDescent="0.25">
      <c r="A1204" t="s">
        <v>51105</v>
      </c>
      <c r="B1204" t="s">
        <v>51106</v>
      </c>
      <c r="C1204" t="s">
        <v>51107</v>
      </c>
      <c r="D1204" t="s">
        <v>50925</v>
      </c>
      <c r="E1204" t="s">
        <v>13</v>
      </c>
      <c r="F1204">
        <v>12878</v>
      </c>
      <c r="G1204" t="s">
        <v>51108</v>
      </c>
      <c r="H1204">
        <v>6.109595055043</v>
      </c>
      <c r="I1204">
        <v>52.535436167047003</v>
      </c>
      <c r="J1204" t="s">
        <v>56889</v>
      </c>
    </row>
    <row r="1205" spans="1:10" x14ac:dyDescent="0.25">
      <c r="A1205" t="s">
        <v>51101</v>
      </c>
      <c r="B1205" t="s">
        <v>51102</v>
      </c>
      <c r="C1205" t="s">
        <v>51103</v>
      </c>
      <c r="D1205" t="s">
        <v>50925</v>
      </c>
      <c r="E1205" t="s">
        <v>13</v>
      </c>
      <c r="F1205">
        <v>12877</v>
      </c>
      <c r="G1205" t="s">
        <v>51104</v>
      </c>
      <c r="H1205">
        <v>6.0957242320490002</v>
      </c>
      <c r="I1205">
        <v>52.536607146252003</v>
      </c>
      <c r="J1205" t="s">
        <v>56890</v>
      </c>
    </row>
    <row r="1206" spans="1:10" x14ac:dyDescent="0.25">
      <c r="A1206" t="s">
        <v>51097</v>
      </c>
      <c r="B1206" t="s">
        <v>51098</v>
      </c>
      <c r="C1206" t="s">
        <v>51099</v>
      </c>
      <c r="D1206" t="s">
        <v>50925</v>
      </c>
      <c r="E1206" t="s">
        <v>13</v>
      </c>
      <c r="F1206">
        <v>12876</v>
      </c>
      <c r="G1206" t="s">
        <v>51100</v>
      </c>
      <c r="H1206">
        <v>6.099798906078</v>
      </c>
      <c r="I1206">
        <v>52.530158146372003</v>
      </c>
      <c r="J1206" t="s">
        <v>56891</v>
      </c>
    </row>
    <row r="1207" spans="1:10" x14ac:dyDescent="0.25">
      <c r="A1207" t="s">
        <v>51093</v>
      </c>
      <c r="B1207" t="s">
        <v>51094</v>
      </c>
      <c r="C1207" t="s">
        <v>51095</v>
      </c>
      <c r="D1207" t="s">
        <v>50925</v>
      </c>
      <c r="E1207" t="s">
        <v>13</v>
      </c>
      <c r="F1207">
        <v>12875</v>
      </c>
      <c r="G1207" t="s">
        <v>51096</v>
      </c>
      <c r="H1207">
        <v>6.1067393382519999</v>
      </c>
      <c r="I1207">
        <v>52.526470145948998</v>
      </c>
      <c r="J1207" t="s">
        <v>56892</v>
      </c>
    </row>
    <row r="1208" spans="1:10" x14ac:dyDescent="0.25">
      <c r="A1208" t="s">
        <v>51089</v>
      </c>
      <c r="B1208" t="s">
        <v>51090</v>
      </c>
      <c r="C1208" t="s">
        <v>51091</v>
      </c>
      <c r="D1208" t="s">
        <v>50925</v>
      </c>
      <c r="E1208" t="s">
        <v>13</v>
      </c>
      <c r="F1208">
        <v>12874</v>
      </c>
      <c r="G1208" t="s">
        <v>51092</v>
      </c>
      <c r="H1208">
        <v>6.0867567413519996</v>
      </c>
      <c r="I1208">
        <v>52.530230589653002</v>
      </c>
      <c r="J1208" t="s">
        <v>56893</v>
      </c>
    </row>
    <row r="1209" spans="1:10" x14ac:dyDescent="0.25">
      <c r="A1209" t="s">
        <v>51085</v>
      </c>
      <c r="B1209" t="s">
        <v>51086</v>
      </c>
      <c r="C1209" t="s">
        <v>51087</v>
      </c>
      <c r="D1209" t="s">
        <v>50925</v>
      </c>
      <c r="E1209" t="s">
        <v>13</v>
      </c>
      <c r="F1209">
        <v>12873</v>
      </c>
      <c r="G1209" t="s">
        <v>51088</v>
      </c>
      <c r="H1209">
        <v>6.0769924711799996</v>
      </c>
      <c r="I1209">
        <v>52.530059487411997</v>
      </c>
      <c r="J1209" t="s">
        <v>56894</v>
      </c>
    </row>
    <row r="1210" spans="1:10" x14ac:dyDescent="0.25">
      <c r="A1210" t="s">
        <v>51081</v>
      </c>
      <c r="B1210" t="s">
        <v>51082</v>
      </c>
      <c r="C1210" t="s">
        <v>51083</v>
      </c>
      <c r="D1210" t="s">
        <v>50925</v>
      </c>
      <c r="E1210" t="s">
        <v>13</v>
      </c>
      <c r="F1210">
        <v>12872</v>
      </c>
      <c r="G1210" t="s">
        <v>51084</v>
      </c>
      <c r="H1210">
        <v>6.0795520745970002</v>
      </c>
      <c r="I1210">
        <v>52.521860610729</v>
      </c>
      <c r="J1210" t="s">
        <v>56895</v>
      </c>
    </row>
    <row r="1211" spans="1:10" x14ac:dyDescent="0.25">
      <c r="A1211" t="s">
        <v>51077</v>
      </c>
      <c r="B1211" t="s">
        <v>51078</v>
      </c>
      <c r="C1211" t="s">
        <v>51079</v>
      </c>
      <c r="D1211" t="s">
        <v>50925</v>
      </c>
      <c r="E1211" t="s">
        <v>13</v>
      </c>
      <c r="F1211">
        <v>12871</v>
      </c>
      <c r="G1211" t="s">
        <v>51080</v>
      </c>
      <c r="H1211">
        <v>6.0882213221860004</v>
      </c>
      <c r="I1211">
        <v>52.523174189881999</v>
      </c>
      <c r="J1211" t="s">
        <v>56896</v>
      </c>
    </row>
    <row r="1212" spans="1:10" x14ac:dyDescent="0.25">
      <c r="A1212" t="s">
        <v>51073</v>
      </c>
      <c r="B1212" t="s">
        <v>51074</v>
      </c>
      <c r="C1212" t="s">
        <v>51075</v>
      </c>
      <c r="D1212" t="s">
        <v>50925</v>
      </c>
      <c r="E1212" t="s">
        <v>13</v>
      </c>
      <c r="F1212">
        <v>12870</v>
      </c>
      <c r="G1212" t="s">
        <v>51076</v>
      </c>
      <c r="H1212">
        <v>6.0735757535310002</v>
      </c>
      <c r="I1212">
        <v>52.546802135495</v>
      </c>
      <c r="J1212" t="s">
        <v>56897</v>
      </c>
    </row>
    <row r="1213" spans="1:10" x14ac:dyDescent="0.25">
      <c r="A1213" t="s">
        <v>51069</v>
      </c>
      <c r="B1213" t="s">
        <v>51070</v>
      </c>
      <c r="C1213" t="s">
        <v>51071</v>
      </c>
      <c r="D1213" t="s">
        <v>50925</v>
      </c>
      <c r="E1213" t="s">
        <v>13</v>
      </c>
      <c r="F1213">
        <v>12869</v>
      </c>
      <c r="G1213" t="s">
        <v>51072</v>
      </c>
      <c r="H1213">
        <v>6.055329591195</v>
      </c>
      <c r="I1213">
        <v>52.549229960717</v>
      </c>
      <c r="J1213" t="s">
        <v>56898</v>
      </c>
    </row>
    <row r="1214" spans="1:10" x14ac:dyDescent="0.25">
      <c r="A1214" t="s">
        <v>51065</v>
      </c>
      <c r="B1214" t="s">
        <v>51066</v>
      </c>
      <c r="C1214" t="s">
        <v>51067</v>
      </c>
      <c r="D1214" t="s">
        <v>50925</v>
      </c>
      <c r="E1214" t="s">
        <v>13</v>
      </c>
      <c r="F1214">
        <v>12868</v>
      </c>
      <c r="G1214" t="s">
        <v>51068</v>
      </c>
      <c r="H1214">
        <v>6.0347091261079999</v>
      </c>
      <c r="I1214">
        <v>52.542406485667001</v>
      </c>
      <c r="J1214" t="s">
        <v>56899</v>
      </c>
    </row>
    <row r="1215" spans="1:10" x14ac:dyDescent="0.25">
      <c r="A1215" t="s">
        <v>51061</v>
      </c>
      <c r="B1215" t="s">
        <v>51062</v>
      </c>
      <c r="C1215" t="s">
        <v>51063</v>
      </c>
      <c r="D1215" t="s">
        <v>50925</v>
      </c>
      <c r="E1215" t="s">
        <v>13</v>
      </c>
      <c r="F1215">
        <v>12867</v>
      </c>
      <c r="G1215" t="s">
        <v>51064</v>
      </c>
      <c r="H1215">
        <v>6.0383392976519996</v>
      </c>
      <c r="I1215">
        <v>52.531685424220001</v>
      </c>
      <c r="J1215" t="s">
        <v>56900</v>
      </c>
    </row>
    <row r="1216" spans="1:10" x14ac:dyDescent="0.25">
      <c r="A1216" t="s">
        <v>51057</v>
      </c>
      <c r="B1216" t="s">
        <v>51058</v>
      </c>
      <c r="C1216" t="s">
        <v>51059</v>
      </c>
      <c r="D1216" t="s">
        <v>50925</v>
      </c>
      <c r="E1216" t="s">
        <v>13</v>
      </c>
      <c r="F1216">
        <v>12866</v>
      </c>
      <c r="G1216" t="s">
        <v>51060</v>
      </c>
      <c r="H1216">
        <v>6.0576044510070002</v>
      </c>
      <c r="I1216">
        <v>52.541296171200003</v>
      </c>
      <c r="J1216" t="s">
        <v>56901</v>
      </c>
    </row>
    <row r="1217" spans="1:10" x14ac:dyDescent="0.25">
      <c r="A1217" t="s">
        <v>51053</v>
      </c>
      <c r="B1217" t="s">
        <v>51054</v>
      </c>
      <c r="C1217" t="s">
        <v>51055</v>
      </c>
      <c r="D1217" t="s">
        <v>50925</v>
      </c>
      <c r="E1217" t="s">
        <v>13</v>
      </c>
      <c r="F1217">
        <v>12865</v>
      </c>
      <c r="G1217" t="s">
        <v>51056</v>
      </c>
      <c r="H1217">
        <v>6.0442233600249997</v>
      </c>
      <c r="I1217">
        <v>52.535226066702997</v>
      </c>
      <c r="J1217" t="s">
        <v>56902</v>
      </c>
    </row>
    <row r="1218" spans="1:10" x14ac:dyDescent="0.25">
      <c r="A1218" t="s">
        <v>51049</v>
      </c>
      <c r="B1218" t="s">
        <v>51050</v>
      </c>
      <c r="C1218" t="s">
        <v>51051</v>
      </c>
      <c r="D1218" t="s">
        <v>50925</v>
      </c>
      <c r="E1218" t="s">
        <v>13</v>
      </c>
      <c r="F1218">
        <v>12864</v>
      </c>
      <c r="G1218" t="s">
        <v>51052</v>
      </c>
      <c r="H1218">
        <v>6.0659919794609998</v>
      </c>
      <c r="I1218">
        <v>52.533641375198997</v>
      </c>
      <c r="J1218" t="s">
        <v>56903</v>
      </c>
    </row>
    <row r="1219" spans="1:10" x14ac:dyDescent="0.25">
      <c r="A1219" t="s">
        <v>51046</v>
      </c>
      <c r="B1219" t="s">
        <v>51047</v>
      </c>
      <c r="C1219" t="s">
        <v>38202</v>
      </c>
      <c r="D1219" t="s">
        <v>50925</v>
      </c>
      <c r="E1219" t="s">
        <v>13</v>
      </c>
      <c r="F1219">
        <v>12863</v>
      </c>
      <c r="G1219" t="s">
        <v>51048</v>
      </c>
      <c r="H1219">
        <v>6.0381903047560002</v>
      </c>
      <c r="I1219">
        <v>52.553867635906002</v>
      </c>
      <c r="J1219" t="s">
        <v>56904</v>
      </c>
    </row>
    <row r="1220" spans="1:10" x14ac:dyDescent="0.25">
      <c r="A1220" t="s">
        <v>51042</v>
      </c>
      <c r="B1220" t="s">
        <v>51043</v>
      </c>
      <c r="C1220" t="s">
        <v>51044</v>
      </c>
      <c r="D1220" t="s">
        <v>50925</v>
      </c>
      <c r="E1220" t="s">
        <v>13</v>
      </c>
      <c r="F1220">
        <v>12862</v>
      </c>
      <c r="G1220" t="s">
        <v>51045</v>
      </c>
      <c r="H1220">
        <v>6.0623855287069999</v>
      </c>
      <c r="I1220">
        <v>52.526094426177998</v>
      </c>
      <c r="J1220" t="s">
        <v>56905</v>
      </c>
    </row>
    <row r="1221" spans="1:10" x14ac:dyDescent="0.25">
      <c r="A1221" t="s">
        <v>51038</v>
      </c>
      <c r="B1221" t="s">
        <v>51039</v>
      </c>
      <c r="C1221" t="s">
        <v>51040</v>
      </c>
      <c r="D1221" t="s">
        <v>50925</v>
      </c>
      <c r="E1221" t="s">
        <v>13</v>
      </c>
      <c r="F1221">
        <v>12861</v>
      </c>
      <c r="G1221" t="s">
        <v>51041</v>
      </c>
      <c r="H1221">
        <v>6.0492215040669999</v>
      </c>
      <c r="I1221">
        <v>52.510338361446998</v>
      </c>
      <c r="J1221" t="s">
        <v>56906</v>
      </c>
    </row>
    <row r="1222" spans="1:10" x14ac:dyDescent="0.25">
      <c r="A1222" t="s">
        <v>51034</v>
      </c>
      <c r="B1222" t="s">
        <v>51035</v>
      </c>
      <c r="C1222" t="s">
        <v>51036</v>
      </c>
      <c r="D1222" t="s">
        <v>50925</v>
      </c>
      <c r="E1222" t="s">
        <v>13</v>
      </c>
      <c r="F1222">
        <v>12860</v>
      </c>
      <c r="G1222" t="s">
        <v>51037</v>
      </c>
      <c r="H1222">
        <v>6.0568792298660004</v>
      </c>
      <c r="I1222">
        <v>52.515901673742</v>
      </c>
      <c r="J1222" t="s">
        <v>56907</v>
      </c>
    </row>
    <row r="1223" spans="1:10" x14ac:dyDescent="0.25">
      <c r="A1223" t="s">
        <v>51030</v>
      </c>
      <c r="B1223" t="s">
        <v>51031</v>
      </c>
      <c r="C1223" t="s">
        <v>51032</v>
      </c>
      <c r="D1223" t="s">
        <v>50925</v>
      </c>
      <c r="E1223" t="s">
        <v>13</v>
      </c>
      <c r="F1223">
        <v>12859</v>
      </c>
      <c r="G1223" t="s">
        <v>51033</v>
      </c>
      <c r="H1223">
        <v>6.0320429868150001</v>
      </c>
      <c r="I1223">
        <v>52.517763623825999</v>
      </c>
      <c r="J1223" t="s">
        <v>56908</v>
      </c>
    </row>
    <row r="1224" spans="1:10" x14ac:dyDescent="0.25">
      <c r="A1224" t="s">
        <v>51026</v>
      </c>
      <c r="B1224" t="s">
        <v>51027</v>
      </c>
      <c r="C1224" t="s">
        <v>51028</v>
      </c>
      <c r="D1224" t="s">
        <v>50925</v>
      </c>
      <c r="E1224" t="s">
        <v>13</v>
      </c>
      <c r="F1224">
        <v>12858</v>
      </c>
      <c r="G1224" t="s">
        <v>51029</v>
      </c>
      <c r="H1224">
        <v>6.0472602715369996</v>
      </c>
      <c r="I1224">
        <v>52.519426267840998</v>
      </c>
      <c r="J1224" t="s">
        <v>56909</v>
      </c>
    </row>
    <row r="1225" spans="1:10" x14ac:dyDescent="0.25">
      <c r="A1225" t="s">
        <v>51022</v>
      </c>
      <c r="B1225" t="s">
        <v>51023</v>
      </c>
      <c r="C1225" t="s">
        <v>51024</v>
      </c>
      <c r="D1225" t="s">
        <v>50925</v>
      </c>
      <c r="E1225" t="s">
        <v>13</v>
      </c>
      <c r="F1225">
        <v>12857</v>
      </c>
      <c r="G1225" t="s">
        <v>51025</v>
      </c>
      <c r="H1225">
        <v>6.0513351842330003</v>
      </c>
      <c r="I1225">
        <v>52.523559691045001</v>
      </c>
      <c r="J1225" t="s">
        <v>56910</v>
      </c>
    </row>
    <row r="1226" spans="1:10" x14ac:dyDescent="0.25">
      <c r="A1226" t="s">
        <v>51018</v>
      </c>
      <c r="B1226" t="s">
        <v>51019</v>
      </c>
      <c r="C1226" t="s">
        <v>51020</v>
      </c>
      <c r="D1226" t="s">
        <v>50925</v>
      </c>
      <c r="E1226" t="s">
        <v>13</v>
      </c>
      <c r="F1226">
        <v>12856</v>
      </c>
      <c r="G1226" t="s">
        <v>51021</v>
      </c>
      <c r="H1226">
        <v>6.0563319948199998</v>
      </c>
      <c r="I1226">
        <v>52.505217317221998</v>
      </c>
      <c r="J1226" t="s">
        <v>56911</v>
      </c>
    </row>
    <row r="1227" spans="1:10" x14ac:dyDescent="0.25">
      <c r="A1227" t="s">
        <v>51014</v>
      </c>
      <c r="B1227" t="s">
        <v>51015</v>
      </c>
      <c r="C1227" t="s">
        <v>51016</v>
      </c>
      <c r="D1227" t="s">
        <v>50925</v>
      </c>
      <c r="E1227" t="s">
        <v>13</v>
      </c>
      <c r="F1227">
        <v>12855</v>
      </c>
      <c r="G1227" t="s">
        <v>51017</v>
      </c>
      <c r="H1227">
        <v>6.065827465121</v>
      </c>
      <c r="I1227">
        <v>52.512259499651002</v>
      </c>
      <c r="J1227" t="s">
        <v>56912</v>
      </c>
    </row>
    <row r="1228" spans="1:10" x14ac:dyDescent="0.25">
      <c r="A1228" t="s">
        <v>51010</v>
      </c>
      <c r="B1228" t="s">
        <v>51011</v>
      </c>
      <c r="C1228" t="s">
        <v>51012</v>
      </c>
      <c r="D1228" t="s">
        <v>50925</v>
      </c>
      <c r="E1228" t="s">
        <v>13</v>
      </c>
      <c r="F1228">
        <v>12854</v>
      </c>
      <c r="G1228" t="s">
        <v>51013</v>
      </c>
      <c r="H1228">
        <v>6.0743931154249999</v>
      </c>
      <c r="I1228">
        <v>52.518089338014001</v>
      </c>
      <c r="J1228" t="s">
        <v>56913</v>
      </c>
    </row>
    <row r="1229" spans="1:10" x14ac:dyDescent="0.25">
      <c r="A1229" t="s">
        <v>51006</v>
      </c>
      <c r="B1229" t="s">
        <v>51007</v>
      </c>
      <c r="C1229" t="s">
        <v>51008</v>
      </c>
      <c r="D1229" t="s">
        <v>50925</v>
      </c>
      <c r="E1229" t="s">
        <v>13</v>
      </c>
      <c r="F1229">
        <v>12853</v>
      </c>
      <c r="G1229" t="s">
        <v>51009</v>
      </c>
      <c r="H1229">
        <v>6.0755407167840003</v>
      </c>
      <c r="I1229">
        <v>52.507301217761999</v>
      </c>
      <c r="J1229" t="s">
        <v>56914</v>
      </c>
    </row>
    <row r="1230" spans="1:10" x14ac:dyDescent="0.25">
      <c r="A1230" t="s">
        <v>51002</v>
      </c>
      <c r="B1230" t="s">
        <v>51003</v>
      </c>
      <c r="C1230" t="s">
        <v>51004</v>
      </c>
      <c r="D1230" t="s">
        <v>50925</v>
      </c>
      <c r="E1230" t="s">
        <v>13</v>
      </c>
      <c r="F1230">
        <v>12852</v>
      </c>
      <c r="G1230" t="s">
        <v>51005</v>
      </c>
      <c r="H1230">
        <v>6.0828830868279997</v>
      </c>
      <c r="I1230">
        <v>52.512662375142</v>
      </c>
      <c r="J1230" t="s">
        <v>56915</v>
      </c>
    </row>
    <row r="1231" spans="1:10" x14ac:dyDescent="0.25">
      <c r="A1231" t="s">
        <v>50998</v>
      </c>
      <c r="B1231" t="s">
        <v>50999</v>
      </c>
      <c r="C1231" t="s">
        <v>51000</v>
      </c>
      <c r="D1231" t="s">
        <v>50925</v>
      </c>
      <c r="E1231" t="s">
        <v>13</v>
      </c>
      <c r="F1231">
        <v>12851</v>
      </c>
      <c r="G1231" t="s">
        <v>51001</v>
      </c>
      <c r="H1231">
        <v>6.0889137942770004</v>
      </c>
      <c r="I1231">
        <v>52.503155854413997</v>
      </c>
      <c r="J1231" t="s">
        <v>56916</v>
      </c>
    </row>
    <row r="1232" spans="1:10" x14ac:dyDescent="0.25">
      <c r="A1232" t="s">
        <v>50994</v>
      </c>
      <c r="B1232" t="s">
        <v>50995</v>
      </c>
      <c r="C1232" t="s">
        <v>50996</v>
      </c>
      <c r="D1232" t="s">
        <v>50925</v>
      </c>
      <c r="E1232" t="s">
        <v>13</v>
      </c>
      <c r="F1232">
        <v>12850</v>
      </c>
      <c r="G1232" t="s">
        <v>50997</v>
      </c>
      <c r="H1232">
        <v>6.1231779433150004</v>
      </c>
      <c r="I1232">
        <v>52.501528020225003</v>
      </c>
      <c r="J1232" t="s">
        <v>56917</v>
      </c>
    </row>
    <row r="1233" spans="1:10" x14ac:dyDescent="0.25">
      <c r="A1233" t="s">
        <v>50990</v>
      </c>
      <c r="B1233" t="s">
        <v>50991</v>
      </c>
      <c r="C1233" t="s">
        <v>50992</v>
      </c>
      <c r="D1233" t="s">
        <v>50925</v>
      </c>
      <c r="E1233" t="s">
        <v>13</v>
      </c>
      <c r="F1233">
        <v>12849</v>
      </c>
      <c r="G1233" t="s">
        <v>50993</v>
      </c>
      <c r="H1233">
        <v>6.11608097436</v>
      </c>
      <c r="I1233">
        <v>52.501927480079999</v>
      </c>
      <c r="J1233" t="s">
        <v>56918</v>
      </c>
    </row>
    <row r="1234" spans="1:10" x14ac:dyDescent="0.25">
      <c r="A1234" t="s">
        <v>50986</v>
      </c>
      <c r="B1234" t="s">
        <v>50987</v>
      </c>
      <c r="C1234" t="s">
        <v>50988</v>
      </c>
      <c r="D1234" t="s">
        <v>50925</v>
      </c>
      <c r="E1234" t="s">
        <v>13</v>
      </c>
      <c r="F1234">
        <v>12848</v>
      </c>
      <c r="G1234" t="s">
        <v>50989</v>
      </c>
      <c r="H1234">
        <v>6.1064364750809998</v>
      </c>
      <c r="I1234">
        <v>52.508299509548998</v>
      </c>
      <c r="J1234" t="s">
        <v>56919</v>
      </c>
    </row>
    <row r="1235" spans="1:10" x14ac:dyDescent="0.25">
      <c r="A1235" t="s">
        <v>50982</v>
      </c>
      <c r="B1235" t="s">
        <v>50983</v>
      </c>
      <c r="C1235" t="s">
        <v>50984</v>
      </c>
      <c r="D1235" t="s">
        <v>50925</v>
      </c>
      <c r="E1235" t="s">
        <v>13</v>
      </c>
      <c r="F1235">
        <v>12847</v>
      </c>
      <c r="G1235" t="s">
        <v>50985</v>
      </c>
      <c r="H1235">
        <v>6.1072073331009999</v>
      </c>
      <c r="I1235">
        <v>52.502385538540999</v>
      </c>
      <c r="J1235" t="s">
        <v>56920</v>
      </c>
    </row>
    <row r="1236" spans="1:10" x14ac:dyDescent="0.25">
      <c r="A1236" t="s">
        <v>50978</v>
      </c>
      <c r="B1236" t="s">
        <v>50979</v>
      </c>
      <c r="C1236" t="s">
        <v>50980</v>
      </c>
      <c r="D1236" t="s">
        <v>50925</v>
      </c>
      <c r="E1236" t="s">
        <v>13</v>
      </c>
      <c r="F1236">
        <v>12846</v>
      </c>
      <c r="G1236" t="s">
        <v>50981</v>
      </c>
      <c r="H1236">
        <v>6.1004133367330002</v>
      </c>
      <c r="I1236">
        <v>52.505039214694001</v>
      </c>
      <c r="J1236" t="s">
        <v>56921</v>
      </c>
    </row>
    <row r="1237" spans="1:10" x14ac:dyDescent="0.25">
      <c r="A1237" t="s">
        <v>50975</v>
      </c>
      <c r="B1237" t="s">
        <v>50976</v>
      </c>
      <c r="C1237" t="s">
        <v>4780</v>
      </c>
      <c r="D1237" t="s">
        <v>50925</v>
      </c>
      <c r="E1237" t="s">
        <v>13</v>
      </c>
      <c r="F1237">
        <v>12845</v>
      </c>
      <c r="G1237" t="s">
        <v>50977</v>
      </c>
      <c r="H1237">
        <v>6.0905735255320002</v>
      </c>
      <c r="I1237">
        <v>52.507377061122</v>
      </c>
      <c r="J1237" t="s">
        <v>56922</v>
      </c>
    </row>
    <row r="1238" spans="1:10" x14ac:dyDescent="0.25">
      <c r="A1238" t="s">
        <v>50971</v>
      </c>
      <c r="B1238" t="s">
        <v>50972</v>
      </c>
      <c r="C1238" t="s">
        <v>50973</v>
      </c>
      <c r="D1238" t="s">
        <v>50925</v>
      </c>
      <c r="E1238" t="s">
        <v>13</v>
      </c>
      <c r="F1238">
        <v>12844</v>
      </c>
      <c r="G1238" t="s">
        <v>50974</v>
      </c>
      <c r="H1238">
        <v>6.1164097312279999</v>
      </c>
      <c r="I1238">
        <v>52.508263477299998</v>
      </c>
      <c r="J1238" t="s">
        <v>56923</v>
      </c>
    </row>
    <row r="1239" spans="1:10" x14ac:dyDescent="0.25">
      <c r="A1239" t="s">
        <v>50967</v>
      </c>
      <c r="B1239" t="s">
        <v>50968</v>
      </c>
      <c r="C1239" t="s">
        <v>50969</v>
      </c>
      <c r="D1239" t="s">
        <v>50925</v>
      </c>
      <c r="E1239" t="s">
        <v>13</v>
      </c>
      <c r="F1239">
        <v>12843</v>
      </c>
      <c r="G1239" t="s">
        <v>50970</v>
      </c>
      <c r="H1239">
        <v>6.1172259190379998</v>
      </c>
      <c r="I1239">
        <v>52.512797131526</v>
      </c>
      <c r="J1239" t="s">
        <v>56924</v>
      </c>
    </row>
    <row r="1240" spans="1:10" x14ac:dyDescent="0.25">
      <c r="A1240" t="s">
        <v>50963</v>
      </c>
      <c r="B1240" t="s">
        <v>50964</v>
      </c>
      <c r="C1240" t="s">
        <v>50965</v>
      </c>
      <c r="D1240" t="s">
        <v>50925</v>
      </c>
      <c r="E1240" t="s">
        <v>13</v>
      </c>
      <c r="F1240">
        <v>12842</v>
      </c>
      <c r="G1240" t="s">
        <v>50966</v>
      </c>
      <c r="H1240">
        <v>6.1154610508880003</v>
      </c>
      <c r="I1240">
        <v>52.519621389652002</v>
      </c>
      <c r="J1240" t="s">
        <v>56925</v>
      </c>
    </row>
    <row r="1241" spans="1:10" x14ac:dyDescent="0.25">
      <c r="A1241" t="s">
        <v>50959</v>
      </c>
      <c r="B1241" t="s">
        <v>50960</v>
      </c>
      <c r="C1241" t="s">
        <v>50961</v>
      </c>
      <c r="D1241" t="s">
        <v>50925</v>
      </c>
      <c r="E1241" t="s">
        <v>13</v>
      </c>
      <c r="F1241">
        <v>12841</v>
      </c>
      <c r="G1241" t="s">
        <v>50962</v>
      </c>
      <c r="H1241">
        <v>6.1132431181489997</v>
      </c>
      <c r="I1241">
        <v>52.520473319570002</v>
      </c>
      <c r="J1241" t="s">
        <v>56926</v>
      </c>
    </row>
    <row r="1242" spans="1:10" x14ac:dyDescent="0.25">
      <c r="A1242" t="s">
        <v>50956</v>
      </c>
      <c r="B1242" t="s">
        <v>50957</v>
      </c>
      <c r="C1242" t="s">
        <v>50600</v>
      </c>
      <c r="D1242" t="s">
        <v>50925</v>
      </c>
      <c r="E1242" t="s">
        <v>13</v>
      </c>
      <c r="F1242">
        <v>12840</v>
      </c>
      <c r="G1242" t="s">
        <v>50958</v>
      </c>
      <c r="H1242">
        <v>6.1096902211620003</v>
      </c>
      <c r="I1242">
        <v>52.516845233136003</v>
      </c>
      <c r="J1242" t="s">
        <v>56927</v>
      </c>
    </row>
    <row r="1243" spans="1:10" x14ac:dyDescent="0.25">
      <c r="A1243" t="s">
        <v>50953</v>
      </c>
      <c r="B1243" t="s">
        <v>50954</v>
      </c>
      <c r="C1243" t="s">
        <v>11297</v>
      </c>
      <c r="D1243" t="s">
        <v>50925</v>
      </c>
      <c r="E1243" t="s">
        <v>13</v>
      </c>
      <c r="F1243">
        <v>12839</v>
      </c>
      <c r="G1243" t="s">
        <v>50955</v>
      </c>
      <c r="H1243">
        <v>6.1074417783769999</v>
      </c>
      <c r="I1243">
        <v>52.521915225998001</v>
      </c>
      <c r="J1243" t="s">
        <v>56928</v>
      </c>
    </row>
    <row r="1244" spans="1:10" x14ac:dyDescent="0.25">
      <c r="A1244" t="s">
        <v>50949</v>
      </c>
      <c r="B1244" t="s">
        <v>50950</v>
      </c>
      <c r="C1244" t="s">
        <v>50951</v>
      </c>
      <c r="D1244" t="s">
        <v>50925</v>
      </c>
      <c r="E1244" t="s">
        <v>13</v>
      </c>
      <c r="F1244">
        <v>12838</v>
      </c>
      <c r="G1244" t="s">
        <v>50952</v>
      </c>
      <c r="H1244">
        <v>6.1047611626440004</v>
      </c>
      <c r="I1244">
        <v>52.514268187086998</v>
      </c>
      <c r="J1244" t="s">
        <v>56929</v>
      </c>
    </row>
    <row r="1245" spans="1:10" x14ac:dyDescent="0.25">
      <c r="A1245" t="s">
        <v>50945</v>
      </c>
      <c r="B1245" t="s">
        <v>50946</v>
      </c>
      <c r="C1245" t="s">
        <v>50947</v>
      </c>
      <c r="D1245" t="s">
        <v>50925</v>
      </c>
      <c r="E1245" t="s">
        <v>13</v>
      </c>
      <c r="F1245">
        <v>12837</v>
      </c>
      <c r="G1245" t="s">
        <v>50948</v>
      </c>
      <c r="H1245">
        <v>6.1023517892000001</v>
      </c>
      <c r="I1245">
        <v>52.516690699332997</v>
      </c>
      <c r="J1245" t="s">
        <v>56930</v>
      </c>
    </row>
    <row r="1246" spans="1:10" x14ac:dyDescent="0.25">
      <c r="A1246" t="s">
        <v>50941</v>
      </c>
      <c r="B1246" t="s">
        <v>50942</v>
      </c>
      <c r="C1246" t="s">
        <v>50943</v>
      </c>
      <c r="D1246" t="s">
        <v>50925</v>
      </c>
      <c r="E1246" t="s">
        <v>13</v>
      </c>
      <c r="F1246">
        <v>12836</v>
      </c>
      <c r="G1246" t="s">
        <v>50944</v>
      </c>
      <c r="H1246">
        <v>6.0970297850300001</v>
      </c>
      <c r="I1246">
        <v>52.519410921236002</v>
      </c>
      <c r="J1246" t="s">
        <v>56931</v>
      </c>
    </row>
    <row r="1247" spans="1:10" x14ac:dyDescent="0.25">
      <c r="A1247" t="s">
        <v>50938</v>
      </c>
      <c r="B1247" t="s">
        <v>50939</v>
      </c>
      <c r="C1247" t="s">
        <v>85</v>
      </c>
      <c r="D1247" t="s">
        <v>50925</v>
      </c>
      <c r="E1247" t="s">
        <v>13</v>
      </c>
      <c r="F1247">
        <v>12835</v>
      </c>
      <c r="G1247" t="s">
        <v>50940</v>
      </c>
      <c r="H1247">
        <v>6.0937868441390002</v>
      </c>
      <c r="I1247">
        <v>52.517592614695999</v>
      </c>
      <c r="J1247" t="s">
        <v>56932</v>
      </c>
    </row>
    <row r="1248" spans="1:10" x14ac:dyDescent="0.25">
      <c r="A1248" t="s">
        <v>50934</v>
      </c>
      <c r="B1248" t="s">
        <v>50935</v>
      </c>
      <c r="C1248" t="s">
        <v>50936</v>
      </c>
      <c r="D1248" t="s">
        <v>50925</v>
      </c>
      <c r="E1248" t="s">
        <v>13</v>
      </c>
      <c r="F1248">
        <v>12834</v>
      </c>
      <c r="G1248" t="s">
        <v>50937</v>
      </c>
      <c r="H1248">
        <v>6.0894835165560002</v>
      </c>
      <c r="I1248">
        <v>52.517421693030002</v>
      </c>
      <c r="J1248" t="s">
        <v>56933</v>
      </c>
    </row>
    <row r="1249" spans="1:10" x14ac:dyDescent="0.25">
      <c r="A1249" t="s">
        <v>50930</v>
      </c>
      <c r="B1249" t="s">
        <v>50931</v>
      </c>
      <c r="C1249" t="s">
        <v>50932</v>
      </c>
      <c r="D1249" t="s">
        <v>50925</v>
      </c>
      <c r="E1249" t="s">
        <v>13</v>
      </c>
      <c r="F1249">
        <v>12833</v>
      </c>
      <c r="G1249" t="s">
        <v>50933</v>
      </c>
      <c r="H1249">
        <v>6.0962309812579996</v>
      </c>
      <c r="I1249">
        <v>52.515182781573998</v>
      </c>
      <c r="J1249" t="s">
        <v>56934</v>
      </c>
    </row>
    <row r="1250" spans="1:10" x14ac:dyDescent="0.25">
      <c r="A1250" t="s">
        <v>50927</v>
      </c>
      <c r="B1250" t="s">
        <v>50928</v>
      </c>
      <c r="C1250" t="s">
        <v>10141</v>
      </c>
      <c r="D1250" t="s">
        <v>50925</v>
      </c>
      <c r="E1250" t="s">
        <v>13</v>
      </c>
      <c r="F1250">
        <v>12832</v>
      </c>
      <c r="G1250" t="s">
        <v>50929</v>
      </c>
      <c r="H1250">
        <v>6.0937533244580004</v>
      </c>
      <c r="I1250">
        <v>52.513619966824002</v>
      </c>
      <c r="J1250" t="s">
        <v>56935</v>
      </c>
    </row>
    <row r="1251" spans="1:10" x14ac:dyDescent="0.25">
      <c r="A1251" t="s">
        <v>50923</v>
      </c>
      <c r="B1251" t="s">
        <v>50924</v>
      </c>
      <c r="C1251" t="s">
        <v>10146</v>
      </c>
      <c r="D1251" t="s">
        <v>50925</v>
      </c>
      <c r="E1251" t="s">
        <v>13</v>
      </c>
      <c r="F1251">
        <v>12831</v>
      </c>
      <c r="G1251" t="s">
        <v>50926</v>
      </c>
      <c r="H1251">
        <v>6.093658174152</v>
      </c>
      <c r="I1251">
        <v>52.511277975753003</v>
      </c>
      <c r="J1251" t="s">
        <v>56936</v>
      </c>
    </row>
    <row r="1252" spans="1:10" x14ac:dyDescent="0.25">
      <c r="A1252" t="s">
        <v>50919</v>
      </c>
      <c r="B1252" t="s">
        <v>50920</v>
      </c>
      <c r="C1252" t="s">
        <v>50921</v>
      </c>
      <c r="D1252" t="s">
        <v>50696</v>
      </c>
      <c r="E1252" t="s">
        <v>13</v>
      </c>
      <c r="F1252">
        <v>12830</v>
      </c>
      <c r="G1252" t="s">
        <v>50922</v>
      </c>
      <c r="H1252">
        <v>6.8094456711640001</v>
      </c>
      <c r="I1252">
        <v>52.841756534824</v>
      </c>
      <c r="J1252" t="s">
        <v>56937</v>
      </c>
    </row>
    <row r="1253" spans="1:10" x14ac:dyDescent="0.25">
      <c r="A1253" t="s">
        <v>50915</v>
      </c>
      <c r="B1253" t="s">
        <v>50916</v>
      </c>
      <c r="C1253" t="s">
        <v>50917</v>
      </c>
      <c r="D1253" t="s">
        <v>50696</v>
      </c>
      <c r="E1253" t="s">
        <v>13</v>
      </c>
      <c r="F1253">
        <v>12829</v>
      </c>
      <c r="G1253" t="s">
        <v>50918</v>
      </c>
      <c r="H1253">
        <v>6.7821588518529996</v>
      </c>
      <c r="I1253">
        <v>52.845892193843</v>
      </c>
      <c r="J1253" t="s">
        <v>56938</v>
      </c>
    </row>
    <row r="1254" spans="1:10" x14ac:dyDescent="0.25">
      <c r="A1254" t="s">
        <v>50911</v>
      </c>
      <c r="B1254" t="s">
        <v>50912</v>
      </c>
      <c r="C1254" t="s">
        <v>50913</v>
      </c>
      <c r="D1254" t="s">
        <v>50696</v>
      </c>
      <c r="E1254" t="s">
        <v>13</v>
      </c>
      <c r="F1254">
        <v>12828</v>
      </c>
      <c r="G1254" t="s">
        <v>50914</v>
      </c>
      <c r="H1254">
        <v>6.8293673815189999</v>
      </c>
      <c r="I1254">
        <v>52.862206596119997</v>
      </c>
      <c r="J1254" t="s">
        <v>56939</v>
      </c>
    </row>
    <row r="1255" spans="1:10" x14ac:dyDescent="0.25">
      <c r="A1255" t="s">
        <v>50907</v>
      </c>
      <c r="B1255" t="s">
        <v>50908</v>
      </c>
      <c r="C1255" t="s">
        <v>50909</v>
      </c>
      <c r="D1255" t="s">
        <v>50696</v>
      </c>
      <c r="E1255" t="s">
        <v>13</v>
      </c>
      <c r="F1255">
        <v>12827</v>
      </c>
      <c r="G1255" t="s">
        <v>50910</v>
      </c>
      <c r="H1255">
        <v>6.8503030637500002</v>
      </c>
      <c r="I1255">
        <v>52.852822953119002</v>
      </c>
      <c r="J1255" t="s">
        <v>56940</v>
      </c>
    </row>
    <row r="1256" spans="1:10" x14ac:dyDescent="0.25">
      <c r="A1256" t="s">
        <v>50903</v>
      </c>
      <c r="B1256" t="s">
        <v>50904</v>
      </c>
      <c r="C1256" t="s">
        <v>50905</v>
      </c>
      <c r="D1256" t="s">
        <v>50696</v>
      </c>
      <c r="E1256" t="s">
        <v>13</v>
      </c>
      <c r="F1256">
        <v>12826</v>
      </c>
      <c r="G1256" t="s">
        <v>50906</v>
      </c>
      <c r="H1256">
        <v>6.847366717301</v>
      </c>
      <c r="I1256">
        <v>52.848677907297997</v>
      </c>
      <c r="J1256" t="s">
        <v>56941</v>
      </c>
    </row>
    <row r="1257" spans="1:10" x14ac:dyDescent="0.25">
      <c r="A1257" t="s">
        <v>50899</v>
      </c>
      <c r="B1257" t="s">
        <v>50900</v>
      </c>
      <c r="C1257" t="s">
        <v>50901</v>
      </c>
      <c r="D1257" t="s">
        <v>50696</v>
      </c>
      <c r="E1257" t="s">
        <v>13</v>
      </c>
      <c r="F1257">
        <v>12825</v>
      </c>
      <c r="G1257" t="s">
        <v>50902</v>
      </c>
      <c r="H1257">
        <v>6.854713106188</v>
      </c>
      <c r="I1257">
        <v>52.846788277108999</v>
      </c>
      <c r="J1257" t="s">
        <v>56942</v>
      </c>
    </row>
    <row r="1258" spans="1:10" x14ac:dyDescent="0.25">
      <c r="A1258" t="s">
        <v>50895</v>
      </c>
      <c r="B1258" t="s">
        <v>50896</v>
      </c>
      <c r="C1258" t="s">
        <v>50897</v>
      </c>
      <c r="D1258" t="s">
        <v>50696</v>
      </c>
      <c r="E1258" t="s">
        <v>13</v>
      </c>
      <c r="F1258">
        <v>12824</v>
      </c>
      <c r="G1258" t="s">
        <v>50898</v>
      </c>
      <c r="H1258">
        <v>6.923914018034</v>
      </c>
      <c r="I1258">
        <v>52.952142650920003</v>
      </c>
      <c r="J1258" t="s">
        <v>56943</v>
      </c>
    </row>
    <row r="1259" spans="1:10" x14ac:dyDescent="0.25">
      <c r="A1259" t="s">
        <v>50891</v>
      </c>
      <c r="B1259" t="s">
        <v>50892</v>
      </c>
      <c r="C1259" t="s">
        <v>50893</v>
      </c>
      <c r="D1259" t="s">
        <v>50696</v>
      </c>
      <c r="E1259" t="s">
        <v>13</v>
      </c>
      <c r="F1259">
        <v>12823</v>
      </c>
      <c r="G1259" t="s">
        <v>50894</v>
      </c>
      <c r="H1259">
        <v>6.8996365048110002</v>
      </c>
      <c r="I1259">
        <v>52.943314072584002</v>
      </c>
      <c r="J1259" t="s">
        <v>56944</v>
      </c>
    </row>
    <row r="1260" spans="1:10" x14ac:dyDescent="0.25">
      <c r="A1260" t="s">
        <v>50887</v>
      </c>
      <c r="B1260" t="s">
        <v>50888</v>
      </c>
      <c r="C1260" t="s">
        <v>50889</v>
      </c>
      <c r="D1260" t="s">
        <v>50696</v>
      </c>
      <c r="E1260" t="s">
        <v>13</v>
      </c>
      <c r="F1260">
        <v>12822</v>
      </c>
      <c r="G1260" t="s">
        <v>50890</v>
      </c>
      <c r="H1260">
        <v>6.9248616620850001</v>
      </c>
      <c r="I1260">
        <v>52.953680957937003</v>
      </c>
      <c r="J1260" t="s">
        <v>56945</v>
      </c>
    </row>
    <row r="1261" spans="1:10" x14ac:dyDescent="0.25">
      <c r="A1261" t="s">
        <v>50883</v>
      </c>
      <c r="B1261" t="s">
        <v>50884</v>
      </c>
      <c r="C1261" t="s">
        <v>50885</v>
      </c>
      <c r="D1261" t="s">
        <v>50696</v>
      </c>
      <c r="E1261" t="s">
        <v>13</v>
      </c>
      <c r="F1261">
        <v>12821</v>
      </c>
      <c r="G1261" t="s">
        <v>50886</v>
      </c>
      <c r="H1261">
        <v>6.9523229762280003</v>
      </c>
      <c r="I1261">
        <v>52.963476065536</v>
      </c>
      <c r="J1261" t="s">
        <v>56946</v>
      </c>
    </row>
    <row r="1262" spans="1:10" x14ac:dyDescent="0.25">
      <c r="A1262" t="s">
        <v>50879</v>
      </c>
      <c r="B1262" t="s">
        <v>50880</v>
      </c>
      <c r="C1262" t="s">
        <v>50881</v>
      </c>
      <c r="D1262" t="s">
        <v>50696</v>
      </c>
      <c r="E1262" t="s">
        <v>13</v>
      </c>
      <c r="F1262">
        <v>12820</v>
      </c>
      <c r="G1262" t="s">
        <v>50882</v>
      </c>
      <c r="H1262">
        <v>6.955035649469</v>
      </c>
      <c r="I1262">
        <v>52.971893207846001</v>
      </c>
      <c r="J1262" t="s">
        <v>56947</v>
      </c>
    </row>
    <row r="1263" spans="1:10" x14ac:dyDescent="0.25">
      <c r="A1263" t="s">
        <v>50875</v>
      </c>
      <c r="B1263" t="s">
        <v>50876</v>
      </c>
      <c r="C1263" t="s">
        <v>50877</v>
      </c>
      <c r="D1263" t="s">
        <v>50696</v>
      </c>
      <c r="E1263" t="s">
        <v>13</v>
      </c>
      <c r="F1263">
        <v>12819</v>
      </c>
      <c r="G1263" t="s">
        <v>50878</v>
      </c>
      <c r="H1263">
        <v>6.9483468879670003</v>
      </c>
      <c r="I1263">
        <v>52.970237595070998</v>
      </c>
      <c r="J1263" t="s">
        <v>56948</v>
      </c>
    </row>
    <row r="1264" spans="1:10" x14ac:dyDescent="0.25">
      <c r="A1264" t="s">
        <v>50871</v>
      </c>
      <c r="B1264" t="s">
        <v>50872</v>
      </c>
      <c r="C1264" t="s">
        <v>50873</v>
      </c>
      <c r="D1264" t="s">
        <v>50696</v>
      </c>
      <c r="E1264" t="s">
        <v>13</v>
      </c>
      <c r="F1264">
        <v>12818</v>
      </c>
      <c r="G1264" t="s">
        <v>50874</v>
      </c>
      <c r="H1264">
        <v>6.8548253095060003</v>
      </c>
      <c r="I1264">
        <v>52.830366467314001</v>
      </c>
      <c r="J1264" t="s">
        <v>56949</v>
      </c>
    </row>
    <row r="1265" spans="1:10" x14ac:dyDescent="0.25">
      <c r="A1265" t="s">
        <v>50867</v>
      </c>
      <c r="B1265" t="s">
        <v>50868</v>
      </c>
      <c r="C1265" t="s">
        <v>50869</v>
      </c>
      <c r="D1265" t="s">
        <v>50696</v>
      </c>
      <c r="E1265" t="s">
        <v>13</v>
      </c>
      <c r="F1265">
        <v>12817</v>
      </c>
      <c r="G1265" t="s">
        <v>50870</v>
      </c>
      <c r="H1265">
        <v>6.8584492364310004</v>
      </c>
      <c r="I1265">
        <v>52.832010134260997</v>
      </c>
      <c r="J1265" t="s">
        <v>56950</v>
      </c>
    </row>
    <row r="1266" spans="1:10" x14ac:dyDescent="0.25">
      <c r="A1266" t="s">
        <v>50863</v>
      </c>
      <c r="B1266" t="s">
        <v>50864</v>
      </c>
      <c r="C1266" t="s">
        <v>50865</v>
      </c>
      <c r="D1266" t="s">
        <v>50696</v>
      </c>
      <c r="E1266" t="s">
        <v>13</v>
      </c>
      <c r="F1266">
        <v>12816</v>
      </c>
      <c r="G1266" t="s">
        <v>50866</v>
      </c>
      <c r="H1266">
        <v>6.8655213432259998</v>
      </c>
      <c r="I1266">
        <v>52.884477460421998</v>
      </c>
      <c r="J1266" t="s">
        <v>56951</v>
      </c>
    </row>
    <row r="1267" spans="1:10" x14ac:dyDescent="0.25">
      <c r="A1267" t="s">
        <v>50859</v>
      </c>
      <c r="B1267" t="s">
        <v>50860</v>
      </c>
      <c r="C1267" t="s">
        <v>50861</v>
      </c>
      <c r="D1267" t="s">
        <v>50696</v>
      </c>
      <c r="E1267" t="s">
        <v>13</v>
      </c>
      <c r="F1267">
        <v>12815</v>
      </c>
      <c r="G1267" t="s">
        <v>50862</v>
      </c>
      <c r="H1267">
        <v>6.8677963936940003</v>
      </c>
      <c r="I1267">
        <v>52.881921113295</v>
      </c>
      <c r="J1267" t="s">
        <v>56952</v>
      </c>
    </row>
    <row r="1268" spans="1:10" x14ac:dyDescent="0.25">
      <c r="A1268" t="s">
        <v>50855</v>
      </c>
      <c r="B1268" t="s">
        <v>50856</v>
      </c>
      <c r="C1268" t="s">
        <v>50857</v>
      </c>
      <c r="D1268" t="s">
        <v>50696</v>
      </c>
      <c r="E1268" t="s">
        <v>13</v>
      </c>
      <c r="F1268">
        <v>12814</v>
      </c>
      <c r="G1268" t="s">
        <v>50858</v>
      </c>
      <c r="H1268">
        <v>6.8584221663739999</v>
      </c>
      <c r="I1268">
        <v>52.884937685357002</v>
      </c>
      <c r="J1268" t="s">
        <v>56953</v>
      </c>
    </row>
    <row r="1269" spans="1:10" x14ac:dyDescent="0.25">
      <c r="A1269" t="s">
        <v>50851</v>
      </c>
      <c r="B1269" t="s">
        <v>50852</v>
      </c>
      <c r="C1269" t="s">
        <v>50853</v>
      </c>
      <c r="D1269" t="s">
        <v>50696</v>
      </c>
      <c r="E1269" t="s">
        <v>13</v>
      </c>
      <c r="F1269">
        <v>12813</v>
      </c>
      <c r="G1269" t="s">
        <v>50854</v>
      </c>
      <c r="H1269">
        <v>6.8594982494690004</v>
      </c>
      <c r="I1269">
        <v>52.880897119289003</v>
      </c>
      <c r="J1269" t="s">
        <v>56954</v>
      </c>
    </row>
    <row r="1270" spans="1:10" x14ac:dyDescent="0.25">
      <c r="A1270" t="s">
        <v>50847</v>
      </c>
      <c r="B1270" t="s">
        <v>50848</v>
      </c>
      <c r="C1270" t="s">
        <v>50849</v>
      </c>
      <c r="D1270" t="s">
        <v>50696</v>
      </c>
      <c r="E1270" t="s">
        <v>13</v>
      </c>
      <c r="F1270">
        <v>12812</v>
      </c>
      <c r="G1270" t="s">
        <v>50850</v>
      </c>
      <c r="H1270">
        <v>6.8992782986450001</v>
      </c>
      <c r="I1270">
        <v>52.897061006937001</v>
      </c>
      <c r="J1270" t="s">
        <v>56955</v>
      </c>
    </row>
    <row r="1271" spans="1:10" x14ac:dyDescent="0.25">
      <c r="A1271" t="s">
        <v>50843</v>
      </c>
      <c r="B1271" t="s">
        <v>50844</v>
      </c>
      <c r="C1271" t="s">
        <v>50845</v>
      </c>
      <c r="D1271" t="s">
        <v>50696</v>
      </c>
      <c r="E1271" t="s">
        <v>13</v>
      </c>
      <c r="F1271">
        <v>12811</v>
      </c>
      <c r="G1271" t="s">
        <v>50846</v>
      </c>
      <c r="H1271">
        <v>6.7413631358619996</v>
      </c>
      <c r="I1271">
        <v>52.895541278156998</v>
      </c>
      <c r="J1271" t="s">
        <v>56956</v>
      </c>
    </row>
    <row r="1272" spans="1:10" x14ac:dyDescent="0.25">
      <c r="A1272" t="s">
        <v>50839</v>
      </c>
      <c r="B1272" t="s">
        <v>50840</v>
      </c>
      <c r="C1272" t="s">
        <v>50841</v>
      </c>
      <c r="D1272" t="s">
        <v>50696</v>
      </c>
      <c r="E1272" t="s">
        <v>13</v>
      </c>
      <c r="F1272">
        <v>12810</v>
      </c>
      <c r="G1272" t="s">
        <v>50842</v>
      </c>
      <c r="H1272">
        <v>6.7646628945579996</v>
      </c>
      <c r="I1272">
        <v>52.876711676772999</v>
      </c>
      <c r="J1272" t="s">
        <v>56957</v>
      </c>
    </row>
    <row r="1273" spans="1:10" x14ac:dyDescent="0.25">
      <c r="A1273" t="s">
        <v>50835</v>
      </c>
      <c r="B1273" t="s">
        <v>50836</v>
      </c>
      <c r="C1273" t="s">
        <v>50837</v>
      </c>
      <c r="D1273" t="s">
        <v>50696</v>
      </c>
      <c r="E1273" t="s">
        <v>13</v>
      </c>
      <c r="F1273">
        <v>12809</v>
      </c>
      <c r="G1273" t="s">
        <v>50838</v>
      </c>
      <c r="H1273">
        <v>6.7802726874020003</v>
      </c>
      <c r="I1273">
        <v>52.890278236382002</v>
      </c>
      <c r="J1273" t="s">
        <v>56958</v>
      </c>
    </row>
    <row r="1274" spans="1:10" x14ac:dyDescent="0.25">
      <c r="A1274" t="s">
        <v>50831</v>
      </c>
      <c r="B1274" t="s">
        <v>50832</v>
      </c>
      <c r="C1274" t="s">
        <v>50833</v>
      </c>
      <c r="D1274" t="s">
        <v>50696</v>
      </c>
      <c r="E1274" t="s">
        <v>13</v>
      </c>
      <c r="F1274">
        <v>12808</v>
      </c>
      <c r="G1274" t="s">
        <v>50834</v>
      </c>
      <c r="H1274">
        <v>6.8114840481350001</v>
      </c>
      <c r="I1274">
        <v>52.898461685897999</v>
      </c>
      <c r="J1274" t="s">
        <v>56959</v>
      </c>
    </row>
    <row r="1275" spans="1:10" x14ac:dyDescent="0.25">
      <c r="A1275" t="s">
        <v>50827</v>
      </c>
      <c r="B1275" t="s">
        <v>50828</v>
      </c>
      <c r="C1275" t="s">
        <v>50829</v>
      </c>
      <c r="D1275" t="s">
        <v>50696</v>
      </c>
      <c r="E1275" t="s">
        <v>13</v>
      </c>
      <c r="F1275">
        <v>12807</v>
      </c>
      <c r="G1275" t="s">
        <v>50830</v>
      </c>
      <c r="H1275">
        <v>6.8080268895350002</v>
      </c>
      <c r="I1275">
        <v>52.907231641498001</v>
      </c>
      <c r="J1275" t="s">
        <v>56960</v>
      </c>
    </row>
    <row r="1276" spans="1:10" x14ac:dyDescent="0.25">
      <c r="A1276" t="s">
        <v>50823</v>
      </c>
      <c r="B1276" t="s">
        <v>50824</v>
      </c>
      <c r="C1276" t="s">
        <v>50825</v>
      </c>
      <c r="D1276" t="s">
        <v>50696</v>
      </c>
      <c r="E1276" t="s">
        <v>13</v>
      </c>
      <c r="F1276">
        <v>12806</v>
      </c>
      <c r="G1276" t="s">
        <v>50826</v>
      </c>
      <c r="H1276">
        <v>6.859736232265</v>
      </c>
      <c r="I1276">
        <v>52.966330306016999</v>
      </c>
      <c r="J1276" t="s">
        <v>56961</v>
      </c>
    </row>
    <row r="1277" spans="1:10" x14ac:dyDescent="0.25">
      <c r="A1277" t="s">
        <v>50819</v>
      </c>
      <c r="B1277" t="s">
        <v>50820</v>
      </c>
      <c r="C1277" t="s">
        <v>50821</v>
      </c>
      <c r="D1277" t="s">
        <v>50696</v>
      </c>
      <c r="E1277" t="s">
        <v>13</v>
      </c>
      <c r="F1277">
        <v>12805</v>
      </c>
      <c r="G1277" t="s">
        <v>50822</v>
      </c>
      <c r="H1277">
        <v>6.897756065187</v>
      </c>
      <c r="I1277">
        <v>52.976121116658</v>
      </c>
      <c r="J1277" t="s">
        <v>56962</v>
      </c>
    </row>
    <row r="1278" spans="1:10" x14ac:dyDescent="0.25">
      <c r="A1278" t="s">
        <v>50815</v>
      </c>
      <c r="B1278" t="s">
        <v>50816</v>
      </c>
      <c r="C1278" t="s">
        <v>50817</v>
      </c>
      <c r="D1278" t="s">
        <v>50696</v>
      </c>
      <c r="E1278" t="s">
        <v>13</v>
      </c>
      <c r="F1278">
        <v>12804</v>
      </c>
      <c r="G1278" t="s">
        <v>50818</v>
      </c>
      <c r="H1278">
        <v>6.9102237159940003</v>
      </c>
      <c r="I1278">
        <v>52.979928565178</v>
      </c>
      <c r="J1278" t="s">
        <v>56963</v>
      </c>
    </row>
    <row r="1279" spans="1:10" x14ac:dyDescent="0.25">
      <c r="A1279" t="s">
        <v>50811</v>
      </c>
      <c r="B1279" t="s">
        <v>50812</v>
      </c>
      <c r="C1279" t="s">
        <v>50813</v>
      </c>
      <c r="D1279" t="s">
        <v>50696</v>
      </c>
      <c r="E1279" t="s">
        <v>13</v>
      </c>
      <c r="F1279">
        <v>12803</v>
      </c>
      <c r="G1279" t="s">
        <v>50814</v>
      </c>
      <c r="H1279">
        <v>6.774609513043</v>
      </c>
      <c r="I1279">
        <v>52.951512467595997</v>
      </c>
      <c r="J1279" t="s">
        <v>56964</v>
      </c>
    </row>
    <row r="1280" spans="1:10" x14ac:dyDescent="0.25">
      <c r="A1280" t="s">
        <v>50807</v>
      </c>
      <c r="B1280" t="s">
        <v>50808</v>
      </c>
      <c r="C1280" t="s">
        <v>50809</v>
      </c>
      <c r="D1280" t="s">
        <v>50696</v>
      </c>
      <c r="E1280" t="s">
        <v>13</v>
      </c>
      <c r="F1280">
        <v>12802</v>
      </c>
      <c r="G1280" t="s">
        <v>50810</v>
      </c>
      <c r="H1280">
        <v>6.7976518954760001</v>
      </c>
      <c r="I1280">
        <v>52.952064584845999</v>
      </c>
      <c r="J1280" t="s">
        <v>56965</v>
      </c>
    </row>
    <row r="1281" spans="1:10" x14ac:dyDescent="0.25">
      <c r="A1281" t="s">
        <v>50803</v>
      </c>
      <c r="B1281" t="s">
        <v>50804</v>
      </c>
      <c r="C1281" t="s">
        <v>50805</v>
      </c>
      <c r="D1281" t="s">
        <v>50696</v>
      </c>
      <c r="E1281" t="s">
        <v>13</v>
      </c>
      <c r="F1281">
        <v>12801</v>
      </c>
      <c r="G1281" t="s">
        <v>50806</v>
      </c>
      <c r="H1281">
        <v>6.8726421838949996</v>
      </c>
      <c r="I1281">
        <v>52.934613676929999</v>
      </c>
      <c r="J1281" t="s">
        <v>56966</v>
      </c>
    </row>
    <row r="1282" spans="1:10" x14ac:dyDescent="0.25">
      <c r="A1282" t="s">
        <v>50799</v>
      </c>
      <c r="B1282" t="s">
        <v>50800</v>
      </c>
      <c r="C1282" t="s">
        <v>50801</v>
      </c>
      <c r="D1282" t="s">
        <v>50696</v>
      </c>
      <c r="E1282" t="s">
        <v>13</v>
      </c>
      <c r="F1282">
        <v>12800</v>
      </c>
      <c r="G1282" t="s">
        <v>50802</v>
      </c>
      <c r="H1282">
        <v>6.8816440820320004</v>
      </c>
      <c r="I1282">
        <v>52.933647455187</v>
      </c>
      <c r="J1282" t="s">
        <v>56967</v>
      </c>
    </row>
    <row r="1283" spans="1:10" x14ac:dyDescent="0.25">
      <c r="A1283" t="s">
        <v>50795</v>
      </c>
      <c r="B1283" t="s">
        <v>50796</v>
      </c>
      <c r="C1283" t="s">
        <v>50797</v>
      </c>
      <c r="D1283" t="s">
        <v>50696</v>
      </c>
      <c r="E1283" t="s">
        <v>13</v>
      </c>
      <c r="F1283">
        <v>12799</v>
      </c>
      <c r="G1283" t="s">
        <v>50798</v>
      </c>
      <c r="H1283">
        <v>6.8396021478789999</v>
      </c>
      <c r="I1283">
        <v>52.922326967212001</v>
      </c>
      <c r="J1283" t="s">
        <v>56968</v>
      </c>
    </row>
    <row r="1284" spans="1:10" x14ac:dyDescent="0.25">
      <c r="A1284" t="s">
        <v>50791</v>
      </c>
      <c r="B1284" t="s">
        <v>50792</v>
      </c>
      <c r="C1284" t="s">
        <v>50793</v>
      </c>
      <c r="D1284" t="s">
        <v>50696</v>
      </c>
      <c r="E1284" t="s">
        <v>13</v>
      </c>
      <c r="F1284">
        <v>12798</v>
      </c>
      <c r="G1284" t="s">
        <v>50794</v>
      </c>
      <c r="H1284">
        <v>6.8376964913320002</v>
      </c>
      <c r="I1284">
        <v>52.930083472013003</v>
      </c>
      <c r="J1284" t="s">
        <v>56969</v>
      </c>
    </row>
    <row r="1285" spans="1:10" x14ac:dyDescent="0.25">
      <c r="A1285" t="s">
        <v>50787</v>
      </c>
      <c r="B1285" t="s">
        <v>50788</v>
      </c>
      <c r="C1285" t="s">
        <v>50789</v>
      </c>
      <c r="D1285" t="s">
        <v>50696</v>
      </c>
      <c r="E1285" t="s">
        <v>13</v>
      </c>
      <c r="F1285">
        <v>12797</v>
      </c>
      <c r="G1285" t="s">
        <v>50790</v>
      </c>
      <c r="H1285">
        <v>6.8381478026430003</v>
      </c>
      <c r="I1285">
        <v>52.959618762030999</v>
      </c>
      <c r="J1285" t="s">
        <v>56970</v>
      </c>
    </row>
    <row r="1286" spans="1:10" x14ac:dyDescent="0.25">
      <c r="A1286" t="s">
        <v>50783</v>
      </c>
      <c r="B1286" t="s">
        <v>50784</v>
      </c>
      <c r="C1286" t="s">
        <v>50785</v>
      </c>
      <c r="D1286" t="s">
        <v>50696</v>
      </c>
      <c r="E1286" t="s">
        <v>13</v>
      </c>
      <c r="F1286">
        <v>12796</v>
      </c>
      <c r="G1286" t="s">
        <v>50786</v>
      </c>
      <c r="H1286">
        <v>6.8104620356029999</v>
      </c>
      <c r="I1286">
        <v>52.944275309790001</v>
      </c>
      <c r="J1286" t="s">
        <v>56971</v>
      </c>
    </row>
    <row r="1287" spans="1:10" x14ac:dyDescent="0.25">
      <c r="A1287" t="s">
        <v>50779</v>
      </c>
      <c r="B1287" t="s">
        <v>50780</v>
      </c>
      <c r="C1287" t="s">
        <v>50781</v>
      </c>
      <c r="D1287" t="s">
        <v>50696</v>
      </c>
      <c r="E1287" t="s">
        <v>13</v>
      </c>
      <c r="F1287">
        <v>12795</v>
      </c>
      <c r="G1287" t="s">
        <v>50782</v>
      </c>
      <c r="H1287">
        <v>6.7671325015350003</v>
      </c>
      <c r="I1287">
        <v>52.926680451438003</v>
      </c>
      <c r="J1287" t="s">
        <v>56972</v>
      </c>
    </row>
    <row r="1288" spans="1:10" x14ac:dyDescent="0.25">
      <c r="A1288" t="s">
        <v>50775</v>
      </c>
      <c r="B1288" t="s">
        <v>50776</v>
      </c>
      <c r="C1288" t="s">
        <v>50777</v>
      </c>
      <c r="D1288" t="s">
        <v>50696</v>
      </c>
      <c r="E1288" t="s">
        <v>13</v>
      </c>
      <c r="F1288">
        <v>12794</v>
      </c>
      <c r="G1288" t="s">
        <v>50778</v>
      </c>
      <c r="H1288">
        <v>6.7917924369199998</v>
      </c>
      <c r="I1288">
        <v>52.920201685172003</v>
      </c>
      <c r="J1288" t="s">
        <v>56973</v>
      </c>
    </row>
    <row r="1289" spans="1:10" x14ac:dyDescent="0.25">
      <c r="A1289" t="s">
        <v>50771</v>
      </c>
      <c r="B1289" t="s">
        <v>50772</v>
      </c>
      <c r="C1289" t="s">
        <v>50773</v>
      </c>
      <c r="D1289" t="s">
        <v>50696</v>
      </c>
      <c r="E1289" t="s">
        <v>13</v>
      </c>
      <c r="F1289">
        <v>12793</v>
      </c>
      <c r="G1289" t="s">
        <v>50774</v>
      </c>
      <c r="H1289">
        <v>6.7928845990150002</v>
      </c>
      <c r="I1289">
        <v>52.930465052087001</v>
      </c>
      <c r="J1289" t="s">
        <v>56974</v>
      </c>
    </row>
    <row r="1290" spans="1:10" x14ac:dyDescent="0.25">
      <c r="A1290" t="s">
        <v>50767</v>
      </c>
      <c r="B1290" t="s">
        <v>50768</v>
      </c>
      <c r="C1290" t="s">
        <v>50769</v>
      </c>
      <c r="D1290" t="s">
        <v>50696</v>
      </c>
      <c r="E1290" t="s">
        <v>13</v>
      </c>
      <c r="F1290">
        <v>12792</v>
      </c>
      <c r="G1290" t="s">
        <v>50770</v>
      </c>
      <c r="H1290">
        <v>6.7840258244490004</v>
      </c>
      <c r="I1290">
        <v>52.917652045394</v>
      </c>
      <c r="J1290" t="s">
        <v>56975</v>
      </c>
    </row>
    <row r="1291" spans="1:10" x14ac:dyDescent="0.25">
      <c r="A1291" t="s">
        <v>50763</v>
      </c>
      <c r="B1291" t="s">
        <v>50764</v>
      </c>
      <c r="C1291" t="s">
        <v>50765</v>
      </c>
      <c r="D1291" t="s">
        <v>50696</v>
      </c>
      <c r="E1291" t="s">
        <v>13</v>
      </c>
      <c r="F1291">
        <v>12791</v>
      </c>
      <c r="G1291" t="s">
        <v>50766</v>
      </c>
      <c r="H1291">
        <v>6.798578841646</v>
      </c>
      <c r="I1291">
        <v>52.920111181727002</v>
      </c>
      <c r="J1291" t="s">
        <v>56976</v>
      </c>
    </row>
    <row r="1292" spans="1:10" x14ac:dyDescent="0.25">
      <c r="A1292" t="s">
        <v>50759</v>
      </c>
      <c r="B1292" t="s">
        <v>50760</v>
      </c>
      <c r="C1292" t="s">
        <v>50761</v>
      </c>
      <c r="D1292" t="s">
        <v>50696</v>
      </c>
      <c r="E1292" t="s">
        <v>13</v>
      </c>
      <c r="F1292">
        <v>12790</v>
      </c>
      <c r="G1292" t="s">
        <v>50762</v>
      </c>
      <c r="H1292">
        <v>6.7899777908240004</v>
      </c>
      <c r="I1292">
        <v>52.925668063060002</v>
      </c>
      <c r="J1292" t="s">
        <v>56977</v>
      </c>
    </row>
    <row r="1293" spans="1:10" x14ac:dyDescent="0.25">
      <c r="A1293" t="s">
        <v>50756</v>
      </c>
      <c r="B1293" t="s">
        <v>50757</v>
      </c>
      <c r="C1293" t="s">
        <v>8729</v>
      </c>
      <c r="D1293" t="s">
        <v>50696</v>
      </c>
      <c r="E1293" t="s">
        <v>13</v>
      </c>
      <c r="F1293">
        <v>12789</v>
      </c>
      <c r="G1293" t="s">
        <v>50758</v>
      </c>
      <c r="H1293">
        <v>6.7970489015390001</v>
      </c>
      <c r="I1293">
        <v>52.926203835583998</v>
      </c>
      <c r="J1293" t="s">
        <v>56978</v>
      </c>
    </row>
    <row r="1294" spans="1:10" x14ac:dyDescent="0.25">
      <c r="A1294" t="s">
        <v>50752</v>
      </c>
      <c r="B1294" t="s">
        <v>50753</v>
      </c>
      <c r="C1294" t="s">
        <v>50754</v>
      </c>
      <c r="D1294" t="s">
        <v>50696</v>
      </c>
      <c r="E1294" t="s">
        <v>13</v>
      </c>
      <c r="F1294">
        <v>12788</v>
      </c>
      <c r="G1294" t="s">
        <v>50755</v>
      </c>
      <c r="H1294">
        <v>7.0173375945289997</v>
      </c>
      <c r="I1294">
        <v>52.893369078142001</v>
      </c>
      <c r="J1294" t="s">
        <v>56979</v>
      </c>
    </row>
    <row r="1295" spans="1:10" x14ac:dyDescent="0.25">
      <c r="A1295" t="s">
        <v>50748</v>
      </c>
      <c r="B1295" t="s">
        <v>50749</v>
      </c>
      <c r="C1295" t="s">
        <v>50750</v>
      </c>
      <c r="D1295" t="s">
        <v>50696</v>
      </c>
      <c r="E1295" t="s">
        <v>13</v>
      </c>
      <c r="F1295">
        <v>12787</v>
      </c>
      <c r="G1295" t="s">
        <v>50751</v>
      </c>
      <c r="H1295">
        <v>6.9569611579490003</v>
      </c>
      <c r="I1295">
        <v>52.911119302888999</v>
      </c>
      <c r="J1295" t="s">
        <v>56980</v>
      </c>
    </row>
    <row r="1296" spans="1:10" x14ac:dyDescent="0.25">
      <c r="A1296" t="s">
        <v>50744</v>
      </c>
      <c r="B1296" t="s">
        <v>50745</v>
      </c>
      <c r="C1296" t="s">
        <v>50746</v>
      </c>
      <c r="D1296" t="s">
        <v>50696</v>
      </c>
      <c r="E1296" t="s">
        <v>13</v>
      </c>
      <c r="F1296">
        <v>12786</v>
      </c>
      <c r="G1296" t="s">
        <v>50747</v>
      </c>
      <c r="H1296">
        <v>6.9200968770409998</v>
      </c>
      <c r="I1296">
        <v>52.898994040380998</v>
      </c>
      <c r="J1296" t="s">
        <v>56981</v>
      </c>
    </row>
    <row r="1297" spans="1:10" x14ac:dyDescent="0.25">
      <c r="A1297" t="s">
        <v>50740</v>
      </c>
      <c r="B1297" t="s">
        <v>50741</v>
      </c>
      <c r="C1297" t="s">
        <v>50742</v>
      </c>
      <c r="D1297" t="s">
        <v>50696</v>
      </c>
      <c r="E1297" t="s">
        <v>13</v>
      </c>
      <c r="F1297">
        <v>12785</v>
      </c>
      <c r="G1297" t="s">
        <v>50743</v>
      </c>
      <c r="H1297">
        <v>6.9354725678179996</v>
      </c>
      <c r="I1297">
        <v>52.909491423873</v>
      </c>
      <c r="J1297" t="s">
        <v>56982</v>
      </c>
    </row>
    <row r="1298" spans="1:10" x14ac:dyDescent="0.25">
      <c r="A1298" t="s">
        <v>50736</v>
      </c>
      <c r="B1298" t="s">
        <v>50737</v>
      </c>
      <c r="C1298" t="s">
        <v>50738</v>
      </c>
      <c r="D1298" t="s">
        <v>50696</v>
      </c>
      <c r="E1298" t="s">
        <v>13</v>
      </c>
      <c r="F1298">
        <v>12784</v>
      </c>
      <c r="G1298" t="s">
        <v>50739</v>
      </c>
      <c r="H1298">
        <v>6.9760147925649996</v>
      </c>
      <c r="I1298">
        <v>52.924784231589001</v>
      </c>
      <c r="J1298" t="s">
        <v>56983</v>
      </c>
    </row>
    <row r="1299" spans="1:10" x14ac:dyDescent="0.25">
      <c r="A1299" t="s">
        <v>50732</v>
      </c>
      <c r="B1299" t="s">
        <v>50733</v>
      </c>
      <c r="C1299" t="s">
        <v>50734</v>
      </c>
      <c r="D1299" t="s">
        <v>50696</v>
      </c>
      <c r="E1299" t="s">
        <v>13</v>
      </c>
      <c r="F1299">
        <v>12783</v>
      </c>
      <c r="G1299" t="s">
        <v>50735</v>
      </c>
      <c r="H1299">
        <v>6.9466099591489998</v>
      </c>
      <c r="I1299">
        <v>52.932773667877001</v>
      </c>
      <c r="J1299" t="s">
        <v>56984</v>
      </c>
    </row>
    <row r="1300" spans="1:10" x14ac:dyDescent="0.25">
      <c r="A1300" t="s">
        <v>50728</v>
      </c>
      <c r="B1300" t="s">
        <v>50729</v>
      </c>
      <c r="C1300" t="s">
        <v>50730</v>
      </c>
      <c r="D1300" t="s">
        <v>50696</v>
      </c>
      <c r="E1300" t="s">
        <v>13</v>
      </c>
      <c r="F1300">
        <v>12782</v>
      </c>
      <c r="G1300" t="s">
        <v>50731</v>
      </c>
      <c r="H1300">
        <v>6.9448784993770003</v>
      </c>
      <c r="I1300">
        <v>52.932408660168001</v>
      </c>
      <c r="J1300" t="s">
        <v>56985</v>
      </c>
    </row>
    <row r="1301" spans="1:10" x14ac:dyDescent="0.25">
      <c r="A1301" t="s">
        <v>50725</v>
      </c>
      <c r="B1301" t="s">
        <v>50726</v>
      </c>
      <c r="C1301" t="s">
        <v>45606</v>
      </c>
      <c r="D1301" t="s">
        <v>50696</v>
      </c>
      <c r="E1301" t="s">
        <v>13</v>
      </c>
      <c r="F1301">
        <v>12781</v>
      </c>
      <c r="G1301" t="s">
        <v>50727</v>
      </c>
      <c r="H1301">
        <v>7.0351974717079999</v>
      </c>
      <c r="I1301">
        <v>52.914506953100997</v>
      </c>
      <c r="J1301" t="s">
        <v>56986</v>
      </c>
    </row>
    <row r="1302" spans="1:10" x14ac:dyDescent="0.25">
      <c r="A1302" t="s">
        <v>50722</v>
      </c>
      <c r="B1302" t="s">
        <v>50723</v>
      </c>
      <c r="C1302" t="s">
        <v>16680</v>
      </c>
      <c r="D1302" t="s">
        <v>50696</v>
      </c>
      <c r="E1302" t="s">
        <v>13</v>
      </c>
      <c r="F1302">
        <v>12780</v>
      </c>
      <c r="G1302" t="s">
        <v>50724</v>
      </c>
      <c r="H1302">
        <v>6.7567432095589997</v>
      </c>
      <c r="I1302">
        <v>52.906571043549</v>
      </c>
      <c r="J1302" t="s">
        <v>56987</v>
      </c>
    </row>
    <row r="1303" spans="1:10" x14ac:dyDescent="0.25">
      <c r="A1303" t="s">
        <v>50718</v>
      </c>
      <c r="B1303" t="s">
        <v>50719</v>
      </c>
      <c r="C1303" t="s">
        <v>50720</v>
      </c>
      <c r="D1303" t="s">
        <v>50696</v>
      </c>
      <c r="E1303" t="s">
        <v>13</v>
      </c>
      <c r="F1303">
        <v>12779</v>
      </c>
      <c r="G1303" t="s">
        <v>50721</v>
      </c>
      <c r="H1303">
        <v>6.962414249869</v>
      </c>
      <c r="I1303">
        <v>52.879733661545998</v>
      </c>
      <c r="J1303" t="s">
        <v>56988</v>
      </c>
    </row>
    <row r="1304" spans="1:10" x14ac:dyDescent="0.25">
      <c r="A1304" t="s">
        <v>50714</v>
      </c>
      <c r="B1304" t="s">
        <v>50715</v>
      </c>
      <c r="C1304" t="s">
        <v>50716</v>
      </c>
      <c r="D1304" t="s">
        <v>50696</v>
      </c>
      <c r="E1304" t="s">
        <v>13</v>
      </c>
      <c r="F1304">
        <v>12778</v>
      </c>
      <c r="G1304" t="s">
        <v>50717</v>
      </c>
      <c r="H1304">
        <v>6.9263377836190001</v>
      </c>
      <c r="I1304">
        <v>52.863330090803998</v>
      </c>
      <c r="J1304" t="s">
        <v>56989</v>
      </c>
    </row>
    <row r="1305" spans="1:10" x14ac:dyDescent="0.25">
      <c r="A1305" t="s">
        <v>50710</v>
      </c>
      <c r="B1305" t="s">
        <v>50711</v>
      </c>
      <c r="C1305" t="s">
        <v>50712</v>
      </c>
      <c r="D1305" t="s">
        <v>50696</v>
      </c>
      <c r="E1305" t="s">
        <v>13</v>
      </c>
      <c r="F1305">
        <v>12777</v>
      </c>
      <c r="G1305" t="s">
        <v>50713</v>
      </c>
      <c r="H1305">
        <v>6.9778432833800004</v>
      </c>
      <c r="I1305">
        <v>52.889405755977997</v>
      </c>
      <c r="J1305" t="s">
        <v>56990</v>
      </c>
    </row>
    <row r="1306" spans="1:10" x14ac:dyDescent="0.25">
      <c r="A1306" t="s">
        <v>50706</v>
      </c>
      <c r="B1306" t="s">
        <v>50707</v>
      </c>
      <c r="C1306" t="s">
        <v>50708</v>
      </c>
      <c r="D1306" t="s">
        <v>50696</v>
      </c>
      <c r="E1306" t="s">
        <v>13</v>
      </c>
      <c r="F1306">
        <v>12776</v>
      </c>
      <c r="G1306" t="s">
        <v>50709</v>
      </c>
      <c r="H1306">
        <v>6.9490531703930003</v>
      </c>
      <c r="I1306">
        <v>52.875781667620998</v>
      </c>
      <c r="J1306" t="s">
        <v>56991</v>
      </c>
    </row>
    <row r="1307" spans="1:10" x14ac:dyDescent="0.25">
      <c r="A1307" t="s">
        <v>50702</v>
      </c>
      <c r="B1307" t="s">
        <v>50703</v>
      </c>
      <c r="C1307" t="s">
        <v>50704</v>
      </c>
      <c r="D1307" t="s">
        <v>50696</v>
      </c>
      <c r="E1307" t="s">
        <v>13</v>
      </c>
      <c r="F1307">
        <v>12775</v>
      </c>
      <c r="G1307" t="s">
        <v>50705</v>
      </c>
      <c r="H1307">
        <v>7.0034042444309996</v>
      </c>
      <c r="I1307">
        <v>52.901221845767999</v>
      </c>
      <c r="J1307" t="s">
        <v>56992</v>
      </c>
    </row>
    <row r="1308" spans="1:10" x14ac:dyDescent="0.25">
      <c r="A1308" t="s">
        <v>50698</v>
      </c>
      <c r="B1308" t="s">
        <v>50699</v>
      </c>
      <c r="C1308" t="s">
        <v>50700</v>
      </c>
      <c r="D1308" t="s">
        <v>50696</v>
      </c>
      <c r="E1308" t="s">
        <v>13</v>
      </c>
      <c r="F1308">
        <v>12774</v>
      </c>
      <c r="G1308" t="s">
        <v>50701</v>
      </c>
      <c r="H1308">
        <v>6.8865530488319999</v>
      </c>
      <c r="I1308">
        <v>52.842406411512002</v>
      </c>
      <c r="J1308" t="s">
        <v>56993</v>
      </c>
    </row>
    <row r="1309" spans="1:10" x14ac:dyDescent="0.25">
      <c r="A1309" t="s">
        <v>50693</v>
      </c>
      <c r="B1309" t="s">
        <v>50694</v>
      </c>
      <c r="C1309" t="s">
        <v>50695</v>
      </c>
      <c r="D1309" t="s">
        <v>50696</v>
      </c>
      <c r="E1309" t="s">
        <v>13</v>
      </c>
      <c r="F1309">
        <v>12773</v>
      </c>
      <c r="G1309" t="s">
        <v>50697</v>
      </c>
      <c r="H1309">
        <v>6.8902743869250003</v>
      </c>
      <c r="I1309">
        <v>52.845456334456998</v>
      </c>
      <c r="J1309" t="s">
        <v>56994</v>
      </c>
    </row>
    <row r="1310" spans="1:10" x14ac:dyDescent="0.25">
      <c r="A1310" t="s">
        <v>50689</v>
      </c>
      <c r="B1310" t="s">
        <v>50690</v>
      </c>
      <c r="C1310" t="s">
        <v>50691</v>
      </c>
      <c r="D1310" t="s">
        <v>50430</v>
      </c>
      <c r="E1310" t="s">
        <v>13</v>
      </c>
      <c r="F1310">
        <v>12772</v>
      </c>
      <c r="G1310" t="s">
        <v>50692</v>
      </c>
      <c r="H1310">
        <v>5.1492960537629999</v>
      </c>
      <c r="I1310">
        <v>52.376208973544998</v>
      </c>
      <c r="J1310" t="s">
        <v>56995</v>
      </c>
    </row>
    <row r="1311" spans="1:10" x14ac:dyDescent="0.25">
      <c r="A1311" t="s">
        <v>50685</v>
      </c>
      <c r="B1311" t="s">
        <v>50686</v>
      </c>
      <c r="C1311" t="s">
        <v>50687</v>
      </c>
      <c r="D1311" t="s">
        <v>50430</v>
      </c>
      <c r="E1311" t="s">
        <v>13</v>
      </c>
      <c r="F1311">
        <v>12771</v>
      </c>
      <c r="G1311" t="s">
        <v>50688</v>
      </c>
      <c r="H1311">
        <v>5.3194355712150001</v>
      </c>
      <c r="I1311">
        <v>52.338766308339999</v>
      </c>
      <c r="J1311" t="s">
        <v>56996</v>
      </c>
    </row>
    <row r="1312" spans="1:10" x14ac:dyDescent="0.25">
      <c r="A1312" t="s">
        <v>50681</v>
      </c>
      <c r="B1312" t="s">
        <v>50682</v>
      </c>
      <c r="C1312" t="s">
        <v>50683</v>
      </c>
      <c r="D1312" t="s">
        <v>50430</v>
      </c>
      <c r="E1312" t="s">
        <v>13</v>
      </c>
      <c r="F1312">
        <v>12770</v>
      </c>
      <c r="G1312" t="s">
        <v>50684</v>
      </c>
      <c r="H1312">
        <v>5.2871956380820002</v>
      </c>
      <c r="I1312">
        <v>52.366528167642997</v>
      </c>
      <c r="J1312" t="s">
        <v>56997</v>
      </c>
    </row>
    <row r="1313" spans="1:10" x14ac:dyDescent="0.25">
      <c r="A1313" t="s">
        <v>50677</v>
      </c>
      <c r="B1313" t="s">
        <v>50678</v>
      </c>
      <c r="C1313" t="s">
        <v>50679</v>
      </c>
      <c r="D1313" t="s">
        <v>50430</v>
      </c>
      <c r="E1313" t="s">
        <v>13</v>
      </c>
      <c r="F1313">
        <v>12769</v>
      </c>
      <c r="G1313" t="s">
        <v>50680</v>
      </c>
      <c r="H1313">
        <v>5.2887911694799996</v>
      </c>
      <c r="I1313">
        <v>52.358449780057001</v>
      </c>
      <c r="J1313" t="s">
        <v>56998</v>
      </c>
    </row>
    <row r="1314" spans="1:10" x14ac:dyDescent="0.25">
      <c r="A1314" t="s">
        <v>50673</v>
      </c>
      <c r="B1314" t="s">
        <v>50674</v>
      </c>
      <c r="C1314" t="s">
        <v>50675</v>
      </c>
      <c r="D1314" t="s">
        <v>50430</v>
      </c>
      <c r="E1314" t="s">
        <v>13</v>
      </c>
      <c r="F1314">
        <v>12768</v>
      </c>
      <c r="G1314" t="s">
        <v>50676</v>
      </c>
      <c r="H1314">
        <v>5.2999268482669999</v>
      </c>
      <c r="I1314">
        <v>52.345091070309003</v>
      </c>
      <c r="J1314" t="s">
        <v>56999</v>
      </c>
    </row>
    <row r="1315" spans="1:10" x14ac:dyDescent="0.25">
      <c r="A1315" t="s">
        <v>50669</v>
      </c>
      <c r="B1315" t="s">
        <v>50670</v>
      </c>
      <c r="C1315" t="s">
        <v>50671</v>
      </c>
      <c r="D1315" t="s">
        <v>50430</v>
      </c>
      <c r="E1315" t="s">
        <v>13</v>
      </c>
      <c r="F1315">
        <v>12767</v>
      </c>
      <c r="G1315" t="s">
        <v>50672</v>
      </c>
      <c r="H1315">
        <v>5.1597082418399998</v>
      </c>
      <c r="I1315">
        <v>52.350335164519002</v>
      </c>
      <c r="J1315" t="s">
        <v>57000</v>
      </c>
    </row>
    <row r="1316" spans="1:10" x14ac:dyDescent="0.25">
      <c r="A1316" t="s">
        <v>50665</v>
      </c>
      <c r="B1316" t="s">
        <v>50666</v>
      </c>
      <c r="C1316" t="s">
        <v>50667</v>
      </c>
      <c r="D1316" t="s">
        <v>50430</v>
      </c>
      <c r="E1316" t="s">
        <v>13</v>
      </c>
      <c r="F1316">
        <v>12766</v>
      </c>
      <c r="G1316" t="s">
        <v>50668</v>
      </c>
      <c r="H1316">
        <v>5.16401780166</v>
      </c>
      <c r="I1316">
        <v>52.344072477838999</v>
      </c>
      <c r="J1316" t="s">
        <v>57001</v>
      </c>
    </row>
    <row r="1317" spans="1:10" x14ac:dyDescent="0.25">
      <c r="A1317" t="s">
        <v>50661</v>
      </c>
      <c r="B1317" t="s">
        <v>50662</v>
      </c>
      <c r="C1317" t="s">
        <v>50663</v>
      </c>
      <c r="D1317" t="s">
        <v>50430</v>
      </c>
      <c r="E1317" t="s">
        <v>13</v>
      </c>
      <c r="F1317">
        <v>12765</v>
      </c>
      <c r="G1317" t="s">
        <v>50664</v>
      </c>
      <c r="H1317">
        <v>5.1631284020160004</v>
      </c>
      <c r="I1317">
        <v>52.349888919244997</v>
      </c>
      <c r="J1317" t="s">
        <v>57002</v>
      </c>
    </row>
    <row r="1318" spans="1:10" x14ac:dyDescent="0.25">
      <c r="A1318" t="s">
        <v>50657</v>
      </c>
      <c r="B1318" t="s">
        <v>50658</v>
      </c>
      <c r="C1318" t="s">
        <v>50659</v>
      </c>
      <c r="D1318" t="s">
        <v>50430</v>
      </c>
      <c r="E1318" t="s">
        <v>13</v>
      </c>
      <c r="F1318">
        <v>12764</v>
      </c>
      <c r="G1318" t="s">
        <v>50660</v>
      </c>
      <c r="H1318">
        <v>5.1696505118470002</v>
      </c>
      <c r="I1318">
        <v>52.353442667578001</v>
      </c>
      <c r="J1318" t="s">
        <v>57003</v>
      </c>
    </row>
    <row r="1319" spans="1:10" x14ac:dyDescent="0.25">
      <c r="A1319" t="s">
        <v>50653</v>
      </c>
      <c r="B1319" t="s">
        <v>50654</v>
      </c>
      <c r="C1319" t="s">
        <v>50655</v>
      </c>
      <c r="D1319" t="s">
        <v>50430</v>
      </c>
      <c r="E1319" t="s">
        <v>13</v>
      </c>
      <c r="F1319">
        <v>12763</v>
      </c>
      <c r="G1319" t="s">
        <v>50656</v>
      </c>
      <c r="H1319">
        <v>5.154762979499</v>
      </c>
      <c r="I1319">
        <v>52.340090758805999</v>
      </c>
      <c r="J1319" t="s">
        <v>57004</v>
      </c>
    </row>
    <row r="1320" spans="1:10" x14ac:dyDescent="0.25">
      <c r="A1320" t="s">
        <v>50649</v>
      </c>
      <c r="B1320" t="s">
        <v>50650</v>
      </c>
      <c r="C1320" t="s">
        <v>50651</v>
      </c>
      <c r="D1320" t="s">
        <v>50430</v>
      </c>
      <c r="E1320" t="s">
        <v>13</v>
      </c>
      <c r="F1320">
        <v>12762</v>
      </c>
      <c r="G1320" t="s">
        <v>50652</v>
      </c>
      <c r="H1320">
        <v>5.1578272886400001</v>
      </c>
      <c r="I1320">
        <v>52.345588588010003</v>
      </c>
      <c r="J1320" t="s">
        <v>57005</v>
      </c>
    </row>
    <row r="1321" spans="1:10" x14ac:dyDescent="0.25">
      <c r="A1321" t="s">
        <v>50645</v>
      </c>
      <c r="B1321" t="s">
        <v>50646</v>
      </c>
      <c r="C1321" t="s">
        <v>50647</v>
      </c>
      <c r="D1321" t="s">
        <v>50430</v>
      </c>
      <c r="E1321" t="s">
        <v>13</v>
      </c>
      <c r="F1321">
        <v>12761</v>
      </c>
      <c r="G1321" t="s">
        <v>50648</v>
      </c>
      <c r="H1321">
        <v>5.1404391230630004</v>
      </c>
      <c r="I1321">
        <v>52.341112326622998</v>
      </c>
      <c r="J1321" t="s">
        <v>57006</v>
      </c>
    </row>
    <row r="1322" spans="1:10" x14ac:dyDescent="0.25">
      <c r="A1322" t="s">
        <v>50641</v>
      </c>
      <c r="B1322" t="s">
        <v>50642</v>
      </c>
      <c r="C1322" t="s">
        <v>50643</v>
      </c>
      <c r="D1322" t="s">
        <v>50430</v>
      </c>
      <c r="E1322" t="s">
        <v>13</v>
      </c>
      <c r="F1322">
        <v>12760</v>
      </c>
      <c r="G1322" t="s">
        <v>50644</v>
      </c>
      <c r="H1322">
        <v>5.149559492082</v>
      </c>
      <c r="I1322">
        <v>52.341140707748998</v>
      </c>
      <c r="J1322" t="s">
        <v>57007</v>
      </c>
    </row>
    <row r="1323" spans="1:10" x14ac:dyDescent="0.25">
      <c r="A1323" t="s">
        <v>50637</v>
      </c>
      <c r="B1323" t="s">
        <v>50638</v>
      </c>
      <c r="C1323" t="s">
        <v>50639</v>
      </c>
      <c r="D1323" t="s">
        <v>50430</v>
      </c>
      <c r="E1323" t="s">
        <v>13</v>
      </c>
      <c r="F1323">
        <v>12759</v>
      </c>
      <c r="G1323" t="s">
        <v>50640</v>
      </c>
      <c r="H1323">
        <v>5.1537911047060003</v>
      </c>
      <c r="I1323">
        <v>52.356068107124997</v>
      </c>
      <c r="J1323" t="s">
        <v>57008</v>
      </c>
    </row>
    <row r="1324" spans="1:10" x14ac:dyDescent="0.25">
      <c r="A1324" t="s">
        <v>50633</v>
      </c>
      <c r="B1324" t="s">
        <v>50634</v>
      </c>
      <c r="C1324" t="s">
        <v>50635</v>
      </c>
      <c r="D1324" t="s">
        <v>50430</v>
      </c>
      <c r="E1324" t="s">
        <v>13</v>
      </c>
      <c r="F1324">
        <v>12758</v>
      </c>
      <c r="G1324" t="s">
        <v>50636</v>
      </c>
      <c r="H1324">
        <v>5.1441618587509996</v>
      </c>
      <c r="I1324">
        <v>52.352762872111001</v>
      </c>
      <c r="J1324" t="s">
        <v>57009</v>
      </c>
    </row>
    <row r="1325" spans="1:10" x14ac:dyDescent="0.25">
      <c r="A1325" t="s">
        <v>50629</v>
      </c>
      <c r="B1325" t="s">
        <v>50630</v>
      </c>
      <c r="C1325" t="s">
        <v>50631</v>
      </c>
      <c r="D1325" t="s">
        <v>50430</v>
      </c>
      <c r="E1325" t="s">
        <v>13</v>
      </c>
      <c r="F1325">
        <v>12757</v>
      </c>
      <c r="G1325" t="s">
        <v>50632</v>
      </c>
      <c r="H1325">
        <v>5.1479540572389997</v>
      </c>
      <c r="I1325">
        <v>52.347127029024001</v>
      </c>
      <c r="J1325" t="s">
        <v>57010</v>
      </c>
    </row>
    <row r="1326" spans="1:10" x14ac:dyDescent="0.25">
      <c r="A1326" t="s">
        <v>50625</v>
      </c>
      <c r="B1326" t="s">
        <v>50626</v>
      </c>
      <c r="C1326" t="s">
        <v>50627</v>
      </c>
      <c r="D1326" t="s">
        <v>50430</v>
      </c>
      <c r="E1326" t="s">
        <v>13</v>
      </c>
      <c r="F1326">
        <v>12756</v>
      </c>
      <c r="G1326" t="s">
        <v>50628</v>
      </c>
      <c r="H1326">
        <v>5.2868478979960001</v>
      </c>
      <c r="I1326">
        <v>52.402614806846998</v>
      </c>
      <c r="J1326" t="s">
        <v>57011</v>
      </c>
    </row>
    <row r="1327" spans="1:10" x14ac:dyDescent="0.25">
      <c r="A1327" t="s">
        <v>50621</v>
      </c>
      <c r="B1327" t="s">
        <v>50622</v>
      </c>
      <c r="C1327" t="s">
        <v>50623</v>
      </c>
      <c r="D1327" t="s">
        <v>50430</v>
      </c>
      <c r="E1327" t="s">
        <v>13</v>
      </c>
      <c r="F1327">
        <v>12755</v>
      </c>
      <c r="G1327" t="s">
        <v>50624</v>
      </c>
      <c r="H1327">
        <v>5.265797428141</v>
      </c>
      <c r="I1327">
        <v>52.41911127769</v>
      </c>
      <c r="J1327" t="s">
        <v>57012</v>
      </c>
    </row>
    <row r="1328" spans="1:10" x14ac:dyDescent="0.25">
      <c r="A1328" t="s">
        <v>50617</v>
      </c>
      <c r="B1328" t="s">
        <v>50618</v>
      </c>
      <c r="C1328" t="s">
        <v>50619</v>
      </c>
      <c r="D1328" t="s">
        <v>50430</v>
      </c>
      <c r="E1328" t="s">
        <v>13</v>
      </c>
      <c r="F1328">
        <v>12754</v>
      </c>
      <c r="G1328" t="s">
        <v>50620</v>
      </c>
      <c r="H1328">
        <v>5.2502409488120003</v>
      </c>
      <c r="I1328">
        <v>52.411886466855002</v>
      </c>
      <c r="J1328" t="s">
        <v>57013</v>
      </c>
    </row>
    <row r="1329" spans="1:10" x14ac:dyDescent="0.25">
      <c r="A1329" t="s">
        <v>50613</v>
      </c>
      <c r="B1329" t="s">
        <v>50614</v>
      </c>
      <c r="C1329" t="s">
        <v>50615</v>
      </c>
      <c r="D1329" t="s">
        <v>50430</v>
      </c>
      <c r="E1329" t="s">
        <v>13</v>
      </c>
      <c r="F1329">
        <v>12753</v>
      </c>
      <c r="G1329" t="s">
        <v>50616</v>
      </c>
      <c r="H1329">
        <v>5.2661880403400003</v>
      </c>
      <c r="I1329">
        <v>52.403434296152</v>
      </c>
      <c r="J1329" t="s">
        <v>57014</v>
      </c>
    </row>
    <row r="1330" spans="1:10" x14ac:dyDescent="0.25">
      <c r="A1330" t="s">
        <v>50609</v>
      </c>
      <c r="B1330" t="s">
        <v>50610</v>
      </c>
      <c r="C1330" t="s">
        <v>50611</v>
      </c>
      <c r="D1330" t="s">
        <v>50430</v>
      </c>
      <c r="E1330" t="s">
        <v>13</v>
      </c>
      <c r="F1330">
        <v>12752</v>
      </c>
      <c r="G1330" t="s">
        <v>50612</v>
      </c>
      <c r="H1330">
        <v>5.3050058036119996</v>
      </c>
      <c r="I1330">
        <v>52.410723785172003</v>
      </c>
      <c r="J1330" t="s">
        <v>57015</v>
      </c>
    </row>
    <row r="1331" spans="1:10" x14ac:dyDescent="0.25">
      <c r="A1331" t="s">
        <v>50605</v>
      </c>
      <c r="B1331" t="s">
        <v>50606</v>
      </c>
      <c r="C1331" t="s">
        <v>50607</v>
      </c>
      <c r="D1331" t="s">
        <v>50430</v>
      </c>
      <c r="E1331" t="s">
        <v>13</v>
      </c>
      <c r="F1331">
        <v>12751</v>
      </c>
      <c r="G1331" t="s">
        <v>50608</v>
      </c>
      <c r="H1331">
        <v>5.3211557903609998</v>
      </c>
      <c r="I1331">
        <v>52.402788946880001</v>
      </c>
      <c r="J1331" t="s">
        <v>57016</v>
      </c>
    </row>
    <row r="1332" spans="1:10" x14ac:dyDescent="0.25">
      <c r="A1332" t="s">
        <v>50602</v>
      </c>
      <c r="B1332" t="s">
        <v>50603</v>
      </c>
      <c r="C1332" t="s">
        <v>21304</v>
      </c>
      <c r="D1332" t="s">
        <v>50430</v>
      </c>
      <c r="E1332" t="s">
        <v>13</v>
      </c>
      <c r="F1332">
        <v>12750</v>
      </c>
      <c r="G1332" t="s">
        <v>50604</v>
      </c>
      <c r="H1332">
        <v>5.3067321048220002</v>
      </c>
      <c r="I1332">
        <v>52.398172982387003</v>
      </c>
      <c r="J1332" t="s">
        <v>57017</v>
      </c>
    </row>
    <row r="1333" spans="1:10" x14ac:dyDescent="0.25">
      <c r="A1333" t="s">
        <v>50598</v>
      </c>
      <c r="B1333" t="s">
        <v>50599</v>
      </c>
      <c r="C1333" t="s">
        <v>50600</v>
      </c>
      <c r="D1333" t="s">
        <v>50430</v>
      </c>
      <c r="E1333" t="s">
        <v>13</v>
      </c>
      <c r="F1333">
        <v>12749</v>
      </c>
      <c r="G1333" t="s">
        <v>50601</v>
      </c>
      <c r="H1333">
        <v>5.2996617174380001</v>
      </c>
      <c r="I1333">
        <v>52.402000306710001</v>
      </c>
      <c r="J1333" t="s">
        <v>57018</v>
      </c>
    </row>
    <row r="1334" spans="1:10" x14ac:dyDescent="0.25">
      <c r="A1334" t="s">
        <v>50594</v>
      </c>
      <c r="B1334" t="s">
        <v>50595</v>
      </c>
      <c r="C1334" t="s">
        <v>50596</v>
      </c>
      <c r="D1334" t="s">
        <v>50430</v>
      </c>
      <c r="E1334" t="s">
        <v>13</v>
      </c>
      <c r="F1334">
        <v>12748</v>
      </c>
      <c r="G1334" t="s">
        <v>50597</v>
      </c>
      <c r="H1334">
        <v>5.2958022144239996</v>
      </c>
      <c r="I1334">
        <v>52.393717912870002</v>
      </c>
      <c r="J1334" t="s">
        <v>57019</v>
      </c>
    </row>
    <row r="1335" spans="1:10" x14ac:dyDescent="0.25">
      <c r="A1335" t="s">
        <v>50591</v>
      </c>
      <c r="B1335" t="s">
        <v>50592</v>
      </c>
      <c r="C1335" t="s">
        <v>479</v>
      </c>
      <c r="D1335" t="s">
        <v>50430</v>
      </c>
      <c r="E1335" t="s">
        <v>13</v>
      </c>
      <c r="F1335">
        <v>12747</v>
      </c>
      <c r="G1335" t="s">
        <v>50593</v>
      </c>
      <c r="H1335">
        <v>5.2833401263750002</v>
      </c>
      <c r="I1335">
        <v>52.388968205708998</v>
      </c>
      <c r="J1335" t="s">
        <v>57020</v>
      </c>
    </row>
    <row r="1336" spans="1:10" x14ac:dyDescent="0.25">
      <c r="A1336" t="s">
        <v>50587</v>
      </c>
      <c r="B1336" t="s">
        <v>50588</v>
      </c>
      <c r="C1336" t="s">
        <v>50589</v>
      </c>
      <c r="D1336" t="s">
        <v>50430</v>
      </c>
      <c r="E1336" t="s">
        <v>13</v>
      </c>
      <c r="F1336">
        <v>12746</v>
      </c>
      <c r="G1336" t="s">
        <v>50590</v>
      </c>
      <c r="H1336">
        <v>5.2727358649099996</v>
      </c>
      <c r="I1336">
        <v>52.385045713880999</v>
      </c>
      <c r="J1336" t="s">
        <v>57021</v>
      </c>
    </row>
    <row r="1337" spans="1:10" x14ac:dyDescent="0.25">
      <c r="A1337" t="s">
        <v>50583</v>
      </c>
      <c r="B1337" t="s">
        <v>50584</v>
      </c>
      <c r="C1337" t="s">
        <v>50585</v>
      </c>
      <c r="D1337" t="s">
        <v>50430</v>
      </c>
      <c r="E1337" t="s">
        <v>13</v>
      </c>
      <c r="F1337">
        <v>12745</v>
      </c>
      <c r="G1337" t="s">
        <v>50586</v>
      </c>
      <c r="H1337">
        <v>5.2654900667589999</v>
      </c>
      <c r="I1337">
        <v>52.388620510477999</v>
      </c>
      <c r="J1337" t="s">
        <v>57022</v>
      </c>
    </row>
    <row r="1338" spans="1:10" x14ac:dyDescent="0.25">
      <c r="A1338" t="s">
        <v>50579</v>
      </c>
      <c r="B1338" t="s">
        <v>50580</v>
      </c>
      <c r="C1338" t="s">
        <v>50581</v>
      </c>
      <c r="D1338" t="s">
        <v>50430</v>
      </c>
      <c r="E1338" t="s">
        <v>13</v>
      </c>
      <c r="F1338">
        <v>12744</v>
      </c>
      <c r="G1338" t="s">
        <v>50582</v>
      </c>
      <c r="H1338">
        <v>5.2572404359210001</v>
      </c>
      <c r="I1338">
        <v>52.395625900805001</v>
      </c>
      <c r="J1338" t="s">
        <v>57023</v>
      </c>
    </row>
    <row r="1339" spans="1:10" x14ac:dyDescent="0.25">
      <c r="A1339" t="s">
        <v>50576</v>
      </c>
      <c r="B1339" t="s">
        <v>50577</v>
      </c>
      <c r="C1339" t="s">
        <v>14642</v>
      </c>
      <c r="D1339" t="s">
        <v>50430</v>
      </c>
      <c r="E1339" t="s">
        <v>13</v>
      </c>
      <c r="F1339">
        <v>12743</v>
      </c>
      <c r="G1339" t="s">
        <v>50578</v>
      </c>
      <c r="H1339">
        <v>5.2713469401320001</v>
      </c>
      <c r="I1339">
        <v>52.399038642496002</v>
      </c>
      <c r="J1339" t="s">
        <v>57024</v>
      </c>
    </row>
    <row r="1340" spans="1:10" x14ac:dyDescent="0.25">
      <c r="A1340" t="s">
        <v>50572</v>
      </c>
      <c r="B1340" t="s">
        <v>50573</v>
      </c>
      <c r="C1340" t="s">
        <v>50574</v>
      </c>
      <c r="D1340" t="s">
        <v>50430</v>
      </c>
      <c r="E1340" t="s">
        <v>13</v>
      </c>
      <c r="F1340">
        <v>12742</v>
      </c>
      <c r="G1340" t="s">
        <v>50575</v>
      </c>
      <c r="H1340">
        <v>5.2823324032640002</v>
      </c>
      <c r="I1340">
        <v>52.404061714716001</v>
      </c>
      <c r="J1340" t="s">
        <v>57025</v>
      </c>
    </row>
    <row r="1341" spans="1:10" x14ac:dyDescent="0.25">
      <c r="A1341" t="s">
        <v>50568</v>
      </c>
      <c r="B1341" t="s">
        <v>50569</v>
      </c>
      <c r="C1341" t="s">
        <v>50570</v>
      </c>
      <c r="D1341" t="s">
        <v>50430</v>
      </c>
      <c r="E1341" t="s">
        <v>13</v>
      </c>
      <c r="F1341">
        <v>12741</v>
      </c>
      <c r="G1341" t="s">
        <v>50571</v>
      </c>
      <c r="H1341">
        <v>5.2946839333550004</v>
      </c>
      <c r="I1341">
        <v>52.407774057518999</v>
      </c>
      <c r="J1341" t="s">
        <v>57026</v>
      </c>
    </row>
    <row r="1342" spans="1:10" x14ac:dyDescent="0.25">
      <c r="A1342" t="s">
        <v>50564</v>
      </c>
      <c r="B1342" t="s">
        <v>50565</v>
      </c>
      <c r="C1342" t="s">
        <v>50566</v>
      </c>
      <c r="D1342" t="s">
        <v>50430</v>
      </c>
      <c r="E1342" t="s">
        <v>13</v>
      </c>
      <c r="F1342">
        <v>12740</v>
      </c>
      <c r="G1342" t="s">
        <v>50567</v>
      </c>
      <c r="H1342">
        <v>5.2771802123029996</v>
      </c>
      <c r="I1342">
        <v>52.394794900773</v>
      </c>
      <c r="J1342" t="s">
        <v>57027</v>
      </c>
    </row>
    <row r="1343" spans="1:10" x14ac:dyDescent="0.25">
      <c r="A1343" t="s">
        <v>50560</v>
      </c>
      <c r="B1343" t="s">
        <v>50561</v>
      </c>
      <c r="C1343" t="s">
        <v>50562</v>
      </c>
      <c r="D1343" t="s">
        <v>50430</v>
      </c>
      <c r="E1343" t="s">
        <v>13</v>
      </c>
      <c r="F1343">
        <v>12739</v>
      </c>
      <c r="G1343" t="s">
        <v>50563</v>
      </c>
      <c r="H1343">
        <v>5.2127616686799998</v>
      </c>
      <c r="I1343">
        <v>52.390976985137002</v>
      </c>
      <c r="J1343" t="s">
        <v>57028</v>
      </c>
    </row>
    <row r="1344" spans="1:10" x14ac:dyDescent="0.25">
      <c r="A1344" t="s">
        <v>50556</v>
      </c>
      <c r="B1344" t="s">
        <v>50557</v>
      </c>
      <c r="C1344" t="s">
        <v>50558</v>
      </c>
      <c r="D1344" t="s">
        <v>50430</v>
      </c>
      <c r="E1344" t="s">
        <v>13</v>
      </c>
      <c r="F1344">
        <v>12738</v>
      </c>
      <c r="G1344" t="s">
        <v>50559</v>
      </c>
      <c r="H1344">
        <v>5.2730041111609998</v>
      </c>
      <c r="I1344">
        <v>52.367252291843002</v>
      </c>
      <c r="J1344" t="s">
        <v>57029</v>
      </c>
    </row>
    <row r="1345" spans="1:10" x14ac:dyDescent="0.25">
      <c r="A1345" t="s">
        <v>50552</v>
      </c>
      <c r="B1345" t="s">
        <v>50553</v>
      </c>
      <c r="C1345" t="s">
        <v>50554</v>
      </c>
      <c r="D1345" t="s">
        <v>50430</v>
      </c>
      <c r="E1345" t="s">
        <v>13</v>
      </c>
      <c r="F1345">
        <v>12737</v>
      </c>
      <c r="G1345" t="s">
        <v>50555</v>
      </c>
      <c r="H1345">
        <v>5.2559179918099996</v>
      </c>
      <c r="I1345">
        <v>52.357561100847001</v>
      </c>
      <c r="J1345" t="s">
        <v>57030</v>
      </c>
    </row>
    <row r="1346" spans="1:10" x14ac:dyDescent="0.25">
      <c r="A1346" t="s">
        <v>50548</v>
      </c>
      <c r="B1346" t="s">
        <v>50549</v>
      </c>
      <c r="C1346" t="s">
        <v>50550</v>
      </c>
      <c r="D1346" t="s">
        <v>50430</v>
      </c>
      <c r="E1346" t="s">
        <v>13</v>
      </c>
      <c r="F1346">
        <v>12736</v>
      </c>
      <c r="G1346" t="s">
        <v>50551</v>
      </c>
      <c r="H1346">
        <v>5.186253544885</v>
      </c>
      <c r="I1346">
        <v>52.349435575020003</v>
      </c>
      <c r="J1346" t="s">
        <v>57031</v>
      </c>
    </row>
    <row r="1347" spans="1:10" x14ac:dyDescent="0.25">
      <c r="A1347" t="s">
        <v>50544</v>
      </c>
      <c r="B1347" t="s">
        <v>50545</v>
      </c>
      <c r="C1347" t="s">
        <v>50546</v>
      </c>
      <c r="D1347" t="s">
        <v>50430</v>
      </c>
      <c r="E1347" t="s">
        <v>13</v>
      </c>
      <c r="F1347">
        <v>12735</v>
      </c>
      <c r="G1347" t="s">
        <v>50547</v>
      </c>
      <c r="H1347">
        <v>5.1750773341059997</v>
      </c>
      <c r="I1347">
        <v>52.362964784083999</v>
      </c>
      <c r="J1347" t="s">
        <v>57032</v>
      </c>
    </row>
    <row r="1348" spans="1:10" x14ac:dyDescent="0.25">
      <c r="A1348" t="s">
        <v>50540</v>
      </c>
      <c r="B1348" t="s">
        <v>50541</v>
      </c>
      <c r="C1348" t="s">
        <v>50542</v>
      </c>
      <c r="D1348" t="s">
        <v>50430</v>
      </c>
      <c r="E1348" t="s">
        <v>13</v>
      </c>
      <c r="F1348">
        <v>12734</v>
      </c>
      <c r="G1348" t="s">
        <v>50543</v>
      </c>
      <c r="H1348">
        <v>5.2163099859619999</v>
      </c>
      <c r="I1348">
        <v>52.384783273940002</v>
      </c>
      <c r="J1348" t="s">
        <v>57033</v>
      </c>
    </row>
    <row r="1349" spans="1:10" x14ac:dyDescent="0.25">
      <c r="A1349" t="s">
        <v>50536</v>
      </c>
      <c r="B1349" t="s">
        <v>50537</v>
      </c>
      <c r="C1349" t="s">
        <v>50538</v>
      </c>
      <c r="D1349" t="s">
        <v>50430</v>
      </c>
      <c r="E1349" t="s">
        <v>13</v>
      </c>
      <c r="F1349">
        <v>12733</v>
      </c>
      <c r="G1349" t="s">
        <v>50539</v>
      </c>
      <c r="H1349">
        <v>5.2266190990470003</v>
      </c>
      <c r="I1349">
        <v>52.377980620248003</v>
      </c>
      <c r="J1349" t="s">
        <v>57034</v>
      </c>
    </row>
    <row r="1350" spans="1:10" x14ac:dyDescent="0.25">
      <c r="A1350" t="s">
        <v>50532</v>
      </c>
      <c r="B1350" t="s">
        <v>50533</v>
      </c>
      <c r="C1350" t="s">
        <v>50534</v>
      </c>
      <c r="D1350" t="s">
        <v>50430</v>
      </c>
      <c r="E1350" t="s">
        <v>13</v>
      </c>
      <c r="F1350">
        <v>12732</v>
      </c>
      <c r="G1350" t="s">
        <v>50535</v>
      </c>
      <c r="H1350">
        <v>5.1939286689599999</v>
      </c>
      <c r="I1350">
        <v>52.393392627387001</v>
      </c>
      <c r="J1350" t="s">
        <v>57035</v>
      </c>
    </row>
    <row r="1351" spans="1:10" x14ac:dyDescent="0.25">
      <c r="A1351" t="s">
        <v>50528</v>
      </c>
      <c r="B1351" t="s">
        <v>50529</v>
      </c>
      <c r="C1351" t="s">
        <v>50530</v>
      </c>
      <c r="D1351" t="s">
        <v>50430</v>
      </c>
      <c r="E1351" t="s">
        <v>13</v>
      </c>
      <c r="F1351">
        <v>12731</v>
      </c>
      <c r="G1351" t="s">
        <v>50531</v>
      </c>
      <c r="H1351">
        <v>5.1821604339720002</v>
      </c>
      <c r="I1351">
        <v>52.356848698523002</v>
      </c>
      <c r="J1351" t="s">
        <v>57036</v>
      </c>
    </row>
    <row r="1352" spans="1:10" x14ac:dyDescent="0.25">
      <c r="A1352" t="s">
        <v>50524</v>
      </c>
      <c r="B1352" t="s">
        <v>50525</v>
      </c>
      <c r="C1352" t="s">
        <v>50526</v>
      </c>
      <c r="D1352" t="s">
        <v>50430</v>
      </c>
      <c r="E1352" t="s">
        <v>13</v>
      </c>
      <c r="F1352">
        <v>12730</v>
      </c>
      <c r="G1352" t="s">
        <v>50527</v>
      </c>
      <c r="H1352">
        <v>5.1955464703279999</v>
      </c>
      <c r="I1352">
        <v>52.365912899583002</v>
      </c>
      <c r="J1352" t="s">
        <v>57037</v>
      </c>
    </row>
    <row r="1353" spans="1:10" x14ac:dyDescent="0.25">
      <c r="A1353" t="s">
        <v>50520</v>
      </c>
      <c r="B1353" t="s">
        <v>50521</v>
      </c>
      <c r="C1353" t="s">
        <v>50522</v>
      </c>
      <c r="D1353" t="s">
        <v>50430</v>
      </c>
      <c r="E1353" t="s">
        <v>13</v>
      </c>
      <c r="F1353">
        <v>12729</v>
      </c>
      <c r="G1353" t="s">
        <v>50523</v>
      </c>
      <c r="H1353">
        <v>5.1836475617630002</v>
      </c>
      <c r="I1353">
        <v>52.372392710969997</v>
      </c>
      <c r="J1353" t="s">
        <v>57038</v>
      </c>
    </row>
    <row r="1354" spans="1:10" x14ac:dyDescent="0.25">
      <c r="A1354" t="s">
        <v>50516</v>
      </c>
      <c r="B1354" t="s">
        <v>50517</v>
      </c>
      <c r="C1354" t="s">
        <v>50518</v>
      </c>
      <c r="D1354" t="s">
        <v>50430</v>
      </c>
      <c r="E1354" t="s">
        <v>13</v>
      </c>
      <c r="F1354">
        <v>12728</v>
      </c>
      <c r="G1354" t="s">
        <v>50519</v>
      </c>
      <c r="H1354">
        <v>5.2059053681969996</v>
      </c>
      <c r="I1354">
        <v>52.364389917055</v>
      </c>
      <c r="J1354" t="s">
        <v>57039</v>
      </c>
    </row>
    <row r="1355" spans="1:10" x14ac:dyDescent="0.25">
      <c r="A1355" t="s">
        <v>50512</v>
      </c>
      <c r="B1355" t="s">
        <v>50513</v>
      </c>
      <c r="C1355" t="s">
        <v>50514</v>
      </c>
      <c r="D1355" t="s">
        <v>50430</v>
      </c>
      <c r="E1355" t="s">
        <v>13</v>
      </c>
      <c r="F1355">
        <v>12727</v>
      </c>
      <c r="G1355" t="s">
        <v>50515</v>
      </c>
      <c r="H1355">
        <v>5.2006226311789998</v>
      </c>
      <c r="I1355">
        <v>52.381491322386999</v>
      </c>
      <c r="J1355" t="s">
        <v>57040</v>
      </c>
    </row>
    <row r="1356" spans="1:10" x14ac:dyDescent="0.25">
      <c r="A1356" t="s">
        <v>50509</v>
      </c>
      <c r="B1356" t="s">
        <v>50510</v>
      </c>
      <c r="C1356" t="s">
        <v>3604</v>
      </c>
      <c r="D1356" t="s">
        <v>50430</v>
      </c>
      <c r="E1356" t="s">
        <v>13</v>
      </c>
      <c r="F1356">
        <v>12726</v>
      </c>
      <c r="G1356" t="s">
        <v>50511</v>
      </c>
      <c r="H1356">
        <v>5.2144729555109999</v>
      </c>
      <c r="I1356">
        <v>52.377482780481998</v>
      </c>
      <c r="J1356" t="s">
        <v>57041</v>
      </c>
    </row>
    <row r="1357" spans="1:10" x14ac:dyDescent="0.25">
      <c r="A1357" t="s">
        <v>50505</v>
      </c>
      <c r="B1357" t="s">
        <v>50506</v>
      </c>
      <c r="C1357" t="s">
        <v>50507</v>
      </c>
      <c r="D1357" t="s">
        <v>50430</v>
      </c>
      <c r="E1357" t="s">
        <v>13</v>
      </c>
      <c r="F1357">
        <v>12725</v>
      </c>
      <c r="G1357" t="s">
        <v>50508</v>
      </c>
      <c r="H1357">
        <v>5.2700961956760004</v>
      </c>
      <c r="I1357">
        <v>52.373374571908997</v>
      </c>
      <c r="J1357" t="s">
        <v>57042</v>
      </c>
    </row>
    <row r="1358" spans="1:10" x14ac:dyDescent="0.25">
      <c r="A1358" t="s">
        <v>50501</v>
      </c>
      <c r="B1358" t="s">
        <v>50502</v>
      </c>
      <c r="C1358" t="s">
        <v>50503</v>
      </c>
      <c r="D1358" t="s">
        <v>50430</v>
      </c>
      <c r="E1358" t="s">
        <v>13</v>
      </c>
      <c r="F1358">
        <v>12724</v>
      </c>
      <c r="G1358" t="s">
        <v>50504</v>
      </c>
      <c r="H1358">
        <v>5.2490595206100004</v>
      </c>
      <c r="I1358">
        <v>52.38802859666</v>
      </c>
      <c r="J1358" t="s">
        <v>57043</v>
      </c>
    </row>
    <row r="1359" spans="1:10" x14ac:dyDescent="0.25">
      <c r="A1359" t="s">
        <v>50498</v>
      </c>
      <c r="B1359" t="s">
        <v>50499</v>
      </c>
      <c r="C1359" t="s">
        <v>16899</v>
      </c>
      <c r="D1359" t="s">
        <v>50430</v>
      </c>
      <c r="E1359" t="s">
        <v>13</v>
      </c>
      <c r="F1359">
        <v>12723</v>
      </c>
      <c r="G1359" t="s">
        <v>50500</v>
      </c>
      <c r="H1359">
        <v>5.2295568066550002</v>
      </c>
      <c r="I1359">
        <v>52.387200510717001</v>
      </c>
      <c r="J1359" t="s">
        <v>57044</v>
      </c>
    </row>
    <row r="1360" spans="1:10" x14ac:dyDescent="0.25">
      <c r="A1360" t="s">
        <v>50494</v>
      </c>
      <c r="B1360" t="s">
        <v>50495</v>
      </c>
      <c r="C1360" t="s">
        <v>50496</v>
      </c>
      <c r="D1360" t="s">
        <v>50430</v>
      </c>
      <c r="E1360" t="s">
        <v>13</v>
      </c>
      <c r="F1360">
        <v>12722</v>
      </c>
      <c r="G1360" t="s">
        <v>50497</v>
      </c>
      <c r="H1360">
        <v>5.2402172495380004</v>
      </c>
      <c r="I1360">
        <v>52.380345956911</v>
      </c>
      <c r="J1360" t="s">
        <v>57045</v>
      </c>
    </row>
    <row r="1361" spans="1:10" x14ac:dyDescent="0.25">
      <c r="A1361" t="s">
        <v>50491</v>
      </c>
      <c r="B1361" t="s">
        <v>50492</v>
      </c>
      <c r="C1361" t="s">
        <v>5166</v>
      </c>
      <c r="D1361" t="s">
        <v>50430</v>
      </c>
      <c r="E1361" t="s">
        <v>13</v>
      </c>
      <c r="F1361">
        <v>12721</v>
      </c>
      <c r="G1361" t="s">
        <v>50493</v>
      </c>
      <c r="H1361">
        <v>5.2472209485299999</v>
      </c>
      <c r="I1361">
        <v>52.372177790696</v>
      </c>
      <c r="J1361" t="s">
        <v>57046</v>
      </c>
    </row>
    <row r="1362" spans="1:10" x14ac:dyDescent="0.25">
      <c r="A1362" t="s">
        <v>50487</v>
      </c>
      <c r="B1362" t="s">
        <v>50488</v>
      </c>
      <c r="C1362" t="s">
        <v>50489</v>
      </c>
      <c r="D1362" t="s">
        <v>50430</v>
      </c>
      <c r="E1362" t="s">
        <v>13</v>
      </c>
      <c r="F1362">
        <v>12720</v>
      </c>
      <c r="G1362" t="s">
        <v>50490</v>
      </c>
      <c r="H1362">
        <v>5.2567244760980003</v>
      </c>
      <c r="I1362">
        <v>52.364923186273003</v>
      </c>
      <c r="J1362" t="s">
        <v>57047</v>
      </c>
    </row>
    <row r="1363" spans="1:10" x14ac:dyDescent="0.25">
      <c r="A1363" t="s">
        <v>50483</v>
      </c>
      <c r="B1363" t="s">
        <v>50484</v>
      </c>
      <c r="C1363" t="s">
        <v>50485</v>
      </c>
      <c r="D1363" t="s">
        <v>50430</v>
      </c>
      <c r="E1363" t="s">
        <v>13</v>
      </c>
      <c r="F1363">
        <v>12719</v>
      </c>
      <c r="G1363" t="s">
        <v>50486</v>
      </c>
      <c r="H1363">
        <v>5.2375712109689996</v>
      </c>
      <c r="I1363">
        <v>52.366335903989999</v>
      </c>
      <c r="J1363" t="s">
        <v>57048</v>
      </c>
    </row>
    <row r="1364" spans="1:10" x14ac:dyDescent="0.25">
      <c r="A1364" t="s">
        <v>50479</v>
      </c>
      <c r="B1364" t="s">
        <v>50480</v>
      </c>
      <c r="C1364" t="s">
        <v>50481</v>
      </c>
      <c r="D1364" t="s">
        <v>50430</v>
      </c>
      <c r="E1364" t="s">
        <v>13</v>
      </c>
      <c r="F1364">
        <v>12718</v>
      </c>
      <c r="G1364" t="s">
        <v>50482</v>
      </c>
      <c r="H1364">
        <v>5.2195018615890003</v>
      </c>
      <c r="I1364">
        <v>52.371296004032999</v>
      </c>
      <c r="J1364" t="s">
        <v>57049</v>
      </c>
    </row>
    <row r="1365" spans="1:10" x14ac:dyDescent="0.25">
      <c r="A1365" t="s">
        <v>50475</v>
      </c>
      <c r="B1365" t="s">
        <v>50476</v>
      </c>
      <c r="C1365" t="s">
        <v>50477</v>
      </c>
      <c r="D1365" t="s">
        <v>50430</v>
      </c>
      <c r="E1365" t="s">
        <v>13</v>
      </c>
      <c r="F1365">
        <v>12717</v>
      </c>
      <c r="G1365" t="s">
        <v>50478</v>
      </c>
      <c r="H1365">
        <v>5.2136066018219998</v>
      </c>
      <c r="I1365">
        <v>52.343436605247</v>
      </c>
      <c r="J1365" t="s">
        <v>57050</v>
      </c>
    </row>
    <row r="1366" spans="1:10" x14ac:dyDescent="0.25">
      <c r="A1366" t="s">
        <v>50471</v>
      </c>
      <c r="B1366" t="s">
        <v>50472</v>
      </c>
      <c r="C1366" t="s">
        <v>50473</v>
      </c>
      <c r="D1366" t="s">
        <v>50430</v>
      </c>
      <c r="E1366" t="s">
        <v>13</v>
      </c>
      <c r="F1366">
        <v>12716</v>
      </c>
      <c r="G1366" t="s">
        <v>50474</v>
      </c>
      <c r="H1366">
        <v>5.3148674225260004</v>
      </c>
      <c r="I1366">
        <v>52.313150556266002</v>
      </c>
      <c r="J1366" t="s">
        <v>57051</v>
      </c>
    </row>
    <row r="1367" spans="1:10" x14ac:dyDescent="0.25">
      <c r="A1367" t="s">
        <v>50467</v>
      </c>
      <c r="B1367" t="s">
        <v>50468</v>
      </c>
      <c r="C1367" t="s">
        <v>50469</v>
      </c>
      <c r="D1367" t="s">
        <v>50430</v>
      </c>
      <c r="E1367" t="s">
        <v>13</v>
      </c>
      <c r="F1367">
        <v>12715</v>
      </c>
      <c r="G1367" t="s">
        <v>50470</v>
      </c>
      <c r="H1367">
        <v>5.2235148148309998</v>
      </c>
      <c r="I1367">
        <v>52.350190511420003</v>
      </c>
      <c r="J1367" t="s">
        <v>57052</v>
      </c>
    </row>
    <row r="1368" spans="1:10" x14ac:dyDescent="0.25">
      <c r="A1368" t="s">
        <v>50463</v>
      </c>
      <c r="B1368" t="s">
        <v>50464</v>
      </c>
      <c r="C1368" t="s">
        <v>50465</v>
      </c>
      <c r="D1368" t="s">
        <v>50430</v>
      </c>
      <c r="E1368" t="s">
        <v>13</v>
      </c>
      <c r="F1368">
        <v>12714</v>
      </c>
      <c r="G1368" t="s">
        <v>50466</v>
      </c>
      <c r="H1368">
        <v>5.2010191058800004</v>
      </c>
      <c r="I1368">
        <v>52.343278720861001</v>
      </c>
      <c r="J1368" t="s">
        <v>57053</v>
      </c>
    </row>
    <row r="1369" spans="1:10" x14ac:dyDescent="0.25">
      <c r="A1369" t="s">
        <v>50459</v>
      </c>
      <c r="B1369" t="s">
        <v>50460</v>
      </c>
      <c r="C1369" t="s">
        <v>50461</v>
      </c>
      <c r="D1369" t="s">
        <v>50430</v>
      </c>
      <c r="E1369" t="s">
        <v>13</v>
      </c>
      <c r="F1369">
        <v>12713</v>
      </c>
      <c r="G1369" t="s">
        <v>50462</v>
      </c>
      <c r="H1369">
        <v>5.274921227348</v>
      </c>
      <c r="I1369">
        <v>52.327009154839999</v>
      </c>
      <c r="J1369" t="s">
        <v>57054</v>
      </c>
    </row>
    <row r="1370" spans="1:10" x14ac:dyDescent="0.25">
      <c r="A1370" t="s">
        <v>50456</v>
      </c>
      <c r="B1370" t="s">
        <v>50457</v>
      </c>
      <c r="C1370" t="s">
        <v>22549</v>
      </c>
      <c r="D1370" t="s">
        <v>50430</v>
      </c>
      <c r="E1370" t="s">
        <v>13</v>
      </c>
      <c r="F1370">
        <v>12712</v>
      </c>
      <c r="G1370" t="s">
        <v>50458</v>
      </c>
      <c r="H1370">
        <v>5.1913634563100004</v>
      </c>
      <c r="I1370">
        <v>52.339113914823997</v>
      </c>
      <c r="J1370" t="s">
        <v>57055</v>
      </c>
    </row>
    <row r="1371" spans="1:10" x14ac:dyDescent="0.25">
      <c r="A1371" t="s">
        <v>50453</v>
      </c>
      <c r="B1371" t="s">
        <v>50454</v>
      </c>
      <c r="C1371" t="s">
        <v>49051</v>
      </c>
      <c r="D1371" t="s">
        <v>50430</v>
      </c>
      <c r="E1371" t="s">
        <v>13</v>
      </c>
      <c r="F1371">
        <v>12711</v>
      </c>
      <c r="G1371" t="s">
        <v>50455</v>
      </c>
      <c r="H1371">
        <v>5.2055020690290004</v>
      </c>
      <c r="I1371">
        <v>52.33834098706</v>
      </c>
      <c r="J1371" t="s">
        <v>57056</v>
      </c>
    </row>
    <row r="1372" spans="1:10" x14ac:dyDescent="0.25">
      <c r="A1372" t="s">
        <v>50449</v>
      </c>
      <c r="B1372" t="s">
        <v>50450</v>
      </c>
      <c r="C1372" t="s">
        <v>50451</v>
      </c>
      <c r="D1372" t="s">
        <v>50430</v>
      </c>
      <c r="E1372" t="s">
        <v>13</v>
      </c>
      <c r="F1372">
        <v>12710</v>
      </c>
      <c r="G1372" t="s">
        <v>50452</v>
      </c>
      <c r="H1372">
        <v>5.2133087232240003</v>
      </c>
      <c r="I1372">
        <v>52.346004422607002</v>
      </c>
      <c r="J1372" t="s">
        <v>57057</v>
      </c>
    </row>
    <row r="1373" spans="1:10" x14ac:dyDescent="0.25">
      <c r="A1373" t="s">
        <v>50445</v>
      </c>
      <c r="B1373" t="s">
        <v>50446</v>
      </c>
      <c r="C1373" t="s">
        <v>50447</v>
      </c>
      <c r="D1373" t="s">
        <v>50430</v>
      </c>
      <c r="E1373" t="s">
        <v>13</v>
      </c>
      <c r="F1373">
        <v>12709</v>
      </c>
      <c r="G1373" t="s">
        <v>50448</v>
      </c>
      <c r="H1373">
        <v>5.2303766741380002</v>
      </c>
      <c r="I1373">
        <v>52.344842149437</v>
      </c>
      <c r="J1373" t="s">
        <v>57058</v>
      </c>
    </row>
    <row r="1374" spans="1:10" x14ac:dyDescent="0.25">
      <c r="A1374" t="s">
        <v>50442</v>
      </c>
      <c r="B1374" t="s">
        <v>50443</v>
      </c>
      <c r="C1374" t="s">
        <v>1116</v>
      </c>
      <c r="D1374" t="s">
        <v>50430</v>
      </c>
      <c r="E1374" t="s">
        <v>13</v>
      </c>
      <c r="F1374">
        <v>12708</v>
      </c>
      <c r="G1374" t="s">
        <v>50444</v>
      </c>
      <c r="H1374">
        <v>5.2403938585710002</v>
      </c>
      <c r="I1374">
        <v>52.339769244684</v>
      </c>
      <c r="J1374" t="s">
        <v>57059</v>
      </c>
    </row>
    <row r="1375" spans="1:10" x14ac:dyDescent="0.25">
      <c r="A1375" t="s">
        <v>50438</v>
      </c>
      <c r="B1375" t="s">
        <v>50439</v>
      </c>
      <c r="C1375" t="s">
        <v>50440</v>
      </c>
      <c r="D1375" t="s">
        <v>50430</v>
      </c>
      <c r="E1375" t="s">
        <v>13</v>
      </c>
      <c r="F1375">
        <v>12707</v>
      </c>
      <c r="G1375" t="s">
        <v>50441</v>
      </c>
      <c r="H1375">
        <v>5.2351120241229996</v>
      </c>
      <c r="I1375">
        <v>52.333258920858</v>
      </c>
      <c r="J1375" t="s">
        <v>57060</v>
      </c>
    </row>
    <row r="1376" spans="1:10" x14ac:dyDescent="0.25">
      <c r="A1376" t="s">
        <v>50435</v>
      </c>
      <c r="B1376" t="s">
        <v>50436</v>
      </c>
      <c r="C1376" t="s">
        <v>703</v>
      </c>
      <c r="D1376" t="s">
        <v>50430</v>
      </c>
      <c r="E1376" t="s">
        <v>13</v>
      </c>
      <c r="F1376">
        <v>12706</v>
      </c>
      <c r="G1376" t="s">
        <v>50437</v>
      </c>
      <c r="H1376">
        <v>5.2158880731409996</v>
      </c>
      <c r="I1376">
        <v>52.340312076878</v>
      </c>
      <c r="J1376" t="s">
        <v>57061</v>
      </c>
    </row>
    <row r="1377" spans="1:10" x14ac:dyDescent="0.25">
      <c r="A1377" t="s">
        <v>50432</v>
      </c>
      <c r="B1377" t="s">
        <v>50433</v>
      </c>
      <c r="C1377" t="s">
        <v>29</v>
      </c>
      <c r="D1377" t="s">
        <v>50430</v>
      </c>
      <c r="E1377" t="s">
        <v>13</v>
      </c>
      <c r="F1377">
        <v>12705</v>
      </c>
      <c r="G1377" t="s">
        <v>50434</v>
      </c>
      <c r="H1377">
        <v>5.2250991743800004</v>
      </c>
      <c r="I1377">
        <v>52.337673755878001</v>
      </c>
      <c r="J1377" t="s">
        <v>57062</v>
      </c>
    </row>
    <row r="1378" spans="1:10" x14ac:dyDescent="0.25">
      <c r="A1378" t="s">
        <v>50427</v>
      </c>
      <c r="B1378" t="s">
        <v>50428</v>
      </c>
      <c r="C1378" t="s">
        <v>50429</v>
      </c>
      <c r="D1378" t="s">
        <v>50430</v>
      </c>
      <c r="E1378" t="s">
        <v>13</v>
      </c>
      <c r="F1378">
        <v>12704</v>
      </c>
      <c r="G1378" t="s">
        <v>50431</v>
      </c>
      <c r="H1378">
        <v>5.2161357180680001</v>
      </c>
      <c r="I1378">
        <v>52.333700059895001</v>
      </c>
      <c r="J1378" t="s">
        <v>57063</v>
      </c>
    </row>
    <row r="1379" spans="1:10" x14ac:dyDescent="0.25">
      <c r="A1379" t="s">
        <v>50423</v>
      </c>
      <c r="B1379" t="s">
        <v>50424</v>
      </c>
      <c r="C1379" t="s">
        <v>50425</v>
      </c>
      <c r="D1379" t="s">
        <v>50413</v>
      </c>
      <c r="E1379" t="s">
        <v>13</v>
      </c>
      <c r="F1379">
        <v>12703</v>
      </c>
      <c r="G1379" t="s">
        <v>50426</v>
      </c>
      <c r="H1379">
        <v>4.9337052432980002</v>
      </c>
      <c r="I1379">
        <v>52.531476365111999</v>
      </c>
      <c r="J1379" t="s">
        <v>57064</v>
      </c>
    </row>
    <row r="1380" spans="1:10" x14ac:dyDescent="0.25">
      <c r="A1380" t="s">
        <v>50419</v>
      </c>
      <c r="B1380" t="s">
        <v>50420</v>
      </c>
      <c r="C1380" t="s">
        <v>50421</v>
      </c>
      <c r="D1380" t="s">
        <v>50413</v>
      </c>
      <c r="E1380" t="s">
        <v>13</v>
      </c>
      <c r="F1380">
        <v>12702</v>
      </c>
      <c r="G1380" t="s">
        <v>50422</v>
      </c>
      <c r="H1380">
        <v>4.8752581620070004</v>
      </c>
      <c r="I1380">
        <v>52.555030837971003</v>
      </c>
      <c r="J1380" t="s">
        <v>57065</v>
      </c>
    </row>
    <row r="1381" spans="1:10" x14ac:dyDescent="0.25">
      <c r="A1381" t="s">
        <v>50415</v>
      </c>
      <c r="B1381" t="s">
        <v>50416</v>
      </c>
      <c r="C1381" t="s">
        <v>50417</v>
      </c>
      <c r="D1381" t="s">
        <v>50413</v>
      </c>
      <c r="E1381" t="s">
        <v>13</v>
      </c>
      <c r="F1381">
        <v>12701</v>
      </c>
      <c r="G1381" t="s">
        <v>50418</v>
      </c>
      <c r="H1381">
        <v>4.9400013998250003</v>
      </c>
      <c r="I1381">
        <v>52.587975117490998</v>
      </c>
      <c r="J1381" t="s">
        <v>57066</v>
      </c>
    </row>
    <row r="1382" spans="1:10" x14ac:dyDescent="0.25">
      <c r="A1382" t="s">
        <v>50410</v>
      </c>
      <c r="B1382" t="s">
        <v>50411</v>
      </c>
      <c r="C1382" t="s">
        <v>50412</v>
      </c>
      <c r="D1382" t="s">
        <v>50413</v>
      </c>
      <c r="E1382" t="s">
        <v>13</v>
      </c>
      <c r="F1382">
        <v>12700</v>
      </c>
      <c r="G1382" t="s">
        <v>50414</v>
      </c>
      <c r="H1382">
        <v>4.9232353140929996</v>
      </c>
      <c r="I1382">
        <v>52.550319754892001</v>
      </c>
      <c r="J1382" t="s">
        <v>57067</v>
      </c>
    </row>
    <row r="1383" spans="1:10" x14ac:dyDescent="0.25">
      <c r="A1383" t="s">
        <v>50406</v>
      </c>
      <c r="B1383" t="s">
        <v>50407</v>
      </c>
      <c r="C1383" t="s">
        <v>50408</v>
      </c>
      <c r="D1383" t="s">
        <v>50157</v>
      </c>
      <c r="E1383" t="s">
        <v>13</v>
      </c>
      <c r="F1383">
        <v>12699</v>
      </c>
      <c r="G1383" t="s">
        <v>50409</v>
      </c>
      <c r="H1383">
        <v>4.7737906342330003</v>
      </c>
      <c r="I1383">
        <v>52.660075459815999</v>
      </c>
      <c r="J1383" t="s">
        <v>57068</v>
      </c>
    </row>
    <row r="1384" spans="1:10" x14ac:dyDescent="0.25">
      <c r="A1384" t="s">
        <v>50402</v>
      </c>
      <c r="B1384" t="s">
        <v>50403</v>
      </c>
      <c r="C1384" t="s">
        <v>50404</v>
      </c>
      <c r="D1384" t="s">
        <v>50157</v>
      </c>
      <c r="E1384" t="s">
        <v>13</v>
      </c>
      <c r="F1384">
        <v>12698</v>
      </c>
      <c r="G1384" t="s">
        <v>50405</v>
      </c>
      <c r="H1384">
        <v>4.7701748088139997</v>
      </c>
      <c r="I1384">
        <v>52.651074644144003</v>
      </c>
      <c r="J1384" t="s">
        <v>57069</v>
      </c>
    </row>
    <row r="1385" spans="1:10" x14ac:dyDescent="0.25">
      <c r="A1385" t="s">
        <v>50398</v>
      </c>
      <c r="B1385" t="s">
        <v>50399</v>
      </c>
      <c r="C1385" t="s">
        <v>50400</v>
      </c>
      <c r="D1385" t="s">
        <v>50157</v>
      </c>
      <c r="E1385" t="s">
        <v>13</v>
      </c>
      <c r="F1385">
        <v>12697</v>
      </c>
      <c r="G1385" t="s">
        <v>50401</v>
      </c>
      <c r="H1385">
        <v>4.7872217776769999</v>
      </c>
      <c r="I1385">
        <v>52.528694580698001</v>
      </c>
      <c r="J1385" t="s">
        <v>57070</v>
      </c>
    </row>
    <row r="1386" spans="1:10" x14ac:dyDescent="0.25">
      <c r="A1386" t="s">
        <v>50394</v>
      </c>
      <c r="B1386" t="s">
        <v>50395</v>
      </c>
      <c r="C1386" t="s">
        <v>50396</v>
      </c>
      <c r="D1386" t="s">
        <v>50157</v>
      </c>
      <c r="E1386" t="s">
        <v>13</v>
      </c>
      <c r="F1386">
        <v>12696</v>
      </c>
      <c r="G1386" t="s">
        <v>50397</v>
      </c>
      <c r="H1386">
        <v>4.7978480741389999</v>
      </c>
      <c r="I1386">
        <v>52.539647489960998</v>
      </c>
      <c r="J1386" t="s">
        <v>57071</v>
      </c>
    </row>
    <row r="1387" spans="1:10" x14ac:dyDescent="0.25">
      <c r="A1387" t="s">
        <v>50390</v>
      </c>
      <c r="B1387" t="s">
        <v>50391</v>
      </c>
      <c r="C1387" t="s">
        <v>50392</v>
      </c>
      <c r="D1387" t="s">
        <v>50157</v>
      </c>
      <c r="E1387" t="s">
        <v>13</v>
      </c>
      <c r="F1387">
        <v>12695</v>
      </c>
      <c r="G1387" t="s">
        <v>50393</v>
      </c>
      <c r="H1387">
        <v>4.8212145182409998</v>
      </c>
      <c r="I1387">
        <v>52.547072813120998</v>
      </c>
      <c r="J1387" t="s">
        <v>57072</v>
      </c>
    </row>
    <row r="1388" spans="1:10" x14ac:dyDescent="0.25">
      <c r="A1388" t="s">
        <v>50387</v>
      </c>
      <c r="B1388" t="s">
        <v>50388</v>
      </c>
      <c r="C1388" t="s">
        <v>16961</v>
      </c>
      <c r="D1388" t="s">
        <v>50157</v>
      </c>
      <c r="E1388" t="s">
        <v>13</v>
      </c>
      <c r="F1388">
        <v>12694</v>
      </c>
      <c r="G1388" t="s">
        <v>50389</v>
      </c>
      <c r="H1388">
        <v>4.8451436670790002</v>
      </c>
      <c r="I1388">
        <v>52.556749004746003</v>
      </c>
      <c r="J1388" t="s">
        <v>57073</v>
      </c>
    </row>
    <row r="1389" spans="1:10" x14ac:dyDescent="0.25">
      <c r="A1389" t="s">
        <v>50383</v>
      </c>
      <c r="B1389" t="s">
        <v>50384</v>
      </c>
      <c r="C1389" t="s">
        <v>50385</v>
      </c>
      <c r="D1389" t="s">
        <v>50157</v>
      </c>
      <c r="E1389" t="s">
        <v>13</v>
      </c>
      <c r="F1389">
        <v>12693</v>
      </c>
      <c r="G1389" t="s">
        <v>50386</v>
      </c>
      <c r="H1389">
        <v>4.8224501386279996</v>
      </c>
      <c r="I1389">
        <v>52.560234050920997</v>
      </c>
      <c r="J1389" t="s">
        <v>57074</v>
      </c>
    </row>
    <row r="1390" spans="1:10" x14ac:dyDescent="0.25">
      <c r="A1390" t="s">
        <v>50379</v>
      </c>
      <c r="B1390" t="s">
        <v>50380</v>
      </c>
      <c r="C1390" t="s">
        <v>50381</v>
      </c>
      <c r="D1390" t="s">
        <v>50157</v>
      </c>
      <c r="E1390" t="s">
        <v>13</v>
      </c>
      <c r="F1390">
        <v>12692</v>
      </c>
      <c r="G1390" t="s">
        <v>50382</v>
      </c>
      <c r="H1390">
        <v>4.803380983646</v>
      </c>
      <c r="I1390">
        <v>52.564004879816999</v>
      </c>
      <c r="J1390" t="s">
        <v>57075</v>
      </c>
    </row>
    <row r="1391" spans="1:10" x14ac:dyDescent="0.25">
      <c r="A1391" t="s">
        <v>50376</v>
      </c>
      <c r="B1391" t="s">
        <v>50377</v>
      </c>
      <c r="C1391" t="s">
        <v>11197</v>
      </c>
      <c r="D1391" t="s">
        <v>50157</v>
      </c>
      <c r="E1391" t="s">
        <v>13</v>
      </c>
      <c r="F1391">
        <v>12691</v>
      </c>
      <c r="G1391" t="s">
        <v>50378</v>
      </c>
      <c r="H1391">
        <v>4.8331313143510002</v>
      </c>
      <c r="I1391">
        <v>52.571383491867998</v>
      </c>
      <c r="J1391" t="s">
        <v>57076</v>
      </c>
    </row>
    <row r="1392" spans="1:10" x14ac:dyDescent="0.25">
      <c r="A1392" t="s">
        <v>50372</v>
      </c>
      <c r="B1392" t="s">
        <v>50373</v>
      </c>
      <c r="C1392" t="s">
        <v>50374</v>
      </c>
      <c r="D1392" t="s">
        <v>50157</v>
      </c>
      <c r="E1392" t="s">
        <v>13</v>
      </c>
      <c r="F1392">
        <v>12690</v>
      </c>
      <c r="G1392" t="s">
        <v>50375</v>
      </c>
      <c r="H1392">
        <v>4.8528455132739996</v>
      </c>
      <c r="I1392">
        <v>52.586182447448003</v>
      </c>
      <c r="J1392" t="s">
        <v>57077</v>
      </c>
    </row>
    <row r="1393" spans="1:10" x14ac:dyDescent="0.25">
      <c r="A1393" t="s">
        <v>50369</v>
      </c>
      <c r="B1393" t="s">
        <v>50370</v>
      </c>
      <c r="C1393" t="s">
        <v>2899</v>
      </c>
      <c r="D1393" t="s">
        <v>50157</v>
      </c>
      <c r="E1393" t="s">
        <v>13</v>
      </c>
      <c r="F1393">
        <v>12689</v>
      </c>
      <c r="G1393" t="s">
        <v>50371</v>
      </c>
      <c r="H1393">
        <v>4.8085633910440002</v>
      </c>
      <c r="I1393">
        <v>52.584190739838</v>
      </c>
      <c r="J1393" t="s">
        <v>57078</v>
      </c>
    </row>
    <row r="1394" spans="1:10" x14ac:dyDescent="0.25">
      <c r="A1394" t="s">
        <v>50365</v>
      </c>
      <c r="B1394" t="s">
        <v>50366</v>
      </c>
      <c r="C1394" t="s">
        <v>50367</v>
      </c>
      <c r="D1394" t="s">
        <v>50157</v>
      </c>
      <c r="E1394" t="s">
        <v>13</v>
      </c>
      <c r="F1394">
        <v>12688</v>
      </c>
      <c r="G1394" t="s">
        <v>50368</v>
      </c>
      <c r="H1394">
        <v>4.7784069133819997</v>
      </c>
      <c r="I1394">
        <v>52.586141159663001</v>
      </c>
      <c r="J1394" t="s">
        <v>57079</v>
      </c>
    </row>
    <row r="1395" spans="1:10" x14ac:dyDescent="0.25">
      <c r="A1395" t="s">
        <v>50361</v>
      </c>
      <c r="B1395" t="s">
        <v>50362</v>
      </c>
      <c r="C1395" t="s">
        <v>50363</v>
      </c>
      <c r="D1395" t="s">
        <v>50157</v>
      </c>
      <c r="E1395" t="s">
        <v>13</v>
      </c>
      <c r="F1395">
        <v>12687</v>
      </c>
      <c r="G1395" t="s">
        <v>50364</v>
      </c>
      <c r="H1395">
        <v>4.8822336809419999</v>
      </c>
      <c r="I1395">
        <v>52.605731956648</v>
      </c>
      <c r="J1395" t="s">
        <v>57080</v>
      </c>
    </row>
    <row r="1396" spans="1:10" x14ac:dyDescent="0.25">
      <c r="A1396" t="s">
        <v>50357</v>
      </c>
      <c r="B1396" t="s">
        <v>50358</v>
      </c>
      <c r="C1396" t="s">
        <v>50359</v>
      </c>
      <c r="D1396" t="s">
        <v>50157</v>
      </c>
      <c r="E1396" t="s">
        <v>13</v>
      </c>
      <c r="F1396">
        <v>12686</v>
      </c>
      <c r="G1396" t="s">
        <v>50360</v>
      </c>
      <c r="H1396">
        <v>4.816960622201</v>
      </c>
      <c r="I1396">
        <v>52.613331785737003</v>
      </c>
      <c r="J1396" t="s">
        <v>57081</v>
      </c>
    </row>
    <row r="1397" spans="1:10" x14ac:dyDescent="0.25">
      <c r="A1397" t="s">
        <v>50353</v>
      </c>
      <c r="B1397" t="s">
        <v>50354</v>
      </c>
      <c r="C1397" t="s">
        <v>50355</v>
      </c>
      <c r="D1397" t="s">
        <v>50157</v>
      </c>
      <c r="E1397" t="s">
        <v>13</v>
      </c>
      <c r="F1397">
        <v>12685</v>
      </c>
      <c r="G1397" t="s">
        <v>50356</v>
      </c>
      <c r="H1397">
        <v>4.8753492403449998</v>
      </c>
      <c r="I1397">
        <v>52.623667782685999</v>
      </c>
      <c r="J1397" t="s">
        <v>57082</v>
      </c>
    </row>
    <row r="1398" spans="1:10" x14ac:dyDescent="0.25">
      <c r="A1398" t="s">
        <v>50349</v>
      </c>
      <c r="B1398" t="s">
        <v>50350</v>
      </c>
      <c r="C1398" t="s">
        <v>50351</v>
      </c>
      <c r="D1398" t="s">
        <v>50157</v>
      </c>
      <c r="E1398" t="s">
        <v>13</v>
      </c>
      <c r="F1398">
        <v>12684</v>
      </c>
      <c r="G1398" t="s">
        <v>50352</v>
      </c>
      <c r="H1398">
        <v>4.8357040265349998</v>
      </c>
      <c r="I1398">
        <v>52.628620240766999</v>
      </c>
      <c r="J1398" t="s">
        <v>57083</v>
      </c>
    </row>
    <row r="1399" spans="1:10" x14ac:dyDescent="0.25">
      <c r="A1399" t="s">
        <v>50345</v>
      </c>
      <c r="B1399" t="s">
        <v>50346</v>
      </c>
      <c r="C1399" t="s">
        <v>50347</v>
      </c>
      <c r="D1399" t="s">
        <v>50157</v>
      </c>
      <c r="E1399" t="s">
        <v>13</v>
      </c>
      <c r="F1399">
        <v>12683</v>
      </c>
      <c r="G1399" t="s">
        <v>50348</v>
      </c>
      <c r="H1399">
        <v>4.7517807338339999</v>
      </c>
      <c r="I1399">
        <v>52.636988575577</v>
      </c>
      <c r="J1399" t="s">
        <v>57084</v>
      </c>
    </row>
    <row r="1400" spans="1:10" x14ac:dyDescent="0.25">
      <c r="A1400" t="s">
        <v>50342</v>
      </c>
      <c r="B1400" t="s">
        <v>50343</v>
      </c>
      <c r="C1400" t="s">
        <v>20554</v>
      </c>
      <c r="D1400" t="s">
        <v>50157</v>
      </c>
      <c r="E1400" t="s">
        <v>13</v>
      </c>
      <c r="F1400">
        <v>12682</v>
      </c>
      <c r="G1400" t="s">
        <v>50344</v>
      </c>
      <c r="H1400">
        <v>4.7426985488610001</v>
      </c>
      <c r="I1400">
        <v>52.636348721735999</v>
      </c>
      <c r="J1400" t="s">
        <v>57085</v>
      </c>
    </row>
    <row r="1401" spans="1:10" x14ac:dyDescent="0.25">
      <c r="A1401" t="s">
        <v>50339</v>
      </c>
      <c r="B1401" t="s">
        <v>50340</v>
      </c>
      <c r="C1401" t="s">
        <v>8762</v>
      </c>
      <c r="D1401" t="s">
        <v>50157</v>
      </c>
      <c r="E1401" t="s">
        <v>13</v>
      </c>
      <c r="F1401">
        <v>12681</v>
      </c>
      <c r="G1401" t="s">
        <v>50341</v>
      </c>
      <c r="H1401">
        <v>4.7524928755340001</v>
      </c>
      <c r="I1401">
        <v>52.629353287740997</v>
      </c>
      <c r="J1401" t="s">
        <v>57086</v>
      </c>
    </row>
    <row r="1402" spans="1:10" x14ac:dyDescent="0.25">
      <c r="A1402" t="s">
        <v>50336</v>
      </c>
      <c r="B1402" t="s">
        <v>50337</v>
      </c>
      <c r="C1402" t="s">
        <v>8758</v>
      </c>
      <c r="D1402" t="s">
        <v>50157</v>
      </c>
      <c r="E1402" t="s">
        <v>13</v>
      </c>
      <c r="F1402">
        <v>12680</v>
      </c>
      <c r="G1402" t="s">
        <v>50338</v>
      </c>
      <c r="H1402">
        <v>4.7453342639039997</v>
      </c>
      <c r="I1402">
        <v>52.631605860039997</v>
      </c>
      <c r="J1402" t="s">
        <v>57087</v>
      </c>
    </row>
    <row r="1403" spans="1:10" x14ac:dyDescent="0.25">
      <c r="A1403" t="s">
        <v>50333</v>
      </c>
      <c r="B1403" t="s">
        <v>50334</v>
      </c>
      <c r="C1403" t="s">
        <v>14337</v>
      </c>
      <c r="D1403" t="s">
        <v>50157</v>
      </c>
      <c r="E1403" t="s">
        <v>13</v>
      </c>
      <c r="F1403">
        <v>12679</v>
      </c>
      <c r="G1403" t="s">
        <v>50335</v>
      </c>
      <c r="H1403">
        <v>4.7619613103290002</v>
      </c>
      <c r="I1403">
        <v>52.677558395778</v>
      </c>
      <c r="J1403" t="s">
        <v>57088</v>
      </c>
    </row>
    <row r="1404" spans="1:10" x14ac:dyDescent="0.25">
      <c r="A1404" t="s">
        <v>50329</v>
      </c>
      <c r="B1404" t="s">
        <v>50330</v>
      </c>
      <c r="C1404" t="s">
        <v>50331</v>
      </c>
      <c r="D1404" t="s">
        <v>50157</v>
      </c>
      <c r="E1404" t="s">
        <v>13</v>
      </c>
      <c r="F1404">
        <v>12678</v>
      </c>
      <c r="G1404" t="s">
        <v>50332</v>
      </c>
      <c r="H1404">
        <v>4.7714118130919996</v>
      </c>
      <c r="I1404">
        <v>52.671277424624002</v>
      </c>
      <c r="J1404" t="s">
        <v>57089</v>
      </c>
    </row>
    <row r="1405" spans="1:10" x14ac:dyDescent="0.25">
      <c r="A1405" t="s">
        <v>50325</v>
      </c>
      <c r="B1405" t="s">
        <v>50326</v>
      </c>
      <c r="C1405" t="s">
        <v>50327</v>
      </c>
      <c r="D1405" t="s">
        <v>50157</v>
      </c>
      <c r="E1405" t="s">
        <v>13</v>
      </c>
      <c r="F1405">
        <v>12677</v>
      </c>
      <c r="G1405" t="s">
        <v>50328</v>
      </c>
      <c r="H1405">
        <v>4.7619702147589997</v>
      </c>
      <c r="I1405">
        <v>52.672724418427002</v>
      </c>
      <c r="J1405" t="s">
        <v>57090</v>
      </c>
    </row>
    <row r="1406" spans="1:10" x14ac:dyDescent="0.25">
      <c r="A1406" t="s">
        <v>50321</v>
      </c>
      <c r="B1406" t="s">
        <v>50322</v>
      </c>
      <c r="C1406" t="s">
        <v>50323</v>
      </c>
      <c r="D1406" t="s">
        <v>50157</v>
      </c>
      <c r="E1406" t="s">
        <v>13</v>
      </c>
      <c r="F1406">
        <v>12676</v>
      </c>
      <c r="G1406" t="s">
        <v>50324</v>
      </c>
      <c r="H1406">
        <v>4.7522178637390002</v>
      </c>
      <c r="I1406">
        <v>52.672112963677002</v>
      </c>
      <c r="J1406" t="s">
        <v>57091</v>
      </c>
    </row>
    <row r="1407" spans="1:10" x14ac:dyDescent="0.25">
      <c r="A1407" t="s">
        <v>50317</v>
      </c>
      <c r="B1407" t="s">
        <v>50318</v>
      </c>
      <c r="C1407" t="s">
        <v>50319</v>
      </c>
      <c r="D1407" t="s">
        <v>50157</v>
      </c>
      <c r="E1407" t="s">
        <v>13</v>
      </c>
      <c r="F1407">
        <v>12675</v>
      </c>
      <c r="G1407" t="s">
        <v>50320</v>
      </c>
      <c r="H1407">
        <v>4.760829186344</v>
      </c>
      <c r="I1407">
        <v>52.666408628458001</v>
      </c>
      <c r="J1407" t="s">
        <v>57092</v>
      </c>
    </row>
    <row r="1408" spans="1:10" x14ac:dyDescent="0.25">
      <c r="A1408" t="s">
        <v>50313</v>
      </c>
      <c r="B1408" t="s">
        <v>50314</v>
      </c>
      <c r="C1408" t="s">
        <v>50315</v>
      </c>
      <c r="D1408" t="s">
        <v>50157</v>
      </c>
      <c r="E1408" t="s">
        <v>13</v>
      </c>
      <c r="F1408">
        <v>12674</v>
      </c>
      <c r="G1408" t="s">
        <v>50316</v>
      </c>
      <c r="H1408">
        <v>4.768295714083</v>
      </c>
      <c r="I1408">
        <v>52.665890933457</v>
      </c>
      <c r="J1408" t="s">
        <v>57093</v>
      </c>
    </row>
    <row r="1409" spans="1:10" x14ac:dyDescent="0.25">
      <c r="A1409" t="s">
        <v>50309</v>
      </c>
      <c r="B1409" t="s">
        <v>50310</v>
      </c>
      <c r="C1409" t="s">
        <v>50311</v>
      </c>
      <c r="D1409" t="s">
        <v>50157</v>
      </c>
      <c r="E1409" t="s">
        <v>13</v>
      </c>
      <c r="F1409">
        <v>12673</v>
      </c>
      <c r="G1409" t="s">
        <v>50312</v>
      </c>
      <c r="H1409">
        <v>4.7546747921870001</v>
      </c>
      <c r="I1409">
        <v>52.654074106385998</v>
      </c>
      <c r="J1409" t="s">
        <v>57094</v>
      </c>
    </row>
    <row r="1410" spans="1:10" x14ac:dyDescent="0.25">
      <c r="A1410" t="s">
        <v>50305</v>
      </c>
      <c r="B1410" t="s">
        <v>50306</v>
      </c>
      <c r="C1410" t="s">
        <v>50307</v>
      </c>
      <c r="D1410" t="s">
        <v>50157</v>
      </c>
      <c r="E1410" t="s">
        <v>13</v>
      </c>
      <c r="F1410">
        <v>12672</v>
      </c>
      <c r="G1410" t="s">
        <v>50308</v>
      </c>
      <c r="H1410">
        <v>4.7623996093649996</v>
      </c>
      <c r="I1410">
        <v>52.653147714376999</v>
      </c>
      <c r="J1410" t="s">
        <v>57095</v>
      </c>
    </row>
    <row r="1411" spans="1:10" x14ac:dyDescent="0.25">
      <c r="A1411" t="s">
        <v>50301</v>
      </c>
      <c r="B1411" t="s">
        <v>50302</v>
      </c>
      <c r="C1411" t="s">
        <v>50303</v>
      </c>
      <c r="D1411" t="s">
        <v>50157</v>
      </c>
      <c r="E1411" t="s">
        <v>13</v>
      </c>
      <c r="F1411">
        <v>12671</v>
      </c>
      <c r="G1411" t="s">
        <v>50304</v>
      </c>
      <c r="H1411">
        <v>4.7673677840720003</v>
      </c>
      <c r="I1411">
        <v>52.660686412937999</v>
      </c>
      <c r="J1411" t="s">
        <v>57096</v>
      </c>
    </row>
    <row r="1412" spans="1:10" x14ac:dyDescent="0.25">
      <c r="A1412" t="s">
        <v>50297</v>
      </c>
      <c r="B1412" t="s">
        <v>50298</v>
      </c>
      <c r="C1412" t="s">
        <v>50299</v>
      </c>
      <c r="D1412" t="s">
        <v>50157</v>
      </c>
      <c r="E1412" t="s">
        <v>13</v>
      </c>
      <c r="F1412">
        <v>12670</v>
      </c>
      <c r="G1412" t="s">
        <v>50300</v>
      </c>
      <c r="H1412">
        <v>4.75277821311</v>
      </c>
      <c r="I1412">
        <v>52.662590071381999</v>
      </c>
      <c r="J1412" t="s">
        <v>57097</v>
      </c>
    </row>
    <row r="1413" spans="1:10" x14ac:dyDescent="0.25">
      <c r="A1413" t="s">
        <v>50293</v>
      </c>
      <c r="B1413" t="s">
        <v>50294</v>
      </c>
      <c r="C1413" t="s">
        <v>50295</v>
      </c>
      <c r="D1413" t="s">
        <v>50157</v>
      </c>
      <c r="E1413" t="s">
        <v>13</v>
      </c>
      <c r="F1413">
        <v>12669</v>
      </c>
      <c r="G1413" t="s">
        <v>50296</v>
      </c>
      <c r="H1413">
        <v>4.747928582768</v>
      </c>
      <c r="I1413">
        <v>52.652473205615998</v>
      </c>
      <c r="J1413" t="s">
        <v>57098</v>
      </c>
    </row>
    <row r="1414" spans="1:10" x14ac:dyDescent="0.25">
      <c r="A1414" t="s">
        <v>50289</v>
      </c>
      <c r="B1414" t="s">
        <v>50290</v>
      </c>
      <c r="C1414" t="s">
        <v>50291</v>
      </c>
      <c r="D1414" t="s">
        <v>50157</v>
      </c>
      <c r="E1414" t="s">
        <v>13</v>
      </c>
      <c r="F1414">
        <v>12668</v>
      </c>
      <c r="G1414" t="s">
        <v>50292</v>
      </c>
      <c r="H1414">
        <v>4.7632794180179996</v>
      </c>
      <c r="I1414">
        <v>52.646320156275998</v>
      </c>
      <c r="J1414" t="s">
        <v>57099</v>
      </c>
    </row>
    <row r="1415" spans="1:10" x14ac:dyDescent="0.25">
      <c r="A1415" t="s">
        <v>50285</v>
      </c>
      <c r="B1415" t="s">
        <v>50286</v>
      </c>
      <c r="C1415" t="s">
        <v>50287</v>
      </c>
      <c r="D1415" t="s">
        <v>50157</v>
      </c>
      <c r="E1415" t="s">
        <v>13</v>
      </c>
      <c r="F1415">
        <v>12667</v>
      </c>
      <c r="G1415" t="s">
        <v>50288</v>
      </c>
      <c r="H1415">
        <v>4.7571600943389996</v>
      </c>
      <c r="I1415">
        <v>52.644595618628998</v>
      </c>
      <c r="J1415" t="s">
        <v>57100</v>
      </c>
    </row>
    <row r="1416" spans="1:10" x14ac:dyDescent="0.25">
      <c r="A1416" t="s">
        <v>50281</v>
      </c>
      <c r="B1416" t="s">
        <v>50282</v>
      </c>
      <c r="C1416" t="s">
        <v>50283</v>
      </c>
      <c r="D1416" t="s">
        <v>50157</v>
      </c>
      <c r="E1416" t="s">
        <v>13</v>
      </c>
      <c r="F1416">
        <v>12666</v>
      </c>
      <c r="G1416" t="s">
        <v>50284</v>
      </c>
      <c r="H1416">
        <v>4.7484013887880003</v>
      </c>
      <c r="I1416">
        <v>52.646303576032999</v>
      </c>
      <c r="J1416" t="s">
        <v>57101</v>
      </c>
    </row>
    <row r="1417" spans="1:10" x14ac:dyDescent="0.25">
      <c r="A1417" t="s">
        <v>50277</v>
      </c>
      <c r="B1417" t="s">
        <v>50278</v>
      </c>
      <c r="C1417" t="s">
        <v>50279</v>
      </c>
      <c r="D1417" t="s">
        <v>50157</v>
      </c>
      <c r="E1417" t="s">
        <v>13</v>
      </c>
      <c r="F1417">
        <v>12665</v>
      </c>
      <c r="G1417" t="s">
        <v>50280</v>
      </c>
      <c r="H1417">
        <v>4.7500303237089998</v>
      </c>
      <c r="I1417">
        <v>52.642392215896002</v>
      </c>
      <c r="J1417" t="s">
        <v>57102</v>
      </c>
    </row>
    <row r="1418" spans="1:10" x14ac:dyDescent="0.25">
      <c r="A1418" t="s">
        <v>50273</v>
      </c>
      <c r="B1418" t="s">
        <v>50274</v>
      </c>
      <c r="C1418" t="s">
        <v>50275</v>
      </c>
      <c r="D1418" t="s">
        <v>50157</v>
      </c>
      <c r="E1418" t="s">
        <v>13</v>
      </c>
      <c r="F1418">
        <v>12664</v>
      </c>
      <c r="G1418" t="s">
        <v>50276</v>
      </c>
      <c r="H1418">
        <v>4.7274129629499999</v>
      </c>
      <c r="I1418">
        <v>52.647628730999998</v>
      </c>
      <c r="J1418" t="s">
        <v>57103</v>
      </c>
    </row>
    <row r="1419" spans="1:10" x14ac:dyDescent="0.25">
      <c r="A1419" t="s">
        <v>50269</v>
      </c>
      <c r="B1419" t="s">
        <v>50270</v>
      </c>
      <c r="C1419" t="s">
        <v>50271</v>
      </c>
      <c r="D1419" t="s">
        <v>50157</v>
      </c>
      <c r="E1419" t="s">
        <v>13</v>
      </c>
      <c r="F1419">
        <v>12663</v>
      </c>
      <c r="G1419" t="s">
        <v>50272</v>
      </c>
      <c r="H1419">
        <v>4.7340047243040004</v>
      </c>
      <c r="I1419">
        <v>52.643059177836001</v>
      </c>
      <c r="J1419" t="s">
        <v>57104</v>
      </c>
    </row>
    <row r="1420" spans="1:10" x14ac:dyDescent="0.25">
      <c r="A1420" t="s">
        <v>50265</v>
      </c>
      <c r="B1420" t="s">
        <v>50266</v>
      </c>
      <c r="C1420" t="s">
        <v>50267</v>
      </c>
      <c r="D1420" t="s">
        <v>50157</v>
      </c>
      <c r="E1420" t="s">
        <v>13</v>
      </c>
      <c r="F1420">
        <v>12662</v>
      </c>
      <c r="G1420" t="s">
        <v>50268</v>
      </c>
      <c r="H1420">
        <v>4.7389905858969996</v>
      </c>
      <c r="I1420">
        <v>52.641116004703001</v>
      </c>
      <c r="J1420" t="s">
        <v>57105</v>
      </c>
    </row>
    <row r="1421" spans="1:10" x14ac:dyDescent="0.25">
      <c r="A1421" t="s">
        <v>50261</v>
      </c>
      <c r="B1421" t="s">
        <v>50262</v>
      </c>
      <c r="C1421" t="s">
        <v>50263</v>
      </c>
      <c r="D1421" t="s">
        <v>50157</v>
      </c>
      <c r="E1421" t="s">
        <v>13</v>
      </c>
      <c r="F1421">
        <v>12661</v>
      </c>
      <c r="G1421" t="s">
        <v>50264</v>
      </c>
      <c r="H1421">
        <v>4.7295090374040001</v>
      </c>
      <c r="I1421">
        <v>52.637610410971</v>
      </c>
      <c r="J1421" t="s">
        <v>57106</v>
      </c>
    </row>
    <row r="1422" spans="1:10" x14ac:dyDescent="0.25">
      <c r="A1422" t="s">
        <v>50257</v>
      </c>
      <c r="B1422" t="s">
        <v>50258</v>
      </c>
      <c r="C1422" t="s">
        <v>50259</v>
      </c>
      <c r="D1422" t="s">
        <v>50157</v>
      </c>
      <c r="E1422" t="s">
        <v>13</v>
      </c>
      <c r="F1422">
        <v>12660</v>
      </c>
      <c r="G1422" t="s">
        <v>50260</v>
      </c>
      <c r="H1422">
        <v>4.7255066712140001</v>
      </c>
      <c r="I1422">
        <v>52.633855519655</v>
      </c>
      <c r="J1422" t="s">
        <v>57107</v>
      </c>
    </row>
    <row r="1423" spans="1:10" x14ac:dyDescent="0.25">
      <c r="A1423" t="s">
        <v>50253</v>
      </c>
      <c r="B1423" t="s">
        <v>50254</v>
      </c>
      <c r="C1423" t="s">
        <v>50255</v>
      </c>
      <c r="D1423" t="s">
        <v>50157</v>
      </c>
      <c r="E1423" t="s">
        <v>13</v>
      </c>
      <c r="F1423">
        <v>12659</v>
      </c>
      <c r="G1423" t="s">
        <v>50256</v>
      </c>
      <c r="H1423">
        <v>4.7196361452569997</v>
      </c>
      <c r="I1423">
        <v>52.628418952052002</v>
      </c>
      <c r="J1423" t="s">
        <v>57108</v>
      </c>
    </row>
    <row r="1424" spans="1:10" x14ac:dyDescent="0.25">
      <c r="A1424" t="s">
        <v>50249</v>
      </c>
      <c r="B1424" t="s">
        <v>50250</v>
      </c>
      <c r="C1424" t="s">
        <v>50251</v>
      </c>
      <c r="D1424" t="s">
        <v>50157</v>
      </c>
      <c r="E1424" t="s">
        <v>13</v>
      </c>
      <c r="F1424">
        <v>12658</v>
      </c>
      <c r="G1424" t="s">
        <v>50252</v>
      </c>
      <c r="H1424">
        <v>4.7562645846720004</v>
      </c>
      <c r="I1424">
        <v>52.611714112610002</v>
      </c>
      <c r="J1424" t="s">
        <v>57109</v>
      </c>
    </row>
    <row r="1425" spans="1:10" x14ac:dyDescent="0.25">
      <c r="A1425" t="s">
        <v>50245</v>
      </c>
      <c r="B1425" t="s">
        <v>50246</v>
      </c>
      <c r="C1425" t="s">
        <v>50247</v>
      </c>
      <c r="D1425" t="s">
        <v>50157</v>
      </c>
      <c r="E1425" t="s">
        <v>13</v>
      </c>
      <c r="F1425">
        <v>12657</v>
      </c>
      <c r="G1425" t="s">
        <v>50248</v>
      </c>
      <c r="H1425">
        <v>4.7478748127210002</v>
      </c>
      <c r="I1425">
        <v>52.601391096651</v>
      </c>
      <c r="J1425" t="s">
        <v>57110</v>
      </c>
    </row>
    <row r="1426" spans="1:10" x14ac:dyDescent="0.25">
      <c r="A1426" t="s">
        <v>50241</v>
      </c>
      <c r="B1426" t="s">
        <v>50242</v>
      </c>
      <c r="C1426" t="s">
        <v>50243</v>
      </c>
      <c r="D1426" t="s">
        <v>50157</v>
      </c>
      <c r="E1426" t="s">
        <v>13</v>
      </c>
      <c r="F1426">
        <v>12656</v>
      </c>
      <c r="G1426" t="s">
        <v>50244</v>
      </c>
      <c r="H1426">
        <v>4.7457166071149999</v>
      </c>
      <c r="I1426">
        <v>52.616695009188</v>
      </c>
      <c r="J1426" t="s">
        <v>57111</v>
      </c>
    </row>
    <row r="1427" spans="1:10" x14ac:dyDescent="0.25">
      <c r="A1427" t="s">
        <v>50237</v>
      </c>
      <c r="B1427" t="s">
        <v>50238</v>
      </c>
      <c r="C1427" t="s">
        <v>50239</v>
      </c>
      <c r="D1427" t="s">
        <v>50157</v>
      </c>
      <c r="E1427" t="s">
        <v>13</v>
      </c>
      <c r="F1427">
        <v>12655</v>
      </c>
      <c r="G1427" t="s">
        <v>50240</v>
      </c>
      <c r="H1427">
        <v>4.7526802578730001</v>
      </c>
      <c r="I1427">
        <v>52.616589278897997</v>
      </c>
      <c r="J1427" t="s">
        <v>57112</v>
      </c>
    </row>
    <row r="1428" spans="1:10" x14ac:dyDescent="0.25">
      <c r="A1428" t="s">
        <v>50234</v>
      </c>
      <c r="B1428" t="s">
        <v>50235</v>
      </c>
      <c r="C1428" t="s">
        <v>11101</v>
      </c>
      <c r="D1428" t="s">
        <v>50157</v>
      </c>
      <c r="E1428" t="s">
        <v>13</v>
      </c>
      <c r="F1428">
        <v>12654</v>
      </c>
      <c r="G1428" t="s">
        <v>50236</v>
      </c>
      <c r="H1428">
        <v>4.7590724794500003</v>
      </c>
      <c r="I1428">
        <v>52.620603675676001</v>
      </c>
      <c r="J1428" t="s">
        <v>57113</v>
      </c>
    </row>
    <row r="1429" spans="1:10" x14ac:dyDescent="0.25">
      <c r="A1429" t="s">
        <v>50230</v>
      </c>
      <c r="B1429" t="s">
        <v>50231</v>
      </c>
      <c r="C1429" t="s">
        <v>50232</v>
      </c>
      <c r="D1429" t="s">
        <v>50157</v>
      </c>
      <c r="E1429" t="s">
        <v>13</v>
      </c>
      <c r="F1429">
        <v>12653</v>
      </c>
      <c r="G1429" t="s">
        <v>50233</v>
      </c>
      <c r="H1429">
        <v>4.7587492417280002</v>
      </c>
      <c r="I1429">
        <v>52.624190547258998</v>
      </c>
      <c r="J1429" t="s">
        <v>57114</v>
      </c>
    </row>
    <row r="1430" spans="1:10" x14ac:dyDescent="0.25">
      <c r="A1430" t="s">
        <v>50226</v>
      </c>
      <c r="B1430" t="s">
        <v>50227</v>
      </c>
      <c r="C1430" t="s">
        <v>50228</v>
      </c>
      <c r="D1430" t="s">
        <v>50157</v>
      </c>
      <c r="E1430" t="s">
        <v>13</v>
      </c>
      <c r="F1430">
        <v>12652</v>
      </c>
      <c r="G1430" t="s">
        <v>50229</v>
      </c>
      <c r="H1430">
        <v>4.7896179072429996</v>
      </c>
      <c r="I1430">
        <v>52.649102690161001</v>
      </c>
      <c r="J1430" t="s">
        <v>57115</v>
      </c>
    </row>
    <row r="1431" spans="1:10" x14ac:dyDescent="0.25">
      <c r="A1431" t="s">
        <v>50222</v>
      </c>
      <c r="B1431" t="s">
        <v>50223</v>
      </c>
      <c r="C1431" t="s">
        <v>50224</v>
      </c>
      <c r="D1431" t="s">
        <v>50157</v>
      </c>
      <c r="E1431" t="s">
        <v>13</v>
      </c>
      <c r="F1431">
        <v>12651</v>
      </c>
      <c r="G1431" t="s">
        <v>50225</v>
      </c>
      <c r="H1431">
        <v>4.7806387602290004</v>
      </c>
      <c r="I1431">
        <v>52.648628384943002</v>
      </c>
      <c r="J1431" t="s">
        <v>57116</v>
      </c>
    </row>
    <row r="1432" spans="1:10" x14ac:dyDescent="0.25">
      <c r="A1432" t="s">
        <v>50218</v>
      </c>
      <c r="B1432" t="s">
        <v>50219</v>
      </c>
      <c r="C1432" t="s">
        <v>50220</v>
      </c>
      <c r="D1432" t="s">
        <v>50157</v>
      </c>
      <c r="E1432" t="s">
        <v>13</v>
      </c>
      <c r="F1432">
        <v>12650</v>
      </c>
      <c r="G1432" t="s">
        <v>50221</v>
      </c>
      <c r="H1432">
        <v>4.7676967767090002</v>
      </c>
      <c r="I1432">
        <v>52.635111012011002</v>
      </c>
      <c r="J1432" t="s">
        <v>57117</v>
      </c>
    </row>
    <row r="1433" spans="1:10" x14ac:dyDescent="0.25">
      <c r="A1433" t="s">
        <v>50214</v>
      </c>
      <c r="B1433" t="s">
        <v>50215</v>
      </c>
      <c r="C1433" t="s">
        <v>50216</v>
      </c>
      <c r="D1433" t="s">
        <v>50157</v>
      </c>
      <c r="E1433" t="s">
        <v>13</v>
      </c>
      <c r="F1433">
        <v>12649</v>
      </c>
      <c r="G1433" t="s">
        <v>50217</v>
      </c>
      <c r="H1433">
        <v>4.7666427967390002</v>
      </c>
      <c r="I1433">
        <v>52.632746998129001</v>
      </c>
      <c r="J1433" t="s">
        <v>57118</v>
      </c>
    </row>
    <row r="1434" spans="1:10" x14ac:dyDescent="0.25">
      <c r="A1434" t="s">
        <v>50210</v>
      </c>
      <c r="B1434" t="s">
        <v>50211</v>
      </c>
      <c r="C1434" t="s">
        <v>50212</v>
      </c>
      <c r="D1434" t="s">
        <v>50157</v>
      </c>
      <c r="E1434" t="s">
        <v>13</v>
      </c>
      <c r="F1434">
        <v>12648</v>
      </c>
      <c r="G1434" t="s">
        <v>50213</v>
      </c>
      <c r="H1434">
        <v>4.7632783565669996</v>
      </c>
      <c r="I1434">
        <v>52.632017413332001</v>
      </c>
      <c r="J1434" t="s">
        <v>57119</v>
      </c>
    </row>
    <row r="1435" spans="1:10" x14ac:dyDescent="0.25">
      <c r="A1435" t="s">
        <v>50206</v>
      </c>
      <c r="B1435" t="s">
        <v>50207</v>
      </c>
      <c r="C1435" t="s">
        <v>50208</v>
      </c>
      <c r="D1435" t="s">
        <v>50157</v>
      </c>
      <c r="E1435" t="s">
        <v>13</v>
      </c>
      <c r="F1435">
        <v>12647</v>
      </c>
      <c r="G1435" t="s">
        <v>50209</v>
      </c>
      <c r="H1435">
        <v>4.7679820331740004</v>
      </c>
      <c r="I1435">
        <v>52.624356377268001</v>
      </c>
      <c r="J1435" t="s">
        <v>57120</v>
      </c>
    </row>
    <row r="1436" spans="1:10" x14ac:dyDescent="0.25">
      <c r="A1436" t="s">
        <v>50202</v>
      </c>
      <c r="B1436" t="s">
        <v>50203</v>
      </c>
      <c r="C1436" t="s">
        <v>50204</v>
      </c>
      <c r="D1436" t="s">
        <v>50157</v>
      </c>
      <c r="E1436" t="s">
        <v>13</v>
      </c>
      <c r="F1436">
        <v>12646</v>
      </c>
      <c r="G1436" t="s">
        <v>50205</v>
      </c>
      <c r="H1436">
        <v>4.7736679181569999</v>
      </c>
      <c r="I1436">
        <v>52.632024695772003</v>
      </c>
      <c r="J1436" t="s">
        <v>57121</v>
      </c>
    </row>
    <row r="1437" spans="1:10" x14ac:dyDescent="0.25">
      <c r="A1437" t="s">
        <v>50198</v>
      </c>
      <c r="B1437" t="s">
        <v>50199</v>
      </c>
      <c r="C1437" t="s">
        <v>50200</v>
      </c>
      <c r="D1437" t="s">
        <v>50157</v>
      </c>
      <c r="E1437" t="s">
        <v>13</v>
      </c>
      <c r="F1437">
        <v>12645</v>
      </c>
      <c r="G1437" t="s">
        <v>50201</v>
      </c>
      <c r="H1437">
        <v>4.7765605599869998</v>
      </c>
      <c r="I1437">
        <v>52.636533250855003</v>
      </c>
      <c r="J1437" t="s">
        <v>57122</v>
      </c>
    </row>
    <row r="1438" spans="1:10" x14ac:dyDescent="0.25">
      <c r="A1438" t="s">
        <v>50194</v>
      </c>
      <c r="B1438" t="s">
        <v>50195</v>
      </c>
      <c r="C1438" t="s">
        <v>50196</v>
      </c>
      <c r="D1438" t="s">
        <v>50157</v>
      </c>
      <c r="E1438" t="s">
        <v>13</v>
      </c>
      <c r="F1438">
        <v>12644</v>
      </c>
      <c r="G1438" t="s">
        <v>50197</v>
      </c>
      <c r="H1438">
        <v>4.7587646813779996</v>
      </c>
      <c r="I1438">
        <v>52.636875556870002</v>
      </c>
      <c r="J1438" t="s">
        <v>57123</v>
      </c>
    </row>
    <row r="1439" spans="1:10" x14ac:dyDescent="0.25">
      <c r="A1439" t="s">
        <v>50191</v>
      </c>
      <c r="B1439" t="s">
        <v>50192</v>
      </c>
      <c r="C1439" t="s">
        <v>17621</v>
      </c>
      <c r="D1439" t="s">
        <v>50157</v>
      </c>
      <c r="E1439" t="s">
        <v>13</v>
      </c>
      <c r="F1439">
        <v>12643</v>
      </c>
      <c r="G1439" t="s">
        <v>50193</v>
      </c>
      <c r="H1439">
        <v>4.7364206904910002</v>
      </c>
      <c r="I1439">
        <v>52.621412498772003</v>
      </c>
      <c r="J1439" t="s">
        <v>57124</v>
      </c>
    </row>
    <row r="1440" spans="1:10" x14ac:dyDescent="0.25">
      <c r="A1440" t="s">
        <v>50187</v>
      </c>
      <c r="B1440" t="s">
        <v>50188</v>
      </c>
      <c r="C1440" t="s">
        <v>50189</v>
      </c>
      <c r="D1440" t="s">
        <v>50157</v>
      </c>
      <c r="E1440" t="s">
        <v>13</v>
      </c>
      <c r="F1440">
        <v>12642</v>
      </c>
      <c r="G1440" t="s">
        <v>50190</v>
      </c>
      <c r="H1440">
        <v>4.7347053627940001</v>
      </c>
      <c r="I1440">
        <v>52.634137571594003</v>
      </c>
      <c r="J1440" t="s">
        <v>57125</v>
      </c>
    </row>
    <row r="1441" spans="1:10" x14ac:dyDescent="0.25">
      <c r="A1441" t="s">
        <v>50183</v>
      </c>
      <c r="B1441" t="s">
        <v>50184</v>
      </c>
      <c r="C1441" t="s">
        <v>50185</v>
      </c>
      <c r="D1441" t="s">
        <v>50157</v>
      </c>
      <c r="E1441" t="s">
        <v>13</v>
      </c>
      <c r="F1441">
        <v>12641</v>
      </c>
      <c r="G1441" t="s">
        <v>50186</v>
      </c>
      <c r="H1441">
        <v>4.7286433186280004</v>
      </c>
      <c r="I1441">
        <v>52.628278449947999</v>
      </c>
      <c r="J1441" t="s">
        <v>57126</v>
      </c>
    </row>
    <row r="1442" spans="1:10" x14ac:dyDescent="0.25">
      <c r="A1442" t="s">
        <v>50179</v>
      </c>
      <c r="B1442" t="s">
        <v>50180</v>
      </c>
      <c r="C1442" t="s">
        <v>50181</v>
      </c>
      <c r="D1442" t="s">
        <v>50157</v>
      </c>
      <c r="E1442" t="s">
        <v>13</v>
      </c>
      <c r="F1442">
        <v>12640</v>
      </c>
      <c r="G1442" t="s">
        <v>50182</v>
      </c>
      <c r="H1442">
        <v>4.7292554641719997</v>
      </c>
      <c r="I1442">
        <v>52.622723623619002</v>
      </c>
      <c r="J1442" t="s">
        <v>57127</v>
      </c>
    </row>
    <row r="1443" spans="1:10" x14ac:dyDescent="0.25">
      <c r="A1443" t="s">
        <v>50175</v>
      </c>
      <c r="B1443" t="s">
        <v>50176</v>
      </c>
      <c r="C1443" t="s">
        <v>50177</v>
      </c>
      <c r="D1443" t="s">
        <v>50157</v>
      </c>
      <c r="E1443" t="s">
        <v>13</v>
      </c>
      <c r="F1443">
        <v>12639</v>
      </c>
      <c r="G1443" t="s">
        <v>50178</v>
      </c>
      <c r="H1443">
        <v>4.7362323105049997</v>
      </c>
      <c r="I1443">
        <v>52.628936185519997</v>
      </c>
      <c r="J1443" t="s">
        <v>57128</v>
      </c>
    </row>
    <row r="1444" spans="1:10" x14ac:dyDescent="0.25">
      <c r="A1444" t="s">
        <v>50171</v>
      </c>
      <c r="B1444" t="s">
        <v>50172</v>
      </c>
      <c r="C1444" t="s">
        <v>50173</v>
      </c>
      <c r="D1444" t="s">
        <v>50157</v>
      </c>
      <c r="E1444" t="s">
        <v>13</v>
      </c>
      <c r="F1444">
        <v>12638</v>
      </c>
      <c r="G1444" t="s">
        <v>50174</v>
      </c>
      <c r="H1444">
        <v>4.7423487232220003</v>
      </c>
      <c r="I1444">
        <v>52.626577081718999</v>
      </c>
      <c r="J1444" t="s">
        <v>57129</v>
      </c>
    </row>
    <row r="1445" spans="1:10" x14ac:dyDescent="0.25">
      <c r="A1445" t="s">
        <v>50167</v>
      </c>
      <c r="B1445" t="s">
        <v>50168</v>
      </c>
      <c r="C1445" t="s">
        <v>50169</v>
      </c>
      <c r="D1445" t="s">
        <v>50157</v>
      </c>
      <c r="E1445" t="s">
        <v>13</v>
      </c>
      <c r="F1445">
        <v>12637</v>
      </c>
      <c r="G1445" t="s">
        <v>50170</v>
      </c>
      <c r="H1445">
        <v>4.7449756416969997</v>
      </c>
      <c r="I1445">
        <v>52.623471483397999</v>
      </c>
      <c r="J1445" t="s">
        <v>57130</v>
      </c>
    </row>
    <row r="1446" spans="1:10" x14ac:dyDescent="0.25">
      <c r="A1446" t="s">
        <v>50163</v>
      </c>
      <c r="B1446" t="s">
        <v>50164</v>
      </c>
      <c r="C1446" t="s">
        <v>50165</v>
      </c>
      <c r="D1446" t="s">
        <v>50157</v>
      </c>
      <c r="E1446" t="s">
        <v>13</v>
      </c>
      <c r="F1446">
        <v>12636</v>
      </c>
      <c r="G1446" t="s">
        <v>50166</v>
      </c>
      <c r="H1446">
        <v>4.7484642703700004</v>
      </c>
      <c r="I1446">
        <v>52.624959132516999</v>
      </c>
      <c r="J1446" t="s">
        <v>57131</v>
      </c>
    </row>
    <row r="1447" spans="1:10" x14ac:dyDescent="0.25">
      <c r="A1447" t="s">
        <v>50159</v>
      </c>
      <c r="B1447" t="s">
        <v>50160</v>
      </c>
      <c r="C1447" t="s">
        <v>50161</v>
      </c>
      <c r="D1447" t="s">
        <v>50157</v>
      </c>
      <c r="E1447" t="s">
        <v>13</v>
      </c>
      <c r="F1447">
        <v>12635</v>
      </c>
      <c r="G1447" t="s">
        <v>50162</v>
      </c>
      <c r="H1447">
        <v>4.7431190690099996</v>
      </c>
      <c r="I1447">
        <v>52.621474411918001</v>
      </c>
      <c r="J1447" t="s">
        <v>57132</v>
      </c>
    </row>
    <row r="1448" spans="1:10" x14ac:dyDescent="0.25">
      <c r="A1448" t="s">
        <v>50154</v>
      </c>
      <c r="B1448" t="s">
        <v>50155</v>
      </c>
      <c r="C1448" t="s">
        <v>50156</v>
      </c>
      <c r="D1448" t="s">
        <v>50157</v>
      </c>
      <c r="E1448" t="s">
        <v>13</v>
      </c>
      <c r="F1448">
        <v>12634</v>
      </c>
      <c r="G1448" t="s">
        <v>50158</v>
      </c>
      <c r="H1448">
        <v>4.73933736611</v>
      </c>
      <c r="I1448">
        <v>52.617859855471004</v>
      </c>
      <c r="J1448" t="s">
        <v>57133</v>
      </c>
    </row>
    <row r="1449" spans="1:10" x14ac:dyDescent="0.25">
      <c r="A1449" t="s">
        <v>50150</v>
      </c>
      <c r="B1449" t="s">
        <v>50151</v>
      </c>
      <c r="C1449" t="s">
        <v>50152</v>
      </c>
      <c r="D1449" t="s">
        <v>50054</v>
      </c>
      <c r="E1449" t="s">
        <v>13</v>
      </c>
      <c r="F1449">
        <v>12633</v>
      </c>
      <c r="G1449" t="s">
        <v>50153</v>
      </c>
      <c r="H1449">
        <v>5.2557744619019999</v>
      </c>
      <c r="I1449">
        <v>52.690535541332999</v>
      </c>
      <c r="J1449" t="s">
        <v>57134</v>
      </c>
    </row>
    <row r="1450" spans="1:10" x14ac:dyDescent="0.25">
      <c r="A1450" t="s">
        <v>50146</v>
      </c>
      <c r="B1450" t="s">
        <v>50147</v>
      </c>
      <c r="C1450" t="s">
        <v>50148</v>
      </c>
      <c r="D1450" t="s">
        <v>50054</v>
      </c>
      <c r="E1450" t="s">
        <v>13</v>
      </c>
      <c r="F1450">
        <v>12632</v>
      </c>
      <c r="G1450" t="s">
        <v>50149</v>
      </c>
      <c r="H1450">
        <v>5.2536837993300001</v>
      </c>
      <c r="I1450">
        <v>52.691984168990999</v>
      </c>
      <c r="J1450" t="s">
        <v>57135</v>
      </c>
    </row>
    <row r="1451" spans="1:10" x14ac:dyDescent="0.25">
      <c r="A1451" t="s">
        <v>50143</v>
      </c>
      <c r="B1451" t="s">
        <v>50144</v>
      </c>
      <c r="C1451" t="s">
        <v>36875</v>
      </c>
      <c r="D1451" t="s">
        <v>50054</v>
      </c>
      <c r="E1451" t="s">
        <v>13</v>
      </c>
      <c r="F1451">
        <v>12631</v>
      </c>
      <c r="G1451" t="s">
        <v>50145</v>
      </c>
      <c r="H1451">
        <v>5.2474047982179997</v>
      </c>
      <c r="I1451">
        <v>52.690797411745002</v>
      </c>
      <c r="J1451" t="s">
        <v>57136</v>
      </c>
    </row>
    <row r="1452" spans="1:10" x14ac:dyDescent="0.25">
      <c r="A1452" t="s">
        <v>50139</v>
      </c>
      <c r="B1452" t="s">
        <v>50140</v>
      </c>
      <c r="C1452" t="s">
        <v>50141</v>
      </c>
      <c r="D1452" t="s">
        <v>50054</v>
      </c>
      <c r="E1452" t="s">
        <v>13</v>
      </c>
      <c r="F1452">
        <v>12630</v>
      </c>
      <c r="G1452" t="s">
        <v>50142</v>
      </c>
      <c r="H1452">
        <v>5.2409739943369997</v>
      </c>
      <c r="I1452">
        <v>52.694187613624997</v>
      </c>
      <c r="J1452" t="s">
        <v>57137</v>
      </c>
    </row>
    <row r="1453" spans="1:10" x14ac:dyDescent="0.25">
      <c r="A1453" t="s">
        <v>50135</v>
      </c>
      <c r="B1453" t="s">
        <v>50136</v>
      </c>
      <c r="C1453" t="s">
        <v>50137</v>
      </c>
      <c r="D1453" t="s">
        <v>50054</v>
      </c>
      <c r="E1453" t="s">
        <v>13</v>
      </c>
      <c r="F1453">
        <v>12629</v>
      </c>
      <c r="G1453" t="s">
        <v>50138</v>
      </c>
      <c r="H1453">
        <v>5.2390075584769997</v>
      </c>
      <c r="I1453">
        <v>52.689186615404999</v>
      </c>
      <c r="J1453" t="s">
        <v>57138</v>
      </c>
    </row>
    <row r="1454" spans="1:10" x14ac:dyDescent="0.25">
      <c r="A1454" t="s">
        <v>50131</v>
      </c>
      <c r="B1454" t="s">
        <v>50132</v>
      </c>
      <c r="C1454" t="s">
        <v>50133</v>
      </c>
      <c r="D1454" t="s">
        <v>50054</v>
      </c>
      <c r="E1454" t="s">
        <v>13</v>
      </c>
      <c r="F1454">
        <v>12628</v>
      </c>
      <c r="G1454" t="s">
        <v>50134</v>
      </c>
      <c r="H1454">
        <v>5.2340977412029996</v>
      </c>
      <c r="I1454">
        <v>52.688891482152002</v>
      </c>
      <c r="J1454" t="s">
        <v>57139</v>
      </c>
    </row>
    <row r="1455" spans="1:10" x14ac:dyDescent="0.25">
      <c r="A1455" t="s">
        <v>50127</v>
      </c>
      <c r="B1455" t="s">
        <v>50128</v>
      </c>
      <c r="C1455" t="s">
        <v>50129</v>
      </c>
      <c r="D1455" t="s">
        <v>50054</v>
      </c>
      <c r="E1455" t="s">
        <v>13</v>
      </c>
      <c r="F1455">
        <v>12627</v>
      </c>
      <c r="G1455" t="s">
        <v>50130</v>
      </c>
      <c r="H1455">
        <v>5.228908139863</v>
      </c>
      <c r="I1455">
        <v>52.688877379289998</v>
      </c>
      <c r="J1455" t="s">
        <v>57140</v>
      </c>
    </row>
    <row r="1456" spans="1:10" x14ac:dyDescent="0.25">
      <c r="A1456" t="s">
        <v>50123</v>
      </c>
      <c r="B1456" t="s">
        <v>50124</v>
      </c>
      <c r="C1456" t="s">
        <v>50125</v>
      </c>
      <c r="D1456" t="s">
        <v>50054</v>
      </c>
      <c r="E1456" t="s">
        <v>13</v>
      </c>
      <c r="F1456">
        <v>12626</v>
      </c>
      <c r="G1456" t="s">
        <v>50126</v>
      </c>
      <c r="H1456">
        <v>5.2174341950520002</v>
      </c>
      <c r="I1456">
        <v>52.687570510952</v>
      </c>
      <c r="J1456" t="s">
        <v>57141</v>
      </c>
    </row>
    <row r="1457" spans="1:10" x14ac:dyDescent="0.25">
      <c r="A1457" t="s">
        <v>50119</v>
      </c>
      <c r="B1457" t="s">
        <v>50120</v>
      </c>
      <c r="C1457" t="s">
        <v>50121</v>
      </c>
      <c r="D1457" t="s">
        <v>50054</v>
      </c>
      <c r="E1457" t="s">
        <v>13</v>
      </c>
      <c r="F1457">
        <v>12625</v>
      </c>
      <c r="G1457" t="s">
        <v>50122</v>
      </c>
      <c r="H1457">
        <v>5.2212238054159998</v>
      </c>
      <c r="I1457">
        <v>52.688979755650003</v>
      </c>
      <c r="J1457" t="s">
        <v>57142</v>
      </c>
    </row>
    <row r="1458" spans="1:10" x14ac:dyDescent="0.25">
      <c r="A1458" t="s">
        <v>50115</v>
      </c>
      <c r="B1458" t="s">
        <v>50116</v>
      </c>
      <c r="C1458" t="s">
        <v>50117</v>
      </c>
      <c r="D1458" t="s">
        <v>50054</v>
      </c>
      <c r="E1458" t="s">
        <v>13</v>
      </c>
      <c r="F1458">
        <v>12624</v>
      </c>
      <c r="G1458" t="s">
        <v>50118</v>
      </c>
      <c r="H1458">
        <v>5.2132188502909997</v>
      </c>
      <c r="I1458">
        <v>52.689940012953997</v>
      </c>
      <c r="J1458" t="s">
        <v>57143</v>
      </c>
    </row>
    <row r="1459" spans="1:10" x14ac:dyDescent="0.25">
      <c r="A1459" t="s">
        <v>50111</v>
      </c>
      <c r="B1459" t="s">
        <v>50112</v>
      </c>
      <c r="C1459" t="s">
        <v>50113</v>
      </c>
      <c r="D1459" t="s">
        <v>50054</v>
      </c>
      <c r="E1459" t="s">
        <v>13</v>
      </c>
      <c r="F1459">
        <v>12623</v>
      </c>
      <c r="G1459" t="s">
        <v>50114</v>
      </c>
      <c r="H1459">
        <v>5.2234319883650002</v>
      </c>
      <c r="I1459">
        <v>52.693844471052003</v>
      </c>
      <c r="J1459" t="s">
        <v>57144</v>
      </c>
    </row>
    <row r="1460" spans="1:10" x14ac:dyDescent="0.25">
      <c r="A1460" t="s">
        <v>50107</v>
      </c>
      <c r="B1460" t="s">
        <v>50108</v>
      </c>
      <c r="C1460" t="s">
        <v>50109</v>
      </c>
      <c r="D1460" t="s">
        <v>50054</v>
      </c>
      <c r="E1460" t="s">
        <v>13</v>
      </c>
      <c r="F1460">
        <v>12622</v>
      </c>
      <c r="G1460" t="s">
        <v>50110</v>
      </c>
      <c r="H1460">
        <v>5.2049920969099999</v>
      </c>
      <c r="I1460">
        <v>52.688124309278997</v>
      </c>
      <c r="J1460" t="s">
        <v>57145</v>
      </c>
    </row>
    <row r="1461" spans="1:10" x14ac:dyDescent="0.25">
      <c r="A1461" t="s">
        <v>50103</v>
      </c>
      <c r="B1461" t="s">
        <v>50104</v>
      </c>
      <c r="C1461" t="s">
        <v>50105</v>
      </c>
      <c r="D1461" t="s">
        <v>50054</v>
      </c>
      <c r="E1461" t="s">
        <v>13</v>
      </c>
      <c r="F1461">
        <v>12621</v>
      </c>
      <c r="G1461" t="s">
        <v>50106</v>
      </c>
      <c r="H1461">
        <v>5.2529933863259997</v>
      </c>
      <c r="I1461">
        <v>52.702030771402001</v>
      </c>
      <c r="J1461" t="s">
        <v>57146</v>
      </c>
    </row>
    <row r="1462" spans="1:10" x14ac:dyDescent="0.25">
      <c r="A1462" t="s">
        <v>50099</v>
      </c>
      <c r="B1462" t="s">
        <v>50100</v>
      </c>
      <c r="C1462" t="s">
        <v>50101</v>
      </c>
      <c r="D1462" t="s">
        <v>50054</v>
      </c>
      <c r="E1462" t="s">
        <v>13</v>
      </c>
      <c r="F1462">
        <v>12620</v>
      </c>
      <c r="G1462" t="s">
        <v>50102</v>
      </c>
      <c r="H1462">
        <v>5.2499308138179996</v>
      </c>
      <c r="I1462">
        <v>52.698038930560998</v>
      </c>
      <c r="J1462" t="s">
        <v>57147</v>
      </c>
    </row>
    <row r="1463" spans="1:10" x14ac:dyDescent="0.25">
      <c r="A1463" t="s">
        <v>50095</v>
      </c>
      <c r="B1463" t="s">
        <v>50096</v>
      </c>
      <c r="C1463" t="s">
        <v>50097</v>
      </c>
      <c r="D1463" t="s">
        <v>50054</v>
      </c>
      <c r="E1463" t="s">
        <v>13</v>
      </c>
      <c r="F1463">
        <v>12619</v>
      </c>
      <c r="G1463" t="s">
        <v>50098</v>
      </c>
      <c r="H1463">
        <v>5.2410410756279999</v>
      </c>
      <c r="I1463">
        <v>52.696228143035</v>
      </c>
      <c r="J1463" t="s">
        <v>57148</v>
      </c>
    </row>
    <row r="1464" spans="1:10" x14ac:dyDescent="0.25">
      <c r="A1464" t="s">
        <v>50092</v>
      </c>
      <c r="B1464" t="s">
        <v>50093</v>
      </c>
      <c r="C1464" t="s">
        <v>129</v>
      </c>
      <c r="D1464" t="s">
        <v>50054</v>
      </c>
      <c r="E1464" t="s">
        <v>13</v>
      </c>
      <c r="F1464">
        <v>12618</v>
      </c>
      <c r="G1464" t="s">
        <v>50094</v>
      </c>
      <c r="H1464">
        <v>5.2343625880199998</v>
      </c>
      <c r="I1464">
        <v>52.696635437433002</v>
      </c>
      <c r="J1464" t="s">
        <v>57149</v>
      </c>
    </row>
    <row r="1465" spans="1:10" x14ac:dyDescent="0.25">
      <c r="A1465" t="s">
        <v>50088</v>
      </c>
      <c r="B1465" t="s">
        <v>50089</v>
      </c>
      <c r="C1465" t="s">
        <v>50090</v>
      </c>
      <c r="D1465" t="s">
        <v>50054</v>
      </c>
      <c r="E1465" t="s">
        <v>13</v>
      </c>
      <c r="F1465">
        <v>12617</v>
      </c>
      <c r="G1465" t="s">
        <v>50091</v>
      </c>
      <c r="H1465">
        <v>5.2407821150189999</v>
      </c>
      <c r="I1465">
        <v>52.700965289088998</v>
      </c>
      <c r="J1465" t="s">
        <v>57150</v>
      </c>
    </row>
    <row r="1466" spans="1:10" x14ac:dyDescent="0.25">
      <c r="A1466" t="s">
        <v>50084</v>
      </c>
      <c r="B1466" t="s">
        <v>50085</v>
      </c>
      <c r="C1466" t="s">
        <v>50086</v>
      </c>
      <c r="D1466" t="s">
        <v>50054</v>
      </c>
      <c r="E1466" t="s">
        <v>13</v>
      </c>
      <c r="F1466">
        <v>12616</v>
      </c>
      <c r="G1466" t="s">
        <v>50087</v>
      </c>
      <c r="H1466">
        <v>5.2278868724400001</v>
      </c>
      <c r="I1466">
        <v>52.695831234852001</v>
      </c>
      <c r="J1466" t="s">
        <v>57151</v>
      </c>
    </row>
    <row r="1467" spans="1:10" x14ac:dyDescent="0.25">
      <c r="A1467" t="s">
        <v>50080</v>
      </c>
      <c r="B1467" t="s">
        <v>50081</v>
      </c>
      <c r="C1467" t="s">
        <v>50082</v>
      </c>
      <c r="D1467" t="s">
        <v>50054</v>
      </c>
      <c r="E1467" t="s">
        <v>13</v>
      </c>
      <c r="F1467">
        <v>12615</v>
      </c>
      <c r="G1467" t="s">
        <v>50083</v>
      </c>
      <c r="H1467">
        <v>5.2288576534260001</v>
      </c>
      <c r="I1467">
        <v>52.700507579482</v>
      </c>
      <c r="J1467" t="s">
        <v>57152</v>
      </c>
    </row>
    <row r="1468" spans="1:10" x14ac:dyDescent="0.25">
      <c r="A1468" t="s">
        <v>50076</v>
      </c>
      <c r="B1468" t="s">
        <v>50077</v>
      </c>
      <c r="C1468" t="s">
        <v>50078</v>
      </c>
      <c r="D1468" t="s">
        <v>50054</v>
      </c>
      <c r="E1468" t="s">
        <v>13</v>
      </c>
      <c r="F1468">
        <v>12614</v>
      </c>
      <c r="G1468" t="s">
        <v>50079</v>
      </c>
      <c r="H1468">
        <v>5.2223672451700001</v>
      </c>
      <c r="I1468">
        <v>52.700738686887</v>
      </c>
      <c r="J1468" t="s">
        <v>57153</v>
      </c>
    </row>
    <row r="1469" spans="1:10" x14ac:dyDescent="0.25">
      <c r="A1469" t="s">
        <v>50072</v>
      </c>
      <c r="B1469" t="s">
        <v>50073</v>
      </c>
      <c r="C1469" t="s">
        <v>50074</v>
      </c>
      <c r="D1469" t="s">
        <v>50054</v>
      </c>
      <c r="E1469" t="s">
        <v>13</v>
      </c>
      <c r="F1469">
        <v>12613</v>
      </c>
      <c r="G1469" t="s">
        <v>50075</v>
      </c>
      <c r="H1469">
        <v>5.2188772542619999</v>
      </c>
      <c r="I1469">
        <v>52.697231939990999</v>
      </c>
      <c r="J1469" t="s">
        <v>57154</v>
      </c>
    </row>
    <row r="1470" spans="1:10" x14ac:dyDescent="0.25">
      <c r="A1470" t="s">
        <v>50068</v>
      </c>
      <c r="B1470" t="s">
        <v>50069</v>
      </c>
      <c r="C1470" t="s">
        <v>50070</v>
      </c>
      <c r="D1470" t="s">
        <v>50054</v>
      </c>
      <c r="E1470" t="s">
        <v>13</v>
      </c>
      <c r="F1470">
        <v>12612</v>
      </c>
      <c r="G1470" t="s">
        <v>50071</v>
      </c>
      <c r="H1470">
        <v>5.2145549706110002</v>
      </c>
      <c r="I1470">
        <v>52.701231300552998</v>
      </c>
      <c r="J1470" t="s">
        <v>57155</v>
      </c>
    </row>
    <row r="1471" spans="1:10" x14ac:dyDescent="0.25">
      <c r="A1471" t="s">
        <v>50064</v>
      </c>
      <c r="B1471" t="s">
        <v>50065</v>
      </c>
      <c r="C1471" t="s">
        <v>50066</v>
      </c>
      <c r="D1471" t="s">
        <v>50054</v>
      </c>
      <c r="E1471" t="s">
        <v>13</v>
      </c>
      <c r="F1471">
        <v>12611</v>
      </c>
      <c r="G1471" t="s">
        <v>50067</v>
      </c>
      <c r="H1471">
        <v>5.2010388767390001</v>
      </c>
      <c r="I1471">
        <v>52.698660483190999</v>
      </c>
      <c r="J1471" t="s">
        <v>57156</v>
      </c>
    </row>
    <row r="1472" spans="1:10" x14ac:dyDescent="0.25">
      <c r="A1472" t="s">
        <v>50060</v>
      </c>
      <c r="B1472" t="s">
        <v>50061</v>
      </c>
      <c r="C1472" t="s">
        <v>50062</v>
      </c>
      <c r="D1472" t="s">
        <v>50054</v>
      </c>
      <c r="E1472" t="s">
        <v>13</v>
      </c>
      <c r="F1472">
        <v>12610</v>
      </c>
      <c r="G1472" t="s">
        <v>50063</v>
      </c>
      <c r="H1472">
        <v>5.244796088038</v>
      </c>
      <c r="I1472">
        <v>52.709990051909003</v>
      </c>
      <c r="J1472" t="s">
        <v>57157</v>
      </c>
    </row>
    <row r="1473" spans="1:10" x14ac:dyDescent="0.25">
      <c r="A1473" t="s">
        <v>50056</v>
      </c>
      <c r="B1473" t="s">
        <v>50057</v>
      </c>
      <c r="C1473" t="s">
        <v>50058</v>
      </c>
      <c r="D1473" t="s">
        <v>50054</v>
      </c>
      <c r="E1473" t="s">
        <v>13</v>
      </c>
      <c r="F1473">
        <v>12609</v>
      </c>
      <c r="G1473" t="s">
        <v>50059</v>
      </c>
      <c r="H1473">
        <v>5.2218331652860002</v>
      </c>
      <c r="I1473">
        <v>52.710149309202997</v>
      </c>
      <c r="J1473" t="s">
        <v>57158</v>
      </c>
    </row>
    <row r="1474" spans="1:10" x14ac:dyDescent="0.25">
      <c r="A1474" t="s">
        <v>50051</v>
      </c>
      <c r="B1474" t="s">
        <v>50052</v>
      </c>
      <c r="C1474" t="s">
        <v>50053</v>
      </c>
      <c r="D1474" t="s">
        <v>50054</v>
      </c>
      <c r="E1474" t="s">
        <v>13</v>
      </c>
      <c r="F1474">
        <v>12608</v>
      </c>
      <c r="G1474" t="s">
        <v>50055</v>
      </c>
      <c r="H1474">
        <v>5.2004897315110004</v>
      </c>
      <c r="I1474">
        <v>52.708560646164997</v>
      </c>
      <c r="J1474" t="s">
        <v>57159</v>
      </c>
    </row>
    <row r="1475" spans="1:10" x14ac:dyDescent="0.25">
      <c r="A1475" t="s">
        <v>50047</v>
      </c>
      <c r="B1475" t="s">
        <v>50048</v>
      </c>
      <c r="C1475" t="s">
        <v>50049</v>
      </c>
      <c r="D1475" t="s">
        <v>49949</v>
      </c>
      <c r="E1475" t="s">
        <v>13</v>
      </c>
      <c r="F1475">
        <v>12607</v>
      </c>
      <c r="G1475" t="s">
        <v>50050</v>
      </c>
      <c r="H1475">
        <v>5.1957239803739999</v>
      </c>
      <c r="I1475">
        <v>52.641856941755002</v>
      </c>
      <c r="J1475" t="s">
        <v>57160</v>
      </c>
    </row>
    <row r="1476" spans="1:10" x14ac:dyDescent="0.25">
      <c r="A1476" t="s">
        <v>50043</v>
      </c>
      <c r="B1476" t="s">
        <v>50044</v>
      </c>
      <c r="C1476" t="s">
        <v>50045</v>
      </c>
      <c r="D1476" t="s">
        <v>49949</v>
      </c>
      <c r="E1476" t="s">
        <v>13</v>
      </c>
      <c r="F1476">
        <v>12606</v>
      </c>
      <c r="G1476" t="s">
        <v>50046</v>
      </c>
      <c r="H1476">
        <v>5.1936650772090003</v>
      </c>
      <c r="I1476">
        <v>52.652874550374001</v>
      </c>
      <c r="J1476" t="s">
        <v>57161</v>
      </c>
    </row>
    <row r="1477" spans="1:10" x14ac:dyDescent="0.25">
      <c r="A1477" t="s">
        <v>50039</v>
      </c>
      <c r="B1477" t="s">
        <v>50040</v>
      </c>
      <c r="C1477" t="s">
        <v>50041</v>
      </c>
      <c r="D1477" t="s">
        <v>49949</v>
      </c>
      <c r="E1477" t="s">
        <v>13</v>
      </c>
      <c r="F1477">
        <v>12605</v>
      </c>
      <c r="G1477" t="s">
        <v>50042</v>
      </c>
      <c r="H1477">
        <v>5.1829803333809998</v>
      </c>
      <c r="I1477">
        <v>52.659568290528</v>
      </c>
      <c r="J1477" t="s">
        <v>57162</v>
      </c>
    </row>
    <row r="1478" spans="1:10" x14ac:dyDescent="0.25">
      <c r="A1478" t="s">
        <v>50035</v>
      </c>
      <c r="B1478" t="s">
        <v>50036</v>
      </c>
      <c r="C1478" t="s">
        <v>50037</v>
      </c>
      <c r="D1478" t="s">
        <v>49949</v>
      </c>
      <c r="E1478" t="s">
        <v>13</v>
      </c>
      <c r="F1478">
        <v>12604</v>
      </c>
      <c r="G1478" t="s">
        <v>50038</v>
      </c>
      <c r="H1478">
        <v>5.174991449777</v>
      </c>
      <c r="I1478">
        <v>52.666816880048003</v>
      </c>
      <c r="J1478" t="s">
        <v>57163</v>
      </c>
    </row>
    <row r="1479" spans="1:10" x14ac:dyDescent="0.25">
      <c r="A1479" t="s">
        <v>50031</v>
      </c>
      <c r="B1479" t="s">
        <v>50032</v>
      </c>
      <c r="C1479" t="s">
        <v>50033</v>
      </c>
      <c r="D1479" t="s">
        <v>49949</v>
      </c>
      <c r="E1479" t="s">
        <v>13</v>
      </c>
      <c r="F1479">
        <v>12603</v>
      </c>
      <c r="G1479" t="s">
        <v>50034</v>
      </c>
      <c r="H1479">
        <v>5.1242336927640002</v>
      </c>
      <c r="I1479">
        <v>52.638295584392999</v>
      </c>
      <c r="J1479" t="s">
        <v>57164</v>
      </c>
    </row>
    <row r="1480" spans="1:10" x14ac:dyDescent="0.25">
      <c r="A1480" t="s">
        <v>50027</v>
      </c>
      <c r="B1480" t="s">
        <v>50028</v>
      </c>
      <c r="C1480" t="s">
        <v>50029</v>
      </c>
      <c r="D1480" t="s">
        <v>49949</v>
      </c>
      <c r="E1480" t="s">
        <v>13</v>
      </c>
      <c r="F1480">
        <v>12602</v>
      </c>
      <c r="G1480" t="s">
        <v>50030</v>
      </c>
      <c r="H1480">
        <v>5.178564257483</v>
      </c>
      <c r="I1480">
        <v>52.641372498782999</v>
      </c>
      <c r="J1480" t="s">
        <v>57165</v>
      </c>
    </row>
    <row r="1481" spans="1:10" x14ac:dyDescent="0.25">
      <c r="A1481" t="s">
        <v>50023</v>
      </c>
      <c r="B1481" t="s">
        <v>50024</v>
      </c>
      <c r="C1481" t="s">
        <v>50025</v>
      </c>
      <c r="D1481" t="s">
        <v>49949</v>
      </c>
      <c r="E1481" t="s">
        <v>13</v>
      </c>
      <c r="F1481">
        <v>12601</v>
      </c>
      <c r="G1481" t="s">
        <v>50026</v>
      </c>
      <c r="H1481">
        <v>5.1523603939129998</v>
      </c>
      <c r="I1481">
        <v>52.642564780645003</v>
      </c>
      <c r="J1481" t="s">
        <v>57166</v>
      </c>
    </row>
    <row r="1482" spans="1:10" x14ac:dyDescent="0.25">
      <c r="A1482" t="s">
        <v>50019</v>
      </c>
      <c r="B1482" t="s">
        <v>50020</v>
      </c>
      <c r="C1482" t="s">
        <v>50021</v>
      </c>
      <c r="D1482" t="s">
        <v>49949</v>
      </c>
      <c r="E1482" t="s">
        <v>13</v>
      </c>
      <c r="F1482">
        <v>12600</v>
      </c>
      <c r="G1482" t="s">
        <v>50022</v>
      </c>
      <c r="H1482">
        <v>5.2327480299070004</v>
      </c>
      <c r="I1482">
        <v>52.661886232175</v>
      </c>
      <c r="J1482" t="s">
        <v>57167</v>
      </c>
    </row>
    <row r="1483" spans="1:10" x14ac:dyDescent="0.25">
      <c r="A1483" t="s">
        <v>50015</v>
      </c>
      <c r="B1483" t="s">
        <v>50016</v>
      </c>
      <c r="C1483" t="s">
        <v>50017</v>
      </c>
      <c r="D1483" t="s">
        <v>49949</v>
      </c>
      <c r="E1483" t="s">
        <v>13</v>
      </c>
      <c r="F1483">
        <v>12599</v>
      </c>
      <c r="G1483" t="s">
        <v>50018</v>
      </c>
      <c r="H1483">
        <v>5.2209703508720002</v>
      </c>
      <c r="I1483">
        <v>52.659089990818998</v>
      </c>
      <c r="J1483" t="s">
        <v>57168</v>
      </c>
    </row>
    <row r="1484" spans="1:10" x14ac:dyDescent="0.25">
      <c r="A1484" t="s">
        <v>50011</v>
      </c>
      <c r="B1484" t="s">
        <v>50012</v>
      </c>
      <c r="C1484" t="s">
        <v>50013</v>
      </c>
      <c r="D1484" t="s">
        <v>49949</v>
      </c>
      <c r="E1484" t="s">
        <v>13</v>
      </c>
      <c r="F1484">
        <v>12598</v>
      </c>
      <c r="G1484" t="s">
        <v>50014</v>
      </c>
      <c r="H1484">
        <v>5.1997033582340002</v>
      </c>
      <c r="I1484">
        <v>52.669418624713998</v>
      </c>
      <c r="J1484" t="s">
        <v>57169</v>
      </c>
    </row>
    <row r="1485" spans="1:10" x14ac:dyDescent="0.25">
      <c r="A1485" t="s">
        <v>50007</v>
      </c>
      <c r="B1485" t="s">
        <v>50008</v>
      </c>
      <c r="C1485" t="s">
        <v>50009</v>
      </c>
      <c r="D1485" t="s">
        <v>49949</v>
      </c>
      <c r="E1485" t="s">
        <v>13</v>
      </c>
      <c r="F1485">
        <v>12597</v>
      </c>
      <c r="G1485" t="s">
        <v>50010</v>
      </c>
      <c r="H1485">
        <v>5.2260162116990001</v>
      </c>
      <c r="I1485">
        <v>52.677417535125002</v>
      </c>
      <c r="J1485" t="s">
        <v>57170</v>
      </c>
    </row>
    <row r="1486" spans="1:10" x14ac:dyDescent="0.25">
      <c r="A1486" t="s">
        <v>50003</v>
      </c>
      <c r="B1486" t="s">
        <v>50004</v>
      </c>
      <c r="C1486" t="s">
        <v>50005</v>
      </c>
      <c r="D1486" t="s">
        <v>49949</v>
      </c>
      <c r="E1486" t="s">
        <v>13</v>
      </c>
      <c r="F1486">
        <v>12596</v>
      </c>
      <c r="G1486" t="s">
        <v>50006</v>
      </c>
      <c r="H1486">
        <v>5.2051868631489997</v>
      </c>
      <c r="I1486">
        <v>52.664824718892</v>
      </c>
      <c r="J1486" t="s">
        <v>57171</v>
      </c>
    </row>
    <row r="1487" spans="1:10" x14ac:dyDescent="0.25">
      <c r="A1487" t="s">
        <v>49999</v>
      </c>
      <c r="B1487" t="s">
        <v>50000</v>
      </c>
      <c r="C1487" t="s">
        <v>50001</v>
      </c>
      <c r="D1487" t="s">
        <v>49949</v>
      </c>
      <c r="E1487" t="s">
        <v>13</v>
      </c>
      <c r="F1487">
        <v>12595</v>
      </c>
      <c r="G1487" t="s">
        <v>50002</v>
      </c>
      <c r="H1487">
        <v>5.1251124104020001</v>
      </c>
      <c r="I1487">
        <v>52.664002192422998</v>
      </c>
      <c r="J1487" t="s">
        <v>57172</v>
      </c>
    </row>
    <row r="1488" spans="1:10" x14ac:dyDescent="0.25">
      <c r="A1488" t="s">
        <v>49995</v>
      </c>
      <c r="B1488" t="s">
        <v>49996</v>
      </c>
      <c r="C1488" t="s">
        <v>49997</v>
      </c>
      <c r="D1488" t="s">
        <v>49949</v>
      </c>
      <c r="E1488" t="s">
        <v>13</v>
      </c>
      <c r="F1488">
        <v>12594</v>
      </c>
      <c r="G1488" t="s">
        <v>49998</v>
      </c>
      <c r="H1488">
        <v>5.1540425934140002</v>
      </c>
      <c r="I1488">
        <v>52.675154817657003</v>
      </c>
      <c r="J1488" t="s">
        <v>57173</v>
      </c>
    </row>
    <row r="1489" spans="1:10" x14ac:dyDescent="0.25">
      <c r="A1489" t="s">
        <v>49991</v>
      </c>
      <c r="B1489" t="s">
        <v>49992</v>
      </c>
      <c r="C1489" t="s">
        <v>49993</v>
      </c>
      <c r="D1489" t="s">
        <v>49949</v>
      </c>
      <c r="E1489" t="s">
        <v>13</v>
      </c>
      <c r="F1489">
        <v>12593</v>
      </c>
      <c r="G1489" t="s">
        <v>49994</v>
      </c>
      <c r="H1489">
        <v>5.1141637993579998</v>
      </c>
      <c r="I1489">
        <v>52.678450085498</v>
      </c>
      <c r="J1489" t="s">
        <v>57174</v>
      </c>
    </row>
    <row r="1490" spans="1:10" x14ac:dyDescent="0.25">
      <c r="A1490" t="s">
        <v>49987</v>
      </c>
      <c r="B1490" t="s">
        <v>49988</v>
      </c>
      <c r="C1490" t="s">
        <v>49989</v>
      </c>
      <c r="D1490" t="s">
        <v>49949</v>
      </c>
      <c r="E1490" t="s">
        <v>13</v>
      </c>
      <c r="F1490">
        <v>12592</v>
      </c>
      <c r="G1490" t="s">
        <v>49990</v>
      </c>
      <c r="H1490">
        <v>5.1401151119639996</v>
      </c>
      <c r="I1490">
        <v>52.686784007104002</v>
      </c>
      <c r="J1490" t="s">
        <v>57175</v>
      </c>
    </row>
    <row r="1491" spans="1:10" x14ac:dyDescent="0.25">
      <c r="A1491" t="s">
        <v>49984</v>
      </c>
      <c r="B1491" t="s">
        <v>49985</v>
      </c>
      <c r="C1491" t="s">
        <v>18522</v>
      </c>
      <c r="D1491" t="s">
        <v>49949</v>
      </c>
      <c r="E1491" t="s">
        <v>13</v>
      </c>
      <c r="F1491">
        <v>12591</v>
      </c>
      <c r="G1491" t="s">
        <v>49986</v>
      </c>
      <c r="H1491">
        <v>5.1840007391579999</v>
      </c>
      <c r="I1491">
        <v>52.682441119038998</v>
      </c>
      <c r="J1491" t="s">
        <v>57176</v>
      </c>
    </row>
    <row r="1492" spans="1:10" x14ac:dyDescent="0.25">
      <c r="A1492" t="s">
        <v>49981</v>
      </c>
      <c r="B1492" t="s">
        <v>49982</v>
      </c>
      <c r="C1492" t="s">
        <v>44073</v>
      </c>
      <c r="D1492" t="s">
        <v>49949</v>
      </c>
      <c r="E1492" t="s">
        <v>13</v>
      </c>
      <c r="F1492">
        <v>12590</v>
      </c>
      <c r="G1492" t="s">
        <v>49983</v>
      </c>
      <c r="H1492">
        <v>5.1589533428939998</v>
      </c>
      <c r="I1492">
        <v>52.687734107220002</v>
      </c>
      <c r="J1492" t="s">
        <v>57177</v>
      </c>
    </row>
    <row r="1493" spans="1:10" x14ac:dyDescent="0.25">
      <c r="A1493" t="s">
        <v>49977</v>
      </c>
      <c r="B1493" t="s">
        <v>49978</v>
      </c>
      <c r="C1493" t="s">
        <v>49979</v>
      </c>
      <c r="D1493" t="s">
        <v>49949</v>
      </c>
      <c r="E1493" t="s">
        <v>13</v>
      </c>
      <c r="F1493">
        <v>12589</v>
      </c>
      <c r="G1493" t="s">
        <v>49980</v>
      </c>
      <c r="H1493">
        <v>5.1688997236940004</v>
      </c>
      <c r="I1493">
        <v>52.690090608961</v>
      </c>
      <c r="J1493" t="s">
        <v>57178</v>
      </c>
    </row>
    <row r="1494" spans="1:10" x14ac:dyDescent="0.25">
      <c r="A1494" t="s">
        <v>49973</v>
      </c>
      <c r="B1494" t="s">
        <v>49974</v>
      </c>
      <c r="C1494" t="s">
        <v>49975</v>
      </c>
      <c r="D1494" t="s">
        <v>49949</v>
      </c>
      <c r="E1494" t="s">
        <v>13</v>
      </c>
      <c r="F1494">
        <v>12588</v>
      </c>
      <c r="G1494" t="s">
        <v>49976</v>
      </c>
      <c r="H1494">
        <v>5.1756100820819997</v>
      </c>
      <c r="I1494">
        <v>52.691357630239999</v>
      </c>
      <c r="J1494" t="s">
        <v>57179</v>
      </c>
    </row>
    <row r="1495" spans="1:10" x14ac:dyDescent="0.25">
      <c r="A1495" t="s">
        <v>49970</v>
      </c>
      <c r="B1495" t="s">
        <v>49971</v>
      </c>
      <c r="C1495" t="s">
        <v>18546</v>
      </c>
      <c r="D1495" t="s">
        <v>49949</v>
      </c>
      <c r="E1495" t="s">
        <v>13</v>
      </c>
      <c r="F1495">
        <v>12587</v>
      </c>
      <c r="G1495" t="s">
        <v>49972</v>
      </c>
      <c r="H1495">
        <v>5.1864652865950003</v>
      </c>
      <c r="I1495">
        <v>52.693285148520999</v>
      </c>
      <c r="J1495" t="s">
        <v>57180</v>
      </c>
    </row>
    <row r="1496" spans="1:10" x14ac:dyDescent="0.25">
      <c r="A1496" t="s">
        <v>49967</v>
      </c>
      <c r="B1496" t="s">
        <v>49968</v>
      </c>
      <c r="C1496" t="s">
        <v>129</v>
      </c>
      <c r="D1496" t="s">
        <v>49949</v>
      </c>
      <c r="E1496" t="s">
        <v>13</v>
      </c>
      <c r="F1496">
        <v>12586</v>
      </c>
      <c r="G1496" t="s">
        <v>49969</v>
      </c>
      <c r="H1496">
        <v>5.1703875151530001</v>
      </c>
      <c r="I1496">
        <v>52.693061530881003</v>
      </c>
      <c r="J1496" t="s">
        <v>57181</v>
      </c>
    </row>
    <row r="1497" spans="1:10" x14ac:dyDescent="0.25">
      <c r="A1497" t="s">
        <v>49963</v>
      </c>
      <c r="B1497" t="s">
        <v>49964</v>
      </c>
      <c r="C1497" t="s">
        <v>49965</v>
      </c>
      <c r="D1497" t="s">
        <v>49949</v>
      </c>
      <c r="E1497" t="s">
        <v>13</v>
      </c>
      <c r="F1497">
        <v>12585</v>
      </c>
      <c r="G1497" t="s">
        <v>49966</v>
      </c>
      <c r="H1497">
        <v>5.185402536282</v>
      </c>
      <c r="I1497">
        <v>52.698837153185998</v>
      </c>
      <c r="J1497" t="s">
        <v>57182</v>
      </c>
    </row>
    <row r="1498" spans="1:10" x14ac:dyDescent="0.25">
      <c r="A1498" t="s">
        <v>49959</v>
      </c>
      <c r="B1498" t="s">
        <v>49960</v>
      </c>
      <c r="C1498" t="s">
        <v>49961</v>
      </c>
      <c r="D1498" t="s">
        <v>49949</v>
      </c>
      <c r="E1498" t="s">
        <v>13</v>
      </c>
      <c r="F1498">
        <v>12584</v>
      </c>
      <c r="G1498" t="s">
        <v>49962</v>
      </c>
      <c r="H1498">
        <v>5.1749876517770002</v>
      </c>
      <c r="I1498">
        <v>52.697325880171</v>
      </c>
      <c r="J1498" t="s">
        <v>57183</v>
      </c>
    </row>
    <row r="1499" spans="1:10" x14ac:dyDescent="0.25">
      <c r="A1499" t="s">
        <v>49955</v>
      </c>
      <c r="B1499" t="s">
        <v>49956</v>
      </c>
      <c r="C1499" t="s">
        <v>49957</v>
      </c>
      <c r="D1499" t="s">
        <v>49949</v>
      </c>
      <c r="E1499" t="s">
        <v>13</v>
      </c>
      <c r="F1499">
        <v>12583</v>
      </c>
      <c r="G1499" t="s">
        <v>49958</v>
      </c>
      <c r="H1499">
        <v>5.1669734051410003</v>
      </c>
      <c r="I1499">
        <v>52.695665776814003</v>
      </c>
      <c r="J1499" t="s">
        <v>57184</v>
      </c>
    </row>
    <row r="1500" spans="1:10" x14ac:dyDescent="0.25">
      <c r="A1500" t="s">
        <v>49951</v>
      </c>
      <c r="B1500" t="s">
        <v>49952</v>
      </c>
      <c r="C1500" t="s">
        <v>49953</v>
      </c>
      <c r="D1500" t="s">
        <v>49949</v>
      </c>
      <c r="E1500" t="s">
        <v>13</v>
      </c>
      <c r="F1500">
        <v>12582</v>
      </c>
      <c r="G1500" t="s">
        <v>49954</v>
      </c>
      <c r="H1500">
        <v>5.1539530855709996</v>
      </c>
      <c r="I1500">
        <v>52.694658456448003</v>
      </c>
      <c r="J1500" t="s">
        <v>57185</v>
      </c>
    </row>
    <row r="1501" spans="1:10" x14ac:dyDescent="0.25">
      <c r="A1501" t="s">
        <v>49947</v>
      </c>
      <c r="B1501" t="s">
        <v>49948</v>
      </c>
      <c r="C1501" t="s">
        <v>18514</v>
      </c>
      <c r="D1501" t="s">
        <v>49949</v>
      </c>
      <c r="E1501" t="s">
        <v>13</v>
      </c>
      <c r="F1501">
        <v>12581</v>
      </c>
      <c r="G1501" t="s">
        <v>49950</v>
      </c>
      <c r="H1501">
        <v>5.1737540041279999</v>
      </c>
      <c r="I1501">
        <v>52.701679262291002</v>
      </c>
      <c r="J1501" t="s">
        <v>57186</v>
      </c>
    </row>
    <row r="1502" spans="1:10" x14ac:dyDescent="0.25">
      <c r="A1502" t="s">
        <v>49943</v>
      </c>
      <c r="B1502" t="s">
        <v>49944</v>
      </c>
      <c r="C1502" t="s">
        <v>49945</v>
      </c>
      <c r="D1502" t="s">
        <v>49877</v>
      </c>
      <c r="E1502" t="s">
        <v>13</v>
      </c>
      <c r="F1502">
        <v>12580</v>
      </c>
      <c r="G1502" t="s">
        <v>49946</v>
      </c>
      <c r="H1502">
        <v>5.2272596005420002</v>
      </c>
      <c r="I1502">
        <v>52.79890182402</v>
      </c>
      <c r="J1502" t="s">
        <v>57187</v>
      </c>
    </row>
    <row r="1503" spans="1:10" x14ac:dyDescent="0.25">
      <c r="A1503" t="s">
        <v>49939</v>
      </c>
      <c r="B1503" t="s">
        <v>49940</v>
      </c>
      <c r="C1503" t="s">
        <v>49941</v>
      </c>
      <c r="D1503" t="s">
        <v>49877</v>
      </c>
      <c r="E1503" t="s">
        <v>13</v>
      </c>
      <c r="F1503">
        <v>12579</v>
      </c>
      <c r="G1503" t="s">
        <v>49942</v>
      </c>
      <c r="H1503">
        <v>5.2839281309980004</v>
      </c>
      <c r="I1503">
        <v>52.691392476101001</v>
      </c>
      <c r="J1503" t="s">
        <v>57188</v>
      </c>
    </row>
    <row r="1504" spans="1:10" x14ac:dyDescent="0.25">
      <c r="A1504" t="s">
        <v>49935</v>
      </c>
      <c r="B1504" t="s">
        <v>49936</v>
      </c>
      <c r="C1504" t="s">
        <v>49937</v>
      </c>
      <c r="D1504" t="s">
        <v>49877</v>
      </c>
      <c r="E1504" t="s">
        <v>13</v>
      </c>
      <c r="F1504">
        <v>12578</v>
      </c>
      <c r="G1504" t="s">
        <v>49938</v>
      </c>
      <c r="H1504">
        <v>5.2782325883389998</v>
      </c>
      <c r="I1504">
        <v>52.696580440093001</v>
      </c>
      <c r="J1504" t="s">
        <v>57189</v>
      </c>
    </row>
    <row r="1505" spans="1:10" x14ac:dyDescent="0.25">
      <c r="A1505" t="s">
        <v>49931</v>
      </c>
      <c r="B1505" t="s">
        <v>49932</v>
      </c>
      <c r="C1505" t="s">
        <v>49933</v>
      </c>
      <c r="D1505" t="s">
        <v>49877</v>
      </c>
      <c r="E1505" t="s">
        <v>13</v>
      </c>
      <c r="F1505">
        <v>12577</v>
      </c>
      <c r="G1505" t="s">
        <v>49934</v>
      </c>
      <c r="H1505">
        <v>5.2736368497099999</v>
      </c>
      <c r="I1505">
        <v>52.69092924401</v>
      </c>
      <c r="J1505" t="s">
        <v>57190</v>
      </c>
    </row>
    <row r="1506" spans="1:10" x14ac:dyDescent="0.25">
      <c r="A1506" t="s">
        <v>49928</v>
      </c>
      <c r="B1506" t="s">
        <v>49929</v>
      </c>
      <c r="C1506" t="s">
        <v>49732</v>
      </c>
      <c r="D1506" t="s">
        <v>49877</v>
      </c>
      <c r="E1506" t="s">
        <v>13</v>
      </c>
      <c r="F1506">
        <v>12576</v>
      </c>
      <c r="G1506" t="s">
        <v>49930</v>
      </c>
      <c r="H1506">
        <v>5.2656441922230002</v>
      </c>
      <c r="I1506">
        <v>52.693127690978997</v>
      </c>
      <c r="J1506" t="s">
        <v>57191</v>
      </c>
    </row>
    <row r="1507" spans="1:10" x14ac:dyDescent="0.25">
      <c r="A1507" t="s">
        <v>49925</v>
      </c>
      <c r="B1507" t="s">
        <v>49926</v>
      </c>
      <c r="C1507" t="s">
        <v>24706</v>
      </c>
      <c r="D1507" t="s">
        <v>49877</v>
      </c>
      <c r="E1507" t="s">
        <v>13</v>
      </c>
      <c r="F1507">
        <v>12575</v>
      </c>
      <c r="G1507" t="s">
        <v>49927</v>
      </c>
      <c r="H1507">
        <v>5.2665759781760002</v>
      </c>
      <c r="I1507">
        <v>52.702190575656999</v>
      </c>
      <c r="J1507" t="s">
        <v>57192</v>
      </c>
    </row>
    <row r="1508" spans="1:10" x14ac:dyDescent="0.25">
      <c r="A1508" t="s">
        <v>49921</v>
      </c>
      <c r="B1508" t="s">
        <v>49922</v>
      </c>
      <c r="C1508" t="s">
        <v>49923</v>
      </c>
      <c r="D1508" t="s">
        <v>49877</v>
      </c>
      <c r="E1508" t="s">
        <v>13</v>
      </c>
      <c r="F1508">
        <v>12574</v>
      </c>
      <c r="G1508" t="s">
        <v>49924</v>
      </c>
      <c r="H1508">
        <v>5.270206682824</v>
      </c>
      <c r="I1508">
        <v>52.732315797161</v>
      </c>
      <c r="J1508" t="s">
        <v>57193</v>
      </c>
    </row>
    <row r="1509" spans="1:10" x14ac:dyDescent="0.25">
      <c r="A1509" t="s">
        <v>49917</v>
      </c>
      <c r="B1509" t="s">
        <v>49918</v>
      </c>
      <c r="C1509" t="s">
        <v>49919</v>
      </c>
      <c r="D1509" t="s">
        <v>49877</v>
      </c>
      <c r="E1509" t="s">
        <v>13</v>
      </c>
      <c r="F1509">
        <v>12573</v>
      </c>
      <c r="G1509" t="s">
        <v>49920</v>
      </c>
      <c r="H1509">
        <v>5.2909856415940002</v>
      </c>
      <c r="I1509">
        <v>52.712890655420999</v>
      </c>
      <c r="J1509" t="s">
        <v>57194</v>
      </c>
    </row>
    <row r="1510" spans="1:10" x14ac:dyDescent="0.25">
      <c r="A1510" t="s">
        <v>49914</v>
      </c>
      <c r="B1510" t="s">
        <v>49915</v>
      </c>
      <c r="C1510" t="s">
        <v>4740</v>
      </c>
      <c r="D1510" t="s">
        <v>49877</v>
      </c>
      <c r="E1510" t="s">
        <v>13</v>
      </c>
      <c r="F1510">
        <v>12572</v>
      </c>
      <c r="G1510" t="s">
        <v>49916</v>
      </c>
      <c r="H1510">
        <v>5.2837903223940001</v>
      </c>
      <c r="I1510">
        <v>52.711998931453998</v>
      </c>
      <c r="J1510" t="s">
        <v>57195</v>
      </c>
    </row>
    <row r="1511" spans="1:10" x14ac:dyDescent="0.25">
      <c r="A1511" t="s">
        <v>49910</v>
      </c>
      <c r="B1511" t="s">
        <v>49911</v>
      </c>
      <c r="C1511" t="s">
        <v>49912</v>
      </c>
      <c r="D1511" t="s">
        <v>49877</v>
      </c>
      <c r="E1511" t="s">
        <v>13</v>
      </c>
      <c r="F1511">
        <v>12571</v>
      </c>
      <c r="G1511" t="s">
        <v>49913</v>
      </c>
      <c r="H1511">
        <v>5.2779215661099999</v>
      </c>
      <c r="I1511">
        <v>52.711767808875003</v>
      </c>
      <c r="J1511" t="s">
        <v>57196</v>
      </c>
    </row>
    <row r="1512" spans="1:10" x14ac:dyDescent="0.25">
      <c r="A1512" t="s">
        <v>49906</v>
      </c>
      <c r="B1512" t="s">
        <v>49907</v>
      </c>
      <c r="C1512" t="s">
        <v>49908</v>
      </c>
      <c r="D1512" t="s">
        <v>49877</v>
      </c>
      <c r="E1512" t="s">
        <v>13</v>
      </c>
      <c r="F1512">
        <v>12570</v>
      </c>
      <c r="G1512" t="s">
        <v>49909</v>
      </c>
      <c r="H1512">
        <v>5.2712553770130004</v>
      </c>
      <c r="I1512">
        <v>52.713224253935003</v>
      </c>
      <c r="J1512" t="s">
        <v>57197</v>
      </c>
    </row>
    <row r="1513" spans="1:10" x14ac:dyDescent="0.25">
      <c r="A1513" t="s">
        <v>49902</v>
      </c>
      <c r="B1513" t="s">
        <v>49903</v>
      </c>
      <c r="C1513" t="s">
        <v>49904</v>
      </c>
      <c r="D1513" t="s">
        <v>49877</v>
      </c>
      <c r="E1513" t="s">
        <v>13</v>
      </c>
      <c r="F1513">
        <v>12569</v>
      </c>
      <c r="G1513" t="s">
        <v>49905</v>
      </c>
      <c r="H1513">
        <v>5.2651710503259999</v>
      </c>
      <c r="I1513">
        <v>52.712631038147997</v>
      </c>
      <c r="J1513" t="s">
        <v>57198</v>
      </c>
    </row>
    <row r="1514" spans="1:10" x14ac:dyDescent="0.25">
      <c r="A1514" t="s">
        <v>49898</v>
      </c>
      <c r="B1514" t="s">
        <v>49899</v>
      </c>
      <c r="C1514" t="s">
        <v>49900</v>
      </c>
      <c r="D1514" t="s">
        <v>49877</v>
      </c>
      <c r="E1514" t="s">
        <v>13</v>
      </c>
      <c r="F1514">
        <v>12568</v>
      </c>
      <c r="G1514" t="s">
        <v>49901</v>
      </c>
      <c r="H1514">
        <v>5.2660980223319998</v>
      </c>
      <c r="I1514">
        <v>52.708189513981999</v>
      </c>
      <c r="J1514" t="s">
        <v>57199</v>
      </c>
    </row>
    <row r="1515" spans="1:10" x14ac:dyDescent="0.25">
      <c r="A1515" t="s">
        <v>49894</v>
      </c>
      <c r="B1515" t="s">
        <v>49895</v>
      </c>
      <c r="C1515" t="s">
        <v>49896</v>
      </c>
      <c r="D1515" t="s">
        <v>49877</v>
      </c>
      <c r="E1515" t="s">
        <v>13</v>
      </c>
      <c r="F1515">
        <v>12567</v>
      </c>
      <c r="G1515" t="s">
        <v>49897</v>
      </c>
      <c r="H1515">
        <v>5.2599371449890002</v>
      </c>
      <c r="I1515">
        <v>52.714378911502003</v>
      </c>
      <c r="J1515" t="s">
        <v>57200</v>
      </c>
    </row>
    <row r="1516" spans="1:10" x14ac:dyDescent="0.25">
      <c r="A1516" t="s">
        <v>49891</v>
      </c>
      <c r="B1516" t="s">
        <v>49892</v>
      </c>
      <c r="C1516" t="s">
        <v>14981</v>
      </c>
      <c r="D1516" t="s">
        <v>49877</v>
      </c>
      <c r="E1516" t="s">
        <v>13</v>
      </c>
      <c r="F1516">
        <v>12566</v>
      </c>
      <c r="G1516" t="s">
        <v>49893</v>
      </c>
      <c r="H1516">
        <v>5.271694409158</v>
      </c>
      <c r="I1516">
        <v>52.717967061701998</v>
      </c>
      <c r="J1516" t="s">
        <v>57201</v>
      </c>
    </row>
    <row r="1517" spans="1:10" x14ac:dyDescent="0.25">
      <c r="A1517" t="s">
        <v>49887</v>
      </c>
      <c r="B1517" t="s">
        <v>49888</v>
      </c>
      <c r="C1517" t="s">
        <v>49889</v>
      </c>
      <c r="D1517" t="s">
        <v>49877</v>
      </c>
      <c r="E1517" t="s">
        <v>13</v>
      </c>
      <c r="F1517">
        <v>12565</v>
      </c>
      <c r="G1517" t="s">
        <v>49890</v>
      </c>
      <c r="H1517">
        <v>5.2795435415899998</v>
      </c>
      <c r="I1517">
        <v>52.700265394875998</v>
      </c>
      <c r="J1517" t="s">
        <v>57202</v>
      </c>
    </row>
    <row r="1518" spans="1:10" x14ac:dyDescent="0.25">
      <c r="A1518" t="s">
        <v>49883</v>
      </c>
      <c r="B1518" t="s">
        <v>49884</v>
      </c>
      <c r="C1518" t="s">
        <v>49885</v>
      </c>
      <c r="D1518" t="s">
        <v>49877</v>
      </c>
      <c r="E1518" t="s">
        <v>13</v>
      </c>
      <c r="F1518">
        <v>12564</v>
      </c>
      <c r="G1518" t="s">
        <v>49886</v>
      </c>
      <c r="H1518">
        <v>5.2787744362789999</v>
      </c>
      <c r="I1518">
        <v>52.704829244137002</v>
      </c>
      <c r="J1518" t="s">
        <v>57203</v>
      </c>
    </row>
    <row r="1519" spans="1:10" x14ac:dyDescent="0.25">
      <c r="A1519" t="s">
        <v>49879</v>
      </c>
      <c r="B1519" t="s">
        <v>49880</v>
      </c>
      <c r="C1519" t="s">
        <v>49881</v>
      </c>
      <c r="D1519" t="s">
        <v>49877</v>
      </c>
      <c r="E1519" t="s">
        <v>13</v>
      </c>
      <c r="F1519">
        <v>12563</v>
      </c>
      <c r="G1519" t="s">
        <v>49882</v>
      </c>
      <c r="H1519">
        <v>5.2882597516320002</v>
      </c>
      <c r="I1519">
        <v>52.706664639449002</v>
      </c>
      <c r="J1519" t="s">
        <v>57204</v>
      </c>
    </row>
    <row r="1520" spans="1:10" x14ac:dyDescent="0.25">
      <c r="A1520" t="s">
        <v>49874</v>
      </c>
      <c r="B1520" t="s">
        <v>49875</v>
      </c>
      <c r="C1520" t="s">
        <v>49876</v>
      </c>
      <c r="D1520" t="s">
        <v>49877</v>
      </c>
      <c r="E1520" t="s">
        <v>13</v>
      </c>
      <c r="F1520">
        <v>12562</v>
      </c>
      <c r="G1520" t="s">
        <v>49878</v>
      </c>
      <c r="H1520">
        <v>5.2917373944639996</v>
      </c>
      <c r="I1520">
        <v>52.702028713563003</v>
      </c>
      <c r="J1520" t="s">
        <v>57205</v>
      </c>
    </row>
    <row r="1521" spans="1:10" x14ac:dyDescent="0.25">
      <c r="A1521" t="s">
        <v>49870</v>
      </c>
      <c r="B1521" t="s">
        <v>49871</v>
      </c>
      <c r="C1521" t="s">
        <v>49872</v>
      </c>
      <c r="D1521" t="s">
        <v>49614</v>
      </c>
      <c r="E1521" t="s">
        <v>13</v>
      </c>
      <c r="F1521">
        <v>12561</v>
      </c>
      <c r="G1521" t="s">
        <v>49873</v>
      </c>
      <c r="H1521">
        <v>4.881456839388</v>
      </c>
      <c r="I1521">
        <v>52.718946659696996</v>
      </c>
      <c r="J1521" t="s">
        <v>57206</v>
      </c>
    </row>
    <row r="1522" spans="1:10" x14ac:dyDescent="0.25">
      <c r="A1522" t="s">
        <v>49866</v>
      </c>
      <c r="B1522" t="s">
        <v>49867</v>
      </c>
      <c r="C1522" t="s">
        <v>49868</v>
      </c>
      <c r="D1522" t="s">
        <v>49614</v>
      </c>
      <c r="E1522" t="s">
        <v>13</v>
      </c>
      <c r="F1522">
        <v>12560</v>
      </c>
      <c r="G1522" t="s">
        <v>49869</v>
      </c>
      <c r="H1522">
        <v>4.875962250113</v>
      </c>
      <c r="I1522">
        <v>52.718765305555998</v>
      </c>
      <c r="J1522" t="s">
        <v>57207</v>
      </c>
    </row>
    <row r="1523" spans="1:10" x14ac:dyDescent="0.25">
      <c r="A1523" t="s">
        <v>49862</v>
      </c>
      <c r="B1523" t="s">
        <v>49863</v>
      </c>
      <c r="C1523" t="s">
        <v>49864</v>
      </c>
      <c r="D1523" t="s">
        <v>49614</v>
      </c>
      <c r="E1523" t="s">
        <v>13</v>
      </c>
      <c r="F1523">
        <v>12559</v>
      </c>
      <c r="G1523" t="s">
        <v>49865</v>
      </c>
      <c r="H1523">
        <v>4.8357714248220001</v>
      </c>
      <c r="I1523">
        <v>52.746050670005999</v>
      </c>
      <c r="J1523" t="s">
        <v>57208</v>
      </c>
    </row>
    <row r="1524" spans="1:10" x14ac:dyDescent="0.25">
      <c r="A1524" t="s">
        <v>49858</v>
      </c>
      <c r="B1524" t="s">
        <v>49859</v>
      </c>
      <c r="C1524" t="s">
        <v>49860</v>
      </c>
      <c r="D1524" t="s">
        <v>49614</v>
      </c>
      <c r="E1524" t="s">
        <v>13</v>
      </c>
      <c r="F1524">
        <v>12558</v>
      </c>
      <c r="G1524" t="s">
        <v>49861</v>
      </c>
      <c r="H1524">
        <v>4.8381192380159996</v>
      </c>
      <c r="I1524">
        <v>52.742653573489001</v>
      </c>
      <c r="J1524" t="s">
        <v>57209</v>
      </c>
    </row>
    <row r="1525" spans="1:10" x14ac:dyDescent="0.25">
      <c r="A1525" t="s">
        <v>49854</v>
      </c>
      <c r="B1525" t="s">
        <v>49855</v>
      </c>
      <c r="C1525" t="s">
        <v>49856</v>
      </c>
      <c r="D1525" t="s">
        <v>49614</v>
      </c>
      <c r="E1525" t="s">
        <v>13</v>
      </c>
      <c r="F1525">
        <v>12557</v>
      </c>
      <c r="G1525" t="s">
        <v>49857</v>
      </c>
      <c r="H1525">
        <v>4.8550127658489997</v>
      </c>
      <c r="I1525">
        <v>52.746544868857001</v>
      </c>
      <c r="J1525" t="s">
        <v>57210</v>
      </c>
    </row>
    <row r="1526" spans="1:10" x14ac:dyDescent="0.25">
      <c r="A1526" t="s">
        <v>49850</v>
      </c>
      <c r="B1526" t="s">
        <v>49851</v>
      </c>
      <c r="C1526" t="s">
        <v>49852</v>
      </c>
      <c r="D1526" t="s">
        <v>49614</v>
      </c>
      <c r="E1526" t="s">
        <v>13</v>
      </c>
      <c r="F1526">
        <v>12556</v>
      </c>
      <c r="G1526" t="s">
        <v>49853</v>
      </c>
      <c r="H1526">
        <v>4.858463213706</v>
      </c>
      <c r="I1526">
        <v>52.743314190516003</v>
      </c>
      <c r="J1526" t="s">
        <v>57211</v>
      </c>
    </row>
    <row r="1527" spans="1:10" x14ac:dyDescent="0.25">
      <c r="A1527" t="s">
        <v>49846</v>
      </c>
      <c r="B1527" t="s">
        <v>49847</v>
      </c>
      <c r="C1527" t="s">
        <v>49848</v>
      </c>
      <c r="D1527" t="s">
        <v>49614</v>
      </c>
      <c r="E1527" t="s">
        <v>13</v>
      </c>
      <c r="F1527">
        <v>12555</v>
      </c>
      <c r="G1527" t="s">
        <v>49849</v>
      </c>
      <c r="H1527">
        <v>4.8555395218099999</v>
      </c>
      <c r="I1527">
        <v>52.739067105413</v>
      </c>
      <c r="J1527" t="s">
        <v>57212</v>
      </c>
    </row>
    <row r="1528" spans="1:10" x14ac:dyDescent="0.25">
      <c r="A1528" t="s">
        <v>49842</v>
      </c>
      <c r="B1528" t="s">
        <v>49843</v>
      </c>
      <c r="C1528" t="s">
        <v>49844</v>
      </c>
      <c r="D1528" t="s">
        <v>49614</v>
      </c>
      <c r="E1528" t="s">
        <v>13</v>
      </c>
      <c r="F1528">
        <v>12554</v>
      </c>
      <c r="G1528" t="s">
        <v>49845</v>
      </c>
      <c r="H1528">
        <v>4.8961654631520002</v>
      </c>
      <c r="I1528">
        <v>52.735810053027002</v>
      </c>
      <c r="J1528" t="s">
        <v>57213</v>
      </c>
    </row>
    <row r="1529" spans="1:10" x14ac:dyDescent="0.25">
      <c r="A1529" t="s">
        <v>49838</v>
      </c>
      <c r="B1529" t="s">
        <v>49839</v>
      </c>
      <c r="C1529" t="s">
        <v>49840</v>
      </c>
      <c r="D1529" t="s">
        <v>49614</v>
      </c>
      <c r="E1529" t="s">
        <v>13</v>
      </c>
      <c r="F1529">
        <v>12553</v>
      </c>
      <c r="G1529" t="s">
        <v>49841</v>
      </c>
      <c r="H1529">
        <v>4.8993059680229996</v>
      </c>
      <c r="I1529">
        <v>52.744405510029999</v>
      </c>
      <c r="J1529" t="s">
        <v>57214</v>
      </c>
    </row>
    <row r="1530" spans="1:10" x14ac:dyDescent="0.25">
      <c r="A1530" t="s">
        <v>49834</v>
      </c>
      <c r="B1530" t="s">
        <v>49835</v>
      </c>
      <c r="C1530" t="s">
        <v>49836</v>
      </c>
      <c r="D1530" t="s">
        <v>49614</v>
      </c>
      <c r="E1530" t="s">
        <v>13</v>
      </c>
      <c r="F1530">
        <v>12552</v>
      </c>
      <c r="G1530" t="s">
        <v>49837</v>
      </c>
      <c r="H1530">
        <v>4.896606897671</v>
      </c>
      <c r="I1530">
        <v>52.740767896733999</v>
      </c>
      <c r="J1530" t="s">
        <v>57215</v>
      </c>
    </row>
    <row r="1531" spans="1:10" x14ac:dyDescent="0.25">
      <c r="A1531" t="s">
        <v>49830</v>
      </c>
      <c r="B1531" t="s">
        <v>49831</v>
      </c>
      <c r="C1531" t="s">
        <v>49832</v>
      </c>
      <c r="D1531" t="s">
        <v>49614</v>
      </c>
      <c r="E1531" t="s">
        <v>13</v>
      </c>
      <c r="F1531">
        <v>12551</v>
      </c>
      <c r="G1531" t="s">
        <v>49833</v>
      </c>
      <c r="H1531">
        <v>4.921560956655</v>
      </c>
      <c r="I1531">
        <v>52.759226850227002</v>
      </c>
      <c r="J1531" t="s">
        <v>57216</v>
      </c>
    </row>
    <row r="1532" spans="1:10" x14ac:dyDescent="0.25">
      <c r="A1532" t="s">
        <v>49826</v>
      </c>
      <c r="B1532" t="s">
        <v>49827</v>
      </c>
      <c r="C1532" t="s">
        <v>49828</v>
      </c>
      <c r="D1532" t="s">
        <v>49614</v>
      </c>
      <c r="E1532" t="s">
        <v>13</v>
      </c>
      <c r="F1532">
        <v>12550</v>
      </c>
      <c r="G1532" t="s">
        <v>49829</v>
      </c>
      <c r="H1532">
        <v>4.8915817036189999</v>
      </c>
      <c r="I1532">
        <v>52.758320679185999</v>
      </c>
      <c r="J1532" t="s">
        <v>57217</v>
      </c>
    </row>
    <row r="1533" spans="1:10" x14ac:dyDescent="0.25">
      <c r="A1533" t="s">
        <v>49822</v>
      </c>
      <c r="B1533" t="s">
        <v>49823</v>
      </c>
      <c r="C1533" t="s">
        <v>49824</v>
      </c>
      <c r="D1533" t="s">
        <v>49614</v>
      </c>
      <c r="E1533" t="s">
        <v>13</v>
      </c>
      <c r="F1533">
        <v>12549</v>
      </c>
      <c r="G1533" t="s">
        <v>49825</v>
      </c>
      <c r="H1533">
        <v>4.9083656187760001</v>
      </c>
      <c r="I1533">
        <v>52.748227035103</v>
      </c>
      <c r="J1533" t="s">
        <v>57218</v>
      </c>
    </row>
    <row r="1534" spans="1:10" x14ac:dyDescent="0.25">
      <c r="A1534" t="s">
        <v>49818</v>
      </c>
      <c r="B1534" t="s">
        <v>49819</v>
      </c>
      <c r="C1534" t="s">
        <v>49820</v>
      </c>
      <c r="D1534" t="s">
        <v>49614</v>
      </c>
      <c r="E1534" t="s">
        <v>13</v>
      </c>
      <c r="F1534">
        <v>12548</v>
      </c>
      <c r="G1534" t="s">
        <v>49821</v>
      </c>
      <c r="H1534">
        <v>4.8974785430510002</v>
      </c>
      <c r="I1534">
        <v>52.757171332760002</v>
      </c>
      <c r="J1534" t="s">
        <v>57219</v>
      </c>
    </row>
    <row r="1535" spans="1:10" x14ac:dyDescent="0.25">
      <c r="A1535" t="s">
        <v>49814</v>
      </c>
      <c r="B1535" t="s">
        <v>49815</v>
      </c>
      <c r="C1535" t="s">
        <v>49816</v>
      </c>
      <c r="D1535" t="s">
        <v>49614</v>
      </c>
      <c r="E1535" t="s">
        <v>13</v>
      </c>
      <c r="F1535">
        <v>12547</v>
      </c>
      <c r="G1535" t="s">
        <v>49817</v>
      </c>
      <c r="H1535">
        <v>4.9045932096950002</v>
      </c>
      <c r="I1535">
        <v>52.752716877220003</v>
      </c>
      <c r="J1535" t="s">
        <v>57220</v>
      </c>
    </row>
    <row r="1536" spans="1:10" x14ac:dyDescent="0.25">
      <c r="A1536" t="s">
        <v>49810</v>
      </c>
      <c r="B1536" t="s">
        <v>49811</v>
      </c>
      <c r="C1536" t="s">
        <v>49812</v>
      </c>
      <c r="D1536" t="s">
        <v>49614</v>
      </c>
      <c r="E1536" t="s">
        <v>13</v>
      </c>
      <c r="F1536">
        <v>12546</v>
      </c>
      <c r="G1536" t="s">
        <v>49813</v>
      </c>
      <c r="H1536">
        <v>4.9036391484469997</v>
      </c>
      <c r="I1536">
        <v>52.753923929502001</v>
      </c>
      <c r="J1536" t="s">
        <v>57221</v>
      </c>
    </row>
    <row r="1537" spans="1:10" x14ac:dyDescent="0.25">
      <c r="A1537" t="s">
        <v>49806</v>
      </c>
      <c r="B1537" t="s">
        <v>49807</v>
      </c>
      <c r="C1537" t="s">
        <v>49808</v>
      </c>
      <c r="D1537" t="s">
        <v>49614</v>
      </c>
      <c r="E1537" t="s">
        <v>13</v>
      </c>
      <c r="F1537">
        <v>12545</v>
      </c>
      <c r="G1537" t="s">
        <v>49809</v>
      </c>
      <c r="H1537">
        <v>4.8887719943930001</v>
      </c>
      <c r="I1537">
        <v>52.774079009776997</v>
      </c>
      <c r="J1537" t="s">
        <v>57222</v>
      </c>
    </row>
    <row r="1538" spans="1:10" x14ac:dyDescent="0.25">
      <c r="A1538" t="s">
        <v>49802</v>
      </c>
      <c r="B1538" t="s">
        <v>49803</v>
      </c>
      <c r="C1538" t="s">
        <v>49804</v>
      </c>
      <c r="D1538" t="s">
        <v>49614</v>
      </c>
      <c r="E1538" t="s">
        <v>13</v>
      </c>
      <c r="F1538">
        <v>12544</v>
      </c>
      <c r="G1538" t="s">
        <v>49805</v>
      </c>
      <c r="H1538">
        <v>4.884392668407</v>
      </c>
      <c r="I1538">
        <v>52.766182643740997</v>
      </c>
      <c r="J1538" t="s">
        <v>57223</v>
      </c>
    </row>
    <row r="1539" spans="1:10" x14ac:dyDescent="0.25">
      <c r="A1539" t="s">
        <v>49798</v>
      </c>
      <c r="B1539" t="s">
        <v>49799</v>
      </c>
      <c r="C1539" t="s">
        <v>49800</v>
      </c>
      <c r="D1539" t="s">
        <v>49614</v>
      </c>
      <c r="E1539" t="s">
        <v>13</v>
      </c>
      <c r="F1539">
        <v>12543</v>
      </c>
      <c r="G1539" t="s">
        <v>49801</v>
      </c>
      <c r="H1539">
        <v>4.8305873987370003</v>
      </c>
      <c r="I1539">
        <v>52.768351679283001</v>
      </c>
      <c r="J1539" t="s">
        <v>57224</v>
      </c>
    </row>
    <row r="1540" spans="1:10" x14ac:dyDescent="0.25">
      <c r="A1540" t="s">
        <v>49794</v>
      </c>
      <c r="B1540" t="s">
        <v>49795</v>
      </c>
      <c r="C1540" t="s">
        <v>49796</v>
      </c>
      <c r="D1540" t="s">
        <v>49614</v>
      </c>
      <c r="E1540" t="s">
        <v>13</v>
      </c>
      <c r="F1540">
        <v>12542</v>
      </c>
      <c r="G1540" t="s">
        <v>49797</v>
      </c>
      <c r="H1540">
        <v>4.8286737897740002</v>
      </c>
      <c r="I1540">
        <v>52.772875248136998</v>
      </c>
      <c r="J1540" t="s">
        <v>57225</v>
      </c>
    </row>
    <row r="1541" spans="1:10" x14ac:dyDescent="0.25">
      <c r="A1541" t="s">
        <v>49790</v>
      </c>
      <c r="B1541" t="s">
        <v>49791</v>
      </c>
      <c r="C1541" t="s">
        <v>49792</v>
      </c>
      <c r="D1541" t="s">
        <v>49614</v>
      </c>
      <c r="E1541" t="s">
        <v>13</v>
      </c>
      <c r="F1541">
        <v>12541</v>
      </c>
      <c r="G1541" t="s">
        <v>49793</v>
      </c>
      <c r="H1541">
        <v>4.851806466018</v>
      </c>
      <c r="I1541">
        <v>52.789857268158002</v>
      </c>
      <c r="J1541" t="s">
        <v>57226</v>
      </c>
    </row>
    <row r="1542" spans="1:10" x14ac:dyDescent="0.25">
      <c r="A1542" t="s">
        <v>49786</v>
      </c>
      <c r="B1542" t="s">
        <v>49787</v>
      </c>
      <c r="C1542" t="s">
        <v>49788</v>
      </c>
      <c r="D1542" t="s">
        <v>49614</v>
      </c>
      <c r="E1542" t="s">
        <v>13</v>
      </c>
      <c r="F1542">
        <v>12540</v>
      </c>
      <c r="G1542" t="s">
        <v>49789</v>
      </c>
      <c r="H1542">
        <v>4.8563573459580001</v>
      </c>
      <c r="I1542">
        <v>52.784824487074999</v>
      </c>
      <c r="J1542" t="s">
        <v>57227</v>
      </c>
    </row>
    <row r="1543" spans="1:10" x14ac:dyDescent="0.25">
      <c r="A1543" t="s">
        <v>49782</v>
      </c>
      <c r="B1543" t="s">
        <v>49783</v>
      </c>
      <c r="C1543" t="s">
        <v>49784</v>
      </c>
      <c r="D1543" t="s">
        <v>49614</v>
      </c>
      <c r="E1543" t="s">
        <v>13</v>
      </c>
      <c r="F1543">
        <v>12539</v>
      </c>
      <c r="G1543" t="s">
        <v>49785</v>
      </c>
      <c r="H1543">
        <v>4.8947203203410004</v>
      </c>
      <c r="I1543">
        <v>52.792897993074</v>
      </c>
      <c r="J1543" t="s">
        <v>57228</v>
      </c>
    </row>
    <row r="1544" spans="1:10" x14ac:dyDescent="0.25">
      <c r="A1544" t="s">
        <v>49778</v>
      </c>
      <c r="B1544" t="s">
        <v>49779</v>
      </c>
      <c r="C1544" t="s">
        <v>49780</v>
      </c>
      <c r="D1544" t="s">
        <v>49614</v>
      </c>
      <c r="E1544" t="s">
        <v>13</v>
      </c>
      <c r="F1544">
        <v>12538</v>
      </c>
      <c r="G1544" t="s">
        <v>49781</v>
      </c>
      <c r="H1544">
        <v>4.8909233046490002</v>
      </c>
      <c r="I1544">
        <v>52.793473803791002</v>
      </c>
      <c r="J1544" t="s">
        <v>57229</v>
      </c>
    </row>
    <row r="1545" spans="1:10" x14ac:dyDescent="0.25">
      <c r="A1545" t="s">
        <v>49774</v>
      </c>
      <c r="B1545" t="s">
        <v>49775</v>
      </c>
      <c r="C1545" t="s">
        <v>49776</v>
      </c>
      <c r="D1545" t="s">
        <v>49614</v>
      </c>
      <c r="E1545" t="s">
        <v>13</v>
      </c>
      <c r="F1545">
        <v>12537</v>
      </c>
      <c r="G1545" t="s">
        <v>49777</v>
      </c>
      <c r="H1545">
        <v>4.983931627234</v>
      </c>
      <c r="I1545">
        <v>52.788993126548</v>
      </c>
      <c r="J1545" t="s">
        <v>57230</v>
      </c>
    </row>
    <row r="1546" spans="1:10" x14ac:dyDescent="0.25">
      <c r="A1546" t="s">
        <v>49770</v>
      </c>
      <c r="B1546" t="s">
        <v>49771</v>
      </c>
      <c r="C1546" t="s">
        <v>49772</v>
      </c>
      <c r="D1546" t="s">
        <v>49614</v>
      </c>
      <c r="E1546" t="s">
        <v>13</v>
      </c>
      <c r="F1546">
        <v>12536</v>
      </c>
      <c r="G1546" t="s">
        <v>49773</v>
      </c>
      <c r="H1546">
        <v>4.9966593336610003</v>
      </c>
      <c r="I1546">
        <v>52.816886506659003</v>
      </c>
      <c r="J1546" t="s">
        <v>57231</v>
      </c>
    </row>
    <row r="1547" spans="1:10" x14ac:dyDescent="0.25">
      <c r="A1547" t="s">
        <v>49766</v>
      </c>
      <c r="B1547" t="s">
        <v>49767</v>
      </c>
      <c r="C1547" t="s">
        <v>49768</v>
      </c>
      <c r="D1547" t="s">
        <v>49614</v>
      </c>
      <c r="E1547" t="s">
        <v>13</v>
      </c>
      <c r="F1547">
        <v>12535</v>
      </c>
      <c r="G1547" t="s">
        <v>49769</v>
      </c>
      <c r="H1547">
        <v>5.0461008749670002</v>
      </c>
      <c r="I1547">
        <v>52.781192555809</v>
      </c>
      <c r="J1547" t="s">
        <v>57232</v>
      </c>
    </row>
    <row r="1548" spans="1:10" x14ac:dyDescent="0.25">
      <c r="A1548" t="s">
        <v>49762</v>
      </c>
      <c r="B1548" t="s">
        <v>49763</v>
      </c>
      <c r="C1548" t="s">
        <v>49764</v>
      </c>
      <c r="D1548" t="s">
        <v>49614</v>
      </c>
      <c r="E1548" t="s">
        <v>13</v>
      </c>
      <c r="F1548">
        <v>12534</v>
      </c>
      <c r="G1548" t="s">
        <v>49765</v>
      </c>
      <c r="H1548">
        <v>5.0016297433619998</v>
      </c>
      <c r="I1548">
        <v>52.807881212506999</v>
      </c>
      <c r="J1548" t="s">
        <v>57233</v>
      </c>
    </row>
    <row r="1549" spans="1:10" x14ac:dyDescent="0.25">
      <c r="A1549" t="s">
        <v>49758</v>
      </c>
      <c r="B1549" t="s">
        <v>49759</v>
      </c>
      <c r="C1549" t="s">
        <v>49760</v>
      </c>
      <c r="D1549" t="s">
        <v>49614</v>
      </c>
      <c r="E1549" t="s">
        <v>13</v>
      </c>
      <c r="F1549">
        <v>12533</v>
      </c>
      <c r="G1549" t="s">
        <v>49761</v>
      </c>
      <c r="H1549">
        <v>4.996652579789</v>
      </c>
      <c r="I1549">
        <v>52.808806809181</v>
      </c>
      <c r="J1549" t="s">
        <v>57234</v>
      </c>
    </row>
    <row r="1550" spans="1:10" x14ac:dyDescent="0.25">
      <c r="A1550" t="s">
        <v>49754</v>
      </c>
      <c r="B1550" t="s">
        <v>49755</v>
      </c>
      <c r="C1550" t="s">
        <v>49756</v>
      </c>
      <c r="D1550" t="s">
        <v>49614</v>
      </c>
      <c r="E1550" t="s">
        <v>13</v>
      </c>
      <c r="F1550">
        <v>12532</v>
      </c>
      <c r="G1550" t="s">
        <v>49757</v>
      </c>
      <c r="H1550">
        <v>4.9592464331350001</v>
      </c>
      <c r="I1550">
        <v>52.859852176734002</v>
      </c>
      <c r="J1550" t="s">
        <v>57235</v>
      </c>
    </row>
    <row r="1551" spans="1:10" x14ac:dyDescent="0.25">
      <c r="A1551" t="s">
        <v>49750</v>
      </c>
      <c r="B1551" t="s">
        <v>49751</v>
      </c>
      <c r="C1551" t="s">
        <v>49752</v>
      </c>
      <c r="D1551" t="s">
        <v>49614</v>
      </c>
      <c r="E1551" t="s">
        <v>13</v>
      </c>
      <c r="F1551">
        <v>12531</v>
      </c>
      <c r="G1551" t="s">
        <v>49753</v>
      </c>
      <c r="H1551">
        <v>4.9706266622359996</v>
      </c>
      <c r="I1551">
        <v>52.843073453917</v>
      </c>
      <c r="J1551" t="s">
        <v>57236</v>
      </c>
    </row>
    <row r="1552" spans="1:10" x14ac:dyDescent="0.25">
      <c r="A1552" t="s">
        <v>49746</v>
      </c>
      <c r="B1552" t="s">
        <v>49747</v>
      </c>
      <c r="C1552" t="s">
        <v>49748</v>
      </c>
      <c r="D1552" t="s">
        <v>49614</v>
      </c>
      <c r="E1552" t="s">
        <v>13</v>
      </c>
      <c r="F1552">
        <v>12530</v>
      </c>
      <c r="G1552" t="s">
        <v>49749</v>
      </c>
      <c r="H1552">
        <v>5.0825516083969999</v>
      </c>
      <c r="I1552">
        <v>52.842277340491002</v>
      </c>
      <c r="J1552" t="s">
        <v>57237</v>
      </c>
    </row>
    <row r="1553" spans="1:10" x14ac:dyDescent="0.25">
      <c r="A1553" t="s">
        <v>49742</v>
      </c>
      <c r="B1553" t="s">
        <v>49743</v>
      </c>
      <c r="C1553" t="s">
        <v>49744</v>
      </c>
      <c r="D1553" t="s">
        <v>49614</v>
      </c>
      <c r="E1553" t="s">
        <v>13</v>
      </c>
      <c r="F1553">
        <v>12529</v>
      </c>
      <c r="G1553" t="s">
        <v>49745</v>
      </c>
      <c r="H1553">
        <v>5.0659088277109996</v>
      </c>
      <c r="I1553">
        <v>52.845073030363999</v>
      </c>
      <c r="J1553" t="s">
        <v>57238</v>
      </c>
    </row>
    <row r="1554" spans="1:10" x14ac:dyDescent="0.25">
      <c r="A1554" t="s">
        <v>49738</v>
      </c>
      <c r="B1554" t="s">
        <v>49739</v>
      </c>
      <c r="C1554" t="s">
        <v>49740</v>
      </c>
      <c r="D1554" t="s">
        <v>49614</v>
      </c>
      <c r="E1554" t="s">
        <v>13</v>
      </c>
      <c r="F1554">
        <v>12528</v>
      </c>
      <c r="G1554" t="s">
        <v>49741</v>
      </c>
      <c r="H1554">
        <v>5.0166939752559996</v>
      </c>
      <c r="I1554">
        <v>52.837817943939001</v>
      </c>
      <c r="J1554" t="s">
        <v>57239</v>
      </c>
    </row>
    <row r="1555" spans="1:10" x14ac:dyDescent="0.25">
      <c r="A1555" t="s">
        <v>49734</v>
      </c>
      <c r="B1555" t="s">
        <v>49735</v>
      </c>
      <c r="C1555" t="s">
        <v>49736</v>
      </c>
      <c r="D1555" t="s">
        <v>49614</v>
      </c>
      <c r="E1555" t="s">
        <v>13</v>
      </c>
      <c r="F1555">
        <v>12527</v>
      </c>
      <c r="G1555" t="s">
        <v>49737</v>
      </c>
      <c r="H1555">
        <v>5.02450430709</v>
      </c>
      <c r="I1555">
        <v>52.846102070015</v>
      </c>
      <c r="J1555" t="s">
        <v>57240</v>
      </c>
    </row>
    <row r="1556" spans="1:10" x14ac:dyDescent="0.25">
      <c r="A1556" t="s">
        <v>49730</v>
      </c>
      <c r="B1556" t="s">
        <v>49731</v>
      </c>
      <c r="C1556" t="s">
        <v>49732</v>
      </c>
      <c r="D1556" t="s">
        <v>49614</v>
      </c>
      <c r="E1556" t="s">
        <v>13</v>
      </c>
      <c r="F1556">
        <v>12526</v>
      </c>
      <c r="G1556" t="s">
        <v>49733</v>
      </c>
      <c r="H1556">
        <v>5.0375293741369997</v>
      </c>
      <c r="I1556">
        <v>52.851733288155998</v>
      </c>
      <c r="J1556" t="s">
        <v>57241</v>
      </c>
    </row>
    <row r="1557" spans="1:10" x14ac:dyDescent="0.25">
      <c r="A1557" t="s">
        <v>49726</v>
      </c>
      <c r="B1557" t="s">
        <v>49727</v>
      </c>
      <c r="C1557" t="s">
        <v>49728</v>
      </c>
      <c r="D1557" t="s">
        <v>49614</v>
      </c>
      <c r="E1557" t="s">
        <v>13</v>
      </c>
      <c r="F1557">
        <v>12525</v>
      </c>
      <c r="G1557" t="s">
        <v>49729</v>
      </c>
      <c r="H1557">
        <v>5.0346296371510002</v>
      </c>
      <c r="I1557">
        <v>52.854743597183997</v>
      </c>
      <c r="J1557" t="s">
        <v>57242</v>
      </c>
    </row>
    <row r="1558" spans="1:10" x14ac:dyDescent="0.25">
      <c r="A1558" t="s">
        <v>49723</v>
      </c>
      <c r="B1558" t="s">
        <v>49724</v>
      </c>
      <c r="C1558" t="s">
        <v>18387</v>
      </c>
      <c r="D1558" t="s">
        <v>49614</v>
      </c>
      <c r="E1558" t="s">
        <v>13</v>
      </c>
      <c r="F1558">
        <v>12524</v>
      </c>
      <c r="G1558" t="s">
        <v>49725</v>
      </c>
      <c r="H1558">
        <v>5.0324479749410003</v>
      </c>
      <c r="I1558">
        <v>52.850269903338003</v>
      </c>
      <c r="J1558" t="s">
        <v>57243</v>
      </c>
    </row>
    <row r="1559" spans="1:10" x14ac:dyDescent="0.25">
      <c r="A1559" t="s">
        <v>49719</v>
      </c>
      <c r="B1559" t="s">
        <v>49720</v>
      </c>
      <c r="C1559" t="s">
        <v>49721</v>
      </c>
      <c r="D1559" t="s">
        <v>49614</v>
      </c>
      <c r="E1559" t="s">
        <v>13</v>
      </c>
      <c r="F1559">
        <v>12523</v>
      </c>
      <c r="G1559" t="s">
        <v>49722</v>
      </c>
      <c r="H1559">
        <v>5.0246611275989999</v>
      </c>
      <c r="I1559">
        <v>52.853533510574003</v>
      </c>
      <c r="J1559" t="s">
        <v>57244</v>
      </c>
    </row>
    <row r="1560" spans="1:10" x14ac:dyDescent="0.25">
      <c r="A1560" t="s">
        <v>49715</v>
      </c>
      <c r="B1560" t="s">
        <v>49716</v>
      </c>
      <c r="C1560" t="s">
        <v>49717</v>
      </c>
      <c r="D1560" t="s">
        <v>49614</v>
      </c>
      <c r="E1560" t="s">
        <v>13</v>
      </c>
      <c r="F1560">
        <v>12522</v>
      </c>
      <c r="G1560" t="s">
        <v>49718</v>
      </c>
      <c r="H1560">
        <v>5.0379403698639997</v>
      </c>
      <c r="I1560">
        <v>52.937537220575997</v>
      </c>
      <c r="J1560" t="s">
        <v>57245</v>
      </c>
    </row>
    <row r="1561" spans="1:10" x14ac:dyDescent="0.25">
      <c r="A1561" t="s">
        <v>49712</v>
      </c>
      <c r="B1561" t="s">
        <v>49713</v>
      </c>
      <c r="C1561" t="s">
        <v>32869</v>
      </c>
      <c r="D1561" t="s">
        <v>49614</v>
      </c>
      <c r="E1561" t="s">
        <v>13</v>
      </c>
      <c r="F1561">
        <v>12521</v>
      </c>
      <c r="G1561" t="s">
        <v>49714</v>
      </c>
      <c r="H1561">
        <v>5.0110540522360001</v>
      </c>
      <c r="I1561">
        <v>52.929980116396997</v>
      </c>
      <c r="J1561" t="s">
        <v>57246</v>
      </c>
    </row>
    <row r="1562" spans="1:10" x14ac:dyDescent="0.25">
      <c r="A1562" t="s">
        <v>49708</v>
      </c>
      <c r="B1562" t="s">
        <v>49709</v>
      </c>
      <c r="C1562" t="s">
        <v>49710</v>
      </c>
      <c r="D1562" t="s">
        <v>49614</v>
      </c>
      <c r="E1562" t="s">
        <v>13</v>
      </c>
      <c r="F1562">
        <v>12520</v>
      </c>
      <c r="G1562" t="s">
        <v>49711</v>
      </c>
      <c r="H1562">
        <v>5.0291255919709998</v>
      </c>
      <c r="I1562">
        <v>52.934178141037997</v>
      </c>
      <c r="J1562" t="s">
        <v>57247</v>
      </c>
    </row>
    <row r="1563" spans="1:10" x14ac:dyDescent="0.25">
      <c r="A1563" t="s">
        <v>49704</v>
      </c>
      <c r="B1563" t="s">
        <v>49705</v>
      </c>
      <c r="C1563" t="s">
        <v>49706</v>
      </c>
      <c r="D1563" t="s">
        <v>49614</v>
      </c>
      <c r="E1563" t="s">
        <v>13</v>
      </c>
      <c r="F1563">
        <v>12519</v>
      </c>
      <c r="G1563" t="s">
        <v>49707</v>
      </c>
      <c r="H1563">
        <v>4.9842072784409996</v>
      </c>
      <c r="I1563">
        <v>52.911829801270997</v>
      </c>
      <c r="J1563" t="s">
        <v>57248</v>
      </c>
    </row>
    <row r="1564" spans="1:10" x14ac:dyDescent="0.25">
      <c r="A1564" t="s">
        <v>49701</v>
      </c>
      <c r="B1564" t="s">
        <v>49702</v>
      </c>
      <c r="C1564" t="s">
        <v>3738</v>
      </c>
      <c r="D1564" t="s">
        <v>49614</v>
      </c>
      <c r="E1564" t="s">
        <v>13</v>
      </c>
      <c r="F1564">
        <v>12518</v>
      </c>
      <c r="G1564" t="s">
        <v>49703</v>
      </c>
      <c r="H1564">
        <v>4.9760952006929999</v>
      </c>
      <c r="I1564">
        <v>52.928114551638998</v>
      </c>
      <c r="J1564" t="s">
        <v>57249</v>
      </c>
    </row>
    <row r="1565" spans="1:10" x14ac:dyDescent="0.25">
      <c r="A1565" t="s">
        <v>49697</v>
      </c>
      <c r="B1565" t="s">
        <v>49698</v>
      </c>
      <c r="C1565" t="s">
        <v>49699</v>
      </c>
      <c r="D1565" t="s">
        <v>49614</v>
      </c>
      <c r="E1565" t="s">
        <v>13</v>
      </c>
      <c r="F1565">
        <v>12517</v>
      </c>
      <c r="G1565" t="s">
        <v>49700</v>
      </c>
      <c r="H1565">
        <v>4.9702687664490002</v>
      </c>
      <c r="I1565">
        <v>52.911161765445001</v>
      </c>
      <c r="J1565" t="s">
        <v>57250</v>
      </c>
    </row>
    <row r="1566" spans="1:10" x14ac:dyDescent="0.25">
      <c r="A1566" t="s">
        <v>49693</v>
      </c>
      <c r="B1566" t="s">
        <v>49694</v>
      </c>
      <c r="C1566" t="s">
        <v>49695</v>
      </c>
      <c r="D1566" t="s">
        <v>49614</v>
      </c>
      <c r="E1566" t="s">
        <v>13</v>
      </c>
      <c r="F1566">
        <v>12516</v>
      </c>
      <c r="G1566" t="s">
        <v>49696</v>
      </c>
      <c r="H1566">
        <v>4.954045503743</v>
      </c>
      <c r="I1566">
        <v>52.904212025907</v>
      </c>
      <c r="J1566" t="s">
        <v>57251</v>
      </c>
    </row>
    <row r="1567" spans="1:10" x14ac:dyDescent="0.25">
      <c r="A1567" t="s">
        <v>49689</v>
      </c>
      <c r="B1567" t="s">
        <v>49690</v>
      </c>
      <c r="C1567" t="s">
        <v>49691</v>
      </c>
      <c r="D1567" t="s">
        <v>49614</v>
      </c>
      <c r="E1567" t="s">
        <v>13</v>
      </c>
      <c r="F1567">
        <v>12515</v>
      </c>
      <c r="G1567" t="s">
        <v>49692</v>
      </c>
      <c r="H1567">
        <v>4.9644009522810002</v>
      </c>
      <c r="I1567">
        <v>52.907941410667</v>
      </c>
      <c r="J1567" t="s">
        <v>57252</v>
      </c>
    </row>
    <row r="1568" spans="1:10" x14ac:dyDescent="0.25">
      <c r="A1568" t="s">
        <v>49685</v>
      </c>
      <c r="B1568" t="s">
        <v>49686</v>
      </c>
      <c r="C1568" t="s">
        <v>49687</v>
      </c>
      <c r="D1568" t="s">
        <v>49614</v>
      </c>
      <c r="E1568" t="s">
        <v>13</v>
      </c>
      <c r="F1568">
        <v>12514</v>
      </c>
      <c r="G1568" t="s">
        <v>49688</v>
      </c>
      <c r="H1568">
        <v>4.9261373410739999</v>
      </c>
      <c r="I1568">
        <v>52.893429125268</v>
      </c>
      <c r="J1568" t="s">
        <v>57253</v>
      </c>
    </row>
    <row r="1569" spans="1:10" x14ac:dyDescent="0.25">
      <c r="A1569" t="s">
        <v>49681</v>
      </c>
      <c r="B1569" t="s">
        <v>49682</v>
      </c>
      <c r="C1569" t="s">
        <v>49683</v>
      </c>
      <c r="D1569" t="s">
        <v>49614</v>
      </c>
      <c r="E1569" t="s">
        <v>13</v>
      </c>
      <c r="F1569">
        <v>12513</v>
      </c>
      <c r="G1569" t="s">
        <v>49684</v>
      </c>
      <c r="H1569">
        <v>4.9336544761010002</v>
      </c>
      <c r="I1569">
        <v>52.889064973742002</v>
      </c>
      <c r="J1569" t="s">
        <v>57254</v>
      </c>
    </row>
    <row r="1570" spans="1:10" x14ac:dyDescent="0.25">
      <c r="A1570" t="s">
        <v>49677</v>
      </c>
      <c r="B1570" t="s">
        <v>49678</v>
      </c>
      <c r="C1570" t="s">
        <v>49679</v>
      </c>
      <c r="D1570" t="s">
        <v>49614</v>
      </c>
      <c r="E1570" t="s">
        <v>13</v>
      </c>
      <c r="F1570">
        <v>12512</v>
      </c>
      <c r="G1570" t="s">
        <v>49680</v>
      </c>
      <c r="H1570">
        <v>4.9275324364520001</v>
      </c>
      <c r="I1570">
        <v>52.892135673203001</v>
      </c>
      <c r="J1570" t="s">
        <v>57255</v>
      </c>
    </row>
    <row r="1571" spans="1:10" x14ac:dyDescent="0.25">
      <c r="A1571" t="s">
        <v>49673</v>
      </c>
      <c r="B1571" t="s">
        <v>49674</v>
      </c>
      <c r="C1571" t="s">
        <v>49675</v>
      </c>
      <c r="D1571" t="s">
        <v>49614</v>
      </c>
      <c r="E1571" t="s">
        <v>13</v>
      </c>
      <c r="F1571">
        <v>12511</v>
      </c>
      <c r="G1571" t="s">
        <v>49676</v>
      </c>
      <c r="H1571">
        <v>4.8657469787360004</v>
      </c>
      <c r="I1571">
        <v>52.821180405078003</v>
      </c>
      <c r="J1571" t="s">
        <v>57256</v>
      </c>
    </row>
    <row r="1572" spans="1:10" x14ac:dyDescent="0.25">
      <c r="A1572" t="s">
        <v>49669</v>
      </c>
      <c r="B1572" t="s">
        <v>49670</v>
      </c>
      <c r="C1572" t="s">
        <v>49671</v>
      </c>
      <c r="D1572" t="s">
        <v>49614</v>
      </c>
      <c r="E1572" t="s">
        <v>13</v>
      </c>
      <c r="F1572">
        <v>12510</v>
      </c>
      <c r="G1572" t="s">
        <v>49672</v>
      </c>
      <c r="H1572">
        <v>4.8908592791479997</v>
      </c>
      <c r="I1572">
        <v>52.837917971441001</v>
      </c>
      <c r="J1572" t="s">
        <v>57257</v>
      </c>
    </row>
    <row r="1573" spans="1:10" x14ac:dyDescent="0.25">
      <c r="A1573" t="s">
        <v>49665</v>
      </c>
      <c r="B1573" t="s">
        <v>49666</v>
      </c>
      <c r="C1573" t="s">
        <v>49667</v>
      </c>
      <c r="D1573" t="s">
        <v>49614</v>
      </c>
      <c r="E1573" t="s">
        <v>13</v>
      </c>
      <c r="F1573">
        <v>12509</v>
      </c>
      <c r="G1573" t="s">
        <v>49668</v>
      </c>
      <c r="H1573">
        <v>4.8631106793940004</v>
      </c>
      <c r="I1573">
        <v>52.836941097130001</v>
      </c>
      <c r="J1573" t="s">
        <v>57258</v>
      </c>
    </row>
    <row r="1574" spans="1:10" x14ac:dyDescent="0.25">
      <c r="A1574" t="s">
        <v>49661</v>
      </c>
      <c r="B1574" t="s">
        <v>49662</v>
      </c>
      <c r="C1574" t="s">
        <v>49663</v>
      </c>
      <c r="D1574" t="s">
        <v>49614</v>
      </c>
      <c r="E1574" t="s">
        <v>13</v>
      </c>
      <c r="F1574">
        <v>12508</v>
      </c>
      <c r="G1574" t="s">
        <v>49664</v>
      </c>
      <c r="H1574">
        <v>4.819948749441</v>
      </c>
      <c r="I1574">
        <v>52.890094155870003</v>
      </c>
      <c r="J1574" t="s">
        <v>57259</v>
      </c>
    </row>
    <row r="1575" spans="1:10" x14ac:dyDescent="0.25">
      <c r="A1575" t="s">
        <v>49657</v>
      </c>
      <c r="B1575" t="s">
        <v>49658</v>
      </c>
      <c r="C1575" t="s">
        <v>49659</v>
      </c>
      <c r="D1575" t="s">
        <v>49614</v>
      </c>
      <c r="E1575" t="s">
        <v>13</v>
      </c>
      <c r="F1575">
        <v>12507</v>
      </c>
      <c r="G1575" t="s">
        <v>49660</v>
      </c>
      <c r="H1575">
        <v>4.7931422875700003</v>
      </c>
      <c r="I1575">
        <v>52.876043846639</v>
      </c>
      <c r="J1575" t="s">
        <v>57260</v>
      </c>
    </row>
    <row r="1576" spans="1:10" x14ac:dyDescent="0.25">
      <c r="A1576" t="s">
        <v>49653</v>
      </c>
      <c r="B1576" t="s">
        <v>49654</v>
      </c>
      <c r="C1576" t="s">
        <v>49655</v>
      </c>
      <c r="D1576" t="s">
        <v>49614</v>
      </c>
      <c r="E1576" t="s">
        <v>13</v>
      </c>
      <c r="F1576">
        <v>12506</v>
      </c>
      <c r="G1576" t="s">
        <v>49656</v>
      </c>
      <c r="H1576">
        <v>4.806533964322</v>
      </c>
      <c r="I1576">
        <v>52.888401391386999</v>
      </c>
      <c r="J1576" t="s">
        <v>57261</v>
      </c>
    </row>
    <row r="1577" spans="1:10" x14ac:dyDescent="0.25">
      <c r="A1577" t="s">
        <v>49650</v>
      </c>
      <c r="B1577" t="s">
        <v>49651</v>
      </c>
      <c r="C1577" t="s">
        <v>966</v>
      </c>
      <c r="D1577" t="s">
        <v>49614</v>
      </c>
      <c r="E1577" t="s">
        <v>13</v>
      </c>
      <c r="F1577">
        <v>12505</v>
      </c>
      <c r="G1577" t="s">
        <v>49652</v>
      </c>
      <c r="H1577">
        <v>4.8636275265759998</v>
      </c>
      <c r="I1577">
        <v>52.856644593661997</v>
      </c>
      <c r="J1577" t="s">
        <v>57262</v>
      </c>
    </row>
    <row r="1578" spans="1:10" x14ac:dyDescent="0.25">
      <c r="A1578" t="s">
        <v>49646</v>
      </c>
      <c r="B1578" t="s">
        <v>49647</v>
      </c>
      <c r="C1578" t="s">
        <v>49648</v>
      </c>
      <c r="D1578" t="s">
        <v>49614</v>
      </c>
      <c r="E1578" t="s">
        <v>13</v>
      </c>
      <c r="F1578">
        <v>12504</v>
      </c>
      <c r="G1578" t="s">
        <v>49649</v>
      </c>
      <c r="H1578">
        <v>4.8045385566699998</v>
      </c>
      <c r="I1578">
        <v>52.863664704872001</v>
      </c>
      <c r="J1578" t="s">
        <v>57263</v>
      </c>
    </row>
    <row r="1579" spans="1:10" x14ac:dyDescent="0.25">
      <c r="A1579" t="s">
        <v>49642</v>
      </c>
      <c r="B1579" t="s">
        <v>49643</v>
      </c>
      <c r="C1579" t="s">
        <v>49644</v>
      </c>
      <c r="D1579" t="s">
        <v>49614</v>
      </c>
      <c r="E1579" t="s">
        <v>13</v>
      </c>
      <c r="F1579">
        <v>12503</v>
      </c>
      <c r="G1579" t="s">
        <v>49645</v>
      </c>
      <c r="H1579">
        <v>4.8087466282379996</v>
      </c>
      <c r="I1579">
        <v>52.864847148461998</v>
      </c>
      <c r="J1579" t="s">
        <v>57264</v>
      </c>
    </row>
    <row r="1580" spans="1:10" x14ac:dyDescent="0.25">
      <c r="A1580" t="s">
        <v>49638</v>
      </c>
      <c r="B1580" t="s">
        <v>49639</v>
      </c>
      <c r="C1580" t="s">
        <v>49640</v>
      </c>
      <c r="D1580" t="s">
        <v>49614</v>
      </c>
      <c r="E1580" t="s">
        <v>13</v>
      </c>
      <c r="F1580">
        <v>12502</v>
      </c>
      <c r="G1580" t="s">
        <v>49641</v>
      </c>
      <c r="H1580">
        <v>4.8143725269740001</v>
      </c>
      <c r="I1580">
        <v>52.860851715340999</v>
      </c>
      <c r="J1580" t="s">
        <v>57265</v>
      </c>
    </row>
    <row r="1581" spans="1:10" x14ac:dyDescent="0.25">
      <c r="A1581" t="s">
        <v>49634</v>
      </c>
      <c r="B1581" t="s">
        <v>49635</v>
      </c>
      <c r="C1581" t="s">
        <v>49636</v>
      </c>
      <c r="D1581" t="s">
        <v>49614</v>
      </c>
      <c r="E1581" t="s">
        <v>13</v>
      </c>
      <c r="F1581">
        <v>12501</v>
      </c>
      <c r="G1581" t="s">
        <v>49637</v>
      </c>
      <c r="H1581">
        <v>4.8190927370720003</v>
      </c>
      <c r="I1581">
        <v>52.858960491818998</v>
      </c>
      <c r="J1581" t="s">
        <v>57266</v>
      </c>
    </row>
    <row r="1582" spans="1:10" x14ac:dyDescent="0.25">
      <c r="A1582" t="s">
        <v>49631</v>
      </c>
      <c r="B1582" t="s">
        <v>49632</v>
      </c>
      <c r="C1582" t="s">
        <v>37</v>
      </c>
      <c r="D1582" t="s">
        <v>49614</v>
      </c>
      <c r="E1582" t="s">
        <v>13</v>
      </c>
      <c r="F1582">
        <v>12500</v>
      </c>
      <c r="G1582" t="s">
        <v>49633</v>
      </c>
      <c r="H1582">
        <v>4.8243440895390002</v>
      </c>
      <c r="I1582">
        <v>52.857273805070001</v>
      </c>
      <c r="J1582" t="s">
        <v>57267</v>
      </c>
    </row>
    <row r="1583" spans="1:10" x14ac:dyDescent="0.25">
      <c r="A1583" t="s">
        <v>49627</v>
      </c>
      <c r="B1583" t="s">
        <v>49628</v>
      </c>
      <c r="C1583" t="s">
        <v>49629</v>
      </c>
      <c r="D1583" t="s">
        <v>49614</v>
      </c>
      <c r="E1583" t="s">
        <v>13</v>
      </c>
      <c r="F1583">
        <v>12499</v>
      </c>
      <c r="G1583" t="s">
        <v>49630</v>
      </c>
      <c r="H1583">
        <v>4.8225696657819999</v>
      </c>
      <c r="I1583">
        <v>52.862952676173002</v>
      </c>
      <c r="J1583" t="s">
        <v>57268</v>
      </c>
    </row>
    <row r="1584" spans="1:10" x14ac:dyDescent="0.25">
      <c r="A1584" t="s">
        <v>49623</v>
      </c>
      <c r="B1584" t="s">
        <v>49624</v>
      </c>
      <c r="C1584" t="s">
        <v>49625</v>
      </c>
      <c r="D1584" t="s">
        <v>49614</v>
      </c>
      <c r="E1584" t="s">
        <v>13</v>
      </c>
      <c r="F1584">
        <v>12498</v>
      </c>
      <c r="G1584" t="s">
        <v>49626</v>
      </c>
      <c r="H1584">
        <v>4.8176199173149996</v>
      </c>
      <c r="I1584">
        <v>52.864663398350999</v>
      </c>
      <c r="J1584" t="s">
        <v>57269</v>
      </c>
    </row>
    <row r="1585" spans="1:10" x14ac:dyDescent="0.25">
      <c r="A1585" t="s">
        <v>49619</v>
      </c>
      <c r="B1585" t="s">
        <v>49620</v>
      </c>
      <c r="C1585" t="s">
        <v>49621</v>
      </c>
      <c r="D1585" t="s">
        <v>49614</v>
      </c>
      <c r="E1585" t="s">
        <v>13</v>
      </c>
      <c r="F1585">
        <v>12497</v>
      </c>
      <c r="G1585" t="s">
        <v>49622</v>
      </c>
      <c r="H1585">
        <v>4.874294174459</v>
      </c>
      <c r="I1585">
        <v>52.883815410318</v>
      </c>
      <c r="J1585" t="s">
        <v>57270</v>
      </c>
    </row>
    <row r="1586" spans="1:10" x14ac:dyDescent="0.25">
      <c r="A1586" t="s">
        <v>49616</v>
      </c>
      <c r="B1586" t="s">
        <v>49617</v>
      </c>
      <c r="C1586" t="s">
        <v>20554</v>
      </c>
      <c r="D1586" t="s">
        <v>49614</v>
      </c>
      <c r="E1586" t="s">
        <v>13</v>
      </c>
      <c r="F1586">
        <v>12496</v>
      </c>
      <c r="G1586" t="s">
        <v>49618</v>
      </c>
      <c r="H1586">
        <v>4.8112915431280001</v>
      </c>
      <c r="I1586">
        <v>52.868133859505001</v>
      </c>
      <c r="J1586" t="s">
        <v>57271</v>
      </c>
    </row>
    <row r="1587" spans="1:10" x14ac:dyDescent="0.25">
      <c r="A1587" t="s">
        <v>49611</v>
      </c>
      <c r="B1587" t="s">
        <v>49612</v>
      </c>
      <c r="C1587" t="s">
        <v>49613</v>
      </c>
      <c r="D1587" t="s">
        <v>49614</v>
      </c>
      <c r="E1587" t="s">
        <v>13</v>
      </c>
      <c r="F1587">
        <v>12495</v>
      </c>
      <c r="G1587" t="s">
        <v>49615</v>
      </c>
      <c r="H1587">
        <v>4.8297254505989997</v>
      </c>
      <c r="I1587">
        <v>52.861529397048997</v>
      </c>
      <c r="J1587" t="s">
        <v>57272</v>
      </c>
    </row>
    <row r="1588" spans="1:10" x14ac:dyDescent="0.25">
      <c r="A1588" t="s">
        <v>49607</v>
      </c>
      <c r="B1588" t="s">
        <v>49608</v>
      </c>
      <c r="C1588" t="s">
        <v>49609</v>
      </c>
      <c r="D1588" t="s">
        <v>49207</v>
      </c>
      <c r="E1588" t="s">
        <v>13</v>
      </c>
      <c r="F1588">
        <v>12494</v>
      </c>
      <c r="G1588" t="s">
        <v>49610</v>
      </c>
      <c r="H1588">
        <v>5.6026529285270001</v>
      </c>
      <c r="I1588">
        <v>53.190599945529002</v>
      </c>
      <c r="J1588" t="s">
        <v>57273</v>
      </c>
    </row>
    <row r="1589" spans="1:10" x14ac:dyDescent="0.25">
      <c r="A1589" t="s">
        <v>49603</v>
      </c>
      <c r="B1589" t="s">
        <v>49604</v>
      </c>
      <c r="C1589" t="s">
        <v>49605</v>
      </c>
      <c r="D1589" t="s">
        <v>49207</v>
      </c>
      <c r="E1589" t="s">
        <v>13</v>
      </c>
      <c r="F1589">
        <v>12493</v>
      </c>
      <c r="G1589" t="s">
        <v>49606</v>
      </c>
      <c r="H1589">
        <v>5.6076723155600003</v>
      </c>
      <c r="I1589">
        <v>53.167196205501</v>
      </c>
      <c r="J1589" t="s">
        <v>57274</v>
      </c>
    </row>
    <row r="1590" spans="1:10" x14ac:dyDescent="0.25">
      <c r="A1590" t="s">
        <v>49599</v>
      </c>
      <c r="B1590" t="s">
        <v>49600</v>
      </c>
      <c r="C1590" t="s">
        <v>49601</v>
      </c>
      <c r="D1590" t="s">
        <v>49207</v>
      </c>
      <c r="E1590" t="s">
        <v>13</v>
      </c>
      <c r="F1590">
        <v>12492</v>
      </c>
      <c r="G1590" t="s">
        <v>49602</v>
      </c>
      <c r="H1590">
        <v>5.6006327647110004</v>
      </c>
      <c r="I1590">
        <v>53.167381728134004</v>
      </c>
      <c r="J1590" t="s">
        <v>57275</v>
      </c>
    </row>
    <row r="1591" spans="1:10" x14ac:dyDescent="0.25">
      <c r="A1591" t="s">
        <v>49595</v>
      </c>
      <c r="B1591" t="s">
        <v>49596</v>
      </c>
      <c r="C1591" t="s">
        <v>49597</v>
      </c>
      <c r="D1591" t="s">
        <v>49207</v>
      </c>
      <c r="E1591" t="s">
        <v>13</v>
      </c>
      <c r="F1591">
        <v>12491</v>
      </c>
      <c r="G1591" t="s">
        <v>49598</v>
      </c>
      <c r="H1591">
        <v>5.6274687602100002</v>
      </c>
      <c r="I1591">
        <v>53.155888085381001</v>
      </c>
      <c r="J1591" t="s">
        <v>57276</v>
      </c>
    </row>
    <row r="1592" spans="1:10" x14ac:dyDescent="0.25">
      <c r="A1592" t="s">
        <v>49592</v>
      </c>
      <c r="B1592" t="s">
        <v>49593</v>
      </c>
      <c r="C1592" t="s">
        <v>42774</v>
      </c>
      <c r="D1592" t="s">
        <v>49207</v>
      </c>
      <c r="E1592" t="s">
        <v>13</v>
      </c>
      <c r="F1592">
        <v>12490</v>
      </c>
      <c r="G1592" t="s">
        <v>49594</v>
      </c>
      <c r="H1592">
        <v>5.6326761307249997</v>
      </c>
      <c r="I1592">
        <v>53.151481514232998</v>
      </c>
      <c r="J1592" t="s">
        <v>57277</v>
      </c>
    </row>
    <row r="1593" spans="1:10" x14ac:dyDescent="0.25">
      <c r="A1593" t="s">
        <v>49588</v>
      </c>
      <c r="B1593" t="s">
        <v>49589</v>
      </c>
      <c r="C1593" t="s">
        <v>49590</v>
      </c>
      <c r="D1593" t="s">
        <v>49207</v>
      </c>
      <c r="E1593" t="s">
        <v>13</v>
      </c>
      <c r="F1593">
        <v>12489</v>
      </c>
      <c r="G1593" t="s">
        <v>49591</v>
      </c>
      <c r="H1593">
        <v>5.6346570843289996</v>
      </c>
      <c r="I1593">
        <v>53.148607615080003</v>
      </c>
      <c r="J1593" t="s">
        <v>57278</v>
      </c>
    </row>
    <row r="1594" spans="1:10" x14ac:dyDescent="0.25">
      <c r="A1594" t="s">
        <v>49584</v>
      </c>
      <c r="B1594" t="s">
        <v>49585</v>
      </c>
      <c r="C1594" t="s">
        <v>49586</v>
      </c>
      <c r="D1594" t="s">
        <v>49207</v>
      </c>
      <c r="E1594" t="s">
        <v>13</v>
      </c>
      <c r="F1594">
        <v>12488</v>
      </c>
      <c r="G1594" t="s">
        <v>49587</v>
      </c>
      <c r="H1594">
        <v>5.6272275885890002</v>
      </c>
      <c r="I1594">
        <v>53.247962867868999</v>
      </c>
      <c r="J1594" t="s">
        <v>57279</v>
      </c>
    </row>
    <row r="1595" spans="1:10" x14ac:dyDescent="0.25">
      <c r="A1595" t="s">
        <v>49580</v>
      </c>
      <c r="B1595" t="s">
        <v>49581</v>
      </c>
      <c r="C1595" t="s">
        <v>49582</v>
      </c>
      <c r="D1595" t="s">
        <v>49207</v>
      </c>
      <c r="E1595" t="s">
        <v>13</v>
      </c>
      <c r="F1595">
        <v>12487</v>
      </c>
      <c r="G1595" t="s">
        <v>49583</v>
      </c>
      <c r="H1595">
        <v>5.5733377870140002</v>
      </c>
      <c r="I1595">
        <v>53.276206885409003</v>
      </c>
      <c r="J1595" t="s">
        <v>57280</v>
      </c>
    </row>
    <row r="1596" spans="1:10" x14ac:dyDescent="0.25">
      <c r="A1596" t="s">
        <v>49576</v>
      </c>
      <c r="B1596" t="s">
        <v>49577</v>
      </c>
      <c r="C1596" t="s">
        <v>49578</v>
      </c>
      <c r="D1596" t="s">
        <v>49207</v>
      </c>
      <c r="E1596" t="s">
        <v>13</v>
      </c>
      <c r="F1596">
        <v>12486</v>
      </c>
      <c r="G1596" t="s">
        <v>49579</v>
      </c>
      <c r="H1596">
        <v>5.702531147358</v>
      </c>
      <c r="I1596">
        <v>53.280303439120999</v>
      </c>
      <c r="J1596" t="s">
        <v>57281</v>
      </c>
    </row>
    <row r="1597" spans="1:10" x14ac:dyDescent="0.25">
      <c r="A1597" t="s">
        <v>49572</v>
      </c>
      <c r="B1597" t="s">
        <v>49573</v>
      </c>
      <c r="C1597" t="s">
        <v>49574</v>
      </c>
      <c r="D1597" t="s">
        <v>49207</v>
      </c>
      <c r="E1597" t="s">
        <v>13</v>
      </c>
      <c r="F1597">
        <v>12485</v>
      </c>
      <c r="G1597" t="s">
        <v>49575</v>
      </c>
      <c r="H1597">
        <v>5.7081114735330001</v>
      </c>
      <c r="I1597">
        <v>53.266740029055001</v>
      </c>
      <c r="J1597" t="s">
        <v>57282</v>
      </c>
    </row>
    <row r="1598" spans="1:10" x14ac:dyDescent="0.25">
      <c r="A1598" t="s">
        <v>49568</v>
      </c>
      <c r="B1598" t="s">
        <v>49569</v>
      </c>
      <c r="C1598" t="s">
        <v>49570</v>
      </c>
      <c r="D1598" t="s">
        <v>49207</v>
      </c>
      <c r="E1598" t="s">
        <v>13</v>
      </c>
      <c r="F1598">
        <v>12484</v>
      </c>
      <c r="G1598" t="s">
        <v>49571</v>
      </c>
      <c r="H1598">
        <v>5.5495548904580003</v>
      </c>
      <c r="I1598">
        <v>53.235571001103999</v>
      </c>
      <c r="J1598" t="s">
        <v>57283</v>
      </c>
    </row>
    <row r="1599" spans="1:10" x14ac:dyDescent="0.25">
      <c r="A1599" t="s">
        <v>49564</v>
      </c>
      <c r="B1599" t="s">
        <v>49565</v>
      </c>
      <c r="C1599" t="s">
        <v>49566</v>
      </c>
      <c r="D1599" t="s">
        <v>49207</v>
      </c>
      <c r="E1599" t="s">
        <v>13</v>
      </c>
      <c r="F1599">
        <v>12483</v>
      </c>
      <c r="G1599" t="s">
        <v>49567</v>
      </c>
      <c r="H1599">
        <v>5.5465561881700003</v>
      </c>
      <c r="I1599">
        <v>53.238897078013999</v>
      </c>
      <c r="J1599" t="s">
        <v>57284</v>
      </c>
    </row>
    <row r="1600" spans="1:10" x14ac:dyDescent="0.25">
      <c r="A1600" t="s">
        <v>49560</v>
      </c>
      <c r="B1600" t="s">
        <v>49561</v>
      </c>
      <c r="C1600" t="s">
        <v>49562</v>
      </c>
      <c r="D1600" t="s">
        <v>49207</v>
      </c>
      <c r="E1600" t="s">
        <v>13</v>
      </c>
      <c r="F1600">
        <v>12482</v>
      </c>
      <c r="G1600" t="s">
        <v>49563</v>
      </c>
      <c r="H1600">
        <v>5.5467135352690002</v>
      </c>
      <c r="I1600">
        <v>53.237737104696997</v>
      </c>
      <c r="J1600" t="s">
        <v>57285</v>
      </c>
    </row>
    <row r="1601" spans="1:10" x14ac:dyDescent="0.25">
      <c r="A1601" t="s">
        <v>49556</v>
      </c>
      <c r="B1601" t="s">
        <v>49557</v>
      </c>
      <c r="C1601" t="s">
        <v>49558</v>
      </c>
      <c r="D1601" t="s">
        <v>49207</v>
      </c>
      <c r="E1601" t="s">
        <v>13</v>
      </c>
      <c r="F1601">
        <v>12481</v>
      </c>
      <c r="G1601" t="s">
        <v>49559</v>
      </c>
      <c r="H1601">
        <v>5.5638487523090001</v>
      </c>
      <c r="I1601">
        <v>53.157811658988997</v>
      </c>
      <c r="J1601" t="s">
        <v>57286</v>
      </c>
    </row>
    <row r="1602" spans="1:10" x14ac:dyDescent="0.25">
      <c r="A1602" t="s">
        <v>49552</v>
      </c>
      <c r="B1602" t="s">
        <v>49553</v>
      </c>
      <c r="C1602" t="s">
        <v>49554</v>
      </c>
      <c r="D1602" t="s">
        <v>49207</v>
      </c>
      <c r="E1602" t="s">
        <v>13</v>
      </c>
      <c r="F1602">
        <v>12480</v>
      </c>
      <c r="G1602" t="s">
        <v>49555</v>
      </c>
      <c r="H1602">
        <v>5.5644790675689997</v>
      </c>
      <c r="I1602">
        <v>53.149809502723002</v>
      </c>
      <c r="J1602" t="s">
        <v>57287</v>
      </c>
    </row>
    <row r="1603" spans="1:10" x14ac:dyDescent="0.25">
      <c r="A1603" t="s">
        <v>49548</v>
      </c>
      <c r="B1603" t="s">
        <v>49549</v>
      </c>
      <c r="C1603" t="s">
        <v>49550</v>
      </c>
      <c r="D1603" t="s">
        <v>49207</v>
      </c>
      <c r="E1603" t="s">
        <v>13</v>
      </c>
      <c r="F1603">
        <v>12479</v>
      </c>
      <c r="G1603" t="s">
        <v>49551</v>
      </c>
      <c r="H1603">
        <v>5.6063428551929997</v>
      </c>
      <c r="I1603">
        <v>53.142232690259</v>
      </c>
      <c r="J1603" t="s">
        <v>57288</v>
      </c>
    </row>
    <row r="1604" spans="1:10" x14ac:dyDescent="0.25">
      <c r="A1604" t="s">
        <v>49544</v>
      </c>
      <c r="B1604" t="s">
        <v>49545</v>
      </c>
      <c r="C1604" t="s">
        <v>49546</v>
      </c>
      <c r="D1604" t="s">
        <v>49207</v>
      </c>
      <c r="E1604" t="s">
        <v>13</v>
      </c>
      <c r="F1604">
        <v>12478</v>
      </c>
      <c r="G1604" t="s">
        <v>49547</v>
      </c>
      <c r="H1604">
        <v>5.6044752592310001</v>
      </c>
      <c r="I1604">
        <v>53.138407295157997</v>
      </c>
      <c r="J1604" t="s">
        <v>57289</v>
      </c>
    </row>
    <row r="1605" spans="1:10" x14ac:dyDescent="0.25">
      <c r="A1605" t="s">
        <v>49540</v>
      </c>
      <c r="B1605" t="s">
        <v>49541</v>
      </c>
      <c r="C1605" t="s">
        <v>49542</v>
      </c>
      <c r="D1605" t="s">
        <v>49207</v>
      </c>
      <c r="E1605" t="s">
        <v>13</v>
      </c>
      <c r="F1605">
        <v>12477</v>
      </c>
      <c r="G1605" t="s">
        <v>49543</v>
      </c>
      <c r="H1605">
        <v>5.6221592984360003</v>
      </c>
      <c r="I1605">
        <v>53.218837627588996</v>
      </c>
      <c r="J1605" t="s">
        <v>57290</v>
      </c>
    </row>
    <row r="1606" spans="1:10" x14ac:dyDescent="0.25">
      <c r="A1606" t="s">
        <v>49536</v>
      </c>
      <c r="B1606" t="s">
        <v>49537</v>
      </c>
      <c r="C1606" t="s">
        <v>49538</v>
      </c>
      <c r="D1606" t="s">
        <v>49207</v>
      </c>
      <c r="E1606" t="s">
        <v>13</v>
      </c>
      <c r="F1606">
        <v>12476</v>
      </c>
      <c r="G1606" t="s">
        <v>49539</v>
      </c>
      <c r="H1606">
        <v>5.621952666016</v>
      </c>
      <c r="I1606">
        <v>53.203830039944002</v>
      </c>
      <c r="J1606" t="s">
        <v>57291</v>
      </c>
    </row>
    <row r="1607" spans="1:10" x14ac:dyDescent="0.25">
      <c r="A1607" t="s">
        <v>49532</v>
      </c>
      <c r="B1607" t="s">
        <v>49533</v>
      </c>
      <c r="C1607" t="s">
        <v>49534</v>
      </c>
      <c r="D1607" t="s">
        <v>49207</v>
      </c>
      <c r="E1607" t="s">
        <v>13</v>
      </c>
      <c r="F1607">
        <v>12475</v>
      </c>
      <c r="G1607" t="s">
        <v>49535</v>
      </c>
      <c r="H1607">
        <v>5.4918791165730001</v>
      </c>
      <c r="I1607">
        <v>53.205272010706999</v>
      </c>
      <c r="J1607" t="s">
        <v>57292</v>
      </c>
    </row>
    <row r="1608" spans="1:10" x14ac:dyDescent="0.25">
      <c r="A1608" t="s">
        <v>49528</v>
      </c>
      <c r="B1608" t="s">
        <v>49529</v>
      </c>
      <c r="C1608" t="s">
        <v>49530</v>
      </c>
      <c r="D1608" t="s">
        <v>49207</v>
      </c>
      <c r="E1608" t="s">
        <v>13</v>
      </c>
      <c r="F1608">
        <v>12474</v>
      </c>
      <c r="G1608" t="s">
        <v>49531</v>
      </c>
      <c r="H1608">
        <v>5.4905295659120004</v>
      </c>
      <c r="I1608">
        <v>53.212271547835002</v>
      </c>
      <c r="J1608" t="s">
        <v>57293</v>
      </c>
    </row>
    <row r="1609" spans="1:10" x14ac:dyDescent="0.25">
      <c r="A1609" t="s">
        <v>49524</v>
      </c>
      <c r="B1609" t="s">
        <v>49525</v>
      </c>
      <c r="C1609" t="s">
        <v>49526</v>
      </c>
      <c r="D1609" t="s">
        <v>49207</v>
      </c>
      <c r="E1609" t="s">
        <v>13</v>
      </c>
      <c r="F1609">
        <v>12473</v>
      </c>
      <c r="G1609" t="s">
        <v>49527</v>
      </c>
      <c r="H1609">
        <v>5.4858298974609996</v>
      </c>
      <c r="I1609">
        <v>53.217688436983003</v>
      </c>
      <c r="J1609" t="s">
        <v>57294</v>
      </c>
    </row>
    <row r="1610" spans="1:10" x14ac:dyDescent="0.25">
      <c r="A1610" t="s">
        <v>49520</v>
      </c>
      <c r="B1610" t="s">
        <v>49521</v>
      </c>
      <c r="C1610" t="s">
        <v>49522</v>
      </c>
      <c r="D1610" t="s">
        <v>49207</v>
      </c>
      <c r="E1610" t="s">
        <v>13</v>
      </c>
      <c r="F1610">
        <v>12472</v>
      </c>
      <c r="G1610" t="s">
        <v>49523</v>
      </c>
      <c r="H1610">
        <v>5.494436877669</v>
      </c>
      <c r="I1610">
        <v>53.219358923191997</v>
      </c>
      <c r="J1610" t="s">
        <v>57295</v>
      </c>
    </row>
    <row r="1611" spans="1:10" x14ac:dyDescent="0.25">
      <c r="A1611" t="s">
        <v>49516</v>
      </c>
      <c r="B1611" t="s">
        <v>49517</v>
      </c>
      <c r="C1611" t="s">
        <v>49518</v>
      </c>
      <c r="D1611" t="s">
        <v>49207</v>
      </c>
      <c r="E1611" t="s">
        <v>13</v>
      </c>
      <c r="F1611">
        <v>12471</v>
      </c>
      <c r="G1611" t="s">
        <v>49519</v>
      </c>
      <c r="H1611">
        <v>5.5760394855540003</v>
      </c>
      <c r="I1611">
        <v>53.199039468872002</v>
      </c>
      <c r="J1611" t="s">
        <v>57296</v>
      </c>
    </row>
    <row r="1612" spans="1:10" x14ac:dyDescent="0.25">
      <c r="A1612" t="s">
        <v>49512</v>
      </c>
      <c r="B1612" t="s">
        <v>49513</v>
      </c>
      <c r="C1612" t="s">
        <v>49514</v>
      </c>
      <c r="D1612" t="s">
        <v>49207</v>
      </c>
      <c r="E1612" t="s">
        <v>13</v>
      </c>
      <c r="F1612">
        <v>12470</v>
      </c>
      <c r="G1612" t="s">
        <v>49515</v>
      </c>
      <c r="H1612">
        <v>5.591329990308</v>
      </c>
      <c r="I1612">
        <v>53.223208474627</v>
      </c>
      <c r="J1612" t="s">
        <v>57297</v>
      </c>
    </row>
    <row r="1613" spans="1:10" x14ac:dyDescent="0.25">
      <c r="A1613" t="s">
        <v>49508</v>
      </c>
      <c r="B1613" t="s">
        <v>49509</v>
      </c>
      <c r="C1613" t="s">
        <v>49510</v>
      </c>
      <c r="D1613" t="s">
        <v>49207</v>
      </c>
      <c r="E1613" t="s">
        <v>13</v>
      </c>
      <c r="F1613">
        <v>12469</v>
      </c>
      <c r="G1613" t="s">
        <v>49511</v>
      </c>
      <c r="H1613">
        <v>5.5889602733009998</v>
      </c>
      <c r="I1613">
        <v>53.220409422015003</v>
      </c>
      <c r="J1613" t="s">
        <v>57298</v>
      </c>
    </row>
    <row r="1614" spans="1:10" x14ac:dyDescent="0.25">
      <c r="A1614" t="s">
        <v>49504</v>
      </c>
      <c r="B1614" t="s">
        <v>49505</v>
      </c>
      <c r="C1614" t="s">
        <v>49506</v>
      </c>
      <c r="D1614" t="s">
        <v>49207</v>
      </c>
      <c r="E1614" t="s">
        <v>13</v>
      </c>
      <c r="F1614">
        <v>12468</v>
      </c>
      <c r="G1614" t="s">
        <v>49507</v>
      </c>
      <c r="H1614">
        <v>5.4630820510079996</v>
      </c>
      <c r="I1614">
        <v>53.211898547563997</v>
      </c>
      <c r="J1614" t="s">
        <v>57299</v>
      </c>
    </row>
    <row r="1615" spans="1:10" x14ac:dyDescent="0.25">
      <c r="A1615" t="s">
        <v>49500</v>
      </c>
      <c r="B1615" t="s">
        <v>49501</v>
      </c>
      <c r="C1615" t="s">
        <v>49502</v>
      </c>
      <c r="D1615" t="s">
        <v>49207</v>
      </c>
      <c r="E1615" t="s">
        <v>13</v>
      </c>
      <c r="F1615">
        <v>12467</v>
      </c>
      <c r="G1615" t="s">
        <v>49503</v>
      </c>
      <c r="H1615">
        <v>5.5990159114619997</v>
      </c>
      <c r="I1615">
        <v>53.206839128387003</v>
      </c>
      <c r="J1615" t="s">
        <v>57300</v>
      </c>
    </row>
    <row r="1616" spans="1:10" x14ac:dyDescent="0.25">
      <c r="A1616" t="s">
        <v>49496</v>
      </c>
      <c r="B1616" t="s">
        <v>49497</v>
      </c>
      <c r="C1616" t="s">
        <v>49498</v>
      </c>
      <c r="D1616" t="s">
        <v>49207</v>
      </c>
      <c r="E1616" t="s">
        <v>13</v>
      </c>
      <c r="F1616">
        <v>12466</v>
      </c>
      <c r="G1616" t="s">
        <v>49499</v>
      </c>
      <c r="H1616">
        <v>5.7167399616649996</v>
      </c>
      <c r="I1616">
        <v>53.301173843093999</v>
      </c>
      <c r="J1616" t="s">
        <v>57301</v>
      </c>
    </row>
    <row r="1617" spans="1:10" x14ac:dyDescent="0.25">
      <c r="A1617" t="s">
        <v>49492</v>
      </c>
      <c r="B1617" t="s">
        <v>49493</v>
      </c>
      <c r="C1617" t="s">
        <v>49494</v>
      </c>
      <c r="D1617" t="s">
        <v>49207</v>
      </c>
      <c r="E1617" t="s">
        <v>13</v>
      </c>
      <c r="F1617">
        <v>12465</v>
      </c>
      <c r="G1617" t="s">
        <v>49495</v>
      </c>
      <c r="H1617">
        <v>5.7078983685239999</v>
      </c>
      <c r="I1617">
        <v>53.310577528753001</v>
      </c>
      <c r="J1617" t="s">
        <v>57302</v>
      </c>
    </row>
    <row r="1618" spans="1:10" x14ac:dyDescent="0.25">
      <c r="A1618" t="s">
        <v>49488</v>
      </c>
      <c r="B1618" t="s">
        <v>49489</v>
      </c>
      <c r="C1618" t="s">
        <v>49490</v>
      </c>
      <c r="D1618" t="s">
        <v>49207</v>
      </c>
      <c r="E1618" t="s">
        <v>13</v>
      </c>
      <c r="F1618">
        <v>12464</v>
      </c>
      <c r="G1618" t="s">
        <v>49491</v>
      </c>
      <c r="H1618">
        <v>5.5120754413190003</v>
      </c>
      <c r="I1618">
        <v>53.235151871793001</v>
      </c>
      <c r="J1618" t="s">
        <v>57303</v>
      </c>
    </row>
    <row r="1619" spans="1:10" x14ac:dyDescent="0.25">
      <c r="A1619" t="s">
        <v>49484</v>
      </c>
      <c r="B1619" t="s">
        <v>49485</v>
      </c>
      <c r="C1619" t="s">
        <v>49486</v>
      </c>
      <c r="D1619" t="s">
        <v>49207</v>
      </c>
      <c r="E1619" t="s">
        <v>13</v>
      </c>
      <c r="F1619">
        <v>12463</v>
      </c>
      <c r="G1619" t="s">
        <v>49487</v>
      </c>
      <c r="H1619">
        <v>5.5114931562300002</v>
      </c>
      <c r="I1619">
        <v>53.233641224065003</v>
      </c>
      <c r="J1619" t="s">
        <v>57304</v>
      </c>
    </row>
    <row r="1620" spans="1:10" x14ac:dyDescent="0.25">
      <c r="A1620" t="s">
        <v>49480</v>
      </c>
      <c r="B1620" t="s">
        <v>49481</v>
      </c>
      <c r="C1620" t="s">
        <v>49482</v>
      </c>
      <c r="D1620" t="s">
        <v>49207</v>
      </c>
      <c r="E1620" t="s">
        <v>13</v>
      </c>
      <c r="F1620">
        <v>12462</v>
      </c>
      <c r="G1620" t="s">
        <v>49483</v>
      </c>
      <c r="H1620">
        <v>5.6534707796020003</v>
      </c>
      <c r="I1620">
        <v>53.296723666898998</v>
      </c>
      <c r="J1620" t="s">
        <v>57305</v>
      </c>
    </row>
    <row r="1621" spans="1:10" x14ac:dyDescent="0.25">
      <c r="A1621" t="s">
        <v>49476</v>
      </c>
      <c r="B1621" t="s">
        <v>49477</v>
      </c>
      <c r="C1621" t="s">
        <v>49478</v>
      </c>
      <c r="D1621" t="s">
        <v>49207</v>
      </c>
      <c r="E1621" t="s">
        <v>13</v>
      </c>
      <c r="F1621">
        <v>12461</v>
      </c>
      <c r="G1621" t="s">
        <v>49479</v>
      </c>
      <c r="H1621">
        <v>5.5961707009149997</v>
      </c>
      <c r="I1621">
        <v>53.250810473892997</v>
      </c>
      <c r="J1621" t="s">
        <v>57306</v>
      </c>
    </row>
    <row r="1622" spans="1:10" x14ac:dyDescent="0.25">
      <c r="A1622" t="s">
        <v>49472</v>
      </c>
      <c r="B1622" t="s">
        <v>49473</v>
      </c>
      <c r="C1622" t="s">
        <v>49474</v>
      </c>
      <c r="D1622" t="s">
        <v>49207</v>
      </c>
      <c r="E1622" t="s">
        <v>13</v>
      </c>
      <c r="F1622">
        <v>12460</v>
      </c>
      <c r="G1622" t="s">
        <v>49475</v>
      </c>
      <c r="H1622">
        <v>5.5923419615709999</v>
      </c>
      <c r="I1622">
        <v>53.253218502278003</v>
      </c>
      <c r="J1622" t="s">
        <v>57307</v>
      </c>
    </row>
    <row r="1623" spans="1:10" x14ac:dyDescent="0.25">
      <c r="A1623" t="s">
        <v>49468</v>
      </c>
      <c r="B1623" t="s">
        <v>49469</v>
      </c>
      <c r="C1623" t="s">
        <v>49470</v>
      </c>
      <c r="D1623" t="s">
        <v>49207</v>
      </c>
      <c r="E1623" t="s">
        <v>13</v>
      </c>
      <c r="F1623">
        <v>12459</v>
      </c>
      <c r="G1623" t="s">
        <v>49471</v>
      </c>
      <c r="H1623">
        <v>5.601225926064</v>
      </c>
      <c r="I1623">
        <v>53.255922778336</v>
      </c>
      <c r="J1623" t="s">
        <v>57308</v>
      </c>
    </row>
    <row r="1624" spans="1:10" x14ac:dyDescent="0.25">
      <c r="A1624" t="s">
        <v>49464</v>
      </c>
      <c r="B1624" t="s">
        <v>49465</v>
      </c>
      <c r="C1624" t="s">
        <v>49466</v>
      </c>
      <c r="D1624" t="s">
        <v>49207</v>
      </c>
      <c r="E1624" t="s">
        <v>13</v>
      </c>
      <c r="F1624">
        <v>12458</v>
      </c>
      <c r="G1624" t="s">
        <v>49467</v>
      </c>
      <c r="H1624">
        <v>5.5917522186169997</v>
      </c>
      <c r="I1624">
        <v>53.247790662241002</v>
      </c>
      <c r="J1624" t="s">
        <v>57309</v>
      </c>
    </row>
    <row r="1625" spans="1:10" x14ac:dyDescent="0.25">
      <c r="A1625" t="s">
        <v>49460</v>
      </c>
      <c r="B1625" t="s">
        <v>49461</v>
      </c>
      <c r="C1625" t="s">
        <v>49462</v>
      </c>
      <c r="D1625" t="s">
        <v>49207</v>
      </c>
      <c r="E1625" t="s">
        <v>13</v>
      </c>
      <c r="F1625">
        <v>12457</v>
      </c>
      <c r="G1625" t="s">
        <v>49463</v>
      </c>
      <c r="H1625">
        <v>5.6568542096080003</v>
      </c>
      <c r="I1625">
        <v>53.216602149670003</v>
      </c>
      <c r="J1625" t="s">
        <v>57310</v>
      </c>
    </row>
    <row r="1626" spans="1:10" x14ac:dyDescent="0.25">
      <c r="A1626" t="s">
        <v>49456</v>
      </c>
      <c r="B1626" t="s">
        <v>49457</v>
      </c>
      <c r="C1626" t="s">
        <v>49458</v>
      </c>
      <c r="D1626" t="s">
        <v>49207</v>
      </c>
      <c r="E1626" t="s">
        <v>13</v>
      </c>
      <c r="F1626">
        <v>12456</v>
      </c>
      <c r="G1626" t="s">
        <v>49459</v>
      </c>
      <c r="H1626">
        <v>5.6645450507300001</v>
      </c>
      <c r="I1626">
        <v>53.214522762766002</v>
      </c>
      <c r="J1626" t="s">
        <v>57311</v>
      </c>
    </row>
    <row r="1627" spans="1:10" x14ac:dyDescent="0.25">
      <c r="A1627" t="s">
        <v>49452</v>
      </c>
      <c r="B1627" t="s">
        <v>49453</v>
      </c>
      <c r="C1627" t="s">
        <v>49454</v>
      </c>
      <c r="D1627" t="s">
        <v>49207</v>
      </c>
      <c r="E1627" t="s">
        <v>13</v>
      </c>
      <c r="F1627">
        <v>12455</v>
      </c>
      <c r="G1627" t="s">
        <v>49455</v>
      </c>
      <c r="H1627">
        <v>5.6635743266579999</v>
      </c>
      <c r="I1627">
        <v>53.221335797895001</v>
      </c>
      <c r="J1627" t="s">
        <v>57312</v>
      </c>
    </row>
    <row r="1628" spans="1:10" x14ac:dyDescent="0.25">
      <c r="A1628" t="s">
        <v>49448</v>
      </c>
      <c r="B1628" t="s">
        <v>49449</v>
      </c>
      <c r="C1628" t="s">
        <v>49450</v>
      </c>
      <c r="D1628" t="s">
        <v>49207</v>
      </c>
      <c r="E1628" t="s">
        <v>13</v>
      </c>
      <c r="F1628">
        <v>12454</v>
      </c>
      <c r="G1628" t="s">
        <v>49451</v>
      </c>
      <c r="H1628">
        <v>5.6671599255630003</v>
      </c>
      <c r="I1628">
        <v>53.215543978843002</v>
      </c>
      <c r="J1628" t="s">
        <v>57313</v>
      </c>
    </row>
    <row r="1629" spans="1:10" x14ac:dyDescent="0.25">
      <c r="A1629" t="s">
        <v>49445</v>
      </c>
      <c r="B1629" t="s">
        <v>49446</v>
      </c>
      <c r="C1629" t="s">
        <v>48523</v>
      </c>
      <c r="D1629" t="s">
        <v>49207</v>
      </c>
      <c r="E1629" t="s">
        <v>13</v>
      </c>
      <c r="F1629">
        <v>12453</v>
      </c>
      <c r="G1629" t="s">
        <v>49447</v>
      </c>
      <c r="H1629">
        <v>5.728360269645</v>
      </c>
      <c r="I1629">
        <v>53.211048780805001</v>
      </c>
      <c r="J1629" t="s">
        <v>57314</v>
      </c>
    </row>
    <row r="1630" spans="1:10" x14ac:dyDescent="0.25">
      <c r="A1630" t="s">
        <v>49441</v>
      </c>
      <c r="B1630" t="s">
        <v>49442</v>
      </c>
      <c r="C1630" t="s">
        <v>49443</v>
      </c>
      <c r="D1630" t="s">
        <v>49207</v>
      </c>
      <c r="E1630" t="s">
        <v>13</v>
      </c>
      <c r="F1630">
        <v>12452</v>
      </c>
      <c r="G1630" t="s">
        <v>49444</v>
      </c>
      <c r="H1630">
        <v>5.7145489149779998</v>
      </c>
      <c r="I1630">
        <v>53.208372753806998</v>
      </c>
      <c r="J1630" t="s">
        <v>57315</v>
      </c>
    </row>
    <row r="1631" spans="1:10" x14ac:dyDescent="0.25">
      <c r="A1631" t="s">
        <v>49437</v>
      </c>
      <c r="B1631" t="s">
        <v>49438</v>
      </c>
      <c r="C1631" t="s">
        <v>49439</v>
      </c>
      <c r="D1631" t="s">
        <v>49207</v>
      </c>
      <c r="E1631" t="s">
        <v>13</v>
      </c>
      <c r="F1631">
        <v>12451</v>
      </c>
      <c r="G1631" t="s">
        <v>49440</v>
      </c>
      <c r="H1631">
        <v>5.5256130231489999</v>
      </c>
      <c r="I1631">
        <v>53.224849805593998</v>
      </c>
      <c r="J1631" t="s">
        <v>57316</v>
      </c>
    </row>
    <row r="1632" spans="1:10" x14ac:dyDescent="0.25">
      <c r="A1632" t="s">
        <v>49433</v>
      </c>
      <c r="B1632" t="s">
        <v>49434</v>
      </c>
      <c r="C1632" t="s">
        <v>49435</v>
      </c>
      <c r="D1632" t="s">
        <v>49207</v>
      </c>
      <c r="E1632" t="s">
        <v>13</v>
      </c>
      <c r="F1632">
        <v>12450</v>
      </c>
      <c r="G1632" t="s">
        <v>49436</v>
      </c>
      <c r="H1632">
        <v>5.6065744873429999</v>
      </c>
      <c r="I1632">
        <v>53.271466023241999</v>
      </c>
      <c r="J1632" t="s">
        <v>57317</v>
      </c>
    </row>
    <row r="1633" spans="1:10" x14ac:dyDescent="0.25">
      <c r="A1633" t="s">
        <v>49429</v>
      </c>
      <c r="B1633" t="s">
        <v>49430</v>
      </c>
      <c r="C1633" t="s">
        <v>49431</v>
      </c>
      <c r="D1633" t="s">
        <v>49207</v>
      </c>
      <c r="E1633" t="s">
        <v>13</v>
      </c>
      <c r="F1633">
        <v>12449</v>
      </c>
      <c r="G1633" t="s">
        <v>49432</v>
      </c>
      <c r="H1633">
        <v>5.6064570370129996</v>
      </c>
      <c r="I1633">
        <v>53.274675074923998</v>
      </c>
      <c r="J1633" t="s">
        <v>57318</v>
      </c>
    </row>
    <row r="1634" spans="1:10" x14ac:dyDescent="0.25">
      <c r="A1634" t="s">
        <v>49425</v>
      </c>
      <c r="B1634" t="s">
        <v>49426</v>
      </c>
      <c r="C1634" t="s">
        <v>49427</v>
      </c>
      <c r="D1634" t="s">
        <v>49207</v>
      </c>
      <c r="E1634" t="s">
        <v>13</v>
      </c>
      <c r="F1634">
        <v>12448</v>
      </c>
      <c r="G1634" t="s">
        <v>49428</v>
      </c>
      <c r="H1634">
        <v>5.6089308370250004</v>
      </c>
      <c r="I1634">
        <v>53.279911290417999</v>
      </c>
      <c r="J1634" t="s">
        <v>57319</v>
      </c>
    </row>
    <row r="1635" spans="1:10" x14ac:dyDescent="0.25">
      <c r="A1635" t="s">
        <v>49421</v>
      </c>
      <c r="B1635" t="s">
        <v>49422</v>
      </c>
      <c r="C1635" t="s">
        <v>49423</v>
      </c>
      <c r="D1635" t="s">
        <v>49207</v>
      </c>
      <c r="E1635" t="s">
        <v>13</v>
      </c>
      <c r="F1635">
        <v>12447</v>
      </c>
      <c r="G1635" t="s">
        <v>49424</v>
      </c>
      <c r="H1635">
        <v>5.7164300256910003</v>
      </c>
      <c r="I1635">
        <v>53.226339279647</v>
      </c>
      <c r="J1635" t="s">
        <v>57320</v>
      </c>
    </row>
    <row r="1636" spans="1:10" x14ac:dyDescent="0.25">
      <c r="A1636" t="s">
        <v>49417</v>
      </c>
      <c r="B1636" t="s">
        <v>49418</v>
      </c>
      <c r="C1636" t="s">
        <v>49419</v>
      </c>
      <c r="D1636" t="s">
        <v>49207</v>
      </c>
      <c r="E1636" t="s">
        <v>13</v>
      </c>
      <c r="F1636">
        <v>12446</v>
      </c>
      <c r="G1636" t="s">
        <v>49420</v>
      </c>
      <c r="H1636">
        <v>5.7191199371419996</v>
      </c>
      <c r="I1636">
        <v>53.226012733316999</v>
      </c>
      <c r="J1636" t="s">
        <v>57321</v>
      </c>
    </row>
    <row r="1637" spans="1:10" x14ac:dyDescent="0.25">
      <c r="A1637" t="s">
        <v>49413</v>
      </c>
      <c r="B1637" t="s">
        <v>49414</v>
      </c>
      <c r="C1637" t="s">
        <v>49415</v>
      </c>
      <c r="D1637" t="s">
        <v>49207</v>
      </c>
      <c r="E1637" t="s">
        <v>13</v>
      </c>
      <c r="F1637">
        <v>12445</v>
      </c>
      <c r="G1637" t="s">
        <v>49416</v>
      </c>
      <c r="H1637">
        <v>5.5181847581490002</v>
      </c>
      <c r="I1637">
        <v>53.164187092181997</v>
      </c>
      <c r="J1637" t="s">
        <v>57322</v>
      </c>
    </row>
    <row r="1638" spans="1:10" x14ac:dyDescent="0.25">
      <c r="A1638" t="s">
        <v>49409</v>
      </c>
      <c r="B1638" t="s">
        <v>49410</v>
      </c>
      <c r="C1638" t="s">
        <v>49411</v>
      </c>
      <c r="D1638" t="s">
        <v>49207</v>
      </c>
      <c r="E1638" t="s">
        <v>13</v>
      </c>
      <c r="F1638">
        <v>12444</v>
      </c>
      <c r="G1638" t="s">
        <v>49412</v>
      </c>
      <c r="H1638">
        <v>5.4953639970510002</v>
      </c>
      <c r="I1638">
        <v>53.185720769452999</v>
      </c>
      <c r="J1638" t="s">
        <v>57323</v>
      </c>
    </row>
    <row r="1639" spans="1:10" x14ac:dyDescent="0.25">
      <c r="A1639" t="s">
        <v>49405</v>
      </c>
      <c r="B1639" t="s">
        <v>49406</v>
      </c>
      <c r="C1639" t="s">
        <v>49407</v>
      </c>
      <c r="D1639" t="s">
        <v>49207</v>
      </c>
      <c r="E1639" t="s">
        <v>13</v>
      </c>
      <c r="F1639">
        <v>12443</v>
      </c>
      <c r="G1639" t="s">
        <v>49408</v>
      </c>
      <c r="H1639">
        <v>5.53289360575</v>
      </c>
      <c r="I1639">
        <v>53.197625978241</v>
      </c>
      <c r="J1639" t="s">
        <v>57324</v>
      </c>
    </row>
    <row r="1640" spans="1:10" x14ac:dyDescent="0.25">
      <c r="A1640" t="s">
        <v>49401</v>
      </c>
      <c r="B1640" t="s">
        <v>49402</v>
      </c>
      <c r="C1640" t="s">
        <v>49403</v>
      </c>
      <c r="D1640" t="s">
        <v>49207</v>
      </c>
      <c r="E1640" t="s">
        <v>13</v>
      </c>
      <c r="F1640">
        <v>12442</v>
      </c>
      <c r="G1640" t="s">
        <v>49404</v>
      </c>
      <c r="H1640">
        <v>5.5341663391999996</v>
      </c>
      <c r="I1640">
        <v>53.182595870024997</v>
      </c>
      <c r="J1640" t="s">
        <v>57325</v>
      </c>
    </row>
    <row r="1641" spans="1:10" x14ac:dyDescent="0.25">
      <c r="A1641" t="s">
        <v>49397</v>
      </c>
      <c r="B1641" t="s">
        <v>49398</v>
      </c>
      <c r="C1641" t="s">
        <v>49399</v>
      </c>
      <c r="D1641" t="s">
        <v>49207</v>
      </c>
      <c r="E1641" t="s">
        <v>13</v>
      </c>
      <c r="F1641">
        <v>12441</v>
      </c>
      <c r="G1641" t="s">
        <v>49400</v>
      </c>
      <c r="H1641">
        <v>5.5269825393780003</v>
      </c>
      <c r="I1641">
        <v>53.192706398364002</v>
      </c>
      <c r="J1641" t="s">
        <v>57326</v>
      </c>
    </row>
    <row r="1642" spans="1:10" x14ac:dyDescent="0.25">
      <c r="A1642" t="s">
        <v>49393</v>
      </c>
      <c r="B1642" t="s">
        <v>49394</v>
      </c>
      <c r="C1642" t="s">
        <v>49395</v>
      </c>
      <c r="D1642" t="s">
        <v>49207</v>
      </c>
      <c r="E1642" t="s">
        <v>13</v>
      </c>
      <c r="F1642">
        <v>12440</v>
      </c>
      <c r="G1642" t="s">
        <v>49396</v>
      </c>
      <c r="H1642">
        <v>5.5516312607870004</v>
      </c>
      <c r="I1642">
        <v>53.182684574915001</v>
      </c>
      <c r="J1642" t="s">
        <v>57327</v>
      </c>
    </row>
    <row r="1643" spans="1:10" x14ac:dyDescent="0.25">
      <c r="A1643" t="s">
        <v>49389</v>
      </c>
      <c r="B1643" t="s">
        <v>49390</v>
      </c>
      <c r="C1643" t="s">
        <v>49391</v>
      </c>
      <c r="D1643" t="s">
        <v>49207</v>
      </c>
      <c r="E1643" t="s">
        <v>13</v>
      </c>
      <c r="F1643">
        <v>12439</v>
      </c>
      <c r="G1643" t="s">
        <v>49392</v>
      </c>
      <c r="H1643">
        <v>5.5354885061159997</v>
      </c>
      <c r="I1643">
        <v>53.195056303458998</v>
      </c>
      <c r="J1643" t="s">
        <v>57328</v>
      </c>
    </row>
    <row r="1644" spans="1:10" x14ac:dyDescent="0.25">
      <c r="A1644" t="s">
        <v>49385</v>
      </c>
      <c r="B1644" t="s">
        <v>49386</v>
      </c>
      <c r="C1644" t="s">
        <v>49387</v>
      </c>
      <c r="D1644" t="s">
        <v>49207</v>
      </c>
      <c r="E1644" t="s">
        <v>13</v>
      </c>
      <c r="F1644">
        <v>12438</v>
      </c>
      <c r="G1644" t="s">
        <v>49388</v>
      </c>
      <c r="H1644">
        <v>5.5573217748930004</v>
      </c>
      <c r="I1644">
        <v>53.190972672301001</v>
      </c>
      <c r="J1644" t="s">
        <v>57329</v>
      </c>
    </row>
    <row r="1645" spans="1:10" x14ac:dyDescent="0.25">
      <c r="A1645" t="s">
        <v>49381</v>
      </c>
      <c r="B1645" t="s">
        <v>49382</v>
      </c>
      <c r="C1645" t="s">
        <v>49383</v>
      </c>
      <c r="D1645" t="s">
        <v>49207</v>
      </c>
      <c r="E1645" t="s">
        <v>13</v>
      </c>
      <c r="F1645">
        <v>12437</v>
      </c>
      <c r="G1645" t="s">
        <v>49384</v>
      </c>
      <c r="H1645">
        <v>5.5417715300179999</v>
      </c>
      <c r="I1645">
        <v>53.191259539028998</v>
      </c>
      <c r="J1645" t="s">
        <v>57330</v>
      </c>
    </row>
    <row r="1646" spans="1:10" x14ac:dyDescent="0.25">
      <c r="A1646" t="s">
        <v>49377</v>
      </c>
      <c r="B1646" t="s">
        <v>49378</v>
      </c>
      <c r="C1646" t="s">
        <v>49379</v>
      </c>
      <c r="D1646" t="s">
        <v>49207</v>
      </c>
      <c r="E1646" t="s">
        <v>13</v>
      </c>
      <c r="F1646">
        <v>12436</v>
      </c>
      <c r="G1646" t="s">
        <v>49380</v>
      </c>
      <c r="H1646">
        <v>5.5244581020870003</v>
      </c>
      <c r="I1646">
        <v>53.186997511808997</v>
      </c>
      <c r="J1646" t="s">
        <v>57331</v>
      </c>
    </row>
    <row r="1647" spans="1:10" x14ac:dyDescent="0.25">
      <c r="A1647" t="s">
        <v>49373</v>
      </c>
      <c r="B1647" t="s">
        <v>49374</v>
      </c>
      <c r="C1647" t="s">
        <v>49375</v>
      </c>
      <c r="D1647" t="s">
        <v>49207</v>
      </c>
      <c r="E1647" t="s">
        <v>13</v>
      </c>
      <c r="F1647">
        <v>12435</v>
      </c>
      <c r="G1647" t="s">
        <v>49376</v>
      </c>
      <c r="H1647">
        <v>5.5308287671140004</v>
      </c>
      <c r="I1647">
        <v>53.190577422510998</v>
      </c>
      <c r="J1647" t="s">
        <v>57332</v>
      </c>
    </row>
    <row r="1648" spans="1:10" x14ac:dyDescent="0.25">
      <c r="A1648" t="s">
        <v>49369</v>
      </c>
      <c r="B1648" t="s">
        <v>49370</v>
      </c>
      <c r="C1648" t="s">
        <v>49371</v>
      </c>
      <c r="D1648" t="s">
        <v>49207</v>
      </c>
      <c r="E1648" t="s">
        <v>13</v>
      </c>
      <c r="F1648">
        <v>12434</v>
      </c>
      <c r="G1648" t="s">
        <v>49372</v>
      </c>
      <c r="H1648">
        <v>5.5345362999779999</v>
      </c>
      <c r="I1648">
        <v>53.187809197675001</v>
      </c>
      <c r="J1648" t="s">
        <v>57333</v>
      </c>
    </row>
    <row r="1649" spans="1:10" x14ac:dyDescent="0.25">
      <c r="A1649" t="s">
        <v>49365</v>
      </c>
      <c r="B1649" t="s">
        <v>49366</v>
      </c>
      <c r="C1649" t="s">
        <v>49367</v>
      </c>
      <c r="D1649" t="s">
        <v>49207</v>
      </c>
      <c r="E1649" t="s">
        <v>13</v>
      </c>
      <c r="F1649">
        <v>12433</v>
      </c>
      <c r="G1649" t="s">
        <v>49368</v>
      </c>
      <c r="H1649">
        <v>5.5425659889960004</v>
      </c>
      <c r="I1649">
        <v>53.182379511561997</v>
      </c>
      <c r="J1649" t="s">
        <v>57334</v>
      </c>
    </row>
    <row r="1650" spans="1:10" x14ac:dyDescent="0.25">
      <c r="A1650" t="s">
        <v>49361</v>
      </c>
      <c r="B1650" t="s">
        <v>49362</v>
      </c>
      <c r="C1650" t="s">
        <v>49363</v>
      </c>
      <c r="D1650" t="s">
        <v>49207</v>
      </c>
      <c r="E1650" t="s">
        <v>13</v>
      </c>
      <c r="F1650">
        <v>12432</v>
      </c>
      <c r="G1650" t="s">
        <v>49364</v>
      </c>
      <c r="H1650">
        <v>5.5617625031140001</v>
      </c>
      <c r="I1650">
        <v>53.182147020297997</v>
      </c>
      <c r="J1650" t="s">
        <v>57335</v>
      </c>
    </row>
    <row r="1651" spans="1:10" x14ac:dyDescent="0.25">
      <c r="A1651" t="s">
        <v>49357</v>
      </c>
      <c r="B1651" t="s">
        <v>49358</v>
      </c>
      <c r="C1651" t="s">
        <v>49359</v>
      </c>
      <c r="D1651" t="s">
        <v>49207</v>
      </c>
      <c r="E1651" t="s">
        <v>13</v>
      </c>
      <c r="F1651">
        <v>12431</v>
      </c>
      <c r="G1651" t="s">
        <v>49360</v>
      </c>
      <c r="H1651">
        <v>5.5130013476370001</v>
      </c>
      <c r="I1651">
        <v>53.178257791478003</v>
      </c>
      <c r="J1651" t="s">
        <v>57336</v>
      </c>
    </row>
    <row r="1652" spans="1:10" x14ac:dyDescent="0.25">
      <c r="A1652" t="s">
        <v>49353</v>
      </c>
      <c r="B1652" t="s">
        <v>49354</v>
      </c>
      <c r="C1652" t="s">
        <v>49355</v>
      </c>
      <c r="D1652" t="s">
        <v>49207</v>
      </c>
      <c r="E1652" t="s">
        <v>13</v>
      </c>
      <c r="F1652">
        <v>12430</v>
      </c>
      <c r="G1652" t="s">
        <v>49356</v>
      </c>
      <c r="H1652">
        <v>5.5451246800789997</v>
      </c>
      <c r="I1652">
        <v>53.196341993425001</v>
      </c>
      <c r="J1652" t="s">
        <v>57337</v>
      </c>
    </row>
    <row r="1653" spans="1:10" x14ac:dyDescent="0.25">
      <c r="A1653" t="s">
        <v>49349</v>
      </c>
      <c r="B1653" t="s">
        <v>49350</v>
      </c>
      <c r="C1653" t="s">
        <v>49351</v>
      </c>
      <c r="D1653" t="s">
        <v>49207</v>
      </c>
      <c r="E1653" t="s">
        <v>13</v>
      </c>
      <c r="F1653">
        <v>12429</v>
      </c>
      <c r="G1653" t="s">
        <v>49352</v>
      </c>
      <c r="H1653">
        <v>5.5535267206379997</v>
      </c>
      <c r="I1653">
        <v>53.187428556284999</v>
      </c>
      <c r="J1653" t="s">
        <v>57338</v>
      </c>
    </row>
    <row r="1654" spans="1:10" x14ac:dyDescent="0.25">
      <c r="A1654" t="s">
        <v>49345</v>
      </c>
      <c r="B1654" t="s">
        <v>49346</v>
      </c>
      <c r="C1654" t="s">
        <v>49347</v>
      </c>
      <c r="D1654" t="s">
        <v>49207</v>
      </c>
      <c r="E1654" t="s">
        <v>13</v>
      </c>
      <c r="F1654">
        <v>12428</v>
      </c>
      <c r="G1654" t="s">
        <v>49348</v>
      </c>
      <c r="H1654">
        <v>5.5432435772459998</v>
      </c>
      <c r="I1654">
        <v>53.186558493154003</v>
      </c>
      <c r="J1654" t="s">
        <v>57339</v>
      </c>
    </row>
    <row r="1655" spans="1:10" x14ac:dyDescent="0.25">
      <c r="A1655" t="s">
        <v>49341</v>
      </c>
      <c r="B1655" t="s">
        <v>49342</v>
      </c>
      <c r="C1655" t="s">
        <v>49343</v>
      </c>
      <c r="D1655" t="s">
        <v>49207</v>
      </c>
      <c r="E1655" t="s">
        <v>13</v>
      </c>
      <c r="F1655">
        <v>12427</v>
      </c>
      <c r="G1655" t="s">
        <v>49344</v>
      </c>
      <c r="H1655">
        <v>5.5460648345539996</v>
      </c>
      <c r="I1655">
        <v>53.177873005419997</v>
      </c>
      <c r="J1655" t="s">
        <v>57340</v>
      </c>
    </row>
    <row r="1656" spans="1:10" x14ac:dyDescent="0.25">
      <c r="A1656" t="s">
        <v>49337</v>
      </c>
      <c r="B1656" t="s">
        <v>49338</v>
      </c>
      <c r="C1656" t="s">
        <v>49339</v>
      </c>
      <c r="D1656" t="s">
        <v>49207</v>
      </c>
      <c r="E1656" t="s">
        <v>13</v>
      </c>
      <c r="F1656">
        <v>12426</v>
      </c>
      <c r="G1656" t="s">
        <v>49340</v>
      </c>
      <c r="H1656">
        <v>5.5553696205170002</v>
      </c>
      <c r="I1656">
        <v>53.182197968433996</v>
      </c>
      <c r="J1656" t="s">
        <v>57341</v>
      </c>
    </row>
    <row r="1657" spans="1:10" x14ac:dyDescent="0.25">
      <c r="A1657" t="s">
        <v>49333</v>
      </c>
      <c r="B1657" t="s">
        <v>49334</v>
      </c>
      <c r="C1657" t="s">
        <v>49335</v>
      </c>
      <c r="D1657" t="s">
        <v>49207</v>
      </c>
      <c r="E1657" t="s">
        <v>13</v>
      </c>
      <c r="F1657">
        <v>12425</v>
      </c>
      <c r="G1657" t="s">
        <v>49336</v>
      </c>
      <c r="H1657">
        <v>5.5633521011690004</v>
      </c>
      <c r="I1657">
        <v>53.246868067279003</v>
      </c>
      <c r="J1657" t="s">
        <v>57342</v>
      </c>
    </row>
    <row r="1658" spans="1:10" x14ac:dyDescent="0.25">
      <c r="A1658" t="s">
        <v>49329</v>
      </c>
      <c r="B1658" t="s">
        <v>49330</v>
      </c>
      <c r="C1658" t="s">
        <v>49331</v>
      </c>
      <c r="D1658" t="s">
        <v>49207</v>
      </c>
      <c r="E1658" t="s">
        <v>13</v>
      </c>
      <c r="F1658">
        <v>12424</v>
      </c>
      <c r="G1658" t="s">
        <v>49332</v>
      </c>
      <c r="H1658">
        <v>5.6384406500560003</v>
      </c>
      <c r="I1658">
        <v>53.195976855361003</v>
      </c>
      <c r="J1658" t="s">
        <v>57343</v>
      </c>
    </row>
    <row r="1659" spans="1:10" x14ac:dyDescent="0.25">
      <c r="A1659" t="s">
        <v>49325</v>
      </c>
      <c r="B1659" t="s">
        <v>49326</v>
      </c>
      <c r="C1659" t="s">
        <v>49327</v>
      </c>
      <c r="D1659" t="s">
        <v>49207</v>
      </c>
      <c r="E1659" t="s">
        <v>13</v>
      </c>
      <c r="F1659">
        <v>12423</v>
      </c>
      <c r="G1659" t="s">
        <v>49328</v>
      </c>
      <c r="H1659">
        <v>5.6521510877740004</v>
      </c>
      <c r="I1659">
        <v>53.195500033656003</v>
      </c>
      <c r="J1659" t="s">
        <v>57344</v>
      </c>
    </row>
    <row r="1660" spans="1:10" x14ac:dyDescent="0.25">
      <c r="A1660" t="s">
        <v>49321</v>
      </c>
      <c r="B1660" t="s">
        <v>49322</v>
      </c>
      <c r="C1660" t="s">
        <v>49323</v>
      </c>
      <c r="D1660" t="s">
        <v>49207</v>
      </c>
      <c r="E1660" t="s">
        <v>13</v>
      </c>
      <c r="F1660">
        <v>12422</v>
      </c>
      <c r="G1660" t="s">
        <v>49324</v>
      </c>
      <c r="H1660">
        <v>5.6444913181569998</v>
      </c>
      <c r="I1660">
        <v>53.192597936140999</v>
      </c>
      <c r="J1660" t="s">
        <v>57345</v>
      </c>
    </row>
    <row r="1661" spans="1:10" x14ac:dyDescent="0.25">
      <c r="A1661" t="s">
        <v>49317</v>
      </c>
      <c r="B1661" t="s">
        <v>49318</v>
      </c>
      <c r="C1661" t="s">
        <v>49319</v>
      </c>
      <c r="D1661" t="s">
        <v>49207</v>
      </c>
      <c r="E1661" t="s">
        <v>13</v>
      </c>
      <c r="F1661">
        <v>12421</v>
      </c>
      <c r="G1661" t="s">
        <v>49320</v>
      </c>
      <c r="H1661">
        <v>5.6277162017100002</v>
      </c>
      <c r="I1661">
        <v>53.195780720218004</v>
      </c>
      <c r="J1661" t="s">
        <v>57346</v>
      </c>
    </row>
    <row r="1662" spans="1:10" x14ac:dyDescent="0.25">
      <c r="A1662" t="s">
        <v>49313</v>
      </c>
      <c r="B1662" t="s">
        <v>49314</v>
      </c>
      <c r="C1662" t="s">
        <v>49315</v>
      </c>
      <c r="D1662" t="s">
        <v>49207</v>
      </c>
      <c r="E1662" t="s">
        <v>13</v>
      </c>
      <c r="F1662">
        <v>12420</v>
      </c>
      <c r="G1662" t="s">
        <v>49316</v>
      </c>
      <c r="H1662">
        <v>5.6469424477079997</v>
      </c>
      <c r="I1662">
        <v>53.185305891851002</v>
      </c>
      <c r="J1662" t="s">
        <v>57347</v>
      </c>
    </row>
    <row r="1663" spans="1:10" x14ac:dyDescent="0.25">
      <c r="A1663" t="s">
        <v>49309</v>
      </c>
      <c r="B1663" t="s">
        <v>49310</v>
      </c>
      <c r="C1663" t="s">
        <v>49311</v>
      </c>
      <c r="D1663" t="s">
        <v>49207</v>
      </c>
      <c r="E1663" t="s">
        <v>13</v>
      </c>
      <c r="F1663">
        <v>12419</v>
      </c>
      <c r="G1663" t="s">
        <v>49312</v>
      </c>
      <c r="H1663">
        <v>5.5432936131249999</v>
      </c>
      <c r="I1663">
        <v>53.208650273480004</v>
      </c>
      <c r="J1663" t="s">
        <v>57348</v>
      </c>
    </row>
    <row r="1664" spans="1:10" x14ac:dyDescent="0.25">
      <c r="A1664" t="s">
        <v>49305</v>
      </c>
      <c r="B1664" t="s">
        <v>49306</v>
      </c>
      <c r="C1664" t="s">
        <v>49307</v>
      </c>
      <c r="D1664" t="s">
        <v>49207</v>
      </c>
      <c r="E1664" t="s">
        <v>13</v>
      </c>
      <c r="F1664">
        <v>12418</v>
      </c>
      <c r="G1664" t="s">
        <v>49308</v>
      </c>
      <c r="H1664">
        <v>5.5421069184949996</v>
      </c>
      <c r="I1664">
        <v>53.209010917777</v>
      </c>
      <c r="J1664" t="s">
        <v>57349</v>
      </c>
    </row>
    <row r="1665" spans="1:10" x14ac:dyDescent="0.25">
      <c r="A1665" t="s">
        <v>49301</v>
      </c>
      <c r="B1665" t="s">
        <v>49302</v>
      </c>
      <c r="C1665" t="s">
        <v>49303</v>
      </c>
      <c r="D1665" t="s">
        <v>49207</v>
      </c>
      <c r="E1665" t="s">
        <v>13</v>
      </c>
      <c r="F1665">
        <v>12417</v>
      </c>
      <c r="G1665" t="s">
        <v>49304</v>
      </c>
      <c r="H1665">
        <v>5.7259818214280003</v>
      </c>
      <c r="I1665">
        <v>53.191416226938003</v>
      </c>
      <c r="J1665" t="s">
        <v>57350</v>
      </c>
    </row>
    <row r="1666" spans="1:10" x14ac:dyDescent="0.25">
      <c r="A1666" t="s">
        <v>49297</v>
      </c>
      <c r="B1666" t="s">
        <v>49298</v>
      </c>
      <c r="C1666" t="s">
        <v>49299</v>
      </c>
      <c r="D1666" t="s">
        <v>49207</v>
      </c>
      <c r="E1666" t="s">
        <v>13</v>
      </c>
      <c r="F1666">
        <v>12416</v>
      </c>
      <c r="G1666" t="s">
        <v>49300</v>
      </c>
      <c r="H1666">
        <v>5.7143366431429996</v>
      </c>
      <c r="I1666">
        <v>53.192713471089</v>
      </c>
      <c r="J1666" t="s">
        <v>57351</v>
      </c>
    </row>
    <row r="1667" spans="1:10" x14ac:dyDescent="0.25">
      <c r="A1667" t="s">
        <v>49293</v>
      </c>
      <c r="B1667" t="s">
        <v>49294</v>
      </c>
      <c r="C1667" t="s">
        <v>49295</v>
      </c>
      <c r="D1667" t="s">
        <v>49207</v>
      </c>
      <c r="E1667" t="s">
        <v>13</v>
      </c>
      <c r="F1667">
        <v>12415</v>
      </c>
      <c r="G1667" t="s">
        <v>49296</v>
      </c>
      <c r="H1667">
        <v>5.730700661347</v>
      </c>
      <c r="I1667">
        <v>53.177587900714997</v>
      </c>
      <c r="J1667" t="s">
        <v>57352</v>
      </c>
    </row>
    <row r="1668" spans="1:10" x14ac:dyDescent="0.25">
      <c r="A1668" t="s">
        <v>49289</v>
      </c>
      <c r="B1668" t="s">
        <v>49290</v>
      </c>
      <c r="C1668" t="s">
        <v>49291</v>
      </c>
      <c r="D1668" t="s">
        <v>49207</v>
      </c>
      <c r="E1668" t="s">
        <v>13</v>
      </c>
      <c r="F1668">
        <v>12414</v>
      </c>
      <c r="G1668" t="s">
        <v>49292</v>
      </c>
      <c r="H1668">
        <v>5.7295169011749998</v>
      </c>
      <c r="I1668">
        <v>53.178008510261002</v>
      </c>
      <c r="J1668" t="s">
        <v>57353</v>
      </c>
    </row>
    <row r="1669" spans="1:10" x14ac:dyDescent="0.25">
      <c r="A1669" t="s">
        <v>49285</v>
      </c>
      <c r="B1669" t="s">
        <v>49286</v>
      </c>
      <c r="C1669" t="s">
        <v>49287</v>
      </c>
      <c r="D1669" t="s">
        <v>49207</v>
      </c>
      <c r="E1669" t="s">
        <v>13</v>
      </c>
      <c r="F1669">
        <v>12413</v>
      </c>
      <c r="G1669" t="s">
        <v>49288</v>
      </c>
      <c r="H1669">
        <v>5.5632170386229998</v>
      </c>
      <c r="I1669">
        <v>53.213448625513998</v>
      </c>
      <c r="J1669" t="s">
        <v>57354</v>
      </c>
    </row>
    <row r="1670" spans="1:10" x14ac:dyDescent="0.25">
      <c r="A1670" t="s">
        <v>49281</v>
      </c>
      <c r="B1670" t="s">
        <v>49282</v>
      </c>
      <c r="C1670" t="s">
        <v>49283</v>
      </c>
      <c r="D1670" t="s">
        <v>49207</v>
      </c>
      <c r="E1670" t="s">
        <v>13</v>
      </c>
      <c r="F1670">
        <v>12412</v>
      </c>
      <c r="G1670" t="s">
        <v>49284</v>
      </c>
      <c r="H1670">
        <v>5.7081124830179997</v>
      </c>
      <c r="I1670">
        <v>53.181411224670001</v>
      </c>
      <c r="J1670" t="s">
        <v>57355</v>
      </c>
    </row>
    <row r="1671" spans="1:10" x14ac:dyDescent="0.25">
      <c r="A1671" t="s">
        <v>49277</v>
      </c>
      <c r="B1671" t="s">
        <v>49278</v>
      </c>
      <c r="C1671" t="s">
        <v>49279</v>
      </c>
      <c r="D1671" t="s">
        <v>49207</v>
      </c>
      <c r="E1671" t="s">
        <v>13</v>
      </c>
      <c r="F1671">
        <v>12411</v>
      </c>
      <c r="G1671" t="s">
        <v>49280</v>
      </c>
      <c r="H1671">
        <v>5.7055624310899997</v>
      </c>
      <c r="I1671">
        <v>53.235835754032003</v>
      </c>
      <c r="J1671" t="s">
        <v>57356</v>
      </c>
    </row>
    <row r="1672" spans="1:10" x14ac:dyDescent="0.25">
      <c r="A1672" t="s">
        <v>49273</v>
      </c>
      <c r="B1672" t="s">
        <v>49274</v>
      </c>
      <c r="C1672" t="s">
        <v>49275</v>
      </c>
      <c r="D1672" t="s">
        <v>49207</v>
      </c>
      <c r="E1672" t="s">
        <v>13</v>
      </c>
      <c r="F1672">
        <v>12410</v>
      </c>
      <c r="G1672" t="s">
        <v>49276</v>
      </c>
      <c r="H1672">
        <v>5.7167735414939997</v>
      </c>
      <c r="I1672">
        <v>53.238423940952998</v>
      </c>
      <c r="J1672" t="s">
        <v>57357</v>
      </c>
    </row>
    <row r="1673" spans="1:10" x14ac:dyDescent="0.25">
      <c r="A1673" t="s">
        <v>49269</v>
      </c>
      <c r="B1673" t="s">
        <v>49270</v>
      </c>
      <c r="C1673" t="s">
        <v>49271</v>
      </c>
      <c r="D1673" t="s">
        <v>49207</v>
      </c>
      <c r="E1673" t="s">
        <v>13</v>
      </c>
      <c r="F1673">
        <v>12409</v>
      </c>
      <c r="G1673" t="s">
        <v>49272</v>
      </c>
      <c r="H1673">
        <v>5.6875286374870004</v>
      </c>
      <c r="I1673">
        <v>53.236240746150997</v>
      </c>
      <c r="J1673" t="s">
        <v>57358</v>
      </c>
    </row>
    <row r="1674" spans="1:10" x14ac:dyDescent="0.25">
      <c r="A1674" t="s">
        <v>49265</v>
      </c>
      <c r="B1674" t="s">
        <v>49266</v>
      </c>
      <c r="C1674" t="s">
        <v>49267</v>
      </c>
      <c r="D1674" t="s">
        <v>49207</v>
      </c>
      <c r="E1674" t="s">
        <v>13</v>
      </c>
      <c r="F1674">
        <v>12408</v>
      </c>
      <c r="G1674" t="s">
        <v>49268</v>
      </c>
      <c r="H1674">
        <v>5.6850388741330002</v>
      </c>
      <c r="I1674">
        <v>53.234930720953002</v>
      </c>
      <c r="J1674" t="s">
        <v>57359</v>
      </c>
    </row>
    <row r="1675" spans="1:10" x14ac:dyDescent="0.25">
      <c r="A1675" t="s">
        <v>49261</v>
      </c>
      <c r="B1675" t="s">
        <v>49262</v>
      </c>
      <c r="C1675" t="s">
        <v>49263</v>
      </c>
      <c r="D1675" t="s">
        <v>49207</v>
      </c>
      <c r="E1675" t="s">
        <v>13</v>
      </c>
      <c r="F1675">
        <v>12407</v>
      </c>
      <c r="G1675" t="s">
        <v>49264</v>
      </c>
      <c r="H1675">
        <v>5.6612324541849999</v>
      </c>
      <c r="I1675">
        <v>53.236365496886002</v>
      </c>
      <c r="J1675" t="s">
        <v>57360</v>
      </c>
    </row>
    <row r="1676" spans="1:10" x14ac:dyDescent="0.25">
      <c r="A1676" t="s">
        <v>49257</v>
      </c>
      <c r="B1676" t="s">
        <v>49258</v>
      </c>
      <c r="C1676" t="s">
        <v>49259</v>
      </c>
      <c r="D1676" t="s">
        <v>49207</v>
      </c>
      <c r="E1676" t="s">
        <v>13</v>
      </c>
      <c r="F1676">
        <v>12406</v>
      </c>
      <c r="G1676" t="s">
        <v>49260</v>
      </c>
      <c r="H1676">
        <v>5.6427097546590002</v>
      </c>
      <c r="I1676">
        <v>53.238135556772001</v>
      </c>
      <c r="J1676" t="s">
        <v>57361</v>
      </c>
    </row>
    <row r="1677" spans="1:10" x14ac:dyDescent="0.25">
      <c r="A1677" t="s">
        <v>49253</v>
      </c>
      <c r="B1677" t="s">
        <v>49254</v>
      </c>
      <c r="C1677" t="s">
        <v>49255</v>
      </c>
      <c r="D1677" t="s">
        <v>49207</v>
      </c>
      <c r="E1677" t="s">
        <v>13</v>
      </c>
      <c r="F1677">
        <v>12405</v>
      </c>
      <c r="G1677" t="s">
        <v>49256</v>
      </c>
      <c r="H1677">
        <v>5.6508524434599998</v>
      </c>
      <c r="I1677">
        <v>53.240785183949001</v>
      </c>
      <c r="J1677" t="s">
        <v>57362</v>
      </c>
    </row>
    <row r="1678" spans="1:10" x14ac:dyDescent="0.25">
      <c r="A1678" t="s">
        <v>49249</v>
      </c>
      <c r="B1678" t="s">
        <v>49250</v>
      </c>
      <c r="C1678" t="s">
        <v>49251</v>
      </c>
      <c r="D1678" t="s">
        <v>49207</v>
      </c>
      <c r="E1678" t="s">
        <v>13</v>
      </c>
      <c r="F1678">
        <v>12404</v>
      </c>
      <c r="G1678" t="s">
        <v>49252</v>
      </c>
      <c r="H1678">
        <v>5.6488732375300001</v>
      </c>
      <c r="I1678">
        <v>53.243878459858998</v>
      </c>
      <c r="J1678" t="s">
        <v>57363</v>
      </c>
    </row>
    <row r="1679" spans="1:10" x14ac:dyDescent="0.25">
      <c r="A1679" t="s">
        <v>49245</v>
      </c>
      <c r="B1679" t="s">
        <v>49246</v>
      </c>
      <c r="C1679" t="s">
        <v>49247</v>
      </c>
      <c r="D1679" t="s">
        <v>49207</v>
      </c>
      <c r="E1679" t="s">
        <v>13</v>
      </c>
      <c r="F1679">
        <v>12403</v>
      </c>
      <c r="G1679" t="s">
        <v>49248</v>
      </c>
      <c r="H1679">
        <v>5.6336737044490004</v>
      </c>
      <c r="I1679">
        <v>53.235221919474</v>
      </c>
      <c r="J1679" t="s">
        <v>57364</v>
      </c>
    </row>
    <row r="1680" spans="1:10" x14ac:dyDescent="0.25">
      <c r="A1680" t="s">
        <v>49241</v>
      </c>
      <c r="B1680" t="s">
        <v>49242</v>
      </c>
      <c r="C1680" t="s">
        <v>49243</v>
      </c>
      <c r="D1680" t="s">
        <v>49207</v>
      </c>
      <c r="E1680" t="s">
        <v>13</v>
      </c>
      <c r="F1680">
        <v>12402</v>
      </c>
      <c r="G1680" t="s">
        <v>49244</v>
      </c>
      <c r="H1680">
        <v>5.6345663358940001</v>
      </c>
      <c r="I1680">
        <v>53.164472097222003</v>
      </c>
      <c r="J1680" t="s">
        <v>57365</v>
      </c>
    </row>
    <row r="1681" spans="1:10" x14ac:dyDescent="0.25">
      <c r="A1681" t="s">
        <v>49237</v>
      </c>
      <c r="B1681" t="s">
        <v>49238</v>
      </c>
      <c r="C1681" t="s">
        <v>49239</v>
      </c>
      <c r="D1681" t="s">
        <v>49207</v>
      </c>
      <c r="E1681" t="s">
        <v>13</v>
      </c>
      <c r="F1681">
        <v>12401</v>
      </c>
      <c r="G1681" t="s">
        <v>49240</v>
      </c>
      <c r="H1681">
        <v>5.6630903312519996</v>
      </c>
      <c r="I1681">
        <v>53.268591267959003</v>
      </c>
      <c r="J1681" t="s">
        <v>57366</v>
      </c>
    </row>
    <row r="1682" spans="1:10" x14ac:dyDescent="0.25">
      <c r="A1682" t="s">
        <v>49233</v>
      </c>
      <c r="B1682" t="s">
        <v>49234</v>
      </c>
      <c r="C1682" t="s">
        <v>49235</v>
      </c>
      <c r="D1682" t="s">
        <v>49207</v>
      </c>
      <c r="E1682" t="s">
        <v>13</v>
      </c>
      <c r="F1682">
        <v>12400</v>
      </c>
      <c r="G1682" t="s">
        <v>49236</v>
      </c>
      <c r="H1682">
        <v>5.6532536567209997</v>
      </c>
      <c r="I1682">
        <v>53.273213107636003</v>
      </c>
      <c r="J1682" t="s">
        <v>57367</v>
      </c>
    </row>
    <row r="1683" spans="1:10" x14ac:dyDescent="0.25">
      <c r="A1683" t="s">
        <v>49229</v>
      </c>
      <c r="B1683" t="s">
        <v>49230</v>
      </c>
      <c r="C1683" t="s">
        <v>49231</v>
      </c>
      <c r="D1683" t="s">
        <v>49207</v>
      </c>
      <c r="E1683" t="s">
        <v>13</v>
      </c>
      <c r="F1683">
        <v>12399</v>
      </c>
      <c r="G1683" t="s">
        <v>49232</v>
      </c>
      <c r="H1683">
        <v>5.661413728406</v>
      </c>
      <c r="I1683">
        <v>53.279165960424997</v>
      </c>
      <c r="J1683" t="s">
        <v>57368</v>
      </c>
    </row>
    <row r="1684" spans="1:10" x14ac:dyDescent="0.25">
      <c r="A1684" t="s">
        <v>49225</v>
      </c>
      <c r="B1684" t="s">
        <v>49226</v>
      </c>
      <c r="C1684" t="s">
        <v>49227</v>
      </c>
      <c r="D1684" t="s">
        <v>49207</v>
      </c>
      <c r="E1684" t="s">
        <v>13</v>
      </c>
      <c r="F1684">
        <v>12398</v>
      </c>
      <c r="G1684" t="s">
        <v>49228</v>
      </c>
      <c r="H1684">
        <v>5.651417197232</v>
      </c>
      <c r="I1684">
        <v>53.278392649840001</v>
      </c>
      <c r="J1684" t="s">
        <v>57369</v>
      </c>
    </row>
    <row r="1685" spans="1:10" x14ac:dyDescent="0.25">
      <c r="A1685" t="s">
        <v>49221</v>
      </c>
      <c r="B1685" t="s">
        <v>49222</v>
      </c>
      <c r="C1685" t="s">
        <v>49223</v>
      </c>
      <c r="D1685" t="s">
        <v>49207</v>
      </c>
      <c r="E1685" t="s">
        <v>13</v>
      </c>
      <c r="F1685">
        <v>12397</v>
      </c>
      <c r="G1685" t="s">
        <v>49224</v>
      </c>
      <c r="H1685">
        <v>5.662152375892</v>
      </c>
      <c r="I1685">
        <v>53.274723443501998</v>
      </c>
      <c r="J1685" t="s">
        <v>57370</v>
      </c>
    </row>
    <row r="1686" spans="1:10" x14ac:dyDescent="0.25">
      <c r="A1686" t="s">
        <v>49217</v>
      </c>
      <c r="B1686" t="s">
        <v>49218</v>
      </c>
      <c r="C1686" t="s">
        <v>49219</v>
      </c>
      <c r="D1686" t="s">
        <v>49207</v>
      </c>
      <c r="E1686" t="s">
        <v>13</v>
      </c>
      <c r="F1686">
        <v>12396</v>
      </c>
      <c r="G1686" t="s">
        <v>49220</v>
      </c>
      <c r="H1686">
        <v>5.6699977605139997</v>
      </c>
      <c r="I1686">
        <v>53.276485689513002</v>
      </c>
      <c r="J1686" t="s">
        <v>57371</v>
      </c>
    </row>
    <row r="1687" spans="1:10" x14ac:dyDescent="0.25">
      <c r="A1687" t="s">
        <v>49213</v>
      </c>
      <c r="B1687" t="s">
        <v>49214</v>
      </c>
      <c r="C1687" t="s">
        <v>49215</v>
      </c>
      <c r="D1687" t="s">
        <v>49207</v>
      </c>
      <c r="E1687" t="s">
        <v>13</v>
      </c>
      <c r="F1687">
        <v>12395</v>
      </c>
      <c r="G1687" t="s">
        <v>49216</v>
      </c>
      <c r="H1687">
        <v>5.6637567998879996</v>
      </c>
      <c r="I1687">
        <v>53.285688952130997</v>
      </c>
      <c r="J1687" t="s">
        <v>57372</v>
      </c>
    </row>
    <row r="1688" spans="1:10" x14ac:dyDescent="0.25">
      <c r="A1688" t="s">
        <v>49209</v>
      </c>
      <c r="B1688" t="s">
        <v>49210</v>
      </c>
      <c r="C1688" t="s">
        <v>49211</v>
      </c>
      <c r="D1688" t="s">
        <v>49207</v>
      </c>
      <c r="E1688" t="s">
        <v>13</v>
      </c>
      <c r="F1688">
        <v>12394</v>
      </c>
      <c r="G1688" t="s">
        <v>49212</v>
      </c>
      <c r="H1688">
        <v>5.4829177771079998</v>
      </c>
      <c r="I1688">
        <v>53.148682684796</v>
      </c>
      <c r="J1688" t="s">
        <v>57373</v>
      </c>
    </row>
    <row r="1689" spans="1:10" x14ac:dyDescent="0.25">
      <c r="A1689" t="s">
        <v>49204</v>
      </c>
      <c r="B1689" t="s">
        <v>49205</v>
      </c>
      <c r="C1689" t="s">
        <v>49206</v>
      </c>
      <c r="D1689" t="s">
        <v>49207</v>
      </c>
      <c r="E1689" t="s">
        <v>13</v>
      </c>
      <c r="F1689">
        <v>12393</v>
      </c>
      <c r="G1689" t="s">
        <v>49208</v>
      </c>
      <c r="H1689">
        <v>5.4988370016059998</v>
      </c>
      <c r="I1689">
        <v>53.152523522274002</v>
      </c>
      <c r="J1689" t="s">
        <v>57374</v>
      </c>
    </row>
    <row r="1690" spans="1:10" x14ac:dyDescent="0.25">
      <c r="A1690" t="s">
        <v>49200</v>
      </c>
      <c r="B1690" t="s">
        <v>49201</v>
      </c>
      <c r="C1690" t="s">
        <v>49202</v>
      </c>
      <c r="D1690" t="s">
        <v>48626</v>
      </c>
      <c r="E1690" t="s">
        <v>13</v>
      </c>
      <c r="F1690">
        <v>12392</v>
      </c>
      <c r="G1690" t="s">
        <v>49203</v>
      </c>
      <c r="H1690">
        <v>6.6430565671180002</v>
      </c>
      <c r="I1690">
        <v>53.139142267813</v>
      </c>
      <c r="J1690" t="s">
        <v>57375</v>
      </c>
    </row>
    <row r="1691" spans="1:10" x14ac:dyDescent="0.25">
      <c r="A1691" t="s">
        <v>49196</v>
      </c>
      <c r="B1691" t="s">
        <v>49197</v>
      </c>
      <c r="C1691" t="s">
        <v>49198</v>
      </c>
      <c r="D1691" t="s">
        <v>48626</v>
      </c>
      <c r="E1691" t="s">
        <v>13</v>
      </c>
      <c r="F1691">
        <v>12391</v>
      </c>
      <c r="G1691" t="s">
        <v>49199</v>
      </c>
      <c r="H1691">
        <v>6.640122213792</v>
      </c>
      <c r="I1691">
        <v>53.137444304901997</v>
      </c>
      <c r="J1691" t="s">
        <v>57376</v>
      </c>
    </row>
    <row r="1692" spans="1:10" x14ac:dyDescent="0.25">
      <c r="A1692" t="s">
        <v>49192</v>
      </c>
      <c r="B1692" t="s">
        <v>49193</v>
      </c>
      <c r="C1692" t="s">
        <v>49194</v>
      </c>
      <c r="D1692" t="s">
        <v>48626</v>
      </c>
      <c r="E1692" t="s">
        <v>13</v>
      </c>
      <c r="F1692">
        <v>12390</v>
      </c>
      <c r="G1692" t="s">
        <v>49195</v>
      </c>
      <c r="H1692">
        <v>6.6460840581519998</v>
      </c>
      <c r="I1692">
        <v>53.116344077097999</v>
      </c>
      <c r="J1692" t="s">
        <v>57377</v>
      </c>
    </row>
    <row r="1693" spans="1:10" x14ac:dyDescent="0.25">
      <c r="A1693" t="s">
        <v>49188</v>
      </c>
      <c r="B1693" t="s">
        <v>49189</v>
      </c>
      <c r="C1693" t="s">
        <v>49190</v>
      </c>
      <c r="D1693" t="s">
        <v>48626</v>
      </c>
      <c r="E1693" t="s">
        <v>13</v>
      </c>
      <c r="F1693">
        <v>12389</v>
      </c>
      <c r="G1693" t="s">
        <v>49191</v>
      </c>
      <c r="H1693">
        <v>6.6851534605919998</v>
      </c>
      <c r="I1693">
        <v>53.130517654077003</v>
      </c>
      <c r="J1693" t="s">
        <v>57378</v>
      </c>
    </row>
    <row r="1694" spans="1:10" x14ac:dyDescent="0.25">
      <c r="A1694" t="s">
        <v>49184</v>
      </c>
      <c r="B1694" t="s">
        <v>49185</v>
      </c>
      <c r="C1694" t="s">
        <v>49186</v>
      </c>
      <c r="D1694" t="s">
        <v>48626</v>
      </c>
      <c r="E1694" t="s">
        <v>13</v>
      </c>
      <c r="F1694">
        <v>12388</v>
      </c>
      <c r="G1694" t="s">
        <v>49187</v>
      </c>
      <c r="H1694">
        <v>6.6600716484899998</v>
      </c>
      <c r="I1694">
        <v>53.127328375544998</v>
      </c>
      <c r="J1694" t="s">
        <v>57379</v>
      </c>
    </row>
    <row r="1695" spans="1:10" x14ac:dyDescent="0.25">
      <c r="A1695" t="s">
        <v>49180</v>
      </c>
      <c r="B1695" t="s">
        <v>49181</v>
      </c>
      <c r="C1695" t="s">
        <v>49182</v>
      </c>
      <c r="D1695" t="s">
        <v>48626</v>
      </c>
      <c r="E1695" t="s">
        <v>13</v>
      </c>
      <c r="F1695">
        <v>12387</v>
      </c>
      <c r="G1695" t="s">
        <v>49183</v>
      </c>
      <c r="H1695">
        <v>6.6559601525909997</v>
      </c>
      <c r="I1695">
        <v>53.157449341479001</v>
      </c>
      <c r="J1695" t="s">
        <v>57380</v>
      </c>
    </row>
    <row r="1696" spans="1:10" x14ac:dyDescent="0.25">
      <c r="A1696" t="s">
        <v>49176</v>
      </c>
      <c r="B1696" t="s">
        <v>49177</v>
      </c>
      <c r="C1696" t="s">
        <v>49178</v>
      </c>
      <c r="D1696" t="s">
        <v>48626</v>
      </c>
      <c r="E1696" t="s">
        <v>13</v>
      </c>
      <c r="F1696">
        <v>12386</v>
      </c>
      <c r="G1696" t="s">
        <v>49179</v>
      </c>
      <c r="H1696">
        <v>6.6275280758859996</v>
      </c>
      <c r="I1696">
        <v>53.134982117821998</v>
      </c>
      <c r="J1696" t="s">
        <v>57381</v>
      </c>
    </row>
    <row r="1697" spans="1:10" x14ac:dyDescent="0.25">
      <c r="A1697" t="s">
        <v>49172</v>
      </c>
      <c r="B1697" t="s">
        <v>49173</v>
      </c>
      <c r="C1697" t="s">
        <v>49174</v>
      </c>
      <c r="D1697" t="s">
        <v>48626</v>
      </c>
      <c r="E1697" t="s">
        <v>13</v>
      </c>
      <c r="F1697">
        <v>12385</v>
      </c>
      <c r="G1697" t="s">
        <v>49175</v>
      </c>
      <c r="H1697">
        <v>6.6653459940259996</v>
      </c>
      <c r="I1697">
        <v>53.120654941883998</v>
      </c>
      <c r="J1697" t="s">
        <v>57382</v>
      </c>
    </row>
    <row r="1698" spans="1:10" x14ac:dyDescent="0.25">
      <c r="A1698" t="s">
        <v>49168</v>
      </c>
      <c r="B1698" t="s">
        <v>49169</v>
      </c>
      <c r="C1698" t="s">
        <v>49170</v>
      </c>
      <c r="D1698" t="s">
        <v>48626</v>
      </c>
      <c r="E1698" t="s">
        <v>13</v>
      </c>
      <c r="F1698">
        <v>12384</v>
      </c>
      <c r="G1698" t="s">
        <v>49171</v>
      </c>
      <c r="H1698">
        <v>6.6408454846940002</v>
      </c>
      <c r="I1698">
        <v>53.157481054682002</v>
      </c>
      <c r="J1698" t="s">
        <v>57383</v>
      </c>
    </row>
    <row r="1699" spans="1:10" x14ac:dyDescent="0.25">
      <c r="A1699" t="s">
        <v>49164</v>
      </c>
      <c r="B1699" t="s">
        <v>49165</v>
      </c>
      <c r="C1699" t="s">
        <v>49166</v>
      </c>
      <c r="D1699" t="s">
        <v>48626</v>
      </c>
      <c r="E1699" t="s">
        <v>13</v>
      </c>
      <c r="F1699">
        <v>12383</v>
      </c>
      <c r="G1699" t="s">
        <v>49167</v>
      </c>
      <c r="H1699">
        <v>6.6285408206719998</v>
      </c>
      <c r="I1699">
        <v>53.139271325255997</v>
      </c>
      <c r="J1699" t="s">
        <v>57384</v>
      </c>
    </row>
    <row r="1700" spans="1:10" x14ac:dyDescent="0.25">
      <c r="A1700" t="s">
        <v>49160</v>
      </c>
      <c r="B1700" t="s">
        <v>49161</v>
      </c>
      <c r="C1700" t="s">
        <v>49162</v>
      </c>
      <c r="D1700" t="s">
        <v>48626</v>
      </c>
      <c r="E1700" t="s">
        <v>13</v>
      </c>
      <c r="F1700">
        <v>12382</v>
      </c>
      <c r="G1700" t="s">
        <v>49163</v>
      </c>
      <c r="H1700">
        <v>6.6254701114149999</v>
      </c>
      <c r="I1700">
        <v>53.184458824244999</v>
      </c>
      <c r="J1700" t="s">
        <v>57385</v>
      </c>
    </row>
    <row r="1701" spans="1:10" x14ac:dyDescent="0.25">
      <c r="A1701" t="s">
        <v>49156</v>
      </c>
      <c r="B1701" t="s">
        <v>49157</v>
      </c>
      <c r="C1701" t="s">
        <v>49158</v>
      </c>
      <c r="D1701" t="s">
        <v>48626</v>
      </c>
      <c r="E1701" t="s">
        <v>13</v>
      </c>
      <c r="F1701">
        <v>12381</v>
      </c>
      <c r="G1701" t="s">
        <v>49159</v>
      </c>
      <c r="H1701">
        <v>6.6287887572599997</v>
      </c>
      <c r="I1701">
        <v>53.162724431708</v>
      </c>
      <c r="J1701" t="s">
        <v>57386</v>
      </c>
    </row>
    <row r="1702" spans="1:10" x14ac:dyDescent="0.25">
      <c r="A1702" t="s">
        <v>49153</v>
      </c>
      <c r="B1702" t="s">
        <v>49154</v>
      </c>
      <c r="C1702" t="s">
        <v>2443</v>
      </c>
      <c r="D1702" t="s">
        <v>48626</v>
      </c>
      <c r="E1702" t="s">
        <v>13</v>
      </c>
      <c r="F1702">
        <v>12380</v>
      </c>
      <c r="G1702" t="s">
        <v>49155</v>
      </c>
      <c r="H1702">
        <v>6.6263107401459997</v>
      </c>
      <c r="I1702">
        <v>53.167159330174997</v>
      </c>
      <c r="J1702" t="s">
        <v>57387</v>
      </c>
    </row>
    <row r="1703" spans="1:10" x14ac:dyDescent="0.25">
      <c r="A1703" t="s">
        <v>49149</v>
      </c>
      <c r="B1703" t="s">
        <v>49150</v>
      </c>
      <c r="C1703" t="s">
        <v>49151</v>
      </c>
      <c r="D1703" t="s">
        <v>48626</v>
      </c>
      <c r="E1703" t="s">
        <v>13</v>
      </c>
      <c r="F1703">
        <v>12379</v>
      </c>
      <c r="G1703" t="s">
        <v>49152</v>
      </c>
      <c r="H1703">
        <v>6.6265444670890004</v>
      </c>
      <c r="I1703">
        <v>53.174113386911998</v>
      </c>
      <c r="J1703" t="s">
        <v>57388</v>
      </c>
    </row>
    <row r="1704" spans="1:10" x14ac:dyDescent="0.25">
      <c r="A1704" t="s">
        <v>49145</v>
      </c>
      <c r="B1704" t="s">
        <v>49146</v>
      </c>
      <c r="C1704" t="s">
        <v>49147</v>
      </c>
      <c r="D1704" t="s">
        <v>48626</v>
      </c>
      <c r="E1704" t="s">
        <v>13</v>
      </c>
      <c r="F1704">
        <v>12378</v>
      </c>
      <c r="G1704" t="s">
        <v>49148</v>
      </c>
      <c r="H1704">
        <v>6.5936842342190003</v>
      </c>
      <c r="I1704">
        <v>53.153351201234003</v>
      </c>
      <c r="J1704" t="s">
        <v>57389</v>
      </c>
    </row>
    <row r="1705" spans="1:10" x14ac:dyDescent="0.25">
      <c r="A1705" t="s">
        <v>49141</v>
      </c>
      <c r="B1705" t="s">
        <v>49142</v>
      </c>
      <c r="C1705" t="s">
        <v>49143</v>
      </c>
      <c r="D1705" t="s">
        <v>48626</v>
      </c>
      <c r="E1705" t="s">
        <v>13</v>
      </c>
      <c r="F1705">
        <v>12377</v>
      </c>
      <c r="G1705" t="s">
        <v>49144</v>
      </c>
      <c r="H1705">
        <v>6.604820980965</v>
      </c>
      <c r="I1705">
        <v>53.153927621763998</v>
      </c>
      <c r="J1705" t="s">
        <v>57390</v>
      </c>
    </row>
    <row r="1706" spans="1:10" x14ac:dyDescent="0.25">
      <c r="A1706" t="s">
        <v>49137</v>
      </c>
      <c r="B1706" t="s">
        <v>49138</v>
      </c>
      <c r="C1706" t="s">
        <v>49139</v>
      </c>
      <c r="D1706" t="s">
        <v>48626</v>
      </c>
      <c r="E1706" t="s">
        <v>13</v>
      </c>
      <c r="F1706">
        <v>12376</v>
      </c>
      <c r="G1706" t="s">
        <v>49140</v>
      </c>
      <c r="H1706">
        <v>6.6216387912799997</v>
      </c>
      <c r="I1706">
        <v>53.153841995649998</v>
      </c>
      <c r="J1706" t="s">
        <v>57391</v>
      </c>
    </row>
    <row r="1707" spans="1:10" x14ac:dyDescent="0.25">
      <c r="A1707" t="s">
        <v>49133</v>
      </c>
      <c r="B1707" t="s">
        <v>49134</v>
      </c>
      <c r="C1707" t="s">
        <v>49135</v>
      </c>
      <c r="D1707" t="s">
        <v>48626</v>
      </c>
      <c r="E1707" t="s">
        <v>13</v>
      </c>
      <c r="F1707">
        <v>12375</v>
      </c>
      <c r="G1707" t="s">
        <v>49136</v>
      </c>
      <c r="H1707">
        <v>6.5696814981080003</v>
      </c>
      <c r="I1707">
        <v>53.172376648046999</v>
      </c>
      <c r="J1707" t="s">
        <v>57392</v>
      </c>
    </row>
    <row r="1708" spans="1:10" x14ac:dyDescent="0.25">
      <c r="A1708" t="s">
        <v>49129</v>
      </c>
      <c r="B1708" t="s">
        <v>49130</v>
      </c>
      <c r="C1708" t="s">
        <v>49131</v>
      </c>
      <c r="D1708" t="s">
        <v>48626</v>
      </c>
      <c r="E1708" t="s">
        <v>13</v>
      </c>
      <c r="F1708">
        <v>12374</v>
      </c>
      <c r="G1708" t="s">
        <v>49132</v>
      </c>
      <c r="H1708">
        <v>6.5910731825279996</v>
      </c>
      <c r="I1708">
        <v>53.172885894930999</v>
      </c>
      <c r="J1708" t="s">
        <v>57393</v>
      </c>
    </row>
    <row r="1709" spans="1:10" x14ac:dyDescent="0.25">
      <c r="A1709" t="s">
        <v>49125</v>
      </c>
      <c r="B1709" t="s">
        <v>49126</v>
      </c>
      <c r="C1709" t="s">
        <v>49127</v>
      </c>
      <c r="D1709" t="s">
        <v>48626</v>
      </c>
      <c r="E1709" t="s">
        <v>13</v>
      </c>
      <c r="F1709">
        <v>12373</v>
      </c>
      <c r="G1709" t="s">
        <v>49128</v>
      </c>
      <c r="H1709">
        <v>6.5865672106190001</v>
      </c>
      <c r="I1709">
        <v>53.178967205517999</v>
      </c>
      <c r="J1709" t="s">
        <v>57394</v>
      </c>
    </row>
    <row r="1710" spans="1:10" x14ac:dyDescent="0.25">
      <c r="A1710" t="s">
        <v>49121</v>
      </c>
      <c r="B1710" t="s">
        <v>49122</v>
      </c>
      <c r="C1710" t="s">
        <v>49123</v>
      </c>
      <c r="D1710" t="s">
        <v>48626</v>
      </c>
      <c r="E1710" t="s">
        <v>13</v>
      </c>
      <c r="F1710">
        <v>12372</v>
      </c>
      <c r="G1710" t="s">
        <v>49124</v>
      </c>
      <c r="H1710">
        <v>6.6020619276800003</v>
      </c>
      <c r="I1710">
        <v>53.189963507134003</v>
      </c>
      <c r="J1710" t="s">
        <v>57395</v>
      </c>
    </row>
    <row r="1711" spans="1:10" x14ac:dyDescent="0.25">
      <c r="A1711" t="s">
        <v>49117</v>
      </c>
      <c r="B1711" t="s">
        <v>49118</v>
      </c>
      <c r="C1711" t="s">
        <v>49119</v>
      </c>
      <c r="D1711" t="s">
        <v>48626</v>
      </c>
      <c r="E1711" t="s">
        <v>13</v>
      </c>
      <c r="F1711">
        <v>12371</v>
      </c>
      <c r="G1711" t="s">
        <v>49120</v>
      </c>
      <c r="H1711">
        <v>6.6011101786169997</v>
      </c>
      <c r="I1711">
        <v>53.181603343822999</v>
      </c>
      <c r="J1711" t="s">
        <v>57396</v>
      </c>
    </row>
    <row r="1712" spans="1:10" x14ac:dyDescent="0.25">
      <c r="A1712" t="s">
        <v>49113</v>
      </c>
      <c r="B1712" t="s">
        <v>49114</v>
      </c>
      <c r="C1712" t="s">
        <v>49115</v>
      </c>
      <c r="D1712" t="s">
        <v>48626</v>
      </c>
      <c r="E1712" t="s">
        <v>13</v>
      </c>
      <c r="F1712">
        <v>12370</v>
      </c>
      <c r="G1712" t="s">
        <v>49116</v>
      </c>
      <c r="H1712">
        <v>6.6167621968160004</v>
      </c>
      <c r="I1712">
        <v>53.166849321634999</v>
      </c>
      <c r="J1712" t="s">
        <v>57397</v>
      </c>
    </row>
    <row r="1713" spans="1:10" x14ac:dyDescent="0.25">
      <c r="A1713" t="s">
        <v>49109</v>
      </c>
      <c r="B1713" t="s">
        <v>49110</v>
      </c>
      <c r="C1713" t="s">
        <v>49111</v>
      </c>
      <c r="D1713" t="s">
        <v>48626</v>
      </c>
      <c r="E1713" t="s">
        <v>13</v>
      </c>
      <c r="F1713">
        <v>12369</v>
      </c>
      <c r="G1713" t="s">
        <v>49112</v>
      </c>
      <c r="H1713">
        <v>6.6014607258459996</v>
      </c>
      <c r="I1713">
        <v>53.167202681132999</v>
      </c>
      <c r="J1713" t="s">
        <v>57398</v>
      </c>
    </row>
    <row r="1714" spans="1:10" x14ac:dyDescent="0.25">
      <c r="A1714" t="s">
        <v>49105</v>
      </c>
      <c r="B1714" t="s">
        <v>49106</v>
      </c>
      <c r="C1714" t="s">
        <v>49107</v>
      </c>
      <c r="D1714" t="s">
        <v>48626</v>
      </c>
      <c r="E1714" t="s">
        <v>13</v>
      </c>
      <c r="F1714">
        <v>12368</v>
      </c>
      <c r="G1714" t="s">
        <v>49108</v>
      </c>
      <c r="H1714">
        <v>6.6043220946550001</v>
      </c>
      <c r="I1714">
        <v>53.172397433389001</v>
      </c>
      <c r="J1714" t="s">
        <v>57399</v>
      </c>
    </row>
    <row r="1715" spans="1:10" x14ac:dyDescent="0.25">
      <c r="A1715" t="s">
        <v>49101</v>
      </c>
      <c r="B1715" t="s">
        <v>49102</v>
      </c>
      <c r="C1715" t="s">
        <v>49103</v>
      </c>
      <c r="D1715" t="s">
        <v>48626</v>
      </c>
      <c r="E1715" t="s">
        <v>13</v>
      </c>
      <c r="F1715">
        <v>12367</v>
      </c>
      <c r="G1715" t="s">
        <v>49104</v>
      </c>
      <c r="H1715">
        <v>6.7412091252339996</v>
      </c>
      <c r="I1715">
        <v>53.290148125333999</v>
      </c>
      <c r="J1715" t="s">
        <v>57400</v>
      </c>
    </row>
    <row r="1716" spans="1:10" x14ac:dyDescent="0.25">
      <c r="A1716" t="s">
        <v>49097</v>
      </c>
      <c r="B1716" t="s">
        <v>49098</v>
      </c>
      <c r="C1716" t="s">
        <v>49099</v>
      </c>
      <c r="D1716" t="s">
        <v>48626</v>
      </c>
      <c r="E1716" t="s">
        <v>13</v>
      </c>
      <c r="F1716">
        <v>12366</v>
      </c>
      <c r="G1716" t="s">
        <v>49100</v>
      </c>
      <c r="H1716">
        <v>6.7448972272840004</v>
      </c>
      <c r="I1716">
        <v>53.288421623711997</v>
      </c>
      <c r="J1716" t="s">
        <v>57401</v>
      </c>
    </row>
    <row r="1717" spans="1:10" x14ac:dyDescent="0.25">
      <c r="A1717" t="s">
        <v>49093</v>
      </c>
      <c r="B1717" t="s">
        <v>49094</v>
      </c>
      <c r="C1717" t="s">
        <v>49095</v>
      </c>
      <c r="D1717" t="s">
        <v>48626</v>
      </c>
      <c r="E1717" t="s">
        <v>13</v>
      </c>
      <c r="F1717">
        <v>12365</v>
      </c>
      <c r="G1717" t="s">
        <v>49096</v>
      </c>
      <c r="H1717">
        <v>6.7382192245460004</v>
      </c>
      <c r="I1717">
        <v>53.308610410927002</v>
      </c>
      <c r="J1717" t="s">
        <v>57402</v>
      </c>
    </row>
    <row r="1718" spans="1:10" x14ac:dyDescent="0.25">
      <c r="A1718" t="s">
        <v>49089</v>
      </c>
      <c r="B1718" t="s">
        <v>49090</v>
      </c>
      <c r="C1718" t="s">
        <v>49091</v>
      </c>
      <c r="D1718" t="s">
        <v>48626</v>
      </c>
      <c r="E1718" t="s">
        <v>13</v>
      </c>
      <c r="F1718">
        <v>12364</v>
      </c>
      <c r="G1718" t="s">
        <v>49092</v>
      </c>
      <c r="H1718">
        <v>6.7282200088810002</v>
      </c>
      <c r="I1718">
        <v>53.273567639623998</v>
      </c>
      <c r="J1718" t="s">
        <v>57403</v>
      </c>
    </row>
    <row r="1719" spans="1:10" x14ac:dyDescent="0.25">
      <c r="A1719" t="s">
        <v>49085</v>
      </c>
      <c r="B1719" t="s">
        <v>49086</v>
      </c>
      <c r="C1719" t="s">
        <v>49087</v>
      </c>
      <c r="D1719" t="s">
        <v>48626</v>
      </c>
      <c r="E1719" t="s">
        <v>13</v>
      </c>
      <c r="F1719">
        <v>12363</v>
      </c>
      <c r="G1719" t="s">
        <v>49088</v>
      </c>
      <c r="H1719">
        <v>6.7073746300849999</v>
      </c>
      <c r="I1719">
        <v>53.299115289703998</v>
      </c>
      <c r="J1719" t="s">
        <v>57404</v>
      </c>
    </row>
    <row r="1720" spans="1:10" x14ac:dyDescent="0.25">
      <c r="A1720" t="s">
        <v>49081</v>
      </c>
      <c r="B1720" t="s">
        <v>49082</v>
      </c>
      <c r="C1720" t="s">
        <v>49083</v>
      </c>
      <c r="D1720" t="s">
        <v>48626</v>
      </c>
      <c r="E1720" t="s">
        <v>13</v>
      </c>
      <c r="F1720">
        <v>12362</v>
      </c>
      <c r="G1720" t="s">
        <v>49084</v>
      </c>
      <c r="H1720">
        <v>6.7282532776029997</v>
      </c>
      <c r="I1720">
        <v>53.297899086923003</v>
      </c>
      <c r="J1720" t="s">
        <v>57405</v>
      </c>
    </row>
    <row r="1721" spans="1:10" x14ac:dyDescent="0.25">
      <c r="A1721" t="s">
        <v>49077</v>
      </c>
      <c r="B1721" t="s">
        <v>49078</v>
      </c>
      <c r="C1721" t="s">
        <v>49079</v>
      </c>
      <c r="D1721" t="s">
        <v>48626</v>
      </c>
      <c r="E1721" t="s">
        <v>13</v>
      </c>
      <c r="F1721">
        <v>12361</v>
      </c>
      <c r="G1721" t="s">
        <v>49080</v>
      </c>
      <c r="H1721">
        <v>6.705167808014</v>
      </c>
      <c r="I1721">
        <v>53.278514956212</v>
      </c>
      <c r="J1721" t="s">
        <v>57406</v>
      </c>
    </row>
    <row r="1722" spans="1:10" x14ac:dyDescent="0.25">
      <c r="A1722" t="s">
        <v>49073</v>
      </c>
      <c r="B1722" t="s">
        <v>49074</v>
      </c>
      <c r="C1722" t="s">
        <v>49075</v>
      </c>
      <c r="D1722" t="s">
        <v>48626</v>
      </c>
      <c r="E1722" t="s">
        <v>13</v>
      </c>
      <c r="F1722">
        <v>12360</v>
      </c>
      <c r="G1722" t="s">
        <v>49076</v>
      </c>
      <c r="H1722">
        <v>6.687567983518</v>
      </c>
      <c r="I1722">
        <v>53.284418566744002</v>
      </c>
      <c r="J1722" t="s">
        <v>57407</v>
      </c>
    </row>
    <row r="1723" spans="1:10" x14ac:dyDescent="0.25">
      <c r="A1723" t="s">
        <v>49069</v>
      </c>
      <c r="B1723" t="s">
        <v>49070</v>
      </c>
      <c r="C1723" t="s">
        <v>49071</v>
      </c>
      <c r="D1723" t="s">
        <v>48626</v>
      </c>
      <c r="E1723" t="s">
        <v>13</v>
      </c>
      <c r="F1723">
        <v>12359</v>
      </c>
      <c r="G1723" t="s">
        <v>49072</v>
      </c>
      <c r="H1723">
        <v>6.6679828816219997</v>
      </c>
      <c r="I1723">
        <v>53.296849095883999</v>
      </c>
      <c r="J1723" t="s">
        <v>57408</v>
      </c>
    </row>
    <row r="1724" spans="1:10" x14ac:dyDescent="0.25">
      <c r="A1724" t="s">
        <v>49065</v>
      </c>
      <c r="B1724" t="s">
        <v>49066</v>
      </c>
      <c r="C1724" t="s">
        <v>49067</v>
      </c>
      <c r="D1724" t="s">
        <v>48626</v>
      </c>
      <c r="E1724" t="s">
        <v>13</v>
      </c>
      <c r="F1724">
        <v>12358</v>
      </c>
      <c r="G1724" t="s">
        <v>49068</v>
      </c>
      <c r="H1724">
        <v>6.6529366956190001</v>
      </c>
      <c r="I1724">
        <v>53.274071263011997</v>
      </c>
      <c r="J1724" t="s">
        <v>57409</v>
      </c>
    </row>
    <row r="1725" spans="1:10" x14ac:dyDescent="0.25">
      <c r="A1725" t="s">
        <v>49061</v>
      </c>
      <c r="B1725" t="s">
        <v>49062</v>
      </c>
      <c r="C1725" t="s">
        <v>49063</v>
      </c>
      <c r="D1725" t="s">
        <v>48626</v>
      </c>
      <c r="E1725" t="s">
        <v>13</v>
      </c>
      <c r="F1725">
        <v>12357</v>
      </c>
      <c r="G1725" t="s">
        <v>49064</v>
      </c>
      <c r="H1725">
        <v>6.6600222922669996</v>
      </c>
      <c r="I1725">
        <v>53.250990676168001</v>
      </c>
      <c r="J1725" t="s">
        <v>57410</v>
      </c>
    </row>
    <row r="1726" spans="1:10" x14ac:dyDescent="0.25">
      <c r="A1726" t="s">
        <v>49057</v>
      </c>
      <c r="B1726" t="s">
        <v>49058</v>
      </c>
      <c r="C1726" t="s">
        <v>49059</v>
      </c>
      <c r="D1726" t="s">
        <v>48626</v>
      </c>
      <c r="E1726" t="s">
        <v>13</v>
      </c>
      <c r="F1726">
        <v>12356</v>
      </c>
      <c r="G1726" t="s">
        <v>49060</v>
      </c>
      <c r="H1726">
        <v>6.6978093175030002</v>
      </c>
      <c r="I1726">
        <v>53.266299340370999</v>
      </c>
      <c r="J1726" t="s">
        <v>57411</v>
      </c>
    </row>
    <row r="1727" spans="1:10" x14ac:dyDescent="0.25">
      <c r="A1727" t="s">
        <v>49053</v>
      </c>
      <c r="B1727" t="s">
        <v>49054</v>
      </c>
      <c r="C1727" t="s">
        <v>49055</v>
      </c>
      <c r="D1727" t="s">
        <v>48626</v>
      </c>
      <c r="E1727" t="s">
        <v>13</v>
      </c>
      <c r="F1727">
        <v>12355</v>
      </c>
      <c r="G1727" t="s">
        <v>49056</v>
      </c>
      <c r="H1727">
        <v>6.6950079839569998</v>
      </c>
      <c r="I1727">
        <v>53.276682585540001</v>
      </c>
      <c r="J1727" t="s">
        <v>57412</v>
      </c>
    </row>
    <row r="1728" spans="1:10" x14ac:dyDescent="0.25">
      <c r="A1728" t="s">
        <v>49049</v>
      </c>
      <c r="B1728" t="s">
        <v>49050</v>
      </c>
      <c r="C1728" t="s">
        <v>49051</v>
      </c>
      <c r="D1728" t="s">
        <v>48626</v>
      </c>
      <c r="E1728" t="s">
        <v>13</v>
      </c>
      <c r="F1728">
        <v>12354</v>
      </c>
      <c r="G1728" t="s">
        <v>49052</v>
      </c>
      <c r="H1728">
        <v>6.6584871068469997</v>
      </c>
      <c r="I1728">
        <v>53.218865393321003</v>
      </c>
      <c r="J1728" t="s">
        <v>57413</v>
      </c>
    </row>
    <row r="1729" spans="1:10" x14ac:dyDescent="0.25">
      <c r="A1729" t="s">
        <v>49045</v>
      </c>
      <c r="B1729" t="s">
        <v>49046</v>
      </c>
      <c r="C1729" t="s">
        <v>49047</v>
      </c>
      <c r="D1729" t="s">
        <v>48626</v>
      </c>
      <c r="E1729" t="s">
        <v>13</v>
      </c>
      <c r="F1729">
        <v>12353</v>
      </c>
      <c r="G1729" t="s">
        <v>49048</v>
      </c>
      <c r="H1729">
        <v>6.6687946765900001</v>
      </c>
      <c r="I1729">
        <v>53.230372931082002</v>
      </c>
      <c r="J1729" t="s">
        <v>57414</v>
      </c>
    </row>
    <row r="1730" spans="1:10" x14ac:dyDescent="0.25">
      <c r="A1730" t="s">
        <v>49041</v>
      </c>
      <c r="B1730" t="s">
        <v>49042</v>
      </c>
      <c r="C1730" t="s">
        <v>49043</v>
      </c>
      <c r="D1730" t="s">
        <v>48626</v>
      </c>
      <c r="E1730" t="s">
        <v>13</v>
      </c>
      <c r="F1730">
        <v>12352</v>
      </c>
      <c r="G1730" t="s">
        <v>49044</v>
      </c>
      <c r="H1730">
        <v>6.6570203244939998</v>
      </c>
      <c r="I1730">
        <v>53.231060446439997</v>
      </c>
      <c r="J1730" t="s">
        <v>57415</v>
      </c>
    </row>
    <row r="1731" spans="1:10" x14ac:dyDescent="0.25">
      <c r="A1731" t="s">
        <v>49037</v>
      </c>
      <c r="B1731" t="s">
        <v>49038</v>
      </c>
      <c r="C1731" t="s">
        <v>49039</v>
      </c>
      <c r="D1731" t="s">
        <v>48626</v>
      </c>
      <c r="E1731" t="s">
        <v>13</v>
      </c>
      <c r="F1731">
        <v>12351</v>
      </c>
      <c r="G1731" t="s">
        <v>49040</v>
      </c>
      <c r="H1731">
        <v>6.6472769421660001</v>
      </c>
      <c r="I1731">
        <v>53.231891938685997</v>
      </c>
      <c r="J1731" t="s">
        <v>57416</v>
      </c>
    </row>
    <row r="1732" spans="1:10" x14ac:dyDescent="0.25">
      <c r="A1732" t="s">
        <v>49033</v>
      </c>
      <c r="B1732" t="s">
        <v>49034</v>
      </c>
      <c r="C1732" t="s">
        <v>49035</v>
      </c>
      <c r="D1732" t="s">
        <v>48626</v>
      </c>
      <c r="E1732" t="s">
        <v>13</v>
      </c>
      <c r="F1732">
        <v>12350</v>
      </c>
      <c r="G1732" t="s">
        <v>49036</v>
      </c>
      <c r="H1732">
        <v>6.6873944857450001</v>
      </c>
      <c r="I1732">
        <v>53.242732984165997</v>
      </c>
      <c r="J1732" t="s">
        <v>57417</v>
      </c>
    </row>
    <row r="1733" spans="1:10" x14ac:dyDescent="0.25">
      <c r="A1733" t="s">
        <v>49029</v>
      </c>
      <c r="B1733" t="s">
        <v>49030</v>
      </c>
      <c r="C1733" t="s">
        <v>49031</v>
      </c>
      <c r="D1733" t="s">
        <v>48626</v>
      </c>
      <c r="E1733" t="s">
        <v>13</v>
      </c>
      <c r="F1733">
        <v>12349</v>
      </c>
      <c r="G1733" t="s">
        <v>49032</v>
      </c>
      <c r="H1733">
        <v>6.6810504341649999</v>
      </c>
      <c r="I1733">
        <v>53.219601545853003</v>
      </c>
      <c r="J1733" t="s">
        <v>57418</v>
      </c>
    </row>
    <row r="1734" spans="1:10" x14ac:dyDescent="0.25">
      <c r="A1734" t="s">
        <v>49025</v>
      </c>
      <c r="B1734" t="s">
        <v>49026</v>
      </c>
      <c r="C1734" t="s">
        <v>49027</v>
      </c>
      <c r="D1734" t="s">
        <v>48626</v>
      </c>
      <c r="E1734" t="s">
        <v>13</v>
      </c>
      <c r="F1734">
        <v>12348</v>
      </c>
      <c r="G1734" t="s">
        <v>49028</v>
      </c>
      <c r="H1734">
        <v>6.6526481494459997</v>
      </c>
      <c r="I1734">
        <v>53.224611235833997</v>
      </c>
      <c r="J1734" t="s">
        <v>57419</v>
      </c>
    </row>
    <row r="1735" spans="1:10" x14ac:dyDescent="0.25">
      <c r="A1735" t="s">
        <v>49021</v>
      </c>
      <c r="B1735" t="s">
        <v>49022</v>
      </c>
      <c r="C1735" t="s">
        <v>49023</v>
      </c>
      <c r="D1735" t="s">
        <v>48626</v>
      </c>
      <c r="E1735" t="s">
        <v>13</v>
      </c>
      <c r="F1735">
        <v>12347</v>
      </c>
      <c r="G1735" t="s">
        <v>49024</v>
      </c>
      <c r="H1735">
        <v>6.6394770162450003</v>
      </c>
      <c r="I1735">
        <v>53.231774758759002</v>
      </c>
      <c r="J1735" t="s">
        <v>57420</v>
      </c>
    </row>
    <row r="1736" spans="1:10" x14ac:dyDescent="0.25">
      <c r="A1736" t="s">
        <v>49017</v>
      </c>
      <c r="B1736" t="s">
        <v>49018</v>
      </c>
      <c r="C1736" t="s">
        <v>49019</v>
      </c>
      <c r="D1736" t="s">
        <v>48626</v>
      </c>
      <c r="E1736" t="s">
        <v>13</v>
      </c>
      <c r="F1736">
        <v>12346</v>
      </c>
      <c r="G1736" t="s">
        <v>49020</v>
      </c>
      <c r="H1736">
        <v>6.6458733156300003</v>
      </c>
      <c r="I1736">
        <v>53.207615190509998</v>
      </c>
      <c r="J1736" t="s">
        <v>57421</v>
      </c>
    </row>
    <row r="1737" spans="1:10" x14ac:dyDescent="0.25">
      <c r="A1737" t="s">
        <v>49013</v>
      </c>
      <c r="B1737" t="s">
        <v>49014</v>
      </c>
      <c r="C1737" t="s">
        <v>49015</v>
      </c>
      <c r="D1737" t="s">
        <v>48626</v>
      </c>
      <c r="E1737" t="s">
        <v>13</v>
      </c>
      <c r="F1737">
        <v>12345</v>
      </c>
      <c r="G1737" t="s">
        <v>49016</v>
      </c>
      <c r="H1737">
        <v>6.6301458322659999</v>
      </c>
      <c r="I1737">
        <v>53.221852938989997</v>
      </c>
      <c r="J1737" t="s">
        <v>57422</v>
      </c>
    </row>
    <row r="1738" spans="1:10" x14ac:dyDescent="0.25">
      <c r="A1738" t="s">
        <v>49009</v>
      </c>
      <c r="B1738" t="s">
        <v>49010</v>
      </c>
      <c r="C1738" t="s">
        <v>49011</v>
      </c>
      <c r="D1738" t="s">
        <v>48626</v>
      </c>
      <c r="E1738" t="s">
        <v>13</v>
      </c>
      <c r="F1738">
        <v>12344</v>
      </c>
      <c r="G1738" t="s">
        <v>49012</v>
      </c>
      <c r="H1738">
        <v>6.6179163118149997</v>
      </c>
      <c r="I1738">
        <v>53.229086265676997</v>
      </c>
      <c r="J1738" t="s">
        <v>57423</v>
      </c>
    </row>
    <row r="1739" spans="1:10" x14ac:dyDescent="0.25">
      <c r="A1739" t="s">
        <v>49005</v>
      </c>
      <c r="B1739" t="s">
        <v>49006</v>
      </c>
      <c r="C1739" t="s">
        <v>49007</v>
      </c>
      <c r="D1739" t="s">
        <v>48626</v>
      </c>
      <c r="E1739" t="s">
        <v>13</v>
      </c>
      <c r="F1739">
        <v>12343</v>
      </c>
      <c r="G1739" t="s">
        <v>49008</v>
      </c>
      <c r="H1739">
        <v>6.634147579125</v>
      </c>
      <c r="I1739">
        <v>53.233192355027001</v>
      </c>
      <c r="J1739" t="s">
        <v>57424</v>
      </c>
    </row>
    <row r="1740" spans="1:10" x14ac:dyDescent="0.25">
      <c r="A1740" t="s">
        <v>49001</v>
      </c>
      <c r="B1740" t="s">
        <v>49002</v>
      </c>
      <c r="C1740" t="s">
        <v>49003</v>
      </c>
      <c r="D1740" t="s">
        <v>48626</v>
      </c>
      <c r="E1740" t="s">
        <v>13</v>
      </c>
      <c r="F1740">
        <v>12342</v>
      </c>
      <c r="G1740" t="s">
        <v>49004</v>
      </c>
      <c r="H1740">
        <v>6.6266419546059998</v>
      </c>
      <c r="I1740">
        <v>53.244819321445</v>
      </c>
      <c r="J1740" t="s">
        <v>57425</v>
      </c>
    </row>
    <row r="1741" spans="1:10" x14ac:dyDescent="0.25">
      <c r="A1741" t="s">
        <v>48997</v>
      </c>
      <c r="B1741" t="s">
        <v>48998</v>
      </c>
      <c r="C1741" t="s">
        <v>48999</v>
      </c>
      <c r="D1741" t="s">
        <v>48626</v>
      </c>
      <c r="E1741" t="s">
        <v>13</v>
      </c>
      <c r="F1741">
        <v>12341</v>
      </c>
      <c r="G1741" t="s">
        <v>49000</v>
      </c>
      <c r="H1741">
        <v>6.6185454785170004</v>
      </c>
      <c r="I1741">
        <v>53.242855555456003</v>
      </c>
      <c r="J1741" t="s">
        <v>57426</v>
      </c>
    </row>
    <row r="1742" spans="1:10" x14ac:dyDescent="0.25">
      <c r="A1742" t="s">
        <v>48993</v>
      </c>
      <c r="B1742" t="s">
        <v>48994</v>
      </c>
      <c r="C1742" t="s">
        <v>48995</v>
      </c>
      <c r="D1742" t="s">
        <v>48626</v>
      </c>
      <c r="E1742" t="s">
        <v>13</v>
      </c>
      <c r="F1742">
        <v>12340</v>
      </c>
      <c r="G1742" t="s">
        <v>48996</v>
      </c>
      <c r="H1742">
        <v>6.6015419888300002</v>
      </c>
      <c r="I1742">
        <v>53.241002061106997</v>
      </c>
      <c r="J1742" t="s">
        <v>57427</v>
      </c>
    </row>
    <row r="1743" spans="1:10" x14ac:dyDescent="0.25">
      <c r="A1743" t="s">
        <v>48989</v>
      </c>
      <c r="B1743" t="s">
        <v>48990</v>
      </c>
      <c r="C1743" t="s">
        <v>48991</v>
      </c>
      <c r="D1743" t="s">
        <v>48626</v>
      </c>
      <c r="E1743" t="s">
        <v>13</v>
      </c>
      <c r="F1743">
        <v>12339</v>
      </c>
      <c r="G1743" t="s">
        <v>48992</v>
      </c>
      <c r="H1743">
        <v>6.6049035156829996</v>
      </c>
      <c r="I1743">
        <v>53.236815928307003</v>
      </c>
      <c r="J1743" t="s">
        <v>57428</v>
      </c>
    </row>
    <row r="1744" spans="1:10" x14ac:dyDescent="0.25">
      <c r="A1744" t="s">
        <v>48985</v>
      </c>
      <c r="B1744" t="s">
        <v>48986</v>
      </c>
      <c r="C1744" t="s">
        <v>48987</v>
      </c>
      <c r="D1744" t="s">
        <v>48626</v>
      </c>
      <c r="E1744" t="s">
        <v>13</v>
      </c>
      <c r="F1744">
        <v>12338</v>
      </c>
      <c r="G1744" t="s">
        <v>48988</v>
      </c>
      <c r="H1744">
        <v>6.6012357773539998</v>
      </c>
      <c r="I1744">
        <v>53.236286135154998</v>
      </c>
      <c r="J1744" t="s">
        <v>57429</v>
      </c>
    </row>
    <row r="1745" spans="1:10" x14ac:dyDescent="0.25">
      <c r="A1745" t="s">
        <v>48981</v>
      </c>
      <c r="B1745" t="s">
        <v>48982</v>
      </c>
      <c r="C1745" t="s">
        <v>48983</v>
      </c>
      <c r="D1745" t="s">
        <v>48626</v>
      </c>
      <c r="E1745" t="s">
        <v>13</v>
      </c>
      <c r="F1745">
        <v>12337</v>
      </c>
      <c r="G1745" t="s">
        <v>48984</v>
      </c>
      <c r="H1745">
        <v>6.5926729034290004</v>
      </c>
      <c r="I1745">
        <v>53.233723835169002</v>
      </c>
      <c r="J1745" t="s">
        <v>57430</v>
      </c>
    </row>
    <row r="1746" spans="1:10" x14ac:dyDescent="0.25">
      <c r="A1746" t="s">
        <v>48977</v>
      </c>
      <c r="B1746" t="s">
        <v>48978</v>
      </c>
      <c r="C1746" t="s">
        <v>48979</v>
      </c>
      <c r="D1746" t="s">
        <v>48626</v>
      </c>
      <c r="E1746" t="s">
        <v>13</v>
      </c>
      <c r="F1746">
        <v>12336</v>
      </c>
      <c r="G1746" t="s">
        <v>48980</v>
      </c>
      <c r="H1746">
        <v>6.602942781556</v>
      </c>
      <c r="I1746">
        <v>53.227537771880002</v>
      </c>
      <c r="J1746" t="s">
        <v>57431</v>
      </c>
    </row>
    <row r="1747" spans="1:10" x14ac:dyDescent="0.25">
      <c r="A1747" t="s">
        <v>48973</v>
      </c>
      <c r="B1747" t="s">
        <v>48974</v>
      </c>
      <c r="C1747" t="s">
        <v>48975</v>
      </c>
      <c r="D1747" t="s">
        <v>48626</v>
      </c>
      <c r="E1747" t="s">
        <v>13</v>
      </c>
      <c r="F1747">
        <v>12335</v>
      </c>
      <c r="G1747" t="s">
        <v>48976</v>
      </c>
      <c r="H1747">
        <v>6.6101995445239998</v>
      </c>
      <c r="I1747">
        <v>53.234559486671003</v>
      </c>
      <c r="J1747" t="s">
        <v>57432</v>
      </c>
    </row>
    <row r="1748" spans="1:10" x14ac:dyDescent="0.25">
      <c r="A1748" t="s">
        <v>48969</v>
      </c>
      <c r="B1748" t="s">
        <v>48970</v>
      </c>
      <c r="C1748" t="s">
        <v>48971</v>
      </c>
      <c r="D1748" t="s">
        <v>48626</v>
      </c>
      <c r="E1748" t="s">
        <v>13</v>
      </c>
      <c r="F1748">
        <v>12334</v>
      </c>
      <c r="G1748" t="s">
        <v>48972</v>
      </c>
      <c r="H1748">
        <v>6.6240672082829999</v>
      </c>
      <c r="I1748">
        <v>53.234494596697999</v>
      </c>
      <c r="J1748" t="s">
        <v>57433</v>
      </c>
    </row>
    <row r="1749" spans="1:10" x14ac:dyDescent="0.25">
      <c r="A1749" t="s">
        <v>48965</v>
      </c>
      <c r="B1749" t="s">
        <v>48966</v>
      </c>
      <c r="C1749" t="s">
        <v>48967</v>
      </c>
      <c r="D1749" t="s">
        <v>48626</v>
      </c>
      <c r="E1749" t="s">
        <v>13</v>
      </c>
      <c r="F1749">
        <v>12333</v>
      </c>
      <c r="G1749" t="s">
        <v>48968</v>
      </c>
      <c r="H1749">
        <v>6.6208309067000002</v>
      </c>
      <c r="I1749">
        <v>53.239045638790003</v>
      </c>
      <c r="J1749" t="s">
        <v>57434</v>
      </c>
    </row>
    <row r="1750" spans="1:10" x14ac:dyDescent="0.25">
      <c r="A1750" t="s">
        <v>48961</v>
      </c>
      <c r="B1750" t="s">
        <v>48962</v>
      </c>
      <c r="C1750" t="s">
        <v>48963</v>
      </c>
      <c r="D1750" t="s">
        <v>48626</v>
      </c>
      <c r="E1750" t="s">
        <v>13</v>
      </c>
      <c r="F1750">
        <v>12332</v>
      </c>
      <c r="G1750" t="s">
        <v>48964</v>
      </c>
      <c r="H1750">
        <v>6.5843836299239999</v>
      </c>
      <c r="I1750">
        <v>53.238986856661001</v>
      </c>
      <c r="J1750" t="s">
        <v>57435</v>
      </c>
    </row>
    <row r="1751" spans="1:10" x14ac:dyDescent="0.25">
      <c r="A1751" t="s">
        <v>48957</v>
      </c>
      <c r="B1751" t="s">
        <v>48958</v>
      </c>
      <c r="C1751" t="s">
        <v>48959</v>
      </c>
      <c r="D1751" t="s">
        <v>48626</v>
      </c>
      <c r="E1751" t="s">
        <v>13</v>
      </c>
      <c r="F1751">
        <v>12331</v>
      </c>
      <c r="G1751" t="s">
        <v>48960</v>
      </c>
      <c r="H1751">
        <v>6.554654144053</v>
      </c>
      <c r="I1751">
        <v>53.254446779364997</v>
      </c>
      <c r="J1751" t="s">
        <v>57436</v>
      </c>
    </row>
    <row r="1752" spans="1:10" x14ac:dyDescent="0.25">
      <c r="A1752" t="s">
        <v>48953</v>
      </c>
      <c r="B1752" t="s">
        <v>48954</v>
      </c>
      <c r="C1752" t="s">
        <v>48955</v>
      </c>
      <c r="D1752" t="s">
        <v>48626</v>
      </c>
      <c r="E1752" t="s">
        <v>13</v>
      </c>
      <c r="F1752">
        <v>12330</v>
      </c>
      <c r="G1752" t="s">
        <v>48956</v>
      </c>
      <c r="H1752">
        <v>6.5747037200480003</v>
      </c>
      <c r="I1752">
        <v>53.246979489506998</v>
      </c>
      <c r="J1752" t="s">
        <v>57437</v>
      </c>
    </row>
    <row r="1753" spans="1:10" x14ac:dyDescent="0.25">
      <c r="A1753" t="s">
        <v>48949</v>
      </c>
      <c r="B1753" t="s">
        <v>48950</v>
      </c>
      <c r="C1753" t="s">
        <v>48951</v>
      </c>
      <c r="D1753" t="s">
        <v>48626</v>
      </c>
      <c r="E1753" t="s">
        <v>13</v>
      </c>
      <c r="F1753">
        <v>12329</v>
      </c>
      <c r="G1753" t="s">
        <v>48952</v>
      </c>
      <c r="H1753">
        <v>6.5692797902980002</v>
      </c>
      <c r="I1753">
        <v>53.244645241812997</v>
      </c>
      <c r="J1753" t="s">
        <v>57438</v>
      </c>
    </row>
    <row r="1754" spans="1:10" x14ac:dyDescent="0.25">
      <c r="A1754" t="s">
        <v>48945</v>
      </c>
      <c r="B1754" t="s">
        <v>48946</v>
      </c>
      <c r="C1754" t="s">
        <v>48947</v>
      </c>
      <c r="D1754" t="s">
        <v>48626</v>
      </c>
      <c r="E1754" t="s">
        <v>13</v>
      </c>
      <c r="F1754">
        <v>12328</v>
      </c>
      <c r="G1754" t="s">
        <v>48948</v>
      </c>
      <c r="H1754">
        <v>6.5740787857110004</v>
      </c>
      <c r="I1754">
        <v>53.238834124508998</v>
      </c>
      <c r="J1754" t="s">
        <v>57439</v>
      </c>
    </row>
    <row r="1755" spans="1:10" x14ac:dyDescent="0.25">
      <c r="A1755" t="s">
        <v>48941</v>
      </c>
      <c r="B1755" t="s">
        <v>48942</v>
      </c>
      <c r="C1755" t="s">
        <v>48943</v>
      </c>
      <c r="D1755" t="s">
        <v>48626</v>
      </c>
      <c r="E1755" t="s">
        <v>13</v>
      </c>
      <c r="F1755">
        <v>12327</v>
      </c>
      <c r="G1755" t="s">
        <v>48944</v>
      </c>
      <c r="H1755">
        <v>6.5787316161799998</v>
      </c>
      <c r="I1755">
        <v>53.242468501635003</v>
      </c>
      <c r="J1755" t="s">
        <v>57440</v>
      </c>
    </row>
    <row r="1756" spans="1:10" x14ac:dyDescent="0.25">
      <c r="A1756" t="s">
        <v>48937</v>
      </c>
      <c r="B1756" t="s">
        <v>48938</v>
      </c>
      <c r="C1756" t="s">
        <v>48939</v>
      </c>
      <c r="D1756" t="s">
        <v>48626</v>
      </c>
      <c r="E1756" t="s">
        <v>13</v>
      </c>
      <c r="F1756">
        <v>12326</v>
      </c>
      <c r="G1756" t="s">
        <v>48940</v>
      </c>
      <c r="H1756">
        <v>6.6000077184850001</v>
      </c>
      <c r="I1756">
        <v>53.249949760734999</v>
      </c>
      <c r="J1756" t="s">
        <v>57441</v>
      </c>
    </row>
    <row r="1757" spans="1:10" x14ac:dyDescent="0.25">
      <c r="A1757" t="s">
        <v>48933</v>
      </c>
      <c r="B1757" t="s">
        <v>48934</v>
      </c>
      <c r="C1757" t="s">
        <v>48935</v>
      </c>
      <c r="D1757" t="s">
        <v>48626</v>
      </c>
      <c r="E1757" t="s">
        <v>13</v>
      </c>
      <c r="F1757">
        <v>12325</v>
      </c>
      <c r="G1757" t="s">
        <v>48936</v>
      </c>
      <c r="H1757">
        <v>6.5881622102349997</v>
      </c>
      <c r="I1757">
        <v>53.247747893783</v>
      </c>
      <c r="J1757" t="s">
        <v>57442</v>
      </c>
    </row>
    <row r="1758" spans="1:10" x14ac:dyDescent="0.25">
      <c r="A1758" t="s">
        <v>48930</v>
      </c>
      <c r="B1758" t="s">
        <v>48931</v>
      </c>
      <c r="C1758" t="s">
        <v>25912</v>
      </c>
      <c r="D1758" t="s">
        <v>48626</v>
      </c>
      <c r="E1758" t="s">
        <v>13</v>
      </c>
      <c r="F1758">
        <v>12324</v>
      </c>
      <c r="G1758" t="s">
        <v>48932</v>
      </c>
      <c r="H1758">
        <v>6.5517593154</v>
      </c>
      <c r="I1758">
        <v>53.229182374441997</v>
      </c>
      <c r="J1758" t="s">
        <v>57443</v>
      </c>
    </row>
    <row r="1759" spans="1:10" x14ac:dyDescent="0.25">
      <c r="A1759" t="s">
        <v>48926</v>
      </c>
      <c r="B1759" t="s">
        <v>48927</v>
      </c>
      <c r="C1759" t="s">
        <v>48928</v>
      </c>
      <c r="D1759" t="s">
        <v>48626</v>
      </c>
      <c r="E1759" t="s">
        <v>13</v>
      </c>
      <c r="F1759">
        <v>12323</v>
      </c>
      <c r="G1759" t="s">
        <v>48929</v>
      </c>
      <c r="H1759">
        <v>6.5466591532659999</v>
      </c>
      <c r="I1759">
        <v>53.242406767995</v>
      </c>
      <c r="J1759" t="s">
        <v>57444</v>
      </c>
    </row>
    <row r="1760" spans="1:10" x14ac:dyDescent="0.25">
      <c r="A1760" t="s">
        <v>48922</v>
      </c>
      <c r="B1760" t="s">
        <v>48923</v>
      </c>
      <c r="C1760" t="s">
        <v>48924</v>
      </c>
      <c r="D1760" t="s">
        <v>48626</v>
      </c>
      <c r="E1760" t="s">
        <v>13</v>
      </c>
      <c r="F1760">
        <v>12322</v>
      </c>
      <c r="G1760" t="s">
        <v>48925</v>
      </c>
      <c r="H1760">
        <v>6.5293338525040001</v>
      </c>
      <c r="I1760">
        <v>53.244571668984001</v>
      </c>
      <c r="J1760" t="s">
        <v>57445</v>
      </c>
    </row>
    <row r="1761" spans="1:10" x14ac:dyDescent="0.25">
      <c r="A1761" t="s">
        <v>48918</v>
      </c>
      <c r="B1761" t="s">
        <v>48919</v>
      </c>
      <c r="C1761" t="s">
        <v>48920</v>
      </c>
      <c r="D1761" t="s">
        <v>48626</v>
      </c>
      <c r="E1761" t="s">
        <v>13</v>
      </c>
      <c r="F1761">
        <v>12321</v>
      </c>
      <c r="G1761" t="s">
        <v>48921</v>
      </c>
      <c r="H1761">
        <v>6.5382740076359998</v>
      </c>
      <c r="I1761">
        <v>53.232075190487997</v>
      </c>
      <c r="J1761" t="s">
        <v>57446</v>
      </c>
    </row>
    <row r="1762" spans="1:10" x14ac:dyDescent="0.25">
      <c r="A1762" t="s">
        <v>48914</v>
      </c>
      <c r="B1762" t="s">
        <v>48915</v>
      </c>
      <c r="C1762" t="s">
        <v>48916</v>
      </c>
      <c r="D1762" t="s">
        <v>48626</v>
      </c>
      <c r="E1762" t="s">
        <v>13</v>
      </c>
      <c r="F1762">
        <v>12320</v>
      </c>
      <c r="G1762" t="s">
        <v>48917</v>
      </c>
      <c r="H1762">
        <v>6.5433287043949999</v>
      </c>
      <c r="I1762">
        <v>53.225902976896002</v>
      </c>
      <c r="J1762" t="s">
        <v>57447</v>
      </c>
    </row>
    <row r="1763" spans="1:10" x14ac:dyDescent="0.25">
      <c r="A1763" t="s">
        <v>48910</v>
      </c>
      <c r="B1763" t="s">
        <v>48911</v>
      </c>
      <c r="C1763" t="s">
        <v>48912</v>
      </c>
      <c r="D1763" t="s">
        <v>48626</v>
      </c>
      <c r="E1763" t="s">
        <v>13</v>
      </c>
      <c r="F1763">
        <v>12319</v>
      </c>
      <c r="G1763" t="s">
        <v>48913</v>
      </c>
      <c r="H1763">
        <v>6.5514229049660004</v>
      </c>
      <c r="I1763">
        <v>53.234300098431</v>
      </c>
      <c r="J1763" t="s">
        <v>57448</v>
      </c>
    </row>
    <row r="1764" spans="1:10" x14ac:dyDescent="0.25">
      <c r="A1764" t="s">
        <v>48906</v>
      </c>
      <c r="B1764" t="s">
        <v>48907</v>
      </c>
      <c r="C1764" t="s">
        <v>48908</v>
      </c>
      <c r="D1764" t="s">
        <v>48626</v>
      </c>
      <c r="E1764" t="s">
        <v>13</v>
      </c>
      <c r="F1764">
        <v>12318</v>
      </c>
      <c r="G1764" t="s">
        <v>48909</v>
      </c>
      <c r="H1764">
        <v>6.5148413798969997</v>
      </c>
      <c r="I1764">
        <v>53.218957711164002</v>
      </c>
      <c r="J1764" t="s">
        <v>57449</v>
      </c>
    </row>
    <row r="1765" spans="1:10" x14ac:dyDescent="0.25">
      <c r="A1765" t="s">
        <v>48902</v>
      </c>
      <c r="B1765" t="s">
        <v>48903</v>
      </c>
      <c r="C1765" t="s">
        <v>48904</v>
      </c>
      <c r="D1765" t="s">
        <v>48626</v>
      </c>
      <c r="E1765" t="s">
        <v>13</v>
      </c>
      <c r="F1765">
        <v>12317</v>
      </c>
      <c r="G1765" t="s">
        <v>48905</v>
      </c>
      <c r="H1765">
        <v>6.5134159618760004</v>
      </c>
      <c r="I1765">
        <v>53.227275473940999</v>
      </c>
      <c r="J1765" t="s">
        <v>57450</v>
      </c>
    </row>
    <row r="1766" spans="1:10" x14ac:dyDescent="0.25">
      <c r="A1766" t="s">
        <v>48898</v>
      </c>
      <c r="B1766" t="s">
        <v>48899</v>
      </c>
      <c r="C1766" t="s">
        <v>48900</v>
      </c>
      <c r="D1766" t="s">
        <v>48626</v>
      </c>
      <c r="E1766" t="s">
        <v>13</v>
      </c>
      <c r="F1766">
        <v>12316</v>
      </c>
      <c r="G1766" t="s">
        <v>48901</v>
      </c>
      <c r="H1766">
        <v>6.5035800487959996</v>
      </c>
      <c r="I1766">
        <v>53.245804790804002</v>
      </c>
      <c r="J1766" t="s">
        <v>57451</v>
      </c>
    </row>
    <row r="1767" spans="1:10" x14ac:dyDescent="0.25">
      <c r="A1767" t="s">
        <v>48894</v>
      </c>
      <c r="B1767" t="s">
        <v>48895</v>
      </c>
      <c r="C1767" t="s">
        <v>48896</v>
      </c>
      <c r="D1767" t="s">
        <v>48626</v>
      </c>
      <c r="E1767" t="s">
        <v>13</v>
      </c>
      <c r="F1767">
        <v>12315</v>
      </c>
      <c r="G1767" t="s">
        <v>48897</v>
      </c>
      <c r="H1767">
        <v>6.5205007115329998</v>
      </c>
      <c r="I1767">
        <v>53.240303083230003</v>
      </c>
      <c r="J1767" t="s">
        <v>57452</v>
      </c>
    </row>
    <row r="1768" spans="1:10" x14ac:dyDescent="0.25">
      <c r="A1768" t="s">
        <v>48890</v>
      </c>
      <c r="B1768" t="s">
        <v>48891</v>
      </c>
      <c r="C1768" t="s">
        <v>48892</v>
      </c>
      <c r="D1768" t="s">
        <v>48626</v>
      </c>
      <c r="E1768" t="s">
        <v>13</v>
      </c>
      <c r="F1768">
        <v>12314</v>
      </c>
      <c r="G1768" t="s">
        <v>48893</v>
      </c>
      <c r="H1768">
        <v>6.535125451781</v>
      </c>
      <c r="I1768">
        <v>53.226933311102002</v>
      </c>
      <c r="J1768" t="s">
        <v>57453</v>
      </c>
    </row>
    <row r="1769" spans="1:10" x14ac:dyDescent="0.25">
      <c r="A1769" t="s">
        <v>48886</v>
      </c>
      <c r="B1769" t="s">
        <v>48887</v>
      </c>
      <c r="C1769" t="s">
        <v>48888</v>
      </c>
      <c r="D1769" t="s">
        <v>48626</v>
      </c>
      <c r="E1769" t="s">
        <v>13</v>
      </c>
      <c r="F1769">
        <v>12313</v>
      </c>
      <c r="G1769" t="s">
        <v>48889</v>
      </c>
      <c r="H1769">
        <v>6.5346538187060004</v>
      </c>
      <c r="I1769">
        <v>53.21489654282</v>
      </c>
      <c r="J1769" t="s">
        <v>57454</v>
      </c>
    </row>
    <row r="1770" spans="1:10" x14ac:dyDescent="0.25">
      <c r="A1770" t="s">
        <v>48882</v>
      </c>
      <c r="B1770" t="s">
        <v>48883</v>
      </c>
      <c r="C1770" t="s">
        <v>48884</v>
      </c>
      <c r="D1770" t="s">
        <v>48626</v>
      </c>
      <c r="E1770" t="s">
        <v>13</v>
      </c>
      <c r="F1770">
        <v>12312</v>
      </c>
      <c r="G1770" t="s">
        <v>48885</v>
      </c>
      <c r="H1770">
        <v>6.5300248972060002</v>
      </c>
      <c r="I1770">
        <v>53.221330026304003</v>
      </c>
      <c r="J1770" t="s">
        <v>57455</v>
      </c>
    </row>
    <row r="1771" spans="1:10" x14ac:dyDescent="0.25">
      <c r="A1771" t="s">
        <v>48878</v>
      </c>
      <c r="B1771" t="s">
        <v>48879</v>
      </c>
      <c r="C1771" t="s">
        <v>48880</v>
      </c>
      <c r="D1771" t="s">
        <v>48626</v>
      </c>
      <c r="E1771" t="s">
        <v>13</v>
      </c>
      <c r="F1771">
        <v>12311</v>
      </c>
      <c r="G1771" t="s">
        <v>48881</v>
      </c>
      <c r="H1771">
        <v>6.5247665479370003</v>
      </c>
      <c r="I1771">
        <v>53.229944265896997</v>
      </c>
      <c r="J1771" t="s">
        <v>57456</v>
      </c>
    </row>
    <row r="1772" spans="1:10" x14ac:dyDescent="0.25">
      <c r="A1772" t="s">
        <v>48874</v>
      </c>
      <c r="B1772" t="s">
        <v>48875</v>
      </c>
      <c r="C1772" t="s">
        <v>48876</v>
      </c>
      <c r="D1772" t="s">
        <v>48626</v>
      </c>
      <c r="E1772" t="s">
        <v>13</v>
      </c>
      <c r="F1772">
        <v>12310</v>
      </c>
      <c r="G1772" t="s">
        <v>48877</v>
      </c>
      <c r="H1772">
        <v>6.5218708157650003</v>
      </c>
      <c r="I1772">
        <v>53.201033722234001</v>
      </c>
      <c r="J1772" t="s">
        <v>57457</v>
      </c>
    </row>
    <row r="1773" spans="1:10" x14ac:dyDescent="0.25">
      <c r="A1773" t="s">
        <v>48871</v>
      </c>
      <c r="B1773" t="s">
        <v>48872</v>
      </c>
      <c r="C1773" t="s">
        <v>10257</v>
      </c>
      <c r="D1773" t="s">
        <v>48626</v>
      </c>
      <c r="E1773" t="s">
        <v>13</v>
      </c>
      <c r="F1773">
        <v>12309</v>
      </c>
      <c r="G1773" t="s">
        <v>48873</v>
      </c>
      <c r="H1773">
        <v>6.5244675613630001</v>
      </c>
      <c r="I1773">
        <v>53.197979907323003</v>
      </c>
      <c r="J1773" t="s">
        <v>57458</v>
      </c>
    </row>
    <row r="1774" spans="1:10" x14ac:dyDescent="0.25">
      <c r="A1774" t="s">
        <v>48867</v>
      </c>
      <c r="B1774" t="s">
        <v>48868</v>
      </c>
      <c r="C1774" t="s">
        <v>48869</v>
      </c>
      <c r="D1774" t="s">
        <v>48626</v>
      </c>
      <c r="E1774" t="s">
        <v>13</v>
      </c>
      <c r="F1774">
        <v>12308</v>
      </c>
      <c r="G1774" t="s">
        <v>48870</v>
      </c>
      <c r="H1774">
        <v>6.5288861003959999</v>
      </c>
      <c r="I1774">
        <v>53.200800728026003</v>
      </c>
      <c r="J1774" t="s">
        <v>57459</v>
      </c>
    </row>
    <row r="1775" spans="1:10" x14ac:dyDescent="0.25">
      <c r="A1775" t="s">
        <v>48863</v>
      </c>
      <c r="B1775" t="s">
        <v>48864</v>
      </c>
      <c r="C1775" t="s">
        <v>48865</v>
      </c>
      <c r="D1775" t="s">
        <v>48626</v>
      </c>
      <c r="E1775" t="s">
        <v>13</v>
      </c>
      <c r="F1775">
        <v>12307</v>
      </c>
      <c r="G1775" t="s">
        <v>48866</v>
      </c>
      <c r="H1775">
        <v>6.5234230154550001</v>
      </c>
      <c r="I1775">
        <v>53.206690507946</v>
      </c>
      <c r="J1775" t="s">
        <v>57460</v>
      </c>
    </row>
    <row r="1776" spans="1:10" x14ac:dyDescent="0.25">
      <c r="A1776" t="s">
        <v>48859</v>
      </c>
      <c r="B1776" t="s">
        <v>48860</v>
      </c>
      <c r="C1776" t="s">
        <v>48861</v>
      </c>
      <c r="D1776" t="s">
        <v>48626</v>
      </c>
      <c r="E1776" t="s">
        <v>13</v>
      </c>
      <c r="F1776">
        <v>12306</v>
      </c>
      <c r="G1776" t="s">
        <v>48862</v>
      </c>
      <c r="H1776">
        <v>6.538511995505</v>
      </c>
      <c r="I1776">
        <v>53.208295814448</v>
      </c>
      <c r="J1776" t="s">
        <v>57461</v>
      </c>
    </row>
    <row r="1777" spans="1:10" x14ac:dyDescent="0.25">
      <c r="A1777" t="s">
        <v>48855</v>
      </c>
      <c r="B1777" t="s">
        <v>48856</v>
      </c>
      <c r="C1777" t="s">
        <v>48857</v>
      </c>
      <c r="D1777" t="s">
        <v>48626</v>
      </c>
      <c r="E1777" t="s">
        <v>13</v>
      </c>
      <c r="F1777">
        <v>12305</v>
      </c>
      <c r="G1777" t="s">
        <v>48858</v>
      </c>
      <c r="H1777">
        <v>6.5269120390250004</v>
      </c>
      <c r="I1777">
        <v>53.212124070649999</v>
      </c>
      <c r="J1777" t="s">
        <v>57462</v>
      </c>
    </row>
    <row r="1778" spans="1:10" x14ac:dyDescent="0.25">
      <c r="A1778" t="s">
        <v>48851</v>
      </c>
      <c r="B1778" t="s">
        <v>48852</v>
      </c>
      <c r="C1778" t="s">
        <v>48853</v>
      </c>
      <c r="D1778" t="s">
        <v>48626</v>
      </c>
      <c r="E1778" t="s">
        <v>13</v>
      </c>
      <c r="F1778">
        <v>12304</v>
      </c>
      <c r="G1778" t="s">
        <v>48854</v>
      </c>
      <c r="H1778">
        <v>6.5050185635259998</v>
      </c>
      <c r="I1778">
        <v>53.233636702731999</v>
      </c>
      <c r="J1778" t="s">
        <v>57463</v>
      </c>
    </row>
    <row r="1779" spans="1:10" x14ac:dyDescent="0.25">
      <c r="A1779" t="s">
        <v>48847</v>
      </c>
      <c r="B1779" t="s">
        <v>48848</v>
      </c>
      <c r="C1779" t="s">
        <v>48849</v>
      </c>
      <c r="D1779" t="s">
        <v>48626</v>
      </c>
      <c r="E1779" t="s">
        <v>13</v>
      </c>
      <c r="F1779">
        <v>12303</v>
      </c>
      <c r="G1779" t="s">
        <v>48850</v>
      </c>
      <c r="H1779">
        <v>6.4890783151919997</v>
      </c>
      <c r="I1779">
        <v>53.231928876098998</v>
      </c>
      <c r="J1779" t="s">
        <v>57464</v>
      </c>
    </row>
    <row r="1780" spans="1:10" x14ac:dyDescent="0.25">
      <c r="A1780" t="s">
        <v>48844</v>
      </c>
      <c r="B1780" t="s">
        <v>48845</v>
      </c>
      <c r="C1780" t="s">
        <v>5270</v>
      </c>
      <c r="D1780" t="s">
        <v>48626</v>
      </c>
      <c r="E1780" t="s">
        <v>13</v>
      </c>
      <c r="F1780">
        <v>12302</v>
      </c>
      <c r="G1780" t="s">
        <v>48846</v>
      </c>
      <c r="H1780">
        <v>6.4794449435650003</v>
      </c>
      <c r="I1780">
        <v>53.222439779364002</v>
      </c>
      <c r="J1780" t="s">
        <v>57465</v>
      </c>
    </row>
    <row r="1781" spans="1:10" x14ac:dyDescent="0.25">
      <c r="A1781" t="s">
        <v>48840</v>
      </c>
      <c r="B1781" t="s">
        <v>48841</v>
      </c>
      <c r="C1781" t="s">
        <v>48842</v>
      </c>
      <c r="D1781" t="s">
        <v>48626</v>
      </c>
      <c r="E1781" t="s">
        <v>13</v>
      </c>
      <c r="F1781">
        <v>12301</v>
      </c>
      <c r="G1781" t="s">
        <v>48843</v>
      </c>
      <c r="H1781">
        <v>6.4748494146160001</v>
      </c>
      <c r="I1781">
        <v>53.213183391465002</v>
      </c>
      <c r="J1781" t="s">
        <v>57466</v>
      </c>
    </row>
    <row r="1782" spans="1:10" x14ac:dyDescent="0.25">
      <c r="A1782" t="s">
        <v>48836</v>
      </c>
      <c r="B1782" t="s">
        <v>48837</v>
      </c>
      <c r="C1782" t="s">
        <v>48838</v>
      </c>
      <c r="D1782" t="s">
        <v>48626</v>
      </c>
      <c r="E1782" t="s">
        <v>13</v>
      </c>
      <c r="F1782">
        <v>12300</v>
      </c>
      <c r="G1782" t="s">
        <v>48839</v>
      </c>
      <c r="H1782">
        <v>6.478197318326</v>
      </c>
      <c r="I1782">
        <v>53.206058173095002</v>
      </c>
      <c r="J1782" t="s">
        <v>57467</v>
      </c>
    </row>
    <row r="1783" spans="1:10" x14ac:dyDescent="0.25">
      <c r="A1783" t="s">
        <v>48832</v>
      </c>
      <c r="B1783" t="s">
        <v>48833</v>
      </c>
      <c r="C1783" t="s">
        <v>48834</v>
      </c>
      <c r="D1783" t="s">
        <v>48626</v>
      </c>
      <c r="E1783" t="s">
        <v>13</v>
      </c>
      <c r="F1783">
        <v>12299</v>
      </c>
      <c r="G1783" t="s">
        <v>48835</v>
      </c>
      <c r="H1783">
        <v>6.5034478030229996</v>
      </c>
      <c r="I1783">
        <v>53.205256823814999</v>
      </c>
      <c r="J1783" t="s">
        <v>57468</v>
      </c>
    </row>
    <row r="1784" spans="1:10" x14ac:dyDescent="0.25">
      <c r="A1784" t="s">
        <v>48828</v>
      </c>
      <c r="B1784" t="s">
        <v>48829</v>
      </c>
      <c r="C1784" t="s">
        <v>48830</v>
      </c>
      <c r="D1784" t="s">
        <v>48626</v>
      </c>
      <c r="E1784" t="s">
        <v>13</v>
      </c>
      <c r="F1784">
        <v>12298</v>
      </c>
      <c r="G1784" t="s">
        <v>48831</v>
      </c>
      <c r="H1784">
        <v>6.5014974410450002</v>
      </c>
      <c r="I1784">
        <v>53.216508288999997</v>
      </c>
      <c r="J1784" t="s">
        <v>57469</v>
      </c>
    </row>
    <row r="1785" spans="1:10" x14ac:dyDescent="0.25">
      <c r="A1785" t="s">
        <v>48824</v>
      </c>
      <c r="B1785" t="s">
        <v>48825</v>
      </c>
      <c r="C1785" t="s">
        <v>48826</v>
      </c>
      <c r="D1785" t="s">
        <v>48626</v>
      </c>
      <c r="E1785" t="s">
        <v>13</v>
      </c>
      <c r="F1785">
        <v>12297</v>
      </c>
      <c r="G1785" t="s">
        <v>48827</v>
      </c>
      <c r="H1785">
        <v>6.53328320409</v>
      </c>
      <c r="I1785">
        <v>53.194453223566001</v>
      </c>
      <c r="J1785" t="s">
        <v>57470</v>
      </c>
    </row>
    <row r="1786" spans="1:10" x14ac:dyDescent="0.25">
      <c r="A1786" t="s">
        <v>48820</v>
      </c>
      <c r="B1786" t="s">
        <v>48821</v>
      </c>
      <c r="C1786" t="s">
        <v>48822</v>
      </c>
      <c r="D1786" t="s">
        <v>48626</v>
      </c>
      <c r="E1786" t="s">
        <v>13</v>
      </c>
      <c r="F1786">
        <v>12296</v>
      </c>
      <c r="G1786" t="s">
        <v>48823</v>
      </c>
      <c r="H1786">
        <v>6.5390129119190004</v>
      </c>
      <c r="I1786">
        <v>53.187880994131</v>
      </c>
      <c r="J1786" t="s">
        <v>57471</v>
      </c>
    </row>
    <row r="1787" spans="1:10" x14ac:dyDescent="0.25">
      <c r="A1787" t="s">
        <v>48816</v>
      </c>
      <c r="B1787" t="s">
        <v>48817</v>
      </c>
      <c r="C1787" t="s">
        <v>48818</v>
      </c>
      <c r="D1787" t="s">
        <v>48626</v>
      </c>
      <c r="E1787" t="s">
        <v>13</v>
      </c>
      <c r="F1787">
        <v>12295</v>
      </c>
      <c r="G1787" t="s">
        <v>48819</v>
      </c>
      <c r="H1787">
        <v>6.5491762786120002</v>
      </c>
      <c r="I1787">
        <v>53.191584600230001</v>
      </c>
      <c r="J1787" t="s">
        <v>57472</v>
      </c>
    </row>
    <row r="1788" spans="1:10" x14ac:dyDescent="0.25">
      <c r="A1788" t="s">
        <v>48812</v>
      </c>
      <c r="B1788" t="s">
        <v>48813</v>
      </c>
      <c r="C1788" t="s">
        <v>48814</v>
      </c>
      <c r="D1788" t="s">
        <v>48626</v>
      </c>
      <c r="E1788" t="s">
        <v>13</v>
      </c>
      <c r="F1788">
        <v>12294</v>
      </c>
      <c r="G1788" t="s">
        <v>48815</v>
      </c>
      <c r="H1788">
        <v>6.5478740987690003</v>
      </c>
      <c r="I1788">
        <v>53.185660462373001</v>
      </c>
      <c r="J1788" t="s">
        <v>57473</v>
      </c>
    </row>
    <row r="1789" spans="1:10" x14ac:dyDescent="0.25">
      <c r="A1789" t="s">
        <v>48808</v>
      </c>
      <c r="B1789" t="s">
        <v>48809</v>
      </c>
      <c r="C1789" t="s">
        <v>48810</v>
      </c>
      <c r="D1789" t="s">
        <v>48626</v>
      </c>
      <c r="E1789" t="s">
        <v>13</v>
      </c>
      <c r="F1789">
        <v>12293</v>
      </c>
      <c r="G1789" t="s">
        <v>48811</v>
      </c>
      <c r="H1789">
        <v>6.5600136313849999</v>
      </c>
      <c r="I1789">
        <v>53.187415054353998</v>
      </c>
      <c r="J1789" t="s">
        <v>57474</v>
      </c>
    </row>
    <row r="1790" spans="1:10" x14ac:dyDescent="0.25">
      <c r="A1790" t="s">
        <v>48804</v>
      </c>
      <c r="B1790" t="s">
        <v>48805</v>
      </c>
      <c r="C1790" t="s">
        <v>48806</v>
      </c>
      <c r="D1790" t="s">
        <v>48626</v>
      </c>
      <c r="E1790" t="s">
        <v>13</v>
      </c>
      <c r="F1790">
        <v>12292</v>
      </c>
      <c r="G1790" t="s">
        <v>48807</v>
      </c>
      <c r="H1790">
        <v>6.5545316824339999</v>
      </c>
      <c r="I1790">
        <v>53.197257886041001</v>
      </c>
      <c r="J1790" t="s">
        <v>57475</v>
      </c>
    </row>
    <row r="1791" spans="1:10" x14ac:dyDescent="0.25">
      <c r="A1791" t="s">
        <v>48800</v>
      </c>
      <c r="B1791" t="s">
        <v>48801</v>
      </c>
      <c r="C1791" t="s">
        <v>48802</v>
      </c>
      <c r="D1791" t="s">
        <v>48626</v>
      </c>
      <c r="E1791" t="s">
        <v>13</v>
      </c>
      <c r="F1791">
        <v>12291</v>
      </c>
      <c r="G1791" t="s">
        <v>48803</v>
      </c>
      <c r="H1791">
        <v>6.5740550455860003</v>
      </c>
      <c r="I1791">
        <v>53.189077689979001</v>
      </c>
      <c r="J1791" t="s">
        <v>57476</v>
      </c>
    </row>
    <row r="1792" spans="1:10" x14ac:dyDescent="0.25">
      <c r="A1792" t="s">
        <v>48796</v>
      </c>
      <c r="B1792" t="s">
        <v>48797</v>
      </c>
      <c r="C1792" t="s">
        <v>48798</v>
      </c>
      <c r="D1792" t="s">
        <v>48626</v>
      </c>
      <c r="E1792" t="s">
        <v>13</v>
      </c>
      <c r="F1792">
        <v>12290</v>
      </c>
      <c r="G1792" t="s">
        <v>48799</v>
      </c>
      <c r="H1792">
        <v>6.5694785740389996</v>
      </c>
      <c r="I1792">
        <v>53.196257180144997</v>
      </c>
      <c r="J1792" t="s">
        <v>57477</v>
      </c>
    </row>
    <row r="1793" spans="1:10" x14ac:dyDescent="0.25">
      <c r="A1793" t="s">
        <v>48792</v>
      </c>
      <c r="B1793" t="s">
        <v>48793</v>
      </c>
      <c r="C1793" t="s">
        <v>48794</v>
      </c>
      <c r="D1793" t="s">
        <v>48626</v>
      </c>
      <c r="E1793" t="s">
        <v>13</v>
      </c>
      <c r="F1793">
        <v>12289</v>
      </c>
      <c r="G1793" t="s">
        <v>48795</v>
      </c>
      <c r="H1793">
        <v>6.5800938909450002</v>
      </c>
      <c r="I1793">
        <v>53.198045964640997</v>
      </c>
      <c r="J1793" t="s">
        <v>57478</v>
      </c>
    </row>
    <row r="1794" spans="1:10" x14ac:dyDescent="0.25">
      <c r="A1794" t="s">
        <v>48789</v>
      </c>
      <c r="B1794" t="s">
        <v>48790</v>
      </c>
      <c r="C1794" t="s">
        <v>18280</v>
      </c>
      <c r="D1794" t="s">
        <v>48626</v>
      </c>
      <c r="E1794" t="s">
        <v>13</v>
      </c>
      <c r="F1794">
        <v>12288</v>
      </c>
      <c r="G1794" t="s">
        <v>48791</v>
      </c>
      <c r="H1794">
        <v>6.5858353309539996</v>
      </c>
      <c r="I1794">
        <v>53.190416013277002</v>
      </c>
      <c r="J1794" t="s">
        <v>57479</v>
      </c>
    </row>
    <row r="1795" spans="1:10" x14ac:dyDescent="0.25">
      <c r="A1795" t="s">
        <v>48785</v>
      </c>
      <c r="B1795" t="s">
        <v>48786</v>
      </c>
      <c r="C1795" t="s">
        <v>48787</v>
      </c>
      <c r="D1795" t="s">
        <v>48626</v>
      </c>
      <c r="E1795" t="s">
        <v>13</v>
      </c>
      <c r="F1795">
        <v>12287</v>
      </c>
      <c r="G1795" t="s">
        <v>48788</v>
      </c>
      <c r="H1795">
        <v>6.5971919662260001</v>
      </c>
      <c r="I1795">
        <v>53.195363303013998</v>
      </c>
      <c r="J1795" t="s">
        <v>57480</v>
      </c>
    </row>
    <row r="1796" spans="1:10" x14ac:dyDescent="0.25">
      <c r="A1796" t="s">
        <v>48781</v>
      </c>
      <c r="B1796" t="s">
        <v>48782</v>
      </c>
      <c r="C1796" t="s">
        <v>48783</v>
      </c>
      <c r="D1796" t="s">
        <v>48626</v>
      </c>
      <c r="E1796" t="s">
        <v>13</v>
      </c>
      <c r="F1796">
        <v>12286</v>
      </c>
      <c r="G1796" t="s">
        <v>48784</v>
      </c>
      <c r="H1796">
        <v>6.5899094503609996</v>
      </c>
      <c r="I1796">
        <v>53.198387572969999</v>
      </c>
      <c r="J1796" t="s">
        <v>57481</v>
      </c>
    </row>
    <row r="1797" spans="1:10" x14ac:dyDescent="0.25">
      <c r="A1797" t="s">
        <v>48777</v>
      </c>
      <c r="B1797" t="s">
        <v>48778</v>
      </c>
      <c r="C1797" t="s">
        <v>48779</v>
      </c>
      <c r="D1797" t="s">
        <v>48626</v>
      </c>
      <c r="E1797" t="s">
        <v>13</v>
      </c>
      <c r="F1797">
        <v>12285</v>
      </c>
      <c r="G1797" t="s">
        <v>48780</v>
      </c>
      <c r="H1797">
        <v>6.574814037476</v>
      </c>
      <c r="I1797">
        <v>53.203232761153998</v>
      </c>
      <c r="J1797" t="s">
        <v>57482</v>
      </c>
    </row>
    <row r="1798" spans="1:10" x14ac:dyDescent="0.25">
      <c r="A1798" t="s">
        <v>48774</v>
      </c>
      <c r="B1798" t="s">
        <v>48775</v>
      </c>
      <c r="C1798" t="s">
        <v>41793</v>
      </c>
      <c r="D1798" t="s">
        <v>48626</v>
      </c>
      <c r="E1798" t="s">
        <v>13</v>
      </c>
      <c r="F1798">
        <v>12284</v>
      </c>
      <c r="G1798" t="s">
        <v>48776</v>
      </c>
      <c r="H1798">
        <v>6.6325066153599996</v>
      </c>
      <c r="I1798">
        <v>53.189901667629002</v>
      </c>
      <c r="J1798" t="s">
        <v>57483</v>
      </c>
    </row>
    <row r="1799" spans="1:10" x14ac:dyDescent="0.25">
      <c r="A1799" t="s">
        <v>48770</v>
      </c>
      <c r="B1799" t="s">
        <v>48771</v>
      </c>
      <c r="C1799" t="s">
        <v>48772</v>
      </c>
      <c r="D1799" t="s">
        <v>48626</v>
      </c>
      <c r="E1799" t="s">
        <v>13</v>
      </c>
      <c r="F1799">
        <v>12283</v>
      </c>
      <c r="G1799" t="s">
        <v>48773</v>
      </c>
      <c r="H1799">
        <v>6.6400376093420004</v>
      </c>
      <c r="I1799">
        <v>53.197115540607001</v>
      </c>
      <c r="J1799" t="s">
        <v>57484</v>
      </c>
    </row>
    <row r="1800" spans="1:10" x14ac:dyDescent="0.25">
      <c r="A1800" t="s">
        <v>48766</v>
      </c>
      <c r="B1800" t="s">
        <v>48767</v>
      </c>
      <c r="C1800" t="s">
        <v>48768</v>
      </c>
      <c r="D1800" t="s">
        <v>48626</v>
      </c>
      <c r="E1800" t="s">
        <v>13</v>
      </c>
      <c r="F1800">
        <v>12282</v>
      </c>
      <c r="G1800" t="s">
        <v>48769</v>
      </c>
      <c r="H1800">
        <v>6.622161676678</v>
      </c>
      <c r="I1800">
        <v>53.199830953347998</v>
      </c>
      <c r="J1800" t="s">
        <v>57485</v>
      </c>
    </row>
    <row r="1801" spans="1:10" x14ac:dyDescent="0.25">
      <c r="A1801" t="s">
        <v>48762</v>
      </c>
      <c r="B1801" t="s">
        <v>48763</v>
      </c>
      <c r="C1801" t="s">
        <v>48764</v>
      </c>
      <c r="D1801" t="s">
        <v>48626</v>
      </c>
      <c r="E1801" t="s">
        <v>13</v>
      </c>
      <c r="F1801">
        <v>12281</v>
      </c>
      <c r="G1801" t="s">
        <v>48765</v>
      </c>
      <c r="H1801">
        <v>6.6086915583919996</v>
      </c>
      <c r="I1801">
        <v>53.198618219810001</v>
      </c>
      <c r="J1801" t="s">
        <v>57486</v>
      </c>
    </row>
    <row r="1802" spans="1:10" x14ac:dyDescent="0.25">
      <c r="A1802" t="s">
        <v>48758</v>
      </c>
      <c r="B1802" t="s">
        <v>48759</v>
      </c>
      <c r="C1802" t="s">
        <v>48760</v>
      </c>
      <c r="D1802" t="s">
        <v>48626</v>
      </c>
      <c r="E1802" t="s">
        <v>13</v>
      </c>
      <c r="F1802">
        <v>12280</v>
      </c>
      <c r="G1802" t="s">
        <v>48761</v>
      </c>
      <c r="H1802">
        <v>6.6105025622570004</v>
      </c>
      <c r="I1802">
        <v>53.207951793322003</v>
      </c>
      <c r="J1802" t="s">
        <v>57487</v>
      </c>
    </row>
    <row r="1803" spans="1:10" x14ac:dyDescent="0.25">
      <c r="A1803" t="s">
        <v>48754</v>
      </c>
      <c r="B1803" t="s">
        <v>48755</v>
      </c>
      <c r="C1803" t="s">
        <v>48756</v>
      </c>
      <c r="D1803" t="s">
        <v>48626</v>
      </c>
      <c r="E1803" t="s">
        <v>13</v>
      </c>
      <c r="F1803">
        <v>12279</v>
      </c>
      <c r="G1803" t="s">
        <v>48757</v>
      </c>
      <c r="H1803">
        <v>6.6163370022360004</v>
      </c>
      <c r="I1803">
        <v>53.212145110320002</v>
      </c>
      <c r="J1803" t="s">
        <v>57488</v>
      </c>
    </row>
    <row r="1804" spans="1:10" x14ac:dyDescent="0.25">
      <c r="A1804" t="s">
        <v>48750</v>
      </c>
      <c r="B1804" t="s">
        <v>48751</v>
      </c>
      <c r="C1804" t="s">
        <v>48752</v>
      </c>
      <c r="D1804" t="s">
        <v>48626</v>
      </c>
      <c r="E1804" t="s">
        <v>13</v>
      </c>
      <c r="F1804">
        <v>12278</v>
      </c>
      <c r="G1804" t="s">
        <v>48753</v>
      </c>
      <c r="H1804">
        <v>6.6074557311179998</v>
      </c>
      <c r="I1804">
        <v>53.219806210256998</v>
      </c>
      <c r="J1804" t="s">
        <v>57489</v>
      </c>
    </row>
    <row r="1805" spans="1:10" x14ac:dyDescent="0.25">
      <c r="A1805" t="s">
        <v>48746</v>
      </c>
      <c r="B1805" t="s">
        <v>48747</v>
      </c>
      <c r="C1805" t="s">
        <v>48748</v>
      </c>
      <c r="D1805" t="s">
        <v>48626</v>
      </c>
      <c r="E1805" t="s">
        <v>13</v>
      </c>
      <c r="F1805">
        <v>12277</v>
      </c>
      <c r="G1805" t="s">
        <v>48749</v>
      </c>
      <c r="H1805">
        <v>6.600331957401</v>
      </c>
      <c r="I1805">
        <v>53.221623589792003</v>
      </c>
      <c r="J1805" t="s">
        <v>57490</v>
      </c>
    </row>
    <row r="1806" spans="1:10" x14ac:dyDescent="0.25">
      <c r="A1806" t="s">
        <v>48742</v>
      </c>
      <c r="B1806" t="s">
        <v>48743</v>
      </c>
      <c r="C1806" t="s">
        <v>48744</v>
      </c>
      <c r="D1806" t="s">
        <v>48626</v>
      </c>
      <c r="E1806" t="s">
        <v>13</v>
      </c>
      <c r="F1806">
        <v>12276</v>
      </c>
      <c r="G1806" t="s">
        <v>48745</v>
      </c>
      <c r="H1806">
        <v>6.5834050849420001</v>
      </c>
      <c r="I1806">
        <v>53.217174219850001</v>
      </c>
      <c r="J1806" t="s">
        <v>57491</v>
      </c>
    </row>
    <row r="1807" spans="1:10" x14ac:dyDescent="0.25">
      <c r="A1807" t="s">
        <v>48738</v>
      </c>
      <c r="B1807" t="s">
        <v>48739</v>
      </c>
      <c r="C1807" t="s">
        <v>48740</v>
      </c>
      <c r="D1807" t="s">
        <v>48626</v>
      </c>
      <c r="E1807" t="s">
        <v>13</v>
      </c>
      <c r="F1807">
        <v>12275</v>
      </c>
      <c r="G1807" t="s">
        <v>48741</v>
      </c>
      <c r="H1807">
        <v>6.594912263856</v>
      </c>
      <c r="I1807">
        <v>53.212621757980003</v>
      </c>
      <c r="J1807" t="s">
        <v>57492</v>
      </c>
    </row>
    <row r="1808" spans="1:10" x14ac:dyDescent="0.25">
      <c r="A1808" t="s">
        <v>48734</v>
      </c>
      <c r="B1808" t="s">
        <v>48735</v>
      </c>
      <c r="C1808" t="s">
        <v>48736</v>
      </c>
      <c r="D1808" t="s">
        <v>48626</v>
      </c>
      <c r="E1808" t="s">
        <v>13</v>
      </c>
      <c r="F1808">
        <v>12274</v>
      </c>
      <c r="G1808" t="s">
        <v>48737</v>
      </c>
      <c r="H1808">
        <v>6.5899191047530001</v>
      </c>
      <c r="I1808">
        <v>53.206716564335998</v>
      </c>
      <c r="J1808" t="s">
        <v>57493</v>
      </c>
    </row>
    <row r="1809" spans="1:10" x14ac:dyDescent="0.25">
      <c r="A1809" t="s">
        <v>48730</v>
      </c>
      <c r="B1809" t="s">
        <v>48731</v>
      </c>
      <c r="C1809" t="s">
        <v>48732</v>
      </c>
      <c r="D1809" t="s">
        <v>48626</v>
      </c>
      <c r="E1809" t="s">
        <v>13</v>
      </c>
      <c r="F1809">
        <v>12273</v>
      </c>
      <c r="G1809" t="s">
        <v>48733</v>
      </c>
      <c r="H1809">
        <v>6.5838720658890004</v>
      </c>
      <c r="I1809">
        <v>53.207202457502</v>
      </c>
      <c r="J1809" t="s">
        <v>57494</v>
      </c>
    </row>
    <row r="1810" spans="1:10" x14ac:dyDescent="0.25">
      <c r="A1810" t="s">
        <v>48726</v>
      </c>
      <c r="B1810" t="s">
        <v>48727</v>
      </c>
      <c r="C1810" t="s">
        <v>48728</v>
      </c>
      <c r="D1810" t="s">
        <v>48626</v>
      </c>
      <c r="E1810" t="s">
        <v>13</v>
      </c>
      <c r="F1810">
        <v>12272</v>
      </c>
      <c r="G1810" t="s">
        <v>48729</v>
      </c>
      <c r="H1810">
        <v>6.5889672233230003</v>
      </c>
      <c r="I1810">
        <v>53.221035942039997</v>
      </c>
      <c r="J1810" t="s">
        <v>57495</v>
      </c>
    </row>
    <row r="1811" spans="1:10" x14ac:dyDescent="0.25">
      <c r="A1811" t="s">
        <v>48723</v>
      </c>
      <c r="B1811" t="s">
        <v>48724</v>
      </c>
      <c r="C1811" t="s">
        <v>77</v>
      </c>
      <c r="D1811" t="s">
        <v>48626</v>
      </c>
      <c r="E1811" t="s">
        <v>13</v>
      </c>
      <c r="F1811">
        <v>12271</v>
      </c>
      <c r="G1811" t="s">
        <v>48725</v>
      </c>
      <c r="H1811">
        <v>6.5892749381179998</v>
      </c>
      <c r="I1811">
        <v>53.226582660676002</v>
      </c>
      <c r="J1811" t="s">
        <v>57496</v>
      </c>
    </row>
    <row r="1812" spans="1:10" x14ac:dyDescent="0.25">
      <c r="A1812" t="s">
        <v>48720</v>
      </c>
      <c r="B1812" t="s">
        <v>48721</v>
      </c>
      <c r="C1812" t="s">
        <v>479</v>
      </c>
      <c r="D1812" t="s">
        <v>48626</v>
      </c>
      <c r="E1812" t="s">
        <v>13</v>
      </c>
      <c r="F1812">
        <v>12270</v>
      </c>
      <c r="G1812" t="s">
        <v>48722</v>
      </c>
      <c r="H1812">
        <v>6.5850723286469997</v>
      </c>
      <c r="I1812">
        <v>53.224083672470002</v>
      </c>
      <c r="J1812" t="s">
        <v>57497</v>
      </c>
    </row>
    <row r="1813" spans="1:10" x14ac:dyDescent="0.25">
      <c r="A1813" t="s">
        <v>48717</v>
      </c>
      <c r="B1813" t="s">
        <v>48718</v>
      </c>
      <c r="C1813" t="s">
        <v>37</v>
      </c>
      <c r="D1813" t="s">
        <v>48626</v>
      </c>
      <c r="E1813" t="s">
        <v>13</v>
      </c>
      <c r="F1813">
        <v>12269</v>
      </c>
      <c r="G1813" t="s">
        <v>48719</v>
      </c>
      <c r="H1813">
        <v>6.5818701022140003</v>
      </c>
      <c r="I1813">
        <v>53.229392230652998</v>
      </c>
      <c r="J1813" t="s">
        <v>57498</v>
      </c>
    </row>
    <row r="1814" spans="1:10" x14ac:dyDescent="0.25">
      <c r="A1814" t="s">
        <v>48713</v>
      </c>
      <c r="B1814" t="s">
        <v>48714</v>
      </c>
      <c r="C1814" t="s">
        <v>48715</v>
      </c>
      <c r="D1814" t="s">
        <v>48626</v>
      </c>
      <c r="E1814" t="s">
        <v>13</v>
      </c>
      <c r="F1814">
        <v>12268</v>
      </c>
      <c r="G1814" t="s">
        <v>48716</v>
      </c>
      <c r="H1814">
        <v>6.5782102990649998</v>
      </c>
      <c r="I1814">
        <v>53.224254813136</v>
      </c>
      <c r="J1814" t="s">
        <v>57499</v>
      </c>
    </row>
    <row r="1815" spans="1:10" x14ac:dyDescent="0.25">
      <c r="A1815" t="s">
        <v>48710</v>
      </c>
      <c r="B1815" t="s">
        <v>48711</v>
      </c>
      <c r="C1815" t="s">
        <v>17721</v>
      </c>
      <c r="D1815" t="s">
        <v>48626</v>
      </c>
      <c r="E1815" t="s">
        <v>13</v>
      </c>
      <c r="F1815">
        <v>12267</v>
      </c>
      <c r="G1815" t="s">
        <v>48712</v>
      </c>
      <c r="H1815">
        <v>6.5732135947800003</v>
      </c>
      <c r="I1815">
        <v>53.230437942542999</v>
      </c>
      <c r="J1815" t="s">
        <v>57500</v>
      </c>
    </row>
    <row r="1816" spans="1:10" x14ac:dyDescent="0.25">
      <c r="A1816" t="s">
        <v>48707</v>
      </c>
      <c r="B1816" t="s">
        <v>48708</v>
      </c>
      <c r="C1816" t="s">
        <v>4787</v>
      </c>
      <c r="D1816" t="s">
        <v>48626</v>
      </c>
      <c r="E1816" t="s">
        <v>13</v>
      </c>
      <c r="F1816">
        <v>12266</v>
      </c>
      <c r="G1816" t="s">
        <v>48709</v>
      </c>
      <c r="H1816">
        <v>6.5687305068450001</v>
      </c>
      <c r="I1816">
        <v>53.233520252706001</v>
      </c>
      <c r="J1816" t="s">
        <v>57501</v>
      </c>
    </row>
    <row r="1817" spans="1:10" x14ac:dyDescent="0.25">
      <c r="A1817" t="s">
        <v>48704</v>
      </c>
      <c r="B1817" t="s">
        <v>48705</v>
      </c>
      <c r="C1817" t="s">
        <v>26956</v>
      </c>
      <c r="D1817" t="s">
        <v>48626</v>
      </c>
      <c r="E1817" t="s">
        <v>13</v>
      </c>
      <c r="F1817">
        <v>12265</v>
      </c>
      <c r="G1817" t="s">
        <v>48706</v>
      </c>
      <c r="H1817">
        <v>6.5614669811389996</v>
      </c>
      <c r="I1817">
        <v>53.235838682923003</v>
      </c>
      <c r="J1817" t="s">
        <v>57502</v>
      </c>
    </row>
    <row r="1818" spans="1:10" x14ac:dyDescent="0.25">
      <c r="A1818" t="s">
        <v>48700</v>
      </c>
      <c r="B1818" t="s">
        <v>48701</v>
      </c>
      <c r="C1818" t="s">
        <v>48702</v>
      </c>
      <c r="D1818" t="s">
        <v>48626</v>
      </c>
      <c r="E1818" t="s">
        <v>13</v>
      </c>
      <c r="F1818">
        <v>12264</v>
      </c>
      <c r="G1818" t="s">
        <v>48703</v>
      </c>
      <c r="H1818">
        <v>6.5437719741620004</v>
      </c>
      <c r="I1818">
        <v>53.216102437674998</v>
      </c>
      <c r="J1818" t="s">
        <v>57503</v>
      </c>
    </row>
    <row r="1819" spans="1:10" x14ac:dyDescent="0.25">
      <c r="A1819" t="s">
        <v>48697</v>
      </c>
      <c r="B1819" t="s">
        <v>48698</v>
      </c>
      <c r="C1819" t="s">
        <v>85</v>
      </c>
      <c r="D1819" t="s">
        <v>48626</v>
      </c>
      <c r="E1819" t="s">
        <v>13</v>
      </c>
      <c r="F1819">
        <v>12263</v>
      </c>
      <c r="G1819" t="s">
        <v>48699</v>
      </c>
      <c r="H1819">
        <v>6.550580308572</v>
      </c>
      <c r="I1819">
        <v>53.217273369762999</v>
      </c>
      <c r="J1819" t="s">
        <v>57504</v>
      </c>
    </row>
    <row r="1820" spans="1:10" x14ac:dyDescent="0.25">
      <c r="A1820" t="s">
        <v>48693</v>
      </c>
      <c r="B1820" t="s">
        <v>48694</v>
      </c>
      <c r="C1820" t="s">
        <v>48695</v>
      </c>
      <c r="D1820" t="s">
        <v>48626</v>
      </c>
      <c r="E1820" t="s">
        <v>13</v>
      </c>
      <c r="F1820">
        <v>12262</v>
      </c>
      <c r="G1820" t="s">
        <v>48696</v>
      </c>
      <c r="H1820">
        <v>6.5541334439670003</v>
      </c>
      <c r="I1820">
        <v>53.226536888243999</v>
      </c>
      <c r="J1820" t="s">
        <v>57505</v>
      </c>
    </row>
    <row r="1821" spans="1:10" x14ac:dyDescent="0.25">
      <c r="A1821" t="s">
        <v>48690</v>
      </c>
      <c r="B1821" t="s">
        <v>48691</v>
      </c>
      <c r="C1821" t="s">
        <v>97</v>
      </c>
      <c r="D1821" t="s">
        <v>48626</v>
      </c>
      <c r="E1821" t="s">
        <v>13</v>
      </c>
      <c r="F1821">
        <v>12261</v>
      </c>
      <c r="G1821" t="s">
        <v>48692</v>
      </c>
      <c r="H1821">
        <v>6.5484198189959999</v>
      </c>
      <c r="I1821">
        <v>53.221490305006</v>
      </c>
      <c r="J1821" t="s">
        <v>57506</v>
      </c>
    </row>
    <row r="1822" spans="1:10" x14ac:dyDescent="0.25">
      <c r="A1822" t="s">
        <v>48686</v>
      </c>
      <c r="B1822" t="s">
        <v>48687</v>
      </c>
      <c r="C1822" t="s">
        <v>48688</v>
      </c>
      <c r="D1822" t="s">
        <v>48626</v>
      </c>
      <c r="E1822" t="s">
        <v>13</v>
      </c>
      <c r="F1822">
        <v>12260</v>
      </c>
      <c r="G1822" t="s">
        <v>48689</v>
      </c>
      <c r="H1822">
        <v>6.5527561518409998</v>
      </c>
      <c r="I1822">
        <v>53.201820010409001</v>
      </c>
      <c r="J1822" t="s">
        <v>57507</v>
      </c>
    </row>
    <row r="1823" spans="1:10" x14ac:dyDescent="0.25">
      <c r="A1823" t="s">
        <v>48682</v>
      </c>
      <c r="B1823" t="s">
        <v>48683</v>
      </c>
      <c r="C1823" t="s">
        <v>48684</v>
      </c>
      <c r="D1823" t="s">
        <v>48626</v>
      </c>
      <c r="E1823" t="s">
        <v>13</v>
      </c>
      <c r="F1823">
        <v>12259</v>
      </c>
      <c r="G1823" t="s">
        <v>48685</v>
      </c>
      <c r="H1823">
        <v>6.5428285601220004</v>
      </c>
      <c r="I1823">
        <v>53.202764845810997</v>
      </c>
      <c r="J1823" t="s">
        <v>57508</v>
      </c>
    </row>
    <row r="1824" spans="1:10" x14ac:dyDescent="0.25">
      <c r="A1824" t="s">
        <v>48678</v>
      </c>
      <c r="B1824" t="s">
        <v>48679</v>
      </c>
      <c r="C1824" t="s">
        <v>48680</v>
      </c>
      <c r="D1824" t="s">
        <v>48626</v>
      </c>
      <c r="E1824" t="s">
        <v>13</v>
      </c>
      <c r="F1824">
        <v>12258</v>
      </c>
      <c r="G1824" t="s">
        <v>48681</v>
      </c>
      <c r="H1824">
        <v>6.5527174912730004</v>
      </c>
      <c r="I1824">
        <v>53.208711968083001</v>
      </c>
      <c r="J1824" t="s">
        <v>57509</v>
      </c>
    </row>
    <row r="1825" spans="1:10" x14ac:dyDescent="0.25">
      <c r="A1825" t="s">
        <v>48675</v>
      </c>
      <c r="B1825" t="s">
        <v>48676</v>
      </c>
      <c r="C1825" t="s">
        <v>1376</v>
      </c>
      <c r="D1825" t="s">
        <v>48626</v>
      </c>
      <c r="E1825" t="s">
        <v>13</v>
      </c>
      <c r="F1825">
        <v>12257</v>
      </c>
      <c r="G1825" t="s">
        <v>48677</v>
      </c>
      <c r="H1825">
        <v>6.5502591179319998</v>
      </c>
      <c r="I1825">
        <v>53.212297094545001</v>
      </c>
      <c r="J1825" t="s">
        <v>57510</v>
      </c>
    </row>
    <row r="1826" spans="1:10" x14ac:dyDescent="0.25">
      <c r="A1826" t="s">
        <v>48671</v>
      </c>
      <c r="B1826" t="s">
        <v>48672</v>
      </c>
      <c r="C1826" t="s">
        <v>48673</v>
      </c>
      <c r="D1826" t="s">
        <v>48626</v>
      </c>
      <c r="E1826" t="s">
        <v>13</v>
      </c>
      <c r="F1826">
        <v>12256</v>
      </c>
      <c r="G1826" t="s">
        <v>48674</v>
      </c>
      <c r="H1826">
        <v>6.5575471769050004</v>
      </c>
      <c r="I1826">
        <v>53.212039175954999</v>
      </c>
      <c r="J1826" t="s">
        <v>57511</v>
      </c>
    </row>
    <row r="1827" spans="1:10" x14ac:dyDescent="0.25">
      <c r="A1827" t="s">
        <v>48667</v>
      </c>
      <c r="B1827" t="s">
        <v>48668</v>
      </c>
      <c r="C1827" t="s">
        <v>48669</v>
      </c>
      <c r="D1827" t="s">
        <v>48626</v>
      </c>
      <c r="E1827" t="s">
        <v>13</v>
      </c>
      <c r="F1827">
        <v>12255</v>
      </c>
      <c r="G1827" t="s">
        <v>48670</v>
      </c>
      <c r="H1827">
        <v>6.5598386958230002</v>
      </c>
      <c r="I1827">
        <v>53.206110552101002</v>
      </c>
      <c r="J1827" t="s">
        <v>57512</v>
      </c>
    </row>
    <row r="1828" spans="1:10" x14ac:dyDescent="0.25">
      <c r="A1828" t="s">
        <v>48664</v>
      </c>
      <c r="B1828" t="s">
        <v>48665</v>
      </c>
      <c r="C1828" t="s">
        <v>49</v>
      </c>
      <c r="D1828" t="s">
        <v>48626</v>
      </c>
      <c r="E1828" t="s">
        <v>13</v>
      </c>
      <c r="F1828">
        <v>12254</v>
      </c>
      <c r="G1828" t="s">
        <v>48666</v>
      </c>
      <c r="H1828">
        <v>6.566746430407</v>
      </c>
      <c r="I1828">
        <v>53.207370792280003</v>
      </c>
      <c r="J1828" t="s">
        <v>57513</v>
      </c>
    </row>
    <row r="1829" spans="1:10" x14ac:dyDescent="0.25">
      <c r="A1829" t="s">
        <v>48660</v>
      </c>
      <c r="B1829" t="s">
        <v>48661</v>
      </c>
      <c r="C1829" t="s">
        <v>48662</v>
      </c>
      <c r="D1829" t="s">
        <v>48626</v>
      </c>
      <c r="E1829" t="s">
        <v>13</v>
      </c>
      <c r="F1829">
        <v>12253</v>
      </c>
      <c r="G1829" t="s">
        <v>48663</v>
      </c>
      <c r="H1829">
        <v>6.5752307745070002</v>
      </c>
      <c r="I1829">
        <v>53.207796611982999</v>
      </c>
      <c r="J1829" t="s">
        <v>57514</v>
      </c>
    </row>
    <row r="1830" spans="1:10" x14ac:dyDescent="0.25">
      <c r="A1830" t="s">
        <v>48656</v>
      </c>
      <c r="B1830" t="s">
        <v>48657</v>
      </c>
      <c r="C1830" t="s">
        <v>48658</v>
      </c>
      <c r="D1830" t="s">
        <v>48626</v>
      </c>
      <c r="E1830" t="s">
        <v>13</v>
      </c>
      <c r="F1830">
        <v>12252</v>
      </c>
      <c r="G1830" t="s">
        <v>48659</v>
      </c>
      <c r="H1830">
        <v>6.5771847307550004</v>
      </c>
      <c r="I1830">
        <v>53.211534706095001</v>
      </c>
      <c r="J1830" t="s">
        <v>57515</v>
      </c>
    </row>
    <row r="1831" spans="1:10" x14ac:dyDescent="0.25">
      <c r="A1831" t="s">
        <v>48652</v>
      </c>
      <c r="B1831" t="s">
        <v>48653</v>
      </c>
      <c r="C1831" t="s">
        <v>48654</v>
      </c>
      <c r="D1831" t="s">
        <v>48626</v>
      </c>
      <c r="E1831" t="s">
        <v>13</v>
      </c>
      <c r="F1831">
        <v>12251</v>
      </c>
      <c r="G1831" t="s">
        <v>48655</v>
      </c>
      <c r="H1831">
        <v>6.5828306449919998</v>
      </c>
      <c r="I1831">
        <v>53.213232745630997</v>
      </c>
      <c r="J1831" t="s">
        <v>57516</v>
      </c>
    </row>
    <row r="1832" spans="1:10" x14ac:dyDescent="0.25">
      <c r="A1832" t="s">
        <v>48649</v>
      </c>
      <c r="B1832" t="s">
        <v>48650</v>
      </c>
      <c r="C1832" t="s">
        <v>27141</v>
      </c>
      <c r="D1832" t="s">
        <v>48626</v>
      </c>
      <c r="E1832" t="s">
        <v>13</v>
      </c>
      <c r="F1832">
        <v>12250</v>
      </c>
      <c r="G1832" t="s">
        <v>48651</v>
      </c>
      <c r="H1832">
        <v>6.5645089086409998</v>
      </c>
      <c r="I1832">
        <v>53.211553179017002</v>
      </c>
      <c r="J1832" t="s">
        <v>57517</v>
      </c>
    </row>
    <row r="1833" spans="1:10" x14ac:dyDescent="0.25">
      <c r="A1833" t="s">
        <v>48645</v>
      </c>
      <c r="B1833" t="s">
        <v>48646</v>
      </c>
      <c r="C1833" t="s">
        <v>48647</v>
      </c>
      <c r="D1833" t="s">
        <v>48626</v>
      </c>
      <c r="E1833" t="s">
        <v>13</v>
      </c>
      <c r="F1833">
        <v>12249</v>
      </c>
      <c r="G1833" t="s">
        <v>48648</v>
      </c>
      <c r="H1833">
        <v>6.5736020969959998</v>
      </c>
      <c r="I1833">
        <v>53.223479792576001</v>
      </c>
      <c r="J1833" t="s">
        <v>57518</v>
      </c>
    </row>
    <row r="1834" spans="1:10" x14ac:dyDescent="0.25">
      <c r="A1834" t="s">
        <v>48641</v>
      </c>
      <c r="B1834" t="s">
        <v>48642</v>
      </c>
      <c r="C1834" t="s">
        <v>48643</v>
      </c>
      <c r="D1834" t="s">
        <v>48626</v>
      </c>
      <c r="E1834" t="s">
        <v>13</v>
      </c>
      <c r="F1834">
        <v>12248</v>
      </c>
      <c r="G1834" t="s">
        <v>48644</v>
      </c>
      <c r="H1834">
        <v>6.5620267887489998</v>
      </c>
      <c r="I1834">
        <v>53.223487621567998</v>
      </c>
      <c r="J1834" t="s">
        <v>57519</v>
      </c>
    </row>
    <row r="1835" spans="1:10" x14ac:dyDescent="0.25">
      <c r="A1835" t="s">
        <v>48637</v>
      </c>
      <c r="B1835" t="s">
        <v>48638</v>
      </c>
      <c r="C1835" t="s">
        <v>48639</v>
      </c>
      <c r="D1835" t="s">
        <v>48626</v>
      </c>
      <c r="E1835" t="s">
        <v>13</v>
      </c>
      <c r="F1835">
        <v>12247</v>
      </c>
      <c r="G1835" t="s">
        <v>48640</v>
      </c>
      <c r="H1835">
        <v>6.5556897117680002</v>
      </c>
      <c r="I1835">
        <v>53.223497871882003</v>
      </c>
      <c r="J1835" t="s">
        <v>57520</v>
      </c>
    </row>
    <row r="1836" spans="1:10" x14ac:dyDescent="0.25">
      <c r="A1836" t="s">
        <v>48634</v>
      </c>
      <c r="B1836" t="s">
        <v>48635</v>
      </c>
      <c r="C1836" t="s">
        <v>8758</v>
      </c>
      <c r="D1836" t="s">
        <v>48626</v>
      </c>
      <c r="E1836" t="s">
        <v>13</v>
      </c>
      <c r="F1836">
        <v>12246</v>
      </c>
      <c r="G1836" t="s">
        <v>48636</v>
      </c>
      <c r="H1836">
        <v>6.5576133721409997</v>
      </c>
      <c r="I1836">
        <v>53.216105966453</v>
      </c>
      <c r="J1836" t="s">
        <v>57521</v>
      </c>
    </row>
    <row r="1837" spans="1:10" x14ac:dyDescent="0.25">
      <c r="A1837" t="s">
        <v>48631</v>
      </c>
      <c r="B1837" t="s">
        <v>48632</v>
      </c>
      <c r="C1837" t="s">
        <v>8762</v>
      </c>
      <c r="D1837" t="s">
        <v>48626</v>
      </c>
      <c r="E1837" t="s">
        <v>13</v>
      </c>
      <c r="F1837">
        <v>12245</v>
      </c>
      <c r="G1837" t="s">
        <v>48633</v>
      </c>
      <c r="H1837">
        <v>6.5743415399779996</v>
      </c>
      <c r="I1837">
        <v>53.219636223305997</v>
      </c>
      <c r="J1837" t="s">
        <v>57522</v>
      </c>
    </row>
    <row r="1838" spans="1:10" x14ac:dyDescent="0.25">
      <c r="A1838" t="s">
        <v>48628</v>
      </c>
      <c r="B1838" t="s">
        <v>48629</v>
      </c>
      <c r="C1838" t="s">
        <v>10146</v>
      </c>
      <c r="D1838" t="s">
        <v>48626</v>
      </c>
      <c r="E1838" t="s">
        <v>13</v>
      </c>
      <c r="F1838">
        <v>12244</v>
      </c>
      <c r="G1838" t="s">
        <v>48630</v>
      </c>
      <c r="H1838">
        <v>6.5672621402209996</v>
      </c>
      <c r="I1838">
        <v>53.215117073054003</v>
      </c>
      <c r="J1838" t="s">
        <v>57523</v>
      </c>
    </row>
    <row r="1839" spans="1:10" x14ac:dyDescent="0.25">
      <c r="A1839" t="s">
        <v>48624</v>
      </c>
      <c r="B1839" t="s">
        <v>48625</v>
      </c>
      <c r="C1839" t="s">
        <v>10141</v>
      </c>
      <c r="D1839" t="s">
        <v>48626</v>
      </c>
      <c r="E1839" t="s">
        <v>13</v>
      </c>
      <c r="F1839">
        <v>12243</v>
      </c>
      <c r="G1839" t="s">
        <v>48627</v>
      </c>
      <c r="H1839">
        <v>6.5649066700269998</v>
      </c>
      <c r="I1839">
        <v>53.219346073441997</v>
      </c>
      <c r="J1839" t="s">
        <v>57524</v>
      </c>
    </row>
    <row r="1840" spans="1:10" x14ac:dyDescent="0.25">
      <c r="A1840" t="s">
        <v>48620</v>
      </c>
      <c r="B1840" t="s">
        <v>48621</v>
      </c>
      <c r="C1840" t="s">
        <v>48622</v>
      </c>
      <c r="D1840" t="s">
        <v>48266</v>
      </c>
      <c r="E1840" t="s">
        <v>13</v>
      </c>
      <c r="F1840">
        <v>12242</v>
      </c>
      <c r="G1840" t="s">
        <v>48623</v>
      </c>
      <c r="H1840">
        <v>6.7797171696790004</v>
      </c>
      <c r="I1840">
        <v>53.360828829081001</v>
      </c>
      <c r="J1840" t="s">
        <v>57525</v>
      </c>
    </row>
    <row r="1841" spans="1:10" x14ac:dyDescent="0.25">
      <c r="A1841" t="s">
        <v>48616</v>
      </c>
      <c r="B1841" t="s">
        <v>48617</v>
      </c>
      <c r="C1841" t="s">
        <v>48618</v>
      </c>
      <c r="D1841" t="s">
        <v>48266</v>
      </c>
      <c r="E1841" t="s">
        <v>13</v>
      </c>
      <c r="F1841">
        <v>12241</v>
      </c>
      <c r="G1841" t="s">
        <v>48619</v>
      </c>
      <c r="H1841">
        <v>6.7805115502589999</v>
      </c>
      <c r="I1841">
        <v>53.340097334493002</v>
      </c>
      <c r="J1841" t="s">
        <v>57526</v>
      </c>
    </row>
    <row r="1842" spans="1:10" x14ac:dyDescent="0.25">
      <c r="A1842" t="s">
        <v>48612</v>
      </c>
      <c r="B1842" t="s">
        <v>48613</v>
      </c>
      <c r="C1842" t="s">
        <v>48614</v>
      </c>
      <c r="D1842" t="s">
        <v>48266</v>
      </c>
      <c r="E1842" t="s">
        <v>13</v>
      </c>
      <c r="F1842">
        <v>12240</v>
      </c>
      <c r="G1842" t="s">
        <v>48615</v>
      </c>
      <c r="H1842">
        <v>6.8136268403060001</v>
      </c>
      <c r="I1842">
        <v>53.338232368367002</v>
      </c>
      <c r="J1842" t="s">
        <v>57527</v>
      </c>
    </row>
    <row r="1843" spans="1:10" x14ac:dyDescent="0.25">
      <c r="A1843" t="s">
        <v>48608</v>
      </c>
      <c r="B1843" t="s">
        <v>48609</v>
      </c>
      <c r="C1843" t="s">
        <v>48610</v>
      </c>
      <c r="D1843" t="s">
        <v>48266</v>
      </c>
      <c r="E1843" t="s">
        <v>13</v>
      </c>
      <c r="F1843">
        <v>12239</v>
      </c>
      <c r="G1843" t="s">
        <v>48611</v>
      </c>
      <c r="H1843">
        <v>6.7986238087419997</v>
      </c>
      <c r="I1843">
        <v>53.344901053560001</v>
      </c>
      <c r="J1843" t="s">
        <v>57528</v>
      </c>
    </row>
    <row r="1844" spans="1:10" x14ac:dyDescent="0.25">
      <c r="A1844" t="s">
        <v>48604</v>
      </c>
      <c r="B1844" t="s">
        <v>48605</v>
      </c>
      <c r="C1844" t="s">
        <v>48606</v>
      </c>
      <c r="D1844" t="s">
        <v>48266</v>
      </c>
      <c r="E1844" t="s">
        <v>13</v>
      </c>
      <c r="F1844">
        <v>12238</v>
      </c>
      <c r="G1844" t="s">
        <v>48607</v>
      </c>
      <c r="H1844">
        <v>6.7563480090320001</v>
      </c>
      <c r="I1844">
        <v>53.394048808063999</v>
      </c>
      <c r="J1844" t="s">
        <v>57529</v>
      </c>
    </row>
    <row r="1845" spans="1:10" x14ac:dyDescent="0.25">
      <c r="A1845" t="s">
        <v>48600</v>
      </c>
      <c r="B1845" t="s">
        <v>48601</v>
      </c>
      <c r="C1845" t="s">
        <v>48602</v>
      </c>
      <c r="D1845" t="s">
        <v>48266</v>
      </c>
      <c r="E1845" t="s">
        <v>13</v>
      </c>
      <c r="F1845">
        <v>12237</v>
      </c>
      <c r="G1845" t="s">
        <v>48603</v>
      </c>
      <c r="H1845">
        <v>6.7596483101629996</v>
      </c>
      <c r="I1845">
        <v>53.347866320912999</v>
      </c>
      <c r="J1845" t="s">
        <v>57530</v>
      </c>
    </row>
    <row r="1846" spans="1:10" x14ac:dyDescent="0.25">
      <c r="A1846" t="s">
        <v>48596</v>
      </c>
      <c r="B1846" t="s">
        <v>48597</v>
      </c>
      <c r="C1846" t="s">
        <v>48598</v>
      </c>
      <c r="D1846" t="s">
        <v>48266</v>
      </c>
      <c r="E1846" t="s">
        <v>13</v>
      </c>
      <c r="F1846">
        <v>12236</v>
      </c>
      <c r="G1846" t="s">
        <v>48599</v>
      </c>
      <c r="H1846">
        <v>6.7743579266760001</v>
      </c>
      <c r="I1846">
        <v>53.367302820121999</v>
      </c>
      <c r="J1846" t="s">
        <v>57531</v>
      </c>
    </row>
    <row r="1847" spans="1:10" x14ac:dyDescent="0.25">
      <c r="A1847" t="s">
        <v>48592</v>
      </c>
      <c r="B1847" t="s">
        <v>48593</v>
      </c>
      <c r="C1847" t="s">
        <v>48594</v>
      </c>
      <c r="D1847" t="s">
        <v>48266</v>
      </c>
      <c r="E1847" t="s">
        <v>13</v>
      </c>
      <c r="F1847">
        <v>12235</v>
      </c>
      <c r="G1847" t="s">
        <v>48595</v>
      </c>
      <c r="H1847">
        <v>6.646416666915</v>
      </c>
      <c r="I1847">
        <v>53.340586580169003</v>
      </c>
      <c r="J1847" t="s">
        <v>57532</v>
      </c>
    </row>
    <row r="1848" spans="1:10" x14ac:dyDescent="0.25">
      <c r="A1848" t="s">
        <v>48588</v>
      </c>
      <c r="B1848" t="s">
        <v>48589</v>
      </c>
      <c r="C1848" t="s">
        <v>48590</v>
      </c>
      <c r="D1848" t="s">
        <v>48266</v>
      </c>
      <c r="E1848" t="s">
        <v>13</v>
      </c>
      <c r="F1848">
        <v>12234</v>
      </c>
      <c r="G1848" t="s">
        <v>48591</v>
      </c>
      <c r="H1848">
        <v>6.635634356692</v>
      </c>
      <c r="I1848">
        <v>53.352691968137997</v>
      </c>
      <c r="J1848" t="s">
        <v>57533</v>
      </c>
    </row>
    <row r="1849" spans="1:10" x14ac:dyDescent="0.25">
      <c r="A1849" t="s">
        <v>48584</v>
      </c>
      <c r="B1849" t="s">
        <v>48585</v>
      </c>
      <c r="C1849" t="s">
        <v>48586</v>
      </c>
      <c r="D1849" t="s">
        <v>48266</v>
      </c>
      <c r="E1849" t="s">
        <v>13</v>
      </c>
      <c r="F1849">
        <v>12233</v>
      </c>
      <c r="G1849" t="s">
        <v>48587</v>
      </c>
      <c r="H1849">
        <v>6.6740879169509997</v>
      </c>
      <c r="I1849">
        <v>53.344770548874003</v>
      </c>
      <c r="J1849" t="s">
        <v>57534</v>
      </c>
    </row>
    <row r="1850" spans="1:10" x14ac:dyDescent="0.25">
      <c r="A1850" t="s">
        <v>48580</v>
      </c>
      <c r="B1850" t="s">
        <v>48581</v>
      </c>
      <c r="C1850" t="s">
        <v>48582</v>
      </c>
      <c r="D1850" t="s">
        <v>48266</v>
      </c>
      <c r="E1850" t="s">
        <v>13</v>
      </c>
      <c r="F1850">
        <v>12232</v>
      </c>
      <c r="G1850" t="s">
        <v>48583</v>
      </c>
      <c r="H1850">
        <v>6.6441060934470002</v>
      </c>
      <c r="I1850">
        <v>53.334030014782002</v>
      </c>
      <c r="J1850" t="s">
        <v>57535</v>
      </c>
    </row>
    <row r="1851" spans="1:10" x14ac:dyDescent="0.25">
      <c r="A1851" t="s">
        <v>48576</v>
      </c>
      <c r="B1851" t="s">
        <v>48577</v>
      </c>
      <c r="C1851" t="s">
        <v>48578</v>
      </c>
      <c r="D1851" t="s">
        <v>48266</v>
      </c>
      <c r="E1851" t="s">
        <v>13</v>
      </c>
      <c r="F1851">
        <v>12231</v>
      </c>
      <c r="G1851" t="s">
        <v>48579</v>
      </c>
      <c r="H1851">
        <v>6.6431322417369998</v>
      </c>
      <c r="I1851">
        <v>53.345629216048003</v>
      </c>
      <c r="J1851" t="s">
        <v>57536</v>
      </c>
    </row>
    <row r="1852" spans="1:10" x14ac:dyDescent="0.25">
      <c r="A1852" t="s">
        <v>48572</v>
      </c>
      <c r="B1852" t="s">
        <v>48573</v>
      </c>
      <c r="C1852" t="s">
        <v>48574</v>
      </c>
      <c r="D1852" t="s">
        <v>48266</v>
      </c>
      <c r="E1852" t="s">
        <v>13</v>
      </c>
      <c r="F1852">
        <v>12230</v>
      </c>
      <c r="G1852" t="s">
        <v>48575</v>
      </c>
      <c r="H1852">
        <v>6.701970392662</v>
      </c>
      <c r="I1852">
        <v>53.336175990396001</v>
      </c>
      <c r="J1852" t="s">
        <v>57537</v>
      </c>
    </row>
    <row r="1853" spans="1:10" x14ac:dyDescent="0.25">
      <c r="A1853" t="s">
        <v>48568</v>
      </c>
      <c r="B1853" t="s">
        <v>48569</v>
      </c>
      <c r="C1853" t="s">
        <v>48570</v>
      </c>
      <c r="D1853" t="s">
        <v>48266</v>
      </c>
      <c r="E1853" t="s">
        <v>13</v>
      </c>
      <c r="F1853">
        <v>12229</v>
      </c>
      <c r="G1853" t="s">
        <v>48571</v>
      </c>
      <c r="H1853">
        <v>6.7140640746880003</v>
      </c>
      <c r="I1853">
        <v>53.368893045771998</v>
      </c>
      <c r="J1853" t="s">
        <v>57538</v>
      </c>
    </row>
    <row r="1854" spans="1:10" x14ac:dyDescent="0.25">
      <c r="A1854" t="s">
        <v>48564</v>
      </c>
      <c r="B1854" t="s">
        <v>48565</v>
      </c>
      <c r="C1854" t="s">
        <v>48566</v>
      </c>
      <c r="D1854" t="s">
        <v>48266</v>
      </c>
      <c r="E1854" t="s">
        <v>13</v>
      </c>
      <c r="F1854">
        <v>12228</v>
      </c>
      <c r="G1854" t="s">
        <v>48567</v>
      </c>
      <c r="H1854">
        <v>6.711239182501</v>
      </c>
      <c r="I1854">
        <v>53.343232390460997</v>
      </c>
      <c r="J1854" t="s">
        <v>57539</v>
      </c>
    </row>
    <row r="1855" spans="1:10" x14ac:dyDescent="0.25">
      <c r="A1855" t="s">
        <v>48560</v>
      </c>
      <c r="B1855" t="s">
        <v>48561</v>
      </c>
      <c r="C1855" t="s">
        <v>48562</v>
      </c>
      <c r="D1855" t="s">
        <v>48266</v>
      </c>
      <c r="E1855" t="s">
        <v>13</v>
      </c>
      <c r="F1855">
        <v>12227</v>
      </c>
      <c r="G1855" t="s">
        <v>48563</v>
      </c>
      <c r="H1855">
        <v>6.693226250985</v>
      </c>
      <c r="I1855">
        <v>53.322910346383999</v>
      </c>
      <c r="J1855" t="s">
        <v>57540</v>
      </c>
    </row>
    <row r="1856" spans="1:10" x14ac:dyDescent="0.25">
      <c r="A1856" t="s">
        <v>48556</v>
      </c>
      <c r="B1856" t="s">
        <v>48557</v>
      </c>
      <c r="C1856" t="s">
        <v>48558</v>
      </c>
      <c r="D1856" t="s">
        <v>48266</v>
      </c>
      <c r="E1856" t="s">
        <v>13</v>
      </c>
      <c r="F1856">
        <v>12226</v>
      </c>
      <c r="G1856" t="s">
        <v>48559</v>
      </c>
      <c r="H1856">
        <v>6.7634652676279998</v>
      </c>
      <c r="I1856">
        <v>53.318013714488998</v>
      </c>
      <c r="J1856" t="s">
        <v>57541</v>
      </c>
    </row>
    <row r="1857" spans="1:10" x14ac:dyDescent="0.25">
      <c r="A1857" t="s">
        <v>48553</v>
      </c>
      <c r="B1857" t="s">
        <v>48554</v>
      </c>
      <c r="C1857" t="s">
        <v>44256</v>
      </c>
      <c r="D1857" t="s">
        <v>48266</v>
      </c>
      <c r="E1857" t="s">
        <v>13</v>
      </c>
      <c r="F1857">
        <v>12225</v>
      </c>
      <c r="G1857" t="s">
        <v>48555</v>
      </c>
      <c r="H1857">
        <v>6.78434141348</v>
      </c>
      <c r="I1857">
        <v>53.319321060017003</v>
      </c>
      <c r="J1857" t="s">
        <v>57542</v>
      </c>
    </row>
    <row r="1858" spans="1:10" x14ac:dyDescent="0.25">
      <c r="A1858" t="s">
        <v>48549</v>
      </c>
      <c r="B1858" t="s">
        <v>48550</v>
      </c>
      <c r="C1858" t="s">
        <v>48551</v>
      </c>
      <c r="D1858" t="s">
        <v>48266</v>
      </c>
      <c r="E1858" t="s">
        <v>13</v>
      </c>
      <c r="F1858">
        <v>12224</v>
      </c>
      <c r="G1858" t="s">
        <v>48552</v>
      </c>
      <c r="H1858">
        <v>6.7659792232419997</v>
      </c>
      <c r="I1858">
        <v>53.310715914496001</v>
      </c>
      <c r="J1858" t="s">
        <v>57543</v>
      </c>
    </row>
    <row r="1859" spans="1:10" x14ac:dyDescent="0.25">
      <c r="A1859" t="s">
        <v>48545</v>
      </c>
      <c r="B1859" t="s">
        <v>48546</v>
      </c>
      <c r="C1859" t="s">
        <v>48547</v>
      </c>
      <c r="D1859" t="s">
        <v>48266</v>
      </c>
      <c r="E1859" t="s">
        <v>13</v>
      </c>
      <c r="F1859">
        <v>12223</v>
      </c>
      <c r="G1859" t="s">
        <v>48548</v>
      </c>
      <c r="H1859">
        <v>6.7471162005930001</v>
      </c>
      <c r="I1859">
        <v>53.332290187574003</v>
      </c>
      <c r="J1859" t="s">
        <v>57544</v>
      </c>
    </row>
    <row r="1860" spans="1:10" x14ac:dyDescent="0.25">
      <c r="A1860" t="s">
        <v>48541</v>
      </c>
      <c r="B1860" t="s">
        <v>48542</v>
      </c>
      <c r="C1860" t="s">
        <v>48543</v>
      </c>
      <c r="D1860" t="s">
        <v>48266</v>
      </c>
      <c r="E1860" t="s">
        <v>13</v>
      </c>
      <c r="F1860">
        <v>12222</v>
      </c>
      <c r="G1860" t="s">
        <v>48544</v>
      </c>
      <c r="H1860">
        <v>6.8553378729309999</v>
      </c>
      <c r="I1860">
        <v>53.299635551522996</v>
      </c>
      <c r="J1860" t="s">
        <v>57545</v>
      </c>
    </row>
    <row r="1861" spans="1:10" x14ac:dyDescent="0.25">
      <c r="A1861" t="s">
        <v>48537</v>
      </c>
      <c r="B1861" t="s">
        <v>48538</v>
      </c>
      <c r="C1861" t="s">
        <v>48539</v>
      </c>
      <c r="D1861" t="s">
        <v>48266</v>
      </c>
      <c r="E1861" t="s">
        <v>13</v>
      </c>
      <c r="F1861">
        <v>12221</v>
      </c>
      <c r="G1861" t="s">
        <v>48540</v>
      </c>
      <c r="H1861">
        <v>6.8636380405499997</v>
      </c>
      <c r="I1861">
        <v>53.305016647168003</v>
      </c>
      <c r="J1861" t="s">
        <v>57546</v>
      </c>
    </row>
    <row r="1862" spans="1:10" x14ac:dyDescent="0.25">
      <c r="A1862" t="s">
        <v>48533</v>
      </c>
      <c r="B1862" t="s">
        <v>48534</v>
      </c>
      <c r="C1862" t="s">
        <v>48535</v>
      </c>
      <c r="D1862" t="s">
        <v>48266</v>
      </c>
      <c r="E1862" t="s">
        <v>13</v>
      </c>
      <c r="F1862">
        <v>12220</v>
      </c>
      <c r="G1862" t="s">
        <v>48536</v>
      </c>
      <c r="H1862">
        <v>6.8514536721520001</v>
      </c>
      <c r="I1862">
        <v>53.301705584323003</v>
      </c>
      <c r="J1862" t="s">
        <v>57547</v>
      </c>
    </row>
    <row r="1863" spans="1:10" x14ac:dyDescent="0.25">
      <c r="A1863" t="s">
        <v>48529</v>
      </c>
      <c r="B1863" t="s">
        <v>48530</v>
      </c>
      <c r="C1863" t="s">
        <v>48531</v>
      </c>
      <c r="D1863" t="s">
        <v>48266</v>
      </c>
      <c r="E1863" t="s">
        <v>13</v>
      </c>
      <c r="F1863">
        <v>12219</v>
      </c>
      <c r="G1863" t="s">
        <v>48532</v>
      </c>
      <c r="H1863">
        <v>6.8420082702389999</v>
      </c>
      <c r="I1863">
        <v>53.324228102244</v>
      </c>
      <c r="J1863" t="s">
        <v>57548</v>
      </c>
    </row>
    <row r="1864" spans="1:10" x14ac:dyDescent="0.25">
      <c r="A1864" t="s">
        <v>48525</v>
      </c>
      <c r="B1864" t="s">
        <v>48526</v>
      </c>
      <c r="C1864" t="s">
        <v>48527</v>
      </c>
      <c r="D1864" t="s">
        <v>48266</v>
      </c>
      <c r="E1864" t="s">
        <v>13</v>
      </c>
      <c r="F1864">
        <v>12218</v>
      </c>
      <c r="G1864" t="s">
        <v>48528</v>
      </c>
      <c r="H1864">
        <v>6.8088256669940002</v>
      </c>
      <c r="I1864">
        <v>53.319102480886997</v>
      </c>
      <c r="J1864" t="s">
        <v>57549</v>
      </c>
    </row>
    <row r="1865" spans="1:10" x14ac:dyDescent="0.25">
      <c r="A1865" t="s">
        <v>48521</v>
      </c>
      <c r="B1865" t="s">
        <v>48522</v>
      </c>
      <c r="C1865" t="s">
        <v>48523</v>
      </c>
      <c r="D1865" t="s">
        <v>48266</v>
      </c>
      <c r="E1865" t="s">
        <v>13</v>
      </c>
      <c r="F1865">
        <v>12217</v>
      </c>
      <c r="G1865" t="s">
        <v>48524</v>
      </c>
      <c r="H1865">
        <v>6.875332830154</v>
      </c>
      <c r="I1865">
        <v>53.339467877158</v>
      </c>
      <c r="J1865" t="s">
        <v>57550</v>
      </c>
    </row>
    <row r="1866" spans="1:10" x14ac:dyDescent="0.25">
      <c r="A1866" t="s">
        <v>48517</v>
      </c>
      <c r="B1866" t="s">
        <v>48518</v>
      </c>
      <c r="C1866" t="s">
        <v>48519</v>
      </c>
      <c r="D1866" t="s">
        <v>48266</v>
      </c>
      <c r="E1866" t="s">
        <v>13</v>
      </c>
      <c r="F1866">
        <v>12216</v>
      </c>
      <c r="G1866" t="s">
        <v>48520</v>
      </c>
      <c r="H1866">
        <v>6.8214064415670004</v>
      </c>
      <c r="I1866">
        <v>53.311502894276003</v>
      </c>
      <c r="J1866" t="s">
        <v>57551</v>
      </c>
    </row>
    <row r="1867" spans="1:10" x14ac:dyDescent="0.25">
      <c r="A1867" t="s">
        <v>48513</v>
      </c>
      <c r="B1867" t="s">
        <v>48514</v>
      </c>
      <c r="C1867" t="s">
        <v>48515</v>
      </c>
      <c r="D1867" t="s">
        <v>48266</v>
      </c>
      <c r="E1867" t="s">
        <v>13</v>
      </c>
      <c r="F1867">
        <v>12215</v>
      </c>
      <c r="G1867" t="s">
        <v>48516</v>
      </c>
      <c r="H1867">
        <v>6.8453653463280002</v>
      </c>
      <c r="I1867">
        <v>53.335597935046998</v>
      </c>
      <c r="J1867" t="s">
        <v>57552</v>
      </c>
    </row>
    <row r="1868" spans="1:10" x14ac:dyDescent="0.25">
      <c r="A1868" t="s">
        <v>48509</v>
      </c>
      <c r="B1868" t="s">
        <v>48510</v>
      </c>
      <c r="C1868" t="s">
        <v>48511</v>
      </c>
      <c r="D1868" t="s">
        <v>48266</v>
      </c>
      <c r="E1868" t="s">
        <v>13</v>
      </c>
      <c r="F1868">
        <v>12214</v>
      </c>
      <c r="G1868" t="s">
        <v>48512</v>
      </c>
      <c r="H1868">
        <v>6.8484641262909998</v>
      </c>
      <c r="I1868">
        <v>53.314923189440002</v>
      </c>
      <c r="J1868" t="s">
        <v>57553</v>
      </c>
    </row>
    <row r="1869" spans="1:10" x14ac:dyDescent="0.25">
      <c r="A1869" t="s">
        <v>48505</v>
      </c>
      <c r="B1869" t="s">
        <v>48506</v>
      </c>
      <c r="C1869" t="s">
        <v>48507</v>
      </c>
      <c r="D1869" t="s">
        <v>48266</v>
      </c>
      <c r="E1869" t="s">
        <v>13</v>
      </c>
      <c r="F1869">
        <v>12213</v>
      </c>
      <c r="G1869" t="s">
        <v>48508</v>
      </c>
      <c r="H1869">
        <v>6.8457385333860001</v>
      </c>
      <c r="I1869">
        <v>53.318189017340003</v>
      </c>
      <c r="J1869" t="s">
        <v>57554</v>
      </c>
    </row>
    <row r="1870" spans="1:10" x14ac:dyDescent="0.25">
      <c r="A1870" t="s">
        <v>48501</v>
      </c>
      <c r="B1870" t="s">
        <v>48502</v>
      </c>
      <c r="C1870" t="s">
        <v>48503</v>
      </c>
      <c r="D1870" t="s">
        <v>48266</v>
      </c>
      <c r="E1870" t="s">
        <v>13</v>
      </c>
      <c r="F1870">
        <v>12212</v>
      </c>
      <c r="G1870" t="s">
        <v>48504</v>
      </c>
      <c r="H1870">
        <v>6.8352254709069999</v>
      </c>
      <c r="I1870">
        <v>53.321666260933</v>
      </c>
      <c r="J1870" t="s">
        <v>57555</v>
      </c>
    </row>
    <row r="1871" spans="1:10" x14ac:dyDescent="0.25">
      <c r="A1871" t="s">
        <v>48497</v>
      </c>
      <c r="B1871" t="s">
        <v>48498</v>
      </c>
      <c r="C1871" t="s">
        <v>48499</v>
      </c>
      <c r="D1871" t="s">
        <v>48266</v>
      </c>
      <c r="E1871" t="s">
        <v>13</v>
      </c>
      <c r="F1871">
        <v>12211</v>
      </c>
      <c r="G1871" t="s">
        <v>48500</v>
      </c>
      <c r="H1871">
        <v>6.8513064160469996</v>
      </c>
      <c r="I1871">
        <v>53.319129712993004</v>
      </c>
      <c r="J1871" t="s">
        <v>57556</v>
      </c>
    </row>
    <row r="1872" spans="1:10" x14ac:dyDescent="0.25">
      <c r="A1872" t="s">
        <v>48493</v>
      </c>
      <c r="B1872" t="s">
        <v>48494</v>
      </c>
      <c r="C1872" t="s">
        <v>48495</v>
      </c>
      <c r="D1872" t="s">
        <v>48266</v>
      </c>
      <c r="E1872" t="s">
        <v>13</v>
      </c>
      <c r="F1872">
        <v>12210</v>
      </c>
      <c r="G1872" t="s">
        <v>48496</v>
      </c>
      <c r="H1872">
        <v>6.8436796878769997</v>
      </c>
      <c r="I1872">
        <v>53.322361145092998</v>
      </c>
      <c r="J1872" t="s">
        <v>57557</v>
      </c>
    </row>
    <row r="1873" spans="1:10" x14ac:dyDescent="0.25">
      <c r="A1873" t="s">
        <v>48490</v>
      </c>
      <c r="B1873" t="s">
        <v>48491</v>
      </c>
      <c r="C1873" t="s">
        <v>21743</v>
      </c>
      <c r="D1873" t="s">
        <v>48266</v>
      </c>
      <c r="E1873" t="s">
        <v>13</v>
      </c>
      <c r="F1873">
        <v>12209</v>
      </c>
      <c r="G1873" t="s">
        <v>48492</v>
      </c>
      <c r="H1873">
        <v>6.8488803078430003</v>
      </c>
      <c r="I1873">
        <v>53.322831206145999</v>
      </c>
      <c r="J1873" t="s">
        <v>57558</v>
      </c>
    </row>
    <row r="1874" spans="1:10" x14ac:dyDescent="0.25">
      <c r="A1874" t="s">
        <v>48486</v>
      </c>
      <c r="B1874" t="s">
        <v>48487</v>
      </c>
      <c r="C1874" t="s">
        <v>48488</v>
      </c>
      <c r="D1874" t="s">
        <v>48266</v>
      </c>
      <c r="E1874" t="s">
        <v>13</v>
      </c>
      <c r="F1874">
        <v>12208</v>
      </c>
      <c r="G1874" t="s">
        <v>48489</v>
      </c>
      <c r="H1874">
        <v>6.8752734636959998</v>
      </c>
      <c r="I1874">
        <v>53.324891721858002</v>
      </c>
      <c r="J1874" t="s">
        <v>57559</v>
      </c>
    </row>
    <row r="1875" spans="1:10" x14ac:dyDescent="0.25">
      <c r="A1875" t="s">
        <v>48482</v>
      </c>
      <c r="B1875" t="s">
        <v>48483</v>
      </c>
      <c r="C1875" t="s">
        <v>48484</v>
      </c>
      <c r="D1875" t="s">
        <v>48266</v>
      </c>
      <c r="E1875" t="s">
        <v>13</v>
      </c>
      <c r="F1875">
        <v>12207</v>
      </c>
      <c r="G1875" t="s">
        <v>48485</v>
      </c>
      <c r="H1875">
        <v>6.8729565833670003</v>
      </c>
      <c r="I1875">
        <v>53.320817456722999</v>
      </c>
      <c r="J1875" t="s">
        <v>57560</v>
      </c>
    </row>
    <row r="1876" spans="1:10" x14ac:dyDescent="0.25">
      <c r="A1876" t="s">
        <v>48478</v>
      </c>
      <c r="B1876" t="s">
        <v>48479</v>
      </c>
      <c r="C1876" t="s">
        <v>48480</v>
      </c>
      <c r="D1876" t="s">
        <v>48266</v>
      </c>
      <c r="E1876" t="s">
        <v>13</v>
      </c>
      <c r="F1876">
        <v>12206</v>
      </c>
      <c r="G1876" t="s">
        <v>48481</v>
      </c>
      <c r="H1876">
        <v>6.8688398124669998</v>
      </c>
      <c r="I1876">
        <v>53.317150387148999</v>
      </c>
      <c r="J1876" t="s">
        <v>57561</v>
      </c>
    </row>
    <row r="1877" spans="1:10" x14ac:dyDescent="0.25">
      <c r="A1877" t="s">
        <v>48474</v>
      </c>
      <c r="B1877" t="s">
        <v>48475</v>
      </c>
      <c r="C1877" t="s">
        <v>48476</v>
      </c>
      <c r="D1877" t="s">
        <v>48266</v>
      </c>
      <c r="E1877" t="s">
        <v>13</v>
      </c>
      <c r="F1877">
        <v>12205</v>
      </c>
      <c r="G1877" t="s">
        <v>48477</v>
      </c>
      <c r="H1877">
        <v>6.8631289214629998</v>
      </c>
      <c r="I1877">
        <v>53.310820745392</v>
      </c>
      <c r="J1877" t="s">
        <v>57562</v>
      </c>
    </row>
    <row r="1878" spans="1:10" x14ac:dyDescent="0.25">
      <c r="A1878" t="s">
        <v>48470</v>
      </c>
      <c r="B1878" t="s">
        <v>48471</v>
      </c>
      <c r="C1878" t="s">
        <v>48472</v>
      </c>
      <c r="D1878" t="s">
        <v>48266</v>
      </c>
      <c r="E1878" t="s">
        <v>13</v>
      </c>
      <c r="F1878">
        <v>12204</v>
      </c>
      <c r="G1878" t="s">
        <v>48473</v>
      </c>
      <c r="H1878">
        <v>6.8566955857589997</v>
      </c>
      <c r="I1878">
        <v>53.313796099341999</v>
      </c>
      <c r="J1878" t="s">
        <v>57563</v>
      </c>
    </row>
    <row r="1879" spans="1:10" x14ac:dyDescent="0.25">
      <c r="A1879" t="s">
        <v>48466</v>
      </c>
      <c r="B1879" t="s">
        <v>48467</v>
      </c>
      <c r="C1879" t="s">
        <v>48468</v>
      </c>
      <c r="D1879" t="s">
        <v>48266</v>
      </c>
      <c r="E1879" t="s">
        <v>13</v>
      </c>
      <c r="F1879">
        <v>12203</v>
      </c>
      <c r="G1879" t="s">
        <v>48469</v>
      </c>
      <c r="H1879">
        <v>6.87336310385</v>
      </c>
      <c r="I1879">
        <v>53.311821573854999</v>
      </c>
      <c r="J1879" t="s">
        <v>57564</v>
      </c>
    </row>
    <row r="1880" spans="1:10" x14ac:dyDescent="0.25">
      <c r="A1880" t="s">
        <v>48462</v>
      </c>
      <c r="B1880" t="s">
        <v>48463</v>
      </c>
      <c r="C1880" t="s">
        <v>48464</v>
      </c>
      <c r="D1880" t="s">
        <v>48266</v>
      </c>
      <c r="E1880" t="s">
        <v>13</v>
      </c>
      <c r="F1880">
        <v>12202</v>
      </c>
      <c r="G1880" t="s">
        <v>48465</v>
      </c>
      <c r="H1880">
        <v>6.8512342956649999</v>
      </c>
      <c r="I1880">
        <v>53.307926012484003</v>
      </c>
      <c r="J1880" t="s">
        <v>57565</v>
      </c>
    </row>
    <row r="1881" spans="1:10" x14ac:dyDescent="0.25">
      <c r="A1881" t="s">
        <v>48459</v>
      </c>
      <c r="B1881" t="s">
        <v>48460</v>
      </c>
      <c r="C1881" t="s">
        <v>97</v>
      </c>
      <c r="D1881" t="s">
        <v>48266</v>
      </c>
      <c r="E1881" t="s">
        <v>13</v>
      </c>
      <c r="F1881">
        <v>12201</v>
      </c>
      <c r="G1881" t="s">
        <v>48461</v>
      </c>
      <c r="H1881">
        <v>6.8638901805400003</v>
      </c>
      <c r="I1881">
        <v>53.323960336848998</v>
      </c>
      <c r="J1881" t="s">
        <v>57566</v>
      </c>
    </row>
    <row r="1882" spans="1:10" x14ac:dyDescent="0.25">
      <c r="A1882" t="s">
        <v>48455</v>
      </c>
      <c r="B1882" t="s">
        <v>48456</v>
      </c>
      <c r="C1882" t="s">
        <v>48457</v>
      </c>
      <c r="D1882" t="s">
        <v>48266</v>
      </c>
      <c r="E1882" t="s">
        <v>13</v>
      </c>
      <c r="F1882">
        <v>12200</v>
      </c>
      <c r="G1882" t="s">
        <v>48458</v>
      </c>
      <c r="H1882">
        <v>6.8560782926100003</v>
      </c>
      <c r="I1882">
        <v>53.324203731963998</v>
      </c>
      <c r="J1882" t="s">
        <v>57567</v>
      </c>
    </row>
    <row r="1883" spans="1:10" x14ac:dyDescent="0.25">
      <c r="A1883" t="s">
        <v>48451</v>
      </c>
      <c r="B1883" t="s">
        <v>48452</v>
      </c>
      <c r="C1883" t="s">
        <v>48453</v>
      </c>
      <c r="D1883" t="s">
        <v>48266</v>
      </c>
      <c r="E1883" t="s">
        <v>13</v>
      </c>
      <c r="F1883">
        <v>12199</v>
      </c>
      <c r="G1883" t="s">
        <v>48454</v>
      </c>
      <c r="H1883">
        <v>6.8578988906719998</v>
      </c>
      <c r="I1883">
        <v>53.320639873010002</v>
      </c>
      <c r="J1883" t="s">
        <v>57568</v>
      </c>
    </row>
    <row r="1884" spans="1:10" x14ac:dyDescent="0.25">
      <c r="A1884" t="s">
        <v>48447</v>
      </c>
      <c r="B1884" t="s">
        <v>48448</v>
      </c>
      <c r="C1884" t="s">
        <v>48449</v>
      </c>
      <c r="D1884" t="s">
        <v>48266</v>
      </c>
      <c r="E1884" t="s">
        <v>13</v>
      </c>
      <c r="F1884">
        <v>12198</v>
      </c>
      <c r="G1884" t="s">
        <v>48450</v>
      </c>
      <c r="H1884">
        <v>6.8844985198490001</v>
      </c>
      <c r="I1884">
        <v>53.321426253231003</v>
      </c>
      <c r="J1884" t="s">
        <v>57569</v>
      </c>
    </row>
    <row r="1885" spans="1:10" x14ac:dyDescent="0.25">
      <c r="A1885" t="s">
        <v>48443</v>
      </c>
      <c r="B1885" t="s">
        <v>48444</v>
      </c>
      <c r="C1885" t="s">
        <v>48445</v>
      </c>
      <c r="D1885" t="s">
        <v>48266</v>
      </c>
      <c r="E1885" t="s">
        <v>13</v>
      </c>
      <c r="F1885">
        <v>12197</v>
      </c>
      <c r="G1885" t="s">
        <v>48446</v>
      </c>
      <c r="H1885">
        <v>6.8837222733949996</v>
      </c>
      <c r="I1885">
        <v>53.314957194567</v>
      </c>
      <c r="J1885" t="s">
        <v>57570</v>
      </c>
    </row>
    <row r="1886" spans="1:10" x14ac:dyDescent="0.25">
      <c r="A1886" t="s">
        <v>48439</v>
      </c>
      <c r="B1886" t="s">
        <v>48440</v>
      </c>
      <c r="C1886" t="s">
        <v>48441</v>
      </c>
      <c r="D1886" t="s">
        <v>48266</v>
      </c>
      <c r="E1886" t="s">
        <v>13</v>
      </c>
      <c r="F1886">
        <v>12196</v>
      </c>
      <c r="G1886" t="s">
        <v>48442</v>
      </c>
      <c r="H1886">
        <v>7.0407601580539998</v>
      </c>
      <c r="I1886">
        <v>53.283643650343002</v>
      </c>
      <c r="J1886" t="s">
        <v>57571</v>
      </c>
    </row>
    <row r="1887" spans="1:10" x14ac:dyDescent="0.25">
      <c r="A1887" t="s">
        <v>48435</v>
      </c>
      <c r="B1887" t="s">
        <v>48436</v>
      </c>
      <c r="C1887" t="s">
        <v>48437</v>
      </c>
      <c r="D1887" t="s">
        <v>48266</v>
      </c>
      <c r="E1887" t="s">
        <v>13</v>
      </c>
      <c r="F1887">
        <v>12195</v>
      </c>
      <c r="G1887" t="s">
        <v>48438</v>
      </c>
      <c r="H1887">
        <v>6.9860078541090003</v>
      </c>
      <c r="I1887">
        <v>53.279780373488997</v>
      </c>
      <c r="J1887" t="s">
        <v>57572</v>
      </c>
    </row>
    <row r="1888" spans="1:10" x14ac:dyDescent="0.25">
      <c r="A1888" t="s">
        <v>48431</v>
      </c>
      <c r="B1888" t="s">
        <v>48432</v>
      </c>
      <c r="C1888" t="s">
        <v>48433</v>
      </c>
      <c r="D1888" t="s">
        <v>48266</v>
      </c>
      <c r="E1888" t="s">
        <v>13</v>
      </c>
      <c r="F1888">
        <v>12194</v>
      </c>
      <c r="G1888" t="s">
        <v>48434</v>
      </c>
      <c r="H1888">
        <v>6.9337012480520004</v>
      </c>
      <c r="I1888">
        <v>53.253692056090998</v>
      </c>
      <c r="J1888" t="s">
        <v>57573</v>
      </c>
    </row>
    <row r="1889" spans="1:10" x14ac:dyDescent="0.25">
      <c r="A1889" t="s">
        <v>48427</v>
      </c>
      <c r="B1889" t="s">
        <v>48428</v>
      </c>
      <c r="C1889" t="s">
        <v>48429</v>
      </c>
      <c r="D1889" t="s">
        <v>48266</v>
      </c>
      <c r="E1889" t="s">
        <v>13</v>
      </c>
      <c r="F1889">
        <v>12193</v>
      </c>
      <c r="G1889" t="s">
        <v>48430</v>
      </c>
      <c r="H1889">
        <v>7.0300445487839998</v>
      </c>
      <c r="I1889">
        <v>53.271814326018003</v>
      </c>
      <c r="J1889" t="s">
        <v>57574</v>
      </c>
    </row>
    <row r="1890" spans="1:10" x14ac:dyDescent="0.25">
      <c r="A1890" t="s">
        <v>48423</v>
      </c>
      <c r="B1890" t="s">
        <v>48424</v>
      </c>
      <c r="C1890" t="s">
        <v>48425</v>
      </c>
      <c r="D1890" t="s">
        <v>48266</v>
      </c>
      <c r="E1890" t="s">
        <v>13</v>
      </c>
      <c r="F1890">
        <v>12192</v>
      </c>
      <c r="G1890" t="s">
        <v>48426</v>
      </c>
      <c r="H1890">
        <v>7.0440754141359996</v>
      </c>
      <c r="I1890">
        <v>53.297044084372999</v>
      </c>
      <c r="J1890" t="s">
        <v>57575</v>
      </c>
    </row>
    <row r="1891" spans="1:10" x14ac:dyDescent="0.25">
      <c r="A1891" t="s">
        <v>48419</v>
      </c>
      <c r="B1891" t="s">
        <v>48420</v>
      </c>
      <c r="C1891" t="s">
        <v>48421</v>
      </c>
      <c r="D1891" t="s">
        <v>48266</v>
      </c>
      <c r="E1891" t="s">
        <v>13</v>
      </c>
      <c r="F1891">
        <v>12191</v>
      </c>
      <c r="G1891" t="s">
        <v>48422</v>
      </c>
      <c r="H1891">
        <v>7.0330556693039998</v>
      </c>
      <c r="I1891">
        <v>53.300578770046997</v>
      </c>
      <c r="J1891" t="s">
        <v>57576</v>
      </c>
    </row>
    <row r="1892" spans="1:10" x14ac:dyDescent="0.25">
      <c r="A1892" t="s">
        <v>48415</v>
      </c>
      <c r="B1892" t="s">
        <v>48416</v>
      </c>
      <c r="C1892" t="s">
        <v>48417</v>
      </c>
      <c r="D1892" t="s">
        <v>48266</v>
      </c>
      <c r="E1892" t="s">
        <v>13</v>
      </c>
      <c r="F1892">
        <v>12190</v>
      </c>
      <c r="G1892" t="s">
        <v>48418</v>
      </c>
      <c r="H1892">
        <v>7.0176060240620002</v>
      </c>
      <c r="I1892">
        <v>53.298928073310996</v>
      </c>
      <c r="J1892" t="s">
        <v>57577</v>
      </c>
    </row>
    <row r="1893" spans="1:10" x14ac:dyDescent="0.25">
      <c r="A1893" t="s">
        <v>48411</v>
      </c>
      <c r="B1893" t="s">
        <v>48412</v>
      </c>
      <c r="C1893" t="s">
        <v>48413</v>
      </c>
      <c r="D1893" t="s">
        <v>48266</v>
      </c>
      <c r="E1893" t="s">
        <v>13</v>
      </c>
      <c r="F1893">
        <v>12189</v>
      </c>
      <c r="G1893" t="s">
        <v>48414</v>
      </c>
      <c r="H1893">
        <v>6.9115768318850002</v>
      </c>
      <c r="I1893">
        <v>53.288288614320997</v>
      </c>
      <c r="J1893" t="s">
        <v>57578</v>
      </c>
    </row>
    <row r="1894" spans="1:10" x14ac:dyDescent="0.25">
      <c r="A1894" t="s">
        <v>48407</v>
      </c>
      <c r="B1894" t="s">
        <v>48408</v>
      </c>
      <c r="C1894" t="s">
        <v>48409</v>
      </c>
      <c r="D1894" t="s">
        <v>48266</v>
      </c>
      <c r="E1894" t="s">
        <v>13</v>
      </c>
      <c r="F1894">
        <v>12188</v>
      </c>
      <c r="G1894" t="s">
        <v>48410</v>
      </c>
      <c r="H1894">
        <v>6.9703822603369998</v>
      </c>
      <c r="I1894">
        <v>53.309565292305003</v>
      </c>
      <c r="J1894" t="s">
        <v>57579</v>
      </c>
    </row>
    <row r="1895" spans="1:10" x14ac:dyDescent="0.25">
      <c r="A1895" t="s">
        <v>48403</v>
      </c>
      <c r="B1895" t="s">
        <v>48404</v>
      </c>
      <c r="C1895" t="s">
        <v>48405</v>
      </c>
      <c r="D1895" t="s">
        <v>48266</v>
      </c>
      <c r="E1895" t="s">
        <v>13</v>
      </c>
      <c r="F1895">
        <v>12187</v>
      </c>
      <c r="G1895" t="s">
        <v>48406</v>
      </c>
      <c r="H1895">
        <v>6.9476169849199998</v>
      </c>
      <c r="I1895">
        <v>53.310938615162001</v>
      </c>
      <c r="J1895" t="s">
        <v>57580</v>
      </c>
    </row>
    <row r="1896" spans="1:10" x14ac:dyDescent="0.25">
      <c r="A1896" t="s">
        <v>48399</v>
      </c>
      <c r="B1896" t="s">
        <v>48400</v>
      </c>
      <c r="C1896" t="s">
        <v>48401</v>
      </c>
      <c r="D1896" t="s">
        <v>48266</v>
      </c>
      <c r="E1896" t="s">
        <v>13</v>
      </c>
      <c r="F1896">
        <v>12186</v>
      </c>
      <c r="G1896" t="s">
        <v>48402</v>
      </c>
      <c r="H1896">
        <v>6.8457889283249997</v>
      </c>
      <c r="I1896">
        <v>53.379216117633</v>
      </c>
      <c r="J1896" t="s">
        <v>57581</v>
      </c>
    </row>
    <row r="1897" spans="1:10" x14ac:dyDescent="0.25">
      <c r="A1897" t="s">
        <v>48396</v>
      </c>
      <c r="B1897" t="s">
        <v>48397</v>
      </c>
      <c r="C1897" t="s">
        <v>12562</v>
      </c>
      <c r="D1897" t="s">
        <v>48266</v>
      </c>
      <c r="E1897" t="s">
        <v>13</v>
      </c>
      <c r="F1897">
        <v>12185</v>
      </c>
      <c r="G1897" t="s">
        <v>48398</v>
      </c>
      <c r="H1897">
        <v>6.8390939952499998</v>
      </c>
      <c r="I1897">
        <v>53.389292370836998</v>
      </c>
      <c r="J1897" t="s">
        <v>57582</v>
      </c>
    </row>
    <row r="1898" spans="1:10" x14ac:dyDescent="0.25">
      <c r="A1898" t="s">
        <v>48392</v>
      </c>
      <c r="B1898" t="s">
        <v>48393</v>
      </c>
      <c r="C1898" t="s">
        <v>48394</v>
      </c>
      <c r="D1898" t="s">
        <v>48266</v>
      </c>
      <c r="E1898" t="s">
        <v>13</v>
      </c>
      <c r="F1898">
        <v>12184</v>
      </c>
      <c r="G1898" t="s">
        <v>48395</v>
      </c>
      <c r="H1898">
        <v>6.8603086659989998</v>
      </c>
      <c r="I1898">
        <v>53.381707428584001</v>
      </c>
      <c r="J1898" t="s">
        <v>57583</v>
      </c>
    </row>
    <row r="1899" spans="1:10" x14ac:dyDescent="0.25">
      <c r="A1899" t="s">
        <v>48388</v>
      </c>
      <c r="B1899" t="s">
        <v>48389</v>
      </c>
      <c r="C1899" t="s">
        <v>48390</v>
      </c>
      <c r="D1899" t="s">
        <v>48266</v>
      </c>
      <c r="E1899" t="s">
        <v>13</v>
      </c>
      <c r="F1899">
        <v>12183</v>
      </c>
      <c r="G1899" t="s">
        <v>48391</v>
      </c>
      <c r="H1899">
        <v>6.8345385384739998</v>
      </c>
      <c r="I1899">
        <v>53.375410596453001</v>
      </c>
      <c r="J1899" t="s">
        <v>57584</v>
      </c>
    </row>
    <row r="1900" spans="1:10" x14ac:dyDescent="0.25">
      <c r="A1900" t="s">
        <v>48384</v>
      </c>
      <c r="B1900" t="s">
        <v>48385</v>
      </c>
      <c r="C1900" t="s">
        <v>48386</v>
      </c>
      <c r="D1900" t="s">
        <v>48266</v>
      </c>
      <c r="E1900" t="s">
        <v>13</v>
      </c>
      <c r="F1900">
        <v>12182</v>
      </c>
      <c r="G1900" t="s">
        <v>48387</v>
      </c>
      <c r="H1900">
        <v>6.8146834925329998</v>
      </c>
      <c r="I1900">
        <v>53.371677231663</v>
      </c>
      <c r="J1900" t="s">
        <v>57585</v>
      </c>
    </row>
    <row r="1901" spans="1:10" x14ac:dyDescent="0.25">
      <c r="A1901" t="s">
        <v>48380</v>
      </c>
      <c r="B1901" t="s">
        <v>48381</v>
      </c>
      <c r="C1901" t="s">
        <v>48382</v>
      </c>
      <c r="D1901" t="s">
        <v>48266</v>
      </c>
      <c r="E1901" t="s">
        <v>13</v>
      </c>
      <c r="F1901">
        <v>12181</v>
      </c>
      <c r="G1901" t="s">
        <v>48383</v>
      </c>
      <c r="H1901">
        <v>6.8489350290099997</v>
      </c>
      <c r="I1901">
        <v>53.354298531456998</v>
      </c>
      <c r="J1901" t="s">
        <v>57586</v>
      </c>
    </row>
    <row r="1902" spans="1:10" x14ac:dyDescent="0.25">
      <c r="A1902" t="s">
        <v>48376</v>
      </c>
      <c r="B1902" t="s">
        <v>48377</v>
      </c>
      <c r="C1902" t="s">
        <v>48378</v>
      </c>
      <c r="D1902" t="s">
        <v>48266</v>
      </c>
      <c r="E1902" t="s">
        <v>13</v>
      </c>
      <c r="F1902">
        <v>12180</v>
      </c>
      <c r="G1902" t="s">
        <v>48379</v>
      </c>
      <c r="H1902">
        <v>6.8723733794569997</v>
      </c>
      <c r="I1902">
        <v>53.358387386288001</v>
      </c>
      <c r="J1902" t="s">
        <v>57587</v>
      </c>
    </row>
    <row r="1903" spans="1:10" x14ac:dyDescent="0.25">
      <c r="A1903" t="s">
        <v>48372</v>
      </c>
      <c r="B1903" t="s">
        <v>48373</v>
      </c>
      <c r="C1903" t="s">
        <v>48374</v>
      </c>
      <c r="D1903" t="s">
        <v>48266</v>
      </c>
      <c r="E1903" t="s">
        <v>13</v>
      </c>
      <c r="F1903">
        <v>12179</v>
      </c>
      <c r="G1903" t="s">
        <v>48375</v>
      </c>
      <c r="H1903">
        <v>6.8880076484119996</v>
      </c>
      <c r="I1903">
        <v>53.359100702166998</v>
      </c>
      <c r="J1903" t="s">
        <v>57588</v>
      </c>
    </row>
    <row r="1904" spans="1:10" x14ac:dyDescent="0.25">
      <c r="A1904" t="s">
        <v>48368</v>
      </c>
      <c r="B1904" t="s">
        <v>48369</v>
      </c>
      <c r="C1904" t="s">
        <v>48370</v>
      </c>
      <c r="D1904" t="s">
        <v>48266</v>
      </c>
      <c r="E1904" t="s">
        <v>13</v>
      </c>
      <c r="F1904">
        <v>12178</v>
      </c>
      <c r="G1904" t="s">
        <v>48371</v>
      </c>
      <c r="H1904">
        <v>6.8963381824959997</v>
      </c>
      <c r="I1904">
        <v>53.334125136159003</v>
      </c>
      <c r="J1904" t="s">
        <v>57589</v>
      </c>
    </row>
    <row r="1905" spans="1:10" x14ac:dyDescent="0.25">
      <c r="A1905" t="s">
        <v>48364</v>
      </c>
      <c r="B1905" t="s">
        <v>48365</v>
      </c>
      <c r="C1905" t="s">
        <v>48366</v>
      </c>
      <c r="D1905" t="s">
        <v>48266</v>
      </c>
      <c r="E1905" t="s">
        <v>13</v>
      </c>
      <c r="F1905">
        <v>12177</v>
      </c>
      <c r="G1905" t="s">
        <v>48367</v>
      </c>
      <c r="H1905">
        <v>6.8963799372750003</v>
      </c>
      <c r="I1905">
        <v>53.342112078837999</v>
      </c>
      <c r="J1905" t="s">
        <v>57590</v>
      </c>
    </row>
    <row r="1906" spans="1:10" x14ac:dyDescent="0.25">
      <c r="A1906" t="s">
        <v>48361</v>
      </c>
      <c r="B1906" t="s">
        <v>48362</v>
      </c>
      <c r="C1906" t="s">
        <v>89</v>
      </c>
      <c r="D1906" t="s">
        <v>48266</v>
      </c>
      <c r="E1906" t="s">
        <v>13</v>
      </c>
      <c r="F1906">
        <v>12176</v>
      </c>
      <c r="G1906" t="s">
        <v>48363</v>
      </c>
      <c r="H1906">
        <v>6.9087894037259998</v>
      </c>
      <c r="I1906">
        <v>53.334492571931001</v>
      </c>
      <c r="J1906" t="s">
        <v>57591</v>
      </c>
    </row>
    <row r="1907" spans="1:10" x14ac:dyDescent="0.25">
      <c r="A1907" t="s">
        <v>48357</v>
      </c>
      <c r="B1907" t="s">
        <v>48358</v>
      </c>
      <c r="C1907" t="s">
        <v>48359</v>
      </c>
      <c r="D1907" t="s">
        <v>48266</v>
      </c>
      <c r="E1907" t="s">
        <v>13</v>
      </c>
      <c r="F1907">
        <v>12175</v>
      </c>
      <c r="G1907" t="s">
        <v>48360</v>
      </c>
      <c r="H1907">
        <v>6.9221708800039998</v>
      </c>
      <c r="I1907">
        <v>53.335564017220001</v>
      </c>
      <c r="J1907" t="s">
        <v>57592</v>
      </c>
    </row>
    <row r="1908" spans="1:10" x14ac:dyDescent="0.25">
      <c r="A1908" t="s">
        <v>48353</v>
      </c>
      <c r="B1908" t="s">
        <v>48354</v>
      </c>
      <c r="C1908" t="s">
        <v>48355</v>
      </c>
      <c r="D1908" t="s">
        <v>48266</v>
      </c>
      <c r="E1908" t="s">
        <v>13</v>
      </c>
      <c r="F1908">
        <v>12174</v>
      </c>
      <c r="G1908" t="s">
        <v>48356</v>
      </c>
      <c r="H1908">
        <v>6.908383713219</v>
      </c>
      <c r="I1908">
        <v>53.342782841808003</v>
      </c>
      <c r="J1908" t="s">
        <v>57593</v>
      </c>
    </row>
    <row r="1909" spans="1:10" x14ac:dyDescent="0.25">
      <c r="A1909" t="s">
        <v>48349</v>
      </c>
      <c r="B1909" t="s">
        <v>48350</v>
      </c>
      <c r="C1909" t="s">
        <v>48351</v>
      </c>
      <c r="D1909" t="s">
        <v>48266</v>
      </c>
      <c r="E1909" t="s">
        <v>13</v>
      </c>
      <c r="F1909">
        <v>12173</v>
      </c>
      <c r="G1909" t="s">
        <v>48352</v>
      </c>
      <c r="H1909">
        <v>6.9013921444789998</v>
      </c>
      <c r="I1909">
        <v>53.335053458780003</v>
      </c>
      <c r="J1909" t="s">
        <v>57594</v>
      </c>
    </row>
    <row r="1910" spans="1:10" x14ac:dyDescent="0.25">
      <c r="A1910" t="s">
        <v>48346</v>
      </c>
      <c r="B1910" t="s">
        <v>48347</v>
      </c>
      <c r="C1910" t="s">
        <v>17694</v>
      </c>
      <c r="D1910" t="s">
        <v>48266</v>
      </c>
      <c r="E1910" t="s">
        <v>13</v>
      </c>
      <c r="F1910">
        <v>12172</v>
      </c>
      <c r="G1910" t="s">
        <v>48348</v>
      </c>
      <c r="H1910">
        <v>6.9074368553649999</v>
      </c>
      <c r="I1910">
        <v>53.33712471047</v>
      </c>
      <c r="J1910" t="s">
        <v>57595</v>
      </c>
    </row>
    <row r="1911" spans="1:10" x14ac:dyDescent="0.25">
      <c r="A1911" t="s">
        <v>48342</v>
      </c>
      <c r="B1911" t="s">
        <v>48343</v>
      </c>
      <c r="C1911" t="s">
        <v>48344</v>
      </c>
      <c r="D1911" t="s">
        <v>48266</v>
      </c>
      <c r="E1911" t="s">
        <v>13</v>
      </c>
      <c r="F1911">
        <v>12171</v>
      </c>
      <c r="G1911" t="s">
        <v>48345</v>
      </c>
      <c r="H1911">
        <v>6.9146099779019998</v>
      </c>
      <c r="I1911">
        <v>53.334678822409998</v>
      </c>
      <c r="J1911" t="s">
        <v>57596</v>
      </c>
    </row>
    <row r="1912" spans="1:10" x14ac:dyDescent="0.25">
      <c r="A1912" t="s">
        <v>48338</v>
      </c>
      <c r="B1912" t="s">
        <v>48339</v>
      </c>
      <c r="C1912" t="s">
        <v>48340</v>
      </c>
      <c r="D1912" t="s">
        <v>48266</v>
      </c>
      <c r="E1912" t="s">
        <v>13</v>
      </c>
      <c r="F1912">
        <v>12170</v>
      </c>
      <c r="G1912" t="s">
        <v>48341</v>
      </c>
      <c r="H1912">
        <v>6.9199920152940004</v>
      </c>
      <c r="I1912">
        <v>53.338234157471</v>
      </c>
      <c r="J1912" t="s">
        <v>57597</v>
      </c>
    </row>
    <row r="1913" spans="1:10" x14ac:dyDescent="0.25">
      <c r="A1913" t="s">
        <v>48334</v>
      </c>
      <c r="B1913" t="s">
        <v>48335</v>
      </c>
      <c r="C1913" t="s">
        <v>48336</v>
      </c>
      <c r="D1913" t="s">
        <v>48266</v>
      </c>
      <c r="E1913" t="s">
        <v>13</v>
      </c>
      <c r="F1913">
        <v>12169</v>
      </c>
      <c r="G1913" t="s">
        <v>48337</v>
      </c>
      <c r="H1913">
        <v>6.8979614800190001</v>
      </c>
      <c r="I1913">
        <v>53.324128579526999</v>
      </c>
      <c r="J1913" t="s">
        <v>57598</v>
      </c>
    </row>
    <row r="1914" spans="1:10" x14ac:dyDescent="0.25">
      <c r="A1914" t="s">
        <v>48330</v>
      </c>
      <c r="B1914" t="s">
        <v>48331</v>
      </c>
      <c r="C1914" t="s">
        <v>48332</v>
      </c>
      <c r="D1914" t="s">
        <v>48266</v>
      </c>
      <c r="E1914" t="s">
        <v>13</v>
      </c>
      <c r="F1914">
        <v>12168</v>
      </c>
      <c r="G1914" t="s">
        <v>48333</v>
      </c>
      <c r="H1914">
        <v>6.8921584079659999</v>
      </c>
      <c r="I1914">
        <v>53.324657971367998</v>
      </c>
      <c r="J1914" t="s">
        <v>57599</v>
      </c>
    </row>
    <row r="1915" spans="1:10" x14ac:dyDescent="0.25">
      <c r="A1915" t="s">
        <v>48326</v>
      </c>
      <c r="B1915" t="s">
        <v>48327</v>
      </c>
      <c r="C1915" t="s">
        <v>48328</v>
      </c>
      <c r="D1915" t="s">
        <v>48266</v>
      </c>
      <c r="E1915" t="s">
        <v>13</v>
      </c>
      <c r="F1915">
        <v>12167</v>
      </c>
      <c r="G1915" t="s">
        <v>48329</v>
      </c>
      <c r="H1915">
        <v>6.8908293079930001</v>
      </c>
      <c r="I1915">
        <v>53.327231394020998</v>
      </c>
      <c r="J1915" t="s">
        <v>57600</v>
      </c>
    </row>
    <row r="1916" spans="1:10" x14ac:dyDescent="0.25">
      <c r="A1916" t="s">
        <v>48322</v>
      </c>
      <c r="B1916" t="s">
        <v>48323</v>
      </c>
      <c r="C1916" t="s">
        <v>48324</v>
      </c>
      <c r="D1916" t="s">
        <v>48266</v>
      </c>
      <c r="E1916" t="s">
        <v>13</v>
      </c>
      <c r="F1916">
        <v>12166</v>
      </c>
      <c r="G1916" t="s">
        <v>48325</v>
      </c>
      <c r="H1916">
        <v>6.8911392285820003</v>
      </c>
      <c r="I1916">
        <v>53.317520153686999</v>
      </c>
      <c r="J1916" t="s">
        <v>57601</v>
      </c>
    </row>
    <row r="1917" spans="1:10" x14ac:dyDescent="0.25">
      <c r="A1917" t="s">
        <v>48318</v>
      </c>
      <c r="B1917" t="s">
        <v>48319</v>
      </c>
      <c r="C1917" t="s">
        <v>48320</v>
      </c>
      <c r="D1917" t="s">
        <v>48266</v>
      </c>
      <c r="E1917" t="s">
        <v>13</v>
      </c>
      <c r="F1917">
        <v>12165</v>
      </c>
      <c r="G1917" t="s">
        <v>48321</v>
      </c>
      <c r="H1917">
        <v>6.8910333969720003</v>
      </c>
      <c r="I1917">
        <v>53.321290212355002</v>
      </c>
      <c r="J1917" t="s">
        <v>57602</v>
      </c>
    </row>
    <row r="1918" spans="1:10" x14ac:dyDescent="0.25">
      <c r="A1918" t="s">
        <v>48314</v>
      </c>
      <c r="B1918" t="s">
        <v>48315</v>
      </c>
      <c r="C1918" t="s">
        <v>48316</v>
      </c>
      <c r="D1918" t="s">
        <v>48266</v>
      </c>
      <c r="E1918" t="s">
        <v>13</v>
      </c>
      <c r="F1918">
        <v>12164</v>
      </c>
      <c r="G1918" t="s">
        <v>48317</v>
      </c>
      <c r="H1918">
        <v>6.8961815926509997</v>
      </c>
      <c r="I1918">
        <v>53.321051782978003</v>
      </c>
      <c r="J1918" t="s">
        <v>57603</v>
      </c>
    </row>
    <row r="1919" spans="1:10" x14ac:dyDescent="0.25">
      <c r="A1919" t="s">
        <v>48310</v>
      </c>
      <c r="B1919" t="s">
        <v>48311</v>
      </c>
      <c r="C1919" t="s">
        <v>48312</v>
      </c>
      <c r="D1919" t="s">
        <v>48266</v>
      </c>
      <c r="E1919" t="s">
        <v>13</v>
      </c>
      <c r="F1919">
        <v>12163</v>
      </c>
      <c r="G1919" t="s">
        <v>48313</v>
      </c>
      <c r="H1919">
        <v>6.8978253768239997</v>
      </c>
      <c r="I1919">
        <v>53.318260624281002</v>
      </c>
      <c r="J1919" t="s">
        <v>57604</v>
      </c>
    </row>
    <row r="1920" spans="1:10" x14ac:dyDescent="0.25">
      <c r="A1920" t="s">
        <v>48307</v>
      </c>
      <c r="B1920" t="s">
        <v>48308</v>
      </c>
      <c r="C1920" t="s">
        <v>37</v>
      </c>
      <c r="D1920" t="s">
        <v>48266</v>
      </c>
      <c r="E1920" t="s">
        <v>13</v>
      </c>
      <c r="F1920">
        <v>12162</v>
      </c>
      <c r="G1920" t="s">
        <v>48309</v>
      </c>
      <c r="H1920">
        <v>6.898974711638</v>
      </c>
      <c r="I1920">
        <v>53.315454053179003</v>
      </c>
      <c r="J1920" t="s">
        <v>57605</v>
      </c>
    </row>
    <row r="1921" spans="1:10" x14ac:dyDescent="0.25">
      <c r="A1921" t="s">
        <v>48303</v>
      </c>
      <c r="B1921" t="s">
        <v>48304</v>
      </c>
      <c r="C1921" t="s">
        <v>48305</v>
      </c>
      <c r="D1921" t="s">
        <v>48266</v>
      </c>
      <c r="E1921" t="s">
        <v>13</v>
      </c>
      <c r="F1921">
        <v>12161</v>
      </c>
      <c r="G1921" t="s">
        <v>48306</v>
      </c>
      <c r="H1921">
        <v>6.9087579357050002</v>
      </c>
      <c r="I1921">
        <v>53.318833186741003</v>
      </c>
      <c r="J1921" t="s">
        <v>57606</v>
      </c>
    </row>
    <row r="1922" spans="1:10" x14ac:dyDescent="0.25">
      <c r="A1922" t="s">
        <v>48299</v>
      </c>
      <c r="B1922" t="s">
        <v>48300</v>
      </c>
      <c r="C1922" t="s">
        <v>48301</v>
      </c>
      <c r="D1922" t="s">
        <v>48266</v>
      </c>
      <c r="E1922" t="s">
        <v>13</v>
      </c>
      <c r="F1922">
        <v>12160</v>
      </c>
      <c r="G1922" t="s">
        <v>48302</v>
      </c>
      <c r="H1922">
        <v>6.9163139405700003</v>
      </c>
      <c r="I1922">
        <v>53.315394576355999</v>
      </c>
      <c r="J1922" t="s">
        <v>57607</v>
      </c>
    </row>
    <row r="1923" spans="1:10" x14ac:dyDescent="0.25">
      <c r="A1923" t="s">
        <v>48296</v>
      </c>
      <c r="B1923" t="s">
        <v>48297</v>
      </c>
      <c r="C1923" t="s">
        <v>8837</v>
      </c>
      <c r="D1923" t="s">
        <v>48266</v>
      </c>
      <c r="E1923" t="s">
        <v>13</v>
      </c>
      <c r="F1923">
        <v>12159</v>
      </c>
      <c r="G1923" t="s">
        <v>48298</v>
      </c>
      <c r="H1923">
        <v>6.9314921442830002</v>
      </c>
      <c r="I1923">
        <v>53.316729063175003</v>
      </c>
      <c r="J1923" t="s">
        <v>57608</v>
      </c>
    </row>
    <row r="1924" spans="1:10" x14ac:dyDescent="0.25">
      <c r="A1924" t="s">
        <v>48292</v>
      </c>
      <c r="B1924" t="s">
        <v>48293</v>
      </c>
      <c r="C1924" t="s">
        <v>48294</v>
      </c>
      <c r="D1924" t="s">
        <v>48266</v>
      </c>
      <c r="E1924" t="s">
        <v>13</v>
      </c>
      <c r="F1924">
        <v>12158</v>
      </c>
      <c r="G1924" t="s">
        <v>48295</v>
      </c>
      <c r="H1924">
        <v>6.9261959690439996</v>
      </c>
      <c r="I1924">
        <v>53.322351497382002</v>
      </c>
      <c r="J1924" t="s">
        <v>57609</v>
      </c>
    </row>
    <row r="1925" spans="1:10" x14ac:dyDescent="0.25">
      <c r="A1925" t="s">
        <v>48288</v>
      </c>
      <c r="B1925" t="s">
        <v>48289</v>
      </c>
      <c r="C1925" t="s">
        <v>48290</v>
      </c>
      <c r="D1925" t="s">
        <v>48266</v>
      </c>
      <c r="E1925" t="s">
        <v>13</v>
      </c>
      <c r="F1925">
        <v>12157</v>
      </c>
      <c r="G1925" t="s">
        <v>48291</v>
      </c>
      <c r="H1925">
        <v>6.919043934736</v>
      </c>
      <c r="I1925">
        <v>53.324383299753997</v>
      </c>
      <c r="J1925" t="s">
        <v>57610</v>
      </c>
    </row>
    <row r="1926" spans="1:10" x14ac:dyDescent="0.25">
      <c r="A1926" t="s">
        <v>48284</v>
      </c>
      <c r="B1926" t="s">
        <v>48285</v>
      </c>
      <c r="C1926" t="s">
        <v>48286</v>
      </c>
      <c r="D1926" t="s">
        <v>48266</v>
      </c>
      <c r="E1926" t="s">
        <v>13</v>
      </c>
      <c r="F1926">
        <v>12156</v>
      </c>
      <c r="G1926" t="s">
        <v>48287</v>
      </c>
      <c r="H1926">
        <v>6.9032495196239996</v>
      </c>
      <c r="I1926">
        <v>53.322414592740998</v>
      </c>
      <c r="J1926" t="s">
        <v>57611</v>
      </c>
    </row>
    <row r="1927" spans="1:10" x14ac:dyDescent="0.25">
      <c r="A1927" t="s">
        <v>48280</v>
      </c>
      <c r="B1927" t="s">
        <v>48281</v>
      </c>
      <c r="C1927" t="s">
        <v>48282</v>
      </c>
      <c r="D1927" t="s">
        <v>48266</v>
      </c>
      <c r="E1927" t="s">
        <v>13</v>
      </c>
      <c r="F1927">
        <v>12155</v>
      </c>
      <c r="G1927" t="s">
        <v>48283</v>
      </c>
      <c r="H1927">
        <v>6.9098893192919997</v>
      </c>
      <c r="I1927">
        <v>53.323160617062001</v>
      </c>
      <c r="J1927" t="s">
        <v>57612</v>
      </c>
    </row>
    <row r="1928" spans="1:10" x14ac:dyDescent="0.25">
      <c r="A1928" t="s">
        <v>48276</v>
      </c>
      <c r="B1928" t="s">
        <v>48277</v>
      </c>
      <c r="C1928" t="s">
        <v>48278</v>
      </c>
      <c r="D1928" t="s">
        <v>48266</v>
      </c>
      <c r="E1928" t="s">
        <v>13</v>
      </c>
      <c r="F1928">
        <v>12154</v>
      </c>
      <c r="G1928" t="s">
        <v>48279</v>
      </c>
      <c r="H1928">
        <v>6.9041398116829997</v>
      </c>
      <c r="I1928">
        <v>53.328100956622002</v>
      </c>
      <c r="J1928" t="s">
        <v>57613</v>
      </c>
    </row>
    <row r="1929" spans="1:10" x14ac:dyDescent="0.25">
      <c r="A1929" t="s">
        <v>48272</v>
      </c>
      <c r="B1929" t="s">
        <v>48273</v>
      </c>
      <c r="C1929" t="s">
        <v>48274</v>
      </c>
      <c r="D1929" t="s">
        <v>48266</v>
      </c>
      <c r="E1929" t="s">
        <v>13</v>
      </c>
      <c r="F1929">
        <v>12153</v>
      </c>
      <c r="G1929" t="s">
        <v>48275</v>
      </c>
      <c r="H1929">
        <v>6.9131482820889998</v>
      </c>
      <c r="I1929">
        <v>53.329546139267002</v>
      </c>
      <c r="J1929" t="s">
        <v>57614</v>
      </c>
    </row>
    <row r="1930" spans="1:10" x14ac:dyDescent="0.25">
      <c r="A1930" t="s">
        <v>48268</v>
      </c>
      <c r="B1930" t="s">
        <v>48269</v>
      </c>
      <c r="C1930" t="s">
        <v>48270</v>
      </c>
      <c r="D1930" t="s">
        <v>48266</v>
      </c>
      <c r="E1930" t="s">
        <v>13</v>
      </c>
      <c r="F1930">
        <v>12152</v>
      </c>
      <c r="G1930" t="s">
        <v>48271</v>
      </c>
      <c r="H1930">
        <v>6.919049058973</v>
      </c>
      <c r="I1930">
        <v>53.328160733619001</v>
      </c>
      <c r="J1930" t="s">
        <v>57615</v>
      </c>
    </row>
    <row r="1931" spans="1:10" x14ac:dyDescent="0.25">
      <c r="A1931" t="s">
        <v>48263</v>
      </c>
      <c r="B1931" t="s">
        <v>48264</v>
      </c>
      <c r="C1931" t="s">
        <v>48265</v>
      </c>
      <c r="D1931" t="s">
        <v>48266</v>
      </c>
      <c r="E1931" t="s">
        <v>13</v>
      </c>
      <c r="F1931">
        <v>12151</v>
      </c>
      <c r="G1931" t="s">
        <v>48267</v>
      </c>
      <c r="H1931">
        <v>6.9261891504059996</v>
      </c>
      <c r="I1931">
        <v>53.332089560108003</v>
      </c>
      <c r="J1931" t="s">
        <v>57616</v>
      </c>
    </row>
    <row r="1932" spans="1:10" x14ac:dyDescent="0.25">
      <c r="A1932" t="s">
        <v>48259</v>
      </c>
      <c r="B1932" t="s">
        <v>48260</v>
      </c>
      <c r="C1932" t="s">
        <v>48261</v>
      </c>
      <c r="D1932" t="s">
        <v>47984</v>
      </c>
      <c r="E1932" t="s">
        <v>13</v>
      </c>
      <c r="F1932">
        <v>12150</v>
      </c>
      <c r="G1932" t="s">
        <v>48262</v>
      </c>
      <c r="H1932">
        <v>6.4568715503569996</v>
      </c>
      <c r="I1932">
        <v>52.079642455317</v>
      </c>
      <c r="J1932" t="s">
        <v>57617</v>
      </c>
    </row>
    <row r="1933" spans="1:10" x14ac:dyDescent="0.25">
      <c r="A1933" t="s">
        <v>48256</v>
      </c>
      <c r="B1933" t="s">
        <v>48257</v>
      </c>
      <c r="C1933" t="s">
        <v>9839</v>
      </c>
      <c r="D1933" t="s">
        <v>47984</v>
      </c>
      <c r="E1933" t="s">
        <v>13</v>
      </c>
      <c r="F1933">
        <v>12149</v>
      </c>
      <c r="G1933" t="s">
        <v>48258</v>
      </c>
      <c r="H1933">
        <v>6.4430835051250002</v>
      </c>
      <c r="I1933">
        <v>52.084559069514</v>
      </c>
      <c r="J1933" t="s">
        <v>57618</v>
      </c>
    </row>
    <row r="1934" spans="1:10" x14ac:dyDescent="0.25">
      <c r="A1934" t="s">
        <v>48252</v>
      </c>
      <c r="B1934" t="s">
        <v>48253</v>
      </c>
      <c r="C1934" t="s">
        <v>48254</v>
      </c>
      <c r="D1934" t="s">
        <v>47984</v>
      </c>
      <c r="E1934" t="s">
        <v>13</v>
      </c>
      <c r="F1934">
        <v>12148</v>
      </c>
      <c r="G1934" t="s">
        <v>48255</v>
      </c>
      <c r="H1934">
        <v>6.4597221972690004</v>
      </c>
      <c r="I1934">
        <v>52.084790858086997</v>
      </c>
      <c r="J1934" t="s">
        <v>57619</v>
      </c>
    </row>
    <row r="1935" spans="1:10" x14ac:dyDescent="0.25">
      <c r="A1935" t="s">
        <v>48248</v>
      </c>
      <c r="B1935" t="s">
        <v>48249</v>
      </c>
      <c r="C1935" t="s">
        <v>48250</v>
      </c>
      <c r="D1935" t="s">
        <v>47984</v>
      </c>
      <c r="E1935" t="s">
        <v>13</v>
      </c>
      <c r="F1935">
        <v>12147</v>
      </c>
      <c r="G1935" t="s">
        <v>48251</v>
      </c>
      <c r="H1935">
        <v>6.456714901892</v>
      </c>
      <c r="I1935">
        <v>52.089348825587003</v>
      </c>
      <c r="J1935" t="s">
        <v>57620</v>
      </c>
    </row>
    <row r="1936" spans="1:10" x14ac:dyDescent="0.25">
      <c r="A1936" t="s">
        <v>48244</v>
      </c>
      <c r="B1936" t="s">
        <v>48245</v>
      </c>
      <c r="C1936" t="s">
        <v>48246</v>
      </c>
      <c r="D1936" t="s">
        <v>47984</v>
      </c>
      <c r="E1936" t="s">
        <v>13</v>
      </c>
      <c r="F1936">
        <v>12146</v>
      </c>
      <c r="G1936" t="s">
        <v>48247</v>
      </c>
      <c r="H1936">
        <v>6.4513421108350002</v>
      </c>
      <c r="I1936">
        <v>52.086628087046002</v>
      </c>
      <c r="J1936" t="s">
        <v>57621</v>
      </c>
    </row>
    <row r="1937" spans="1:10" x14ac:dyDescent="0.25">
      <c r="A1937" t="s">
        <v>48240</v>
      </c>
      <c r="B1937" t="s">
        <v>48241</v>
      </c>
      <c r="C1937" t="s">
        <v>48242</v>
      </c>
      <c r="D1937" t="s">
        <v>47984</v>
      </c>
      <c r="E1937" t="s">
        <v>13</v>
      </c>
      <c r="F1937">
        <v>12145</v>
      </c>
      <c r="G1937" t="s">
        <v>48243</v>
      </c>
      <c r="H1937">
        <v>6.445435415695</v>
      </c>
      <c r="I1937">
        <v>52.087548766334002</v>
      </c>
      <c r="J1937" t="s">
        <v>57622</v>
      </c>
    </row>
    <row r="1938" spans="1:10" x14ac:dyDescent="0.25">
      <c r="A1938" t="s">
        <v>48236</v>
      </c>
      <c r="B1938" t="s">
        <v>48237</v>
      </c>
      <c r="C1938" t="s">
        <v>48238</v>
      </c>
      <c r="D1938" t="s">
        <v>47984</v>
      </c>
      <c r="E1938" t="s">
        <v>13</v>
      </c>
      <c r="F1938">
        <v>12144</v>
      </c>
      <c r="G1938" t="s">
        <v>48239</v>
      </c>
      <c r="H1938">
        <v>6.4542065683740004</v>
      </c>
      <c r="I1938">
        <v>52.091590368322002</v>
      </c>
      <c r="J1938" t="s">
        <v>57623</v>
      </c>
    </row>
    <row r="1939" spans="1:10" x14ac:dyDescent="0.25">
      <c r="A1939" t="s">
        <v>48232</v>
      </c>
      <c r="B1939" t="s">
        <v>48233</v>
      </c>
      <c r="C1939" t="s">
        <v>48234</v>
      </c>
      <c r="D1939" t="s">
        <v>47984</v>
      </c>
      <c r="E1939" t="s">
        <v>13</v>
      </c>
      <c r="F1939">
        <v>12143</v>
      </c>
      <c r="G1939" t="s">
        <v>48235</v>
      </c>
      <c r="H1939">
        <v>6.4477200520800002</v>
      </c>
      <c r="I1939">
        <v>52.091897911944002</v>
      </c>
      <c r="J1939" t="s">
        <v>57624</v>
      </c>
    </row>
    <row r="1940" spans="1:10" x14ac:dyDescent="0.25">
      <c r="A1940" t="s">
        <v>48228</v>
      </c>
      <c r="B1940" t="s">
        <v>48229</v>
      </c>
      <c r="C1940" t="s">
        <v>48230</v>
      </c>
      <c r="D1940" t="s">
        <v>47984</v>
      </c>
      <c r="E1940" t="s">
        <v>13</v>
      </c>
      <c r="F1940">
        <v>12142</v>
      </c>
      <c r="G1940" t="s">
        <v>48231</v>
      </c>
      <c r="H1940">
        <v>6.4652310877449999</v>
      </c>
      <c r="I1940">
        <v>52.034508191028003</v>
      </c>
      <c r="J1940" t="s">
        <v>57625</v>
      </c>
    </row>
    <row r="1941" spans="1:10" x14ac:dyDescent="0.25">
      <c r="A1941" t="s">
        <v>48224</v>
      </c>
      <c r="B1941" t="s">
        <v>48225</v>
      </c>
      <c r="C1941" t="s">
        <v>48226</v>
      </c>
      <c r="D1941" t="s">
        <v>47984</v>
      </c>
      <c r="E1941" t="s">
        <v>13</v>
      </c>
      <c r="F1941">
        <v>12141</v>
      </c>
      <c r="G1941" t="s">
        <v>48227</v>
      </c>
      <c r="H1941">
        <v>6.4947186079310004</v>
      </c>
      <c r="I1941">
        <v>52.054711182908001</v>
      </c>
      <c r="J1941" t="s">
        <v>57626</v>
      </c>
    </row>
    <row r="1942" spans="1:10" x14ac:dyDescent="0.25">
      <c r="A1942" t="s">
        <v>48221</v>
      </c>
      <c r="B1942" t="s">
        <v>48222</v>
      </c>
      <c r="C1942" t="s">
        <v>9914</v>
      </c>
      <c r="D1942" t="s">
        <v>47984</v>
      </c>
      <c r="E1942" t="s">
        <v>13</v>
      </c>
      <c r="F1942">
        <v>12140</v>
      </c>
      <c r="G1942" t="s">
        <v>48223</v>
      </c>
      <c r="H1942">
        <v>6.4386769156419996</v>
      </c>
      <c r="I1942">
        <v>52.038768809166001</v>
      </c>
      <c r="J1942" t="s">
        <v>57627</v>
      </c>
    </row>
    <row r="1943" spans="1:10" x14ac:dyDescent="0.25">
      <c r="A1943" t="s">
        <v>48217</v>
      </c>
      <c r="B1943" t="s">
        <v>48218</v>
      </c>
      <c r="C1943" t="s">
        <v>48219</v>
      </c>
      <c r="D1943" t="s">
        <v>47984</v>
      </c>
      <c r="E1943" t="s">
        <v>13</v>
      </c>
      <c r="F1943">
        <v>12139</v>
      </c>
      <c r="G1943" t="s">
        <v>48220</v>
      </c>
      <c r="H1943">
        <v>6.4291962411170003</v>
      </c>
      <c r="I1943">
        <v>52.069077175540002</v>
      </c>
      <c r="J1943" t="s">
        <v>57628</v>
      </c>
    </row>
    <row r="1944" spans="1:10" x14ac:dyDescent="0.25">
      <c r="A1944" t="s">
        <v>48213</v>
      </c>
      <c r="B1944" t="s">
        <v>48214</v>
      </c>
      <c r="C1944" t="s">
        <v>48215</v>
      </c>
      <c r="D1944" t="s">
        <v>47984</v>
      </c>
      <c r="E1944" t="s">
        <v>13</v>
      </c>
      <c r="F1944">
        <v>12138</v>
      </c>
      <c r="G1944" t="s">
        <v>48216</v>
      </c>
      <c r="H1944">
        <v>6.4685139829449998</v>
      </c>
      <c r="I1944">
        <v>52.084764800523999</v>
      </c>
      <c r="J1944" t="s">
        <v>57629</v>
      </c>
    </row>
    <row r="1945" spans="1:10" x14ac:dyDescent="0.25">
      <c r="A1945" t="s">
        <v>48209</v>
      </c>
      <c r="B1945" t="s">
        <v>48210</v>
      </c>
      <c r="C1945" t="s">
        <v>48211</v>
      </c>
      <c r="D1945" t="s">
        <v>47984</v>
      </c>
      <c r="E1945" t="s">
        <v>13</v>
      </c>
      <c r="F1945">
        <v>12137</v>
      </c>
      <c r="G1945" t="s">
        <v>48212</v>
      </c>
      <c r="H1945">
        <v>6.6289098184470001</v>
      </c>
      <c r="I1945">
        <v>52.130693402355</v>
      </c>
      <c r="J1945" t="s">
        <v>57630</v>
      </c>
    </row>
    <row r="1946" spans="1:10" x14ac:dyDescent="0.25">
      <c r="A1946" t="s">
        <v>48205</v>
      </c>
      <c r="B1946" t="s">
        <v>48206</v>
      </c>
      <c r="C1946" t="s">
        <v>48207</v>
      </c>
      <c r="D1946" t="s">
        <v>47984</v>
      </c>
      <c r="E1946" t="s">
        <v>13</v>
      </c>
      <c r="F1946">
        <v>12136</v>
      </c>
      <c r="G1946" t="s">
        <v>48208</v>
      </c>
      <c r="H1946">
        <v>6.6200177726560003</v>
      </c>
      <c r="I1946">
        <v>52.132341247421003</v>
      </c>
      <c r="J1946" t="s">
        <v>57631</v>
      </c>
    </row>
    <row r="1947" spans="1:10" x14ac:dyDescent="0.25">
      <c r="A1947" t="s">
        <v>48201</v>
      </c>
      <c r="B1947" t="s">
        <v>48202</v>
      </c>
      <c r="C1947" t="s">
        <v>48203</v>
      </c>
      <c r="D1947" t="s">
        <v>47984</v>
      </c>
      <c r="E1947" t="s">
        <v>13</v>
      </c>
      <c r="F1947">
        <v>12135</v>
      </c>
      <c r="G1947" t="s">
        <v>48204</v>
      </c>
      <c r="H1947">
        <v>6.611156309429</v>
      </c>
      <c r="I1947">
        <v>52.129212446082001</v>
      </c>
      <c r="J1947" t="s">
        <v>57632</v>
      </c>
    </row>
    <row r="1948" spans="1:10" x14ac:dyDescent="0.25">
      <c r="A1948" t="s">
        <v>48197</v>
      </c>
      <c r="B1948" t="s">
        <v>48198</v>
      </c>
      <c r="C1948" t="s">
        <v>48199</v>
      </c>
      <c r="D1948" t="s">
        <v>47984</v>
      </c>
      <c r="E1948" t="s">
        <v>13</v>
      </c>
      <c r="F1948">
        <v>12134</v>
      </c>
      <c r="G1948" t="s">
        <v>48200</v>
      </c>
      <c r="H1948">
        <v>6.6181522304779996</v>
      </c>
      <c r="I1948">
        <v>52.134325468783999</v>
      </c>
      <c r="J1948" t="s">
        <v>57633</v>
      </c>
    </row>
    <row r="1949" spans="1:10" x14ac:dyDescent="0.25">
      <c r="A1949" t="s">
        <v>48193</v>
      </c>
      <c r="B1949" t="s">
        <v>48194</v>
      </c>
      <c r="C1949" t="s">
        <v>48195</v>
      </c>
      <c r="D1949" t="s">
        <v>47984</v>
      </c>
      <c r="E1949" t="s">
        <v>13</v>
      </c>
      <c r="F1949">
        <v>12133</v>
      </c>
      <c r="G1949" t="s">
        <v>48196</v>
      </c>
      <c r="H1949">
        <v>6.611520539052</v>
      </c>
      <c r="I1949">
        <v>52.133255381204997</v>
      </c>
      <c r="J1949" t="s">
        <v>57634</v>
      </c>
    </row>
    <row r="1950" spans="1:10" x14ac:dyDescent="0.25">
      <c r="A1950" t="s">
        <v>48189</v>
      </c>
      <c r="B1950" t="s">
        <v>48190</v>
      </c>
      <c r="C1950" t="s">
        <v>48191</v>
      </c>
      <c r="D1950" t="s">
        <v>47984</v>
      </c>
      <c r="E1950" t="s">
        <v>13</v>
      </c>
      <c r="F1950">
        <v>12132</v>
      </c>
      <c r="G1950" t="s">
        <v>48192</v>
      </c>
      <c r="H1950">
        <v>6.6054978090720002</v>
      </c>
      <c r="I1950">
        <v>52.132837972765998</v>
      </c>
      <c r="J1950" t="s">
        <v>57635</v>
      </c>
    </row>
    <row r="1951" spans="1:10" x14ac:dyDescent="0.25">
      <c r="A1951" t="s">
        <v>48185</v>
      </c>
      <c r="B1951" t="s">
        <v>48186</v>
      </c>
      <c r="C1951" t="s">
        <v>48187</v>
      </c>
      <c r="D1951" t="s">
        <v>47984</v>
      </c>
      <c r="E1951" t="s">
        <v>13</v>
      </c>
      <c r="F1951">
        <v>12131</v>
      </c>
      <c r="G1951" t="s">
        <v>48188</v>
      </c>
      <c r="H1951">
        <v>6.5979536460199997</v>
      </c>
      <c r="I1951">
        <v>52.132908895101998</v>
      </c>
      <c r="J1951" t="s">
        <v>57636</v>
      </c>
    </row>
    <row r="1952" spans="1:10" x14ac:dyDescent="0.25">
      <c r="A1952" t="s">
        <v>48181</v>
      </c>
      <c r="B1952" t="s">
        <v>48182</v>
      </c>
      <c r="C1952" t="s">
        <v>48183</v>
      </c>
      <c r="D1952" t="s">
        <v>47984</v>
      </c>
      <c r="E1952" t="s">
        <v>13</v>
      </c>
      <c r="F1952">
        <v>12130</v>
      </c>
      <c r="G1952" t="s">
        <v>48184</v>
      </c>
      <c r="H1952">
        <v>6.6173697390599999</v>
      </c>
      <c r="I1952">
        <v>52.137543357315003</v>
      </c>
      <c r="J1952" t="s">
        <v>57637</v>
      </c>
    </row>
    <row r="1953" spans="1:10" x14ac:dyDescent="0.25">
      <c r="A1953" t="s">
        <v>48177</v>
      </c>
      <c r="B1953" t="s">
        <v>48178</v>
      </c>
      <c r="C1953" t="s">
        <v>48179</v>
      </c>
      <c r="D1953" t="s">
        <v>47984</v>
      </c>
      <c r="E1953" t="s">
        <v>13</v>
      </c>
      <c r="F1953">
        <v>12129</v>
      </c>
      <c r="G1953" t="s">
        <v>48180</v>
      </c>
      <c r="H1953">
        <v>6.6081363651740004</v>
      </c>
      <c r="I1953">
        <v>52.137863217067</v>
      </c>
      <c r="J1953" t="s">
        <v>57638</v>
      </c>
    </row>
    <row r="1954" spans="1:10" x14ac:dyDescent="0.25">
      <c r="A1954" t="s">
        <v>48173</v>
      </c>
      <c r="B1954" t="s">
        <v>48174</v>
      </c>
      <c r="C1954" t="s">
        <v>48175</v>
      </c>
      <c r="D1954" t="s">
        <v>47984</v>
      </c>
      <c r="E1954" t="s">
        <v>13</v>
      </c>
      <c r="F1954">
        <v>12128</v>
      </c>
      <c r="G1954" t="s">
        <v>48176</v>
      </c>
      <c r="H1954">
        <v>6.6008439853020002</v>
      </c>
      <c r="I1954">
        <v>52.136092976767003</v>
      </c>
      <c r="J1954" t="s">
        <v>57639</v>
      </c>
    </row>
    <row r="1955" spans="1:10" x14ac:dyDescent="0.25">
      <c r="A1955" t="s">
        <v>48169</v>
      </c>
      <c r="B1955" t="s">
        <v>48170</v>
      </c>
      <c r="C1955" t="s">
        <v>48171</v>
      </c>
      <c r="D1955" t="s">
        <v>47984</v>
      </c>
      <c r="E1955" t="s">
        <v>13</v>
      </c>
      <c r="F1955">
        <v>12127</v>
      </c>
      <c r="G1955" t="s">
        <v>48172</v>
      </c>
      <c r="H1955">
        <v>6.6106655441379996</v>
      </c>
      <c r="I1955">
        <v>52.141939023105003</v>
      </c>
      <c r="J1955" t="s">
        <v>57640</v>
      </c>
    </row>
    <row r="1956" spans="1:10" x14ac:dyDescent="0.25">
      <c r="A1956" t="s">
        <v>48165</v>
      </c>
      <c r="B1956" t="s">
        <v>48166</v>
      </c>
      <c r="C1956" t="s">
        <v>48167</v>
      </c>
      <c r="D1956" t="s">
        <v>47984</v>
      </c>
      <c r="E1956" t="s">
        <v>13</v>
      </c>
      <c r="F1956">
        <v>12126</v>
      </c>
      <c r="G1956" t="s">
        <v>48168</v>
      </c>
      <c r="H1956">
        <v>6.5722683720579997</v>
      </c>
      <c r="I1956">
        <v>52.155369459451997</v>
      </c>
      <c r="J1956" t="s">
        <v>57641</v>
      </c>
    </row>
    <row r="1957" spans="1:10" x14ac:dyDescent="0.25">
      <c r="A1957" t="s">
        <v>48161</v>
      </c>
      <c r="B1957" t="s">
        <v>48162</v>
      </c>
      <c r="C1957" t="s">
        <v>48163</v>
      </c>
      <c r="D1957" t="s">
        <v>47984</v>
      </c>
      <c r="E1957" t="s">
        <v>13</v>
      </c>
      <c r="F1957">
        <v>12125</v>
      </c>
      <c r="G1957" t="s">
        <v>48164</v>
      </c>
      <c r="H1957">
        <v>6.6495281111529998</v>
      </c>
      <c r="I1957">
        <v>52.153408977943002</v>
      </c>
      <c r="J1957" t="s">
        <v>57642</v>
      </c>
    </row>
    <row r="1958" spans="1:10" x14ac:dyDescent="0.25">
      <c r="A1958" t="s">
        <v>48157</v>
      </c>
      <c r="B1958" t="s">
        <v>48158</v>
      </c>
      <c r="C1958" t="s">
        <v>48159</v>
      </c>
      <c r="D1958" t="s">
        <v>47984</v>
      </c>
      <c r="E1958" t="s">
        <v>13</v>
      </c>
      <c r="F1958">
        <v>12124</v>
      </c>
      <c r="G1958" t="s">
        <v>48160</v>
      </c>
      <c r="H1958">
        <v>6.6610125763220003</v>
      </c>
      <c r="I1958">
        <v>52.139533229925</v>
      </c>
      <c r="J1958" t="s">
        <v>57643</v>
      </c>
    </row>
    <row r="1959" spans="1:10" x14ac:dyDescent="0.25">
      <c r="A1959" t="s">
        <v>48153</v>
      </c>
      <c r="B1959" t="s">
        <v>48154</v>
      </c>
      <c r="C1959" t="s">
        <v>48155</v>
      </c>
      <c r="D1959" t="s">
        <v>47984</v>
      </c>
      <c r="E1959" t="s">
        <v>13</v>
      </c>
      <c r="F1959">
        <v>12123</v>
      </c>
      <c r="G1959" t="s">
        <v>48156</v>
      </c>
      <c r="H1959">
        <v>6.5745955499019999</v>
      </c>
      <c r="I1959">
        <v>52.145388011784</v>
      </c>
      <c r="J1959" t="s">
        <v>57644</v>
      </c>
    </row>
    <row r="1960" spans="1:10" x14ac:dyDescent="0.25">
      <c r="A1960" t="s">
        <v>48149</v>
      </c>
      <c r="B1960" t="s">
        <v>48150</v>
      </c>
      <c r="C1960" t="s">
        <v>48151</v>
      </c>
      <c r="D1960" t="s">
        <v>47984</v>
      </c>
      <c r="E1960" t="s">
        <v>13</v>
      </c>
      <c r="F1960">
        <v>12122</v>
      </c>
      <c r="G1960" t="s">
        <v>48152</v>
      </c>
      <c r="H1960">
        <v>6.5496026849030002</v>
      </c>
      <c r="I1960">
        <v>52.037044947668001</v>
      </c>
      <c r="J1960" t="s">
        <v>57645</v>
      </c>
    </row>
    <row r="1961" spans="1:10" x14ac:dyDescent="0.25">
      <c r="A1961" t="s">
        <v>48145</v>
      </c>
      <c r="B1961" t="s">
        <v>48146</v>
      </c>
      <c r="C1961" t="s">
        <v>48147</v>
      </c>
      <c r="D1961" t="s">
        <v>47984</v>
      </c>
      <c r="E1961" t="s">
        <v>13</v>
      </c>
      <c r="F1961">
        <v>12121</v>
      </c>
      <c r="G1961" t="s">
        <v>48148</v>
      </c>
      <c r="H1961">
        <v>6.5585899825469998</v>
      </c>
      <c r="I1961">
        <v>52.071650244636999</v>
      </c>
      <c r="J1961" t="s">
        <v>57646</v>
      </c>
    </row>
    <row r="1962" spans="1:10" x14ac:dyDescent="0.25">
      <c r="A1962" t="s">
        <v>48141</v>
      </c>
      <c r="B1962" t="s">
        <v>48142</v>
      </c>
      <c r="C1962" t="s">
        <v>48143</v>
      </c>
      <c r="D1962" t="s">
        <v>47984</v>
      </c>
      <c r="E1962" t="s">
        <v>13</v>
      </c>
      <c r="F1962">
        <v>12120</v>
      </c>
      <c r="G1962" t="s">
        <v>48144</v>
      </c>
      <c r="H1962">
        <v>6.586107651282</v>
      </c>
      <c r="I1962">
        <v>52.050730049096998</v>
      </c>
      <c r="J1962" t="s">
        <v>57647</v>
      </c>
    </row>
    <row r="1963" spans="1:10" x14ac:dyDescent="0.25">
      <c r="A1963" t="s">
        <v>48137</v>
      </c>
      <c r="B1963" t="s">
        <v>48138</v>
      </c>
      <c r="C1963" t="s">
        <v>48139</v>
      </c>
      <c r="D1963" t="s">
        <v>47984</v>
      </c>
      <c r="E1963" t="s">
        <v>13</v>
      </c>
      <c r="F1963">
        <v>12119</v>
      </c>
      <c r="G1963" t="s">
        <v>48140</v>
      </c>
      <c r="H1963">
        <v>6.5647702562549997</v>
      </c>
      <c r="I1963">
        <v>52.067178799437002</v>
      </c>
      <c r="J1963" t="s">
        <v>57648</v>
      </c>
    </row>
    <row r="1964" spans="1:10" x14ac:dyDescent="0.25">
      <c r="A1964" t="s">
        <v>48133</v>
      </c>
      <c r="B1964" t="s">
        <v>48134</v>
      </c>
      <c r="C1964" t="s">
        <v>48135</v>
      </c>
      <c r="D1964" t="s">
        <v>47984</v>
      </c>
      <c r="E1964" t="s">
        <v>13</v>
      </c>
      <c r="F1964">
        <v>12118</v>
      </c>
      <c r="G1964" t="s">
        <v>48136</v>
      </c>
      <c r="H1964">
        <v>6.6402166269189999</v>
      </c>
      <c r="I1964">
        <v>52.088882994738</v>
      </c>
      <c r="J1964" t="s">
        <v>57649</v>
      </c>
    </row>
    <row r="1965" spans="1:10" x14ac:dyDescent="0.25">
      <c r="A1965" t="s">
        <v>48129</v>
      </c>
      <c r="B1965" t="s">
        <v>48130</v>
      </c>
      <c r="C1965" t="s">
        <v>48131</v>
      </c>
      <c r="D1965" t="s">
        <v>47984</v>
      </c>
      <c r="E1965" t="s">
        <v>13</v>
      </c>
      <c r="F1965">
        <v>12117</v>
      </c>
      <c r="G1965" t="s">
        <v>48132</v>
      </c>
      <c r="H1965">
        <v>6.6471963793019997</v>
      </c>
      <c r="I1965">
        <v>52.094787665715003</v>
      </c>
      <c r="J1965" t="s">
        <v>57650</v>
      </c>
    </row>
    <row r="1966" spans="1:10" x14ac:dyDescent="0.25">
      <c r="A1966" t="s">
        <v>48125</v>
      </c>
      <c r="B1966" t="s">
        <v>48126</v>
      </c>
      <c r="C1966" t="s">
        <v>48127</v>
      </c>
      <c r="D1966" t="s">
        <v>47984</v>
      </c>
      <c r="E1966" t="s">
        <v>13</v>
      </c>
      <c r="F1966">
        <v>12116</v>
      </c>
      <c r="G1966" t="s">
        <v>48128</v>
      </c>
      <c r="H1966">
        <v>6.660441279134</v>
      </c>
      <c r="I1966">
        <v>52.097010709381003</v>
      </c>
      <c r="J1966" t="s">
        <v>57651</v>
      </c>
    </row>
    <row r="1967" spans="1:10" x14ac:dyDescent="0.25">
      <c r="A1967" t="s">
        <v>48121</v>
      </c>
      <c r="B1967" t="s">
        <v>48122</v>
      </c>
      <c r="C1967" t="s">
        <v>48123</v>
      </c>
      <c r="D1967" t="s">
        <v>47984</v>
      </c>
      <c r="E1967" t="s">
        <v>13</v>
      </c>
      <c r="F1967">
        <v>12115</v>
      </c>
      <c r="G1967" t="s">
        <v>48124</v>
      </c>
      <c r="H1967">
        <v>6.6617423916270004</v>
      </c>
      <c r="I1967">
        <v>52.099502778271997</v>
      </c>
      <c r="J1967" t="s">
        <v>57652</v>
      </c>
    </row>
    <row r="1968" spans="1:10" x14ac:dyDescent="0.25">
      <c r="A1968" t="s">
        <v>48117</v>
      </c>
      <c r="B1968" t="s">
        <v>48118</v>
      </c>
      <c r="C1968" t="s">
        <v>48119</v>
      </c>
      <c r="D1968" t="s">
        <v>47984</v>
      </c>
      <c r="E1968" t="s">
        <v>13</v>
      </c>
      <c r="F1968">
        <v>12114</v>
      </c>
      <c r="G1968" t="s">
        <v>48120</v>
      </c>
      <c r="H1968">
        <v>6.6560681690630004</v>
      </c>
      <c r="I1968">
        <v>52.098801076081998</v>
      </c>
      <c r="J1968" t="s">
        <v>57653</v>
      </c>
    </row>
    <row r="1969" spans="1:10" x14ac:dyDescent="0.25">
      <c r="A1969" t="s">
        <v>48113</v>
      </c>
      <c r="B1969" t="s">
        <v>48114</v>
      </c>
      <c r="C1969" t="s">
        <v>48115</v>
      </c>
      <c r="D1969" t="s">
        <v>47984</v>
      </c>
      <c r="E1969" t="s">
        <v>13</v>
      </c>
      <c r="F1969">
        <v>12113</v>
      </c>
      <c r="G1969" t="s">
        <v>48116</v>
      </c>
      <c r="H1969">
        <v>6.6484549556110002</v>
      </c>
      <c r="I1969">
        <v>52.099115279746997</v>
      </c>
      <c r="J1969" t="s">
        <v>57654</v>
      </c>
    </row>
    <row r="1970" spans="1:10" x14ac:dyDescent="0.25">
      <c r="A1970" t="s">
        <v>48109</v>
      </c>
      <c r="B1970" t="s">
        <v>48110</v>
      </c>
      <c r="C1970" t="s">
        <v>48111</v>
      </c>
      <c r="D1970" t="s">
        <v>47984</v>
      </c>
      <c r="E1970" t="s">
        <v>13</v>
      </c>
      <c r="F1970">
        <v>12112</v>
      </c>
      <c r="G1970" t="s">
        <v>48112</v>
      </c>
      <c r="H1970">
        <v>6.6634109170339997</v>
      </c>
      <c r="I1970">
        <v>52.101699488846997</v>
      </c>
      <c r="J1970" t="s">
        <v>57655</v>
      </c>
    </row>
    <row r="1971" spans="1:10" x14ac:dyDescent="0.25">
      <c r="A1971" t="s">
        <v>48105</v>
      </c>
      <c r="B1971" t="s">
        <v>48106</v>
      </c>
      <c r="C1971" t="s">
        <v>48107</v>
      </c>
      <c r="D1971" t="s">
        <v>47984</v>
      </c>
      <c r="E1971" t="s">
        <v>13</v>
      </c>
      <c r="F1971">
        <v>12111</v>
      </c>
      <c r="G1971" t="s">
        <v>48108</v>
      </c>
      <c r="H1971">
        <v>6.655750324684</v>
      </c>
      <c r="I1971">
        <v>52.103011920813003</v>
      </c>
      <c r="J1971" t="s">
        <v>57656</v>
      </c>
    </row>
    <row r="1972" spans="1:10" x14ac:dyDescent="0.25">
      <c r="A1972" t="s">
        <v>48101</v>
      </c>
      <c r="B1972" t="s">
        <v>48102</v>
      </c>
      <c r="C1972" t="s">
        <v>48103</v>
      </c>
      <c r="D1972" t="s">
        <v>47984</v>
      </c>
      <c r="E1972" t="s">
        <v>13</v>
      </c>
      <c r="F1972">
        <v>12110</v>
      </c>
      <c r="G1972" t="s">
        <v>48104</v>
      </c>
      <c r="H1972">
        <v>6.6471924330460004</v>
      </c>
      <c r="I1972">
        <v>52.102768437590001</v>
      </c>
      <c r="J1972" t="s">
        <v>57657</v>
      </c>
    </row>
    <row r="1973" spans="1:10" x14ac:dyDescent="0.25">
      <c r="A1973" t="s">
        <v>48097</v>
      </c>
      <c r="B1973" t="s">
        <v>48098</v>
      </c>
      <c r="C1973" t="s">
        <v>48099</v>
      </c>
      <c r="D1973" t="s">
        <v>47984</v>
      </c>
      <c r="E1973" t="s">
        <v>13</v>
      </c>
      <c r="F1973">
        <v>12109</v>
      </c>
      <c r="G1973" t="s">
        <v>48100</v>
      </c>
      <c r="H1973">
        <v>6.6443264739329999</v>
      </c>
      <c r="I1973">
        <v>52.105881768890001</v>
      </c>
      <c r="J1973" t="s">
        <v>57658</v>
      </c>
    </row>
    <row r="1974" spans="1:10" x14ac:dyDescent="0.25">
      <c r="A1974" t="s">
        <v>48093</v>
      </c>
      <c r="B1974" t="s">
        <v>48094</v>
      </c>
      <c r="C1974" t="s">
        <v>48095</v>
      </c>
      <c r="D1974" t="s">
        <v>47984</v>
      </c>
      <c r="E1974" t="s">
        <v>13</v>
      </c>
      <c r="F1974">
        <v>12108</v>
      </c>
      <c r="G1974" t="s">
        <v>48096</v>
      </c>
      <c r="H1974">
        <v>6.6415852412799996</v>
      </c>
      <c r="I1974">
        <v>52.098104720640002</v>
      </c>
      <c r="J1974" t="s">
        <v>57659</v>
      </c>
    </row>
    <row r="1975" spans="1:10" x14ac:dyDescent="0.25">
      <c r="A1975" t="s">
        <v>48089</v>
      </c>
      <c r="B1975" t="s">
        <v>48090</v>
      </c>
      <c r="C1975" t="s">
        <v>48091</v>
      </c>
      <c r="D1975" t="s">
        <v>47984</v>
      </c>
      <c r="E1975" t="s">
        <v>13</v>
      </c>
      <c r="F1975">
        <v>12107</v>
      </c>
      <c r="G1975" t="s">
        <v>48092</v>
      </c>
      <c r="H1975">
        <v>6.6390595470099996</v>
      </c>
      <c r="I1975">
        <v>52.096044805839</v>
      </c>
      <c r="J1975" t="s">
        <v>57660</v>
      </c>
    </row>
    <row r="1976" spans="1:10" x14ac:dyDescent="0.25">
      <c r="A1976" t="s">
        <v>48085</v>
      </c>
      <c r="B1976" t="s">
        <v>48086</v>
      </c>
      <c r="C1976" t="s">
        <v>48087</v>
      </c>
      <c r="D1976" t="s">
        <v>47984</v>
      </c>
      <c r="E1976" t="s">
        <v>13</v>
      </c>
      <c r="F1976">
        <v>12106</v>
      </c>
      <c r="G1976" t="s">
        <v>48088</v>
      </c>
      <c r="H1976">
        <v>6.6392119591830001</v>
      </c>
      <c r="I1976">
        <v>52.101944231158001</v>
      </c>
      <c r="J1976" t="s">
        <v>57661</v>
      </c>
    </row>
    <row r="1977" spans="1:10" x14ac:dyDescent="0.25">
      <c r="A1977" t="s">
        <v>48082</v>
      </c>
      <c r="B1977" t="s">
        <v>48083</v>
      </c>
      <c r="C1977" t="s">
        <v>36623</v>
      </c>
      <c r="D1977" t="s">
        <v>47984</v>
      </c>
      <c r="E1977" t="s">
        <v>13</v>
      </c>
      <c r="F1977">
        <v>12105</v>
      </c>
      <c r="G1977" t="s">
        <v>48084</v>
      </c>
      <c r="H1977">
        <v>6.6369104465559996</v>
      </c>
      <c r="I1977">
        <v>52.105920920673</v>
      </c>
      <c r="J1977" t="s">
        <v>57662</v>
      </c>
    </row>
    <row r="1978" spans="1:10" x14ac:dyDescent="0.25">
      <c r="A1978" t="s">
        <v>48078</v>
      </c>
      <c r="B1978" t="s">
        <v>48079</v>
      </c>
      <c r="C1978" t="s">
        <v>48080</v>
      </c>
      <c r="D1978" t="s">
        <v>47984</v>
      </c>
      <c r="E1978" t="s">
        <v>13</v>
      </c>
      <c r="F1978">
        <v>12104</v>
      </c>
      <c r="G1978" t="s">
        <v>48081</v>
      </c>
      <c r="H1978">
        <v>6.6343094934950004</v>
      </c>
      <c r="I1978">
        <v>52.101945338264002</v>
      </c>
      <c r="J1978" t="s">
        <v>57663</v>
      </c>
    </row>
    <row r="1979" spans="1:10" x14ac:dyDescent="0.25">
      <c r="A1979" t="s">
        <v>48074</v>
      </c>
      <c r="B1979" t="s">
        <v>48075</v>
      </c>
      <c r="C1979" t="s">
        <v>48076</v>
      </c>
      <c r="D1979" t="s">
        <v>47984</v>
      </c>
      <c r="E1979" t="s">
        <v>13</v>
      </c>
      <c r="F1979">
        <v>12103</v>
      </c>
      <c r="G1979" t="s">
        <v>48077</v>
      </c>
      <c r="H1979">
        <v>6.7219186964590003</v>
      </c>
      <c r="I1979">
        <v>52.096025737738003</v>
      </c>
      <c r="J1979" t="s">
        <v>57664</v>
      </c>
    </row>
    <row r="1980" spans="1:10" x14ac:dyDescent="0.25">
      <c r="A1980" t="s">
        <v>48070</v>
      </c>
      <c r="B1980" t="s">
        <v>48071</v>
      </c>
      <c r="C1980" t="s">
        <v>48072</v>
      </c>
      <c r="D1980" t="s">
        <v>47984</v>
      </c>
      <c r="E1980" t="s">
        <v>13</v>
      </c>
      <c r="F1980">
        <v>12102</v>
      </c>
      <c r="G1980" t="s">
        <v>48073</v>
      </c>
      <c r="H1980">
        <v>6.6138664410489998</v>
      </c>
      <c r="I1980">
        <v>52.105487528486996</v>
      </c>
      <c r="J1980" t="s">
        <v>57665</v>
      </c>
    </row>
    <row r="1981" spans="1:10" x14ac:dyDescent="0.25">
      <c r="A1981" t="s">
        <v>48066</v>
      </c>
      <c r="B1981" t="s">
        <v>48067</v>
      </c>
      <c r="C1981" t="s">
        <v>48068</v>
      </c>
      <c r="D1981" t="s">
        <v>47984</v>
      </c>
      <c r="E1981" t="s">
        <v>13</v>
      </c>
      <c r="F1981">
        <v>12101</v>
      </c>
      <c r="G1981" t="s">
        <v>48069</v>
      </c>
      <c r="H1981">
        <v>6.6702846693220001</v>
      </c>
      <c r="I1981">
        <v>52.115840380706999</v>
      </c>
      <c r="J1981" t="s">
        <v>57666</v>
      </c>
    </row>
    <row r="1982" spans="1:10" x14ac:dyDescent="0.25">
      <c r="A1982" t="s">
        <v>48062</v>
      </c>
      <c r="B1982" t="s">
        <v>48063</v>
      </c>
      <c r="C1982" t="s">
        <v>48064</v>
      </c>
      <c r="D1982" t="s">
        <v>47984</v>
      </c>
      <c r="E1982" t="s">
        <v>13</v>
      </c>
      <c r="F1982">
        <v>12100</v>
      </c>
      <c r="G1982" t="s">
        <v>48065</v>
      </c>
      <c r="H1982">
        <v>6.6738157416819996</v>
      </c>
      <c r="I1982">
        <v>52.076519211937999</v>
      </c>
      <c r="J1982" t="s">
        <v>57667</v>
      </c>
    </row>
    <row r="1983" spans="1:10" x14ac:dyDescent="0.25">
      <c r="A1983" t="s">
        <v>48058</v>
      </c>
      <c r="B1983" t="s">
        <v>48059</v>
      </c>
      <c r="C1983" t="s">
        <v>48060</v>
      </c>
      <c r="D1983" t="s">
        <v>47984</v>
      </c>
      <c r="E1983" t="s">
        <v>13</v>
      </c>
      <c r="F1983">
        <v>12099</v>
      </c>
      <c r="G1983" t="s">
        <v>48061</v>
      </c>
      <c r="H1983">
        <v>6.6445997199929998</v>
      </c>
      <c r="I1983">
        <v>52.072770370130002</v>
      </c>
      <c r="J1983" t="s">
        <v>57668</v>
      </c>
    </row>
    <row r="1984" spans="1:10" x14ac:dyDescent="0.25">
      <c r="A1984" t="s">
        <v>48054</v>
      </c>
      <c r="B1984" t="s">
        <v>48055</v>
      </c>
      <c r="C1984" t="s">
        <v>48056</v>
      </c>
      <c r="D1984" t="s">
        <v>47984</v>
      </c>
      <c r="E1984" t="s">
        <v>13</v>
      </c>
      <c r="F1984">
        <v>12098</v>
      </c>
      <c r="G1984" t="s">
        <v>48057</v>
      </c>
      <c r="H1984">
        <v>6.6160739247239997</v>
      </c>
      <c r="I1984">
        <v>52.081006912676003</v>
      </c>
      <c r="J1984" t="s">
        <v>57669</v>
      </c>
    </row>
    <row r="1985" spans="1:10" x14ac:dyDescent="0.25">
      <c r="A1985" t="s">
        <v>48050</v>
      </c>
      <c r="B1985" t="s">
        <v>48051</v>
      </c>
      <c r="C1985" t="s">
        <v>48052</v>
      </c>
      <c r="D1985" t="s">
        <v>47984</v>
      </c>
      <c r="E1985" t="s">
        <v>13</v>
      </c>
      <c r="F1985">
        <v>12097</v>
      </c>
      <c r="G1985" t="s">
        <v>48053</v>
      </c>
      <c r="H1985">
        <v>6.7202851394780003</v>
      </c>
      <c r="I1985">
        <v>52.093833766986002</v>
      </c>
      <c r="J1985" t="s">
        <v>57670</v>
      </c>
    </row>
    <row r="1986" spans="1:10" x14ac:dyDescent="0.25">
      <c r="A1986" t="s">
        <v>48046</v>
      </c>
      <c r="B1986" t="s">
        <v>48047</v>
      </c>
      <c r="C1986" t="s">
        <v>48048</v>
      </c>
      <c r="D1986" t="s">
        <v>47984</v>
      </c>
      <c r="E1986" t="s">
        <v>13</v>
      </c>
      <c r="F1986">
        <v>12096</v>
      </c>
      <c r="G1986" t="s">
        <v>48049</v>
      </c>
      <c r="H1986">
        <v>6.5189058721890003</v>
      </c>
      <c r="I1986">
        <v>52.109069422388004</v>
      </c>
      <c r="J1986" t="s">
        <v>57671</v>
      </c>
    </row>
    <row r="1987" spans="1:10" x14ac:dyDescent="0.25">
      <c r="A1987" t="s">
        <v>48042</v>
      </c>
      <c r="B1987" t="s">
        <v>48043</v>
      </c>
      <c r="C1987" t="s">
        <v>48044</v>
      </c>
      <c r="D1987" t="s">
        <v>47984</v>
      </c>
      <c r="E1987" t="s">
        <v>13</v>
      </c>
      <c r="F1987">
        <v>12095</v>
      </c>
      <c r="G1987" t="s">
        <v>48045</v>
      </c>
      <c r="H1987">
        <v>6.5143220809500004</v>
      </c>
      <c r="I1987">
        <v>52.111497508832002</v>
      </c>
      <c r="J1987" t="s">
        <v>57672</v>
      </c>
    </row>
    <row r="1988" spans="1:10" x14ac:dyDescent="0.25">
      <c r="A1988" t="s">
        <v>48039</v>
      </c>
      <c r="B1988" t="s">
        <v>48040</v>
      </c>
      <c r="C1988" t="s">
        <v>3690</v>
      </c>
      <c r="D1988" t="s">
        <v>47984</v>
      </c>
      <c r="E1988" t="s">
        <v>13</v>
      </c>
      <c r="F1988">
        <v>12094</v>
      </c>
      <c r="G1988" t="s">
        <v>48041</v>
      </c>
      <c r="H1988">
        <v>6.521052207885</v>
      </c>
      <c r="I1988">
        <v>52.117188984358002</v>
      </c>
      <c r="J1988" t="s">
        <v>57673</v>
      </c>
    </row>
    <row r="1989" spans="1:10" x14ac:dyDescent="0.25">
      <c r="A1989" t="s">
        <v>48035</v>
      </c>
      <c r="B1989" t="s">
        <v>48036</v>
      </c>
      <c r="C1989" t="s">
        <v>48037</v>
      </c>
      <c r="D1989" t="s">
        <v>47984</v>
      </c>
      <c r="E1989" t="s">
        <v>13</v>
      </c>
      <c r="F1989">
        <v>12093</v>
      </c>
      <c r="G1989" t="s">
        <v>48038</v>
      </c>
      <c r="H1989">
        <v>6.5141412248509996</v>
      </c>
      <c r="I1989">
        <v>52.114338054365</v>
      </c>
      <c r="J1989" t="s">
        <v>57674</v>
      </c>
    </row>
    <row r="1990" spans="1:10" x14ac:dyDescent="0.25">
      <c r="A1990" t="s">
        <v>48032</v>
      </c>
      <c r="B1990" t="s">
        <v>48033</v>
      </c>
      <c r="C1990" t="s">
        <v>978</v>
      </c>
      <c r="D1990" t="s">
        <v>47984</v>
      </c>
      <c r="E1990" t="s">
        <v>13</v>
      </c>
      <c r="F1990">
        <v>12092</v>
      </c>
      <c r="G1990" t="s">
        <v>48034</v>
      </c>
      <c r="H1990">
        <v>6.508860360311</v>
      </c>
      <c r="I1990">
        <v>52.115286468834</v>
      </c>
      <c r="J1990" t="s">
        <v>57675</v>
      </c>
    </row>
    <row r="1991" spans="1:10" x14ac:dyDescent="0.25">
      <c r="A1991" t="s">
        <v>48028</v>
      </c>
      <c r="B1991" t="s">
        <v>48029</v>
      </c>
      <c r="C1991" t="s">
        <v>48030</v>
      </c>
      <c r="D1991" t="s">
        <v>47984</v>
      </c>
      <c r="E1991" t="s">
        <v>13</v>
      </c>
      <c r="F1991">
        <v>12091</v>
      </c>
      <c r="G1991" t="s">
        <v>48031</v>
      </c>
      <c r="H1991">
        <v>6.5327307025949999</v>
      </c>
      <c r="I1991">
        <v>52.121526045469999</v>
      </c>
      <c r="J1991" t="s">
        <v>57676</v>
      </c>
    </row>
    <row r="1992" spans="1:10" x14ac:dyDescent="0.25">
      <c r="A1992" t="s">
        <v>48024</v>
      </c>
      <c r="B1992" t="s">
        <v>48025</v>
      </c>
      <c r="C1992" t="s">
        <v>48026</v>
      </c>
      <c r="D1992" t="s">
        <v>47984</v>
      </c>
      <c r="E1992" t="s">
        <v>13</v>
      </c>
      <c r="F1992">
        <v>12090</v>
      </c>
      <c r="G1992" t="s">
        <v>48027</v>
      </c>
      <c r="H1992">
        <v>6.5236929777309998</v>
      </c>
      <c r="I1992">
        <v>52.121834541699002</v>
      </c>
      <c r="J1992" t="s">
        <v>57677</v>
      </c>
    </row>
    <row r="1993" spans="1:10" x14ac:dyDescent="0.25">
      <c r="A1993" t="s">
        <v>48021</v>
      </c>
      <c r="B1993" t="s">
        <v>48022</v>
      </c>
      <c r="C1993" t="s">
        <v>4740</v>
      </c>
      <c r="D1993" t="s">
        <v>47984</v>
      </c>
      <c r="E1993" t="s">
        <v>13</v>
      </c>
      <c r="F1993">
        <v>12089</v>
      </c>
      <c r="G1993" t="s">
        <v>48023</v>
      </c>
      <c r="H1993">
        <v>6.5186285810179996</v>
      </c>
      <c r="I1993">
        <v>52.120654891447998</v>
      </c>
      <c r="J1993" t="s">
        <v>57678</v>
      </c>
    </row>
    <row r="1994" spans="1:10" x14ac:dyDescent="0.25">
      <c r="A1994" t="s">
        <v>48017</v>
      </c>
      <c r="B1994" t="s">
        <v>48018</v>
      </c>
      <c r="C1994" t="s">
        <v>48019</v>
      </c>
      <c r="D1994" t="s">
        <v>47984</v>
      </c>
      <c r="E1994" t="s">
        <v>13</v>
      </c>
      <c r="F1994">
        <v>12088</v>
      </c>
      <c r="G1994" t="s">
        <v>48020</v>
      </c>
      <c r="H1994">
        <v>6.5128993775820003</v>
      </c>
      <c r="I1994">
        <v>52.119865841631999</v>
      </c>
      <c r="J1994" t="s">
        <v>57679</v>
      </c>
    </row>
    <row r="1995" spans="1:10" x14ac:dyDescent="0.25">
      <c r="A1995" t="s">
        <v>48013</v>
      </c>
      <c r="B1995" t="s">
        <v>48014</v>
      </c>
      <c r="C1995" t="s">
        <v>48015</v>
      </c>
      <c r="D1995" t="s">
        <v>47984</v>
      </c>
      <c r="E1995" t="s">
        <v>13</v>
      </c>
      <c r="F1995">
        <v>12087</v>
      </c>
      <c r="G1995" t="s">
        <v>48016</v>
      </c>
      <c r="H1995">
        <v>6.5703637606929997</v>
      </c>
      <c r="I1995">
        <v>52.107689117444998</v>
      </c>
      <c r="J1995" t="s">
        <v>57680</v>
      </c>
    </row>
    <row r="1996" spans="1:10" x14ac:dyDescent="0.25">
      <c r="A1996" t="s">
        <v>48009</v>
      </c>
      <c r="B1996" t="s">
        <v>48010</v>
      </c>
      <c r="C1996" t="s">
        <v>48011</v>
      </c>
      <c r="D1996" t="s">
        <v>47984</v>
      </c>
      <c r="E1996" t="s">
        <v>13</v>
      </c>
      <c r="F1996">
        <v>12086</v>
      </c>
      <c r="G1996" t="s">
        <v>48012</v>
      </c>
      <c r="H1996">
        <v>6.5109441388129996</v>
      </c>
      <c r="I1996">
        <v>52.103269774396999</v>
      </c>
      <c r="J1996" t="s">
        <v>57681</v>
      </c>
    </row>
    <row r="1997" spans="1:10" x14ac:dyDescent="0.25">
      <c r="A1997" t="s">
        <v>48006</v>
      </c>
      <c r="B1997" t="s">
        <v>48007</v>
      </c>
      <c r="C1997" t="s">
        <v>9722</v>
      </c>
      <c r="D1997" t="s">
        <v>47984</v>
      </c>
      <c r="E1997" t="s">
        <v>13</v>
      </c>
      <c r="F1997">
        <v>12085</v>
      </c>
      <c r="G1997" t="s">
        <v>48008</v>
      </c>
      <c r="H1997">
        <v>6.5176720819879996</v>
      </c>
      <c r="I1997">
        <v>52.139891893940998</v>
      </c>
      <c r="J1997" t="s">
        <v>57682</v>
      </c>
    </row>
    <row r="1998" spans="1:10" x14ac:dyDescent="0.25">
      <c r="A1998" t="s">
        <v>48002</v>
      </c>
      <c r="B1998" t="s">
        <v>48003</v>
      </c>
      <c r="C1998" t="s">
        <v>48004</v>
      </c>
      <c r="D1998" t="s">
        <v>47984</v>
      </c>
      <c r="E1998" t="s">
        <v>13</v>
      </c>
      <c r="F1998">
        <v>12084</v>
      </c>
      <c r="G1998" t="s">
        <v>48005</v>
      </c>
      <c r="H1998">
        <v>6.5242963891330001</v>
      </c>
      <c r="I1998">
        <v>52.168050852495</v>
      </c>
      <c r="J1998" t="s">
        <v>57683</v>
      </c>
    </row>
    <row r="1999" spans="1:10" x14ac:dyDescent="0.25">
      <c r="A1999" t="s">
        <v>47998</v>
      </c>
      <c r="B1999" t="s">
        <v>47999</v>
      </c>
      <c r="C1999" t="s">
        <v>48000</v>
      </c>
      <c r="D1999" t="s">
        <v>47984</v>
      </c>
      <c r="E1999" t="s">
        <v>13</v>
      </c>
      <c r="F1999">
        <v>12083</v>
      </c>
      <c r="G1999" t="s">
        <v>48001</v>
      </c>
      <c r="H1999">
        <v>6.580421956516</v>
      </c>
      <c r="I1999">
        <v>52.112465032799001</v>
      </c>
      <c r="J1999" t="s">
        <v>57684</v>
      </c>
    </row>
    <row r="2000" spans="1:10" x14ac:dyDescent="0.25">
      <c r="A2000" t="s">
        <v>47994</v>
      </c>
      <c r="B2000" t="s">
        <v>47995</v>
      </c>
      <c r="C2000" t="s">
        <v>47996</v>
      </c>
      <c r="D2000" t="s">
        <v>47984</v>
      </c>
      <c r="E2000" t="s">
        <v>13</v>
      </c>
      <c r="F2000">
        <v>12082</v>
      </c>
      <c r="G2000" t="s">
        <v>47997</v>
      </c>
      <c r="H2000">
        <v>6.5254319119659998</v>
      </c>
      <c r="I2000">
        <v>52.168791581076</v>
      </c>
      <c r="J2000" t="s">
        <v>57685</v>
      </c>
    </row>
    <row r="2001" spans="1:10" x14ac:dyDescent="0.25">
      <c r="A2001" t="s">
        <v>47990</v>
      </c>
      <c r="B2001" t="s">
        <v>47991</v>
      </c>
      <c r="C2001" t="s">
        <v>47992</v>
      </c>
      <c r="D2001" t="s">
        <v>47984</v>
      </c>
      <c r="E2001" t="s">
        <v>13</v>
      </c>
      <c r="F2001">
        <v>12081</v>
      </c>
      <c r="G2001" t="s">
        <v>47993</v>
      </c>
      <c r="H2001">
        <v>6.5259614822099996</v>
      </c>
      <c r="I2001">
        <v>52.138404494696999</v>
      </c>
      <c r="J2001" t="s">
        <v>57686</v>
      </c>
    </row>
    <row r="2002" spans="1:10" x14ac:dyDescent="0.25">
      <c r="A2002" t="s">
        <v>47986</v>
      </c>
      <c r="B2002" t="s">
        <v>47987</v>
      </c>
      <c r="C2002" t="s">
        <v>47988</v>
      </c>
      <c r="D2002" t="s">
        <v>47984</v>
      </c>
      <c r="E2002" t="s">
        <v>13</v>
      </c>
      <c r="F2002">
        <v>12080</v>
      </c>
      <c r="G2002" t="s">
        <v>47989</v>
      </c>
      <c r="H2002">
        <v>6.5286476236219997</v>
      </c>
      <c r="I2002">
        <v>52.113427667700002</v>
      </c>
      <c r="J2002" t="s">
        <v>57687</v>
      </c>
    </row>
    <row r="2003" spans="1:10" x14ac:dyDescent="0.25">
      <c r="A2003" t="s">
        <v>47981</v>
      </c>
      <c r="B2003" t="s">
        <v>47982</v>
      </c>
      <c r="C2003" t="s">
        <v>47983</v>
      </c>
      <c r="D2003" t="s">
        <v>47984</v>
      </c>
      <c r="E2003" t="s">
        <v>13</v>
      </c>
      <c r="F2003">
        <v>12079</v>
      </c>
      <c r="G2003" t="s">
        <v>47985</v>
      </c>
      <c r="H2003">
        <v>6.5216347991600001</v>
      </c>
      <c r="I2003">
        <v>52.114105889229997</v>
      </c>
      <c r="J2003" t="s">
        <v>57688</v>
      </c>
    </row>
    <row r="2004" spans="1:10" x14ac:dyDescent="0.25">
      <c r="A2004" t="s">
        <v>47977</v>
      </c>
      <c r="B2004" t="s">
        <v>47978</v>
      </c>
      <c r="C2004" t="s">
        <v>47979</v>
      </c>
      <c r="D2004" t="s">
        <v>47636</v>
      </c>
      <c r="E2004" t="s">
        <v>13</v>
      </c>
      <c r="F2004">
        <v>12078</v>
      </c>
      <c r="G2004" t="s">
        <v>47980</v>
      </c>
      <c r="H2004">
        <v>5.8137828877509996</v>
      </c>
      <c r="I2004">
        <v>51.957185898147003</v>
      </c>
      <c r="J2004" t="s">
        <v>57689</v>
      </c>
    </row>
    <row r="2005" spans="1:10" x14ac:dyDescent="0.25">
      <c r="A2005" t="s">
        <v>47973</v>
      </c>
      <c r="B2005" t="s">
        <v>47974</v>
      </c>
      <c r="C2005" t="s">
        <v>47975</v>
      </c>
      <c r="D2005" t="s">
        <v>47636</v>
      </c>
      <c r="E2005" t="s">
        <v>13</v>
      </c>
      <c r="F2005">
        <v>12077</v>
      </c>
      <c r="G2005" t="s">
        <v>47976</v>
      </c>
      <c r="H2005">
        <v>5.8099791047040004</v>
      </c>
      <c r="I2005">
        <v>51.960197160592003</v>
      </c>
      <c r="J2005" t="s">
        <v>57690</v>
      </c>
    </row>
    <row r="2006" spans="1:10" x14ac:dyDescent="0.25">
      <c r="A2006" t="s">
        <v>47969</v>
      </c>
      <c r="B2006" t="s">
        <v>47970</v>
      </c>
      <c r="C2006" t="s">
        <v>47971</v>
      </c>
      <c r="D2006" t="s">
        <v>47636</v>
      </c>
      <c r="E2006" t="s">
        <v>13</v>
      </c>
      <c r="F2006">
        <v>12076</v>
      </c>
      <c r="G2006" t="s">
        <v>47972</v>
      </c>
      <c r="H2006">
        <v>5.823656770366</v>
      </c>
      <c r="I2006">
        <v>51.959392036464997</v>
      </c>
      <c r="J2006" t="s">
        <v>57691</v>
      </c>
    </row>
    <row r="2007" spans="1:10" x14ac:dyDescent="0.25">
      <c r="A2007" t="s">
        <v>47965</v>
      </c>
      <c r="B2007" t="s">
        <v>47966</v>
      </c>
      <c r="C2007" t="s">
        <v>47967</v>
      </c>
      <c r="D2007" t="s">
        <v>47636</v>
      </c>
      <c r="E2007" t="s">
        <v>13</v>
      </c>
      <c r="F2007">
        <v>12075</v>
      </c>
      <c r="G2007" t="s">
        <v>47968</v>
      </c>
      <c r="H2007">
        <v>5.8135327319260002</v>
      </c>
      <c r="I2007">
        <v>51.961462531751003</v>
      </c>
      <c r="J2007" t="s">
        <v>57692</v>
      </c>
    </row>
    <row r="2008" spans="1:10" x14ac:dyDescent="0.25">
      <c r="A2008" t="s">
        <v>47961</v>
      </c>
      <c r="B2008" t="s">
        <v>47962</v>
      </c>
      <c r="C2008" t="s">
        <v>47963</v>
      </c>
      <c r="D2008" t="s">
        <v>47636</v>
      </c>
      <c r="E2008" t="s">
        <v>13</v>
      </c>
      <c r="F2008">
        <v>12074</v>
      </c>
      <c r="G2008" t="s">
        <v>47964</v>
      </c>
      <c r="H2008">
        <v>5.8132070291010001</v>
      </c>
      <c r="I2008">
        <v>51.954605162790003</v>
      </c>
      <c r="J2008" t="s">
        <v>57693</v>
      </c>
    </row>
    <row r="2009" spans="1:10" x14ac:dyDescent="0.25">
      <c r="A2009" t="s">
        <v>47957</v>
      </c>
      <c r="B2009" t="s">
        <v>47958</v>
      </c>
      <c r="C2009" t="s">
        <v>47959</v>
      </c>
      <c r="D2009" t="s">
        <v>47636</v>
      </c>
      <c r="E2009" t="s">
        <v>13</v>
      </c>
      <c r="F2009">
        <v>12073</v>
      </c>
      <c r="G2009" t="s">
        <v>47960</v>
      </c>
      <c r="H2009">
        <v>5.8082160037949997</v>
      </c>
      <c r="I2009">
        <v>51.965200202262999</v>
      </c>
      <c r="J2009" t="s">
        <v>57694</v>
      </c>
    </row>
    <row r="2010" spans="1:10" x14ac:dyDescent="0.25">
      <c r="A2010" t="s">
        <v>47954</v>
      </c>
      <c r="B2010" t="s">
        <v>47955</v>
      </c>
      <c r="C2010" t="s">
        <v>37</v>
      </c>
      <c r="D2010" t="s">
        <v>47636</v>
      </c>
      <c r="E2010" t="s">
        <v>13</v>
      </c>
      <c r="F2010">
        <v>12072</v>
      </c>
      <c r="G2010" t="s">
        <v>47956</v>
      </c>
      <c r="H2010">
        <v>5.8184200010409999</v>
      </c>
      <c r="I2010">
        <v>51.961541261782997</v>
      </c>
      <c r="J2010" t="s">
        <v>57695</v>
      </c>
    </row>
    <row r="2011" spans="1:10" x14ac:dyDescent="0.25">
      <c r="A2011" t="s">
        <v>47950</v>
      </c>
      <c r="B2011" t="s">
        <v>47951</v>
      </c>
      <c r="C2011" t="s">
        <v>47952</v>
      </c>
      <c r="D2011" t="s">
        <v>47636</v>
      </c>
      <c r="E2011" t="s">
        <v>13</v>
      </c>
      <c r="F2011">
        <v>12071</v>
      </c>
      <c r="G2011" t="s">
        <v>47953</v>
      </c>
      <c r="H2011">
        <v>5.7972819554720001</v>
      </c>
      <c r="I2011">
        <v>51.950371157189998</v>
      </c>
      <c r="J2011" t="s">
        <v>57696</v>
      </c>
    </row>
    <row r="2012" spans="1:10" x14ac:dyDescent="0.25">
      <c r="A2012" t="s">
        <v>47946</v>
      </c>
      <c r="B2012" t="s">
        <v>47947</v>
      </c>
      <c r="C2012" t="s">
        <v>47948</v>
      </c>
      <c r="D2012" t="s">
        <v>47636</v>
      </c>
      <c r="E2012" t="s">
        <v>13</v>
      </c>
      <c r="F2012">
        <v>12070</v>
      </c>
      <c r="G2012" t="s">
        <v>47949</v>
      </c>
      <c r="H2012">
        <v>5.7888648834080003</v>
      </c>
      <c r="I2012">
        <v>51.911640141890999</v>
      </c>
      <c r="J2012" t="s">
        <v>57697</v>
      </c>
    </row>
    <row r="2013" spans="1:10" x14ac:dyDescent="0.25">
      <c r="A2013" t="s">
        <v>47942</v>
      </c>
      <c r="B2013" t="s">
        <v>47943</v>
      </c>
      <c r="C2013" t="s">
        <v>47944</v>
      </c>
      <c r="D2013" t="s">
        <v>47636</v>
      </c>
      <c r="E2013" t="s">
        <v>13</v>
      </c>
      <c r="F2013">
        <v>12069</v>
      </c>
      <c r="G2013" t="s">
        <v>47945</v>
      </c>
      <c r="H2013">
        <v>5.7825992846599998</v>
      </c>
      <c r="I2013">
        <v>51.922802488576998</v>
      </c>
      <c r="J2013" t="s">
        <v>57698</v>
      </c>
    </row>
    <row r="2014" spans="1:10" x14ac:dyDescent="0.25">
      <c r="A2014" t="s">
        <v>47938</v>
      </c>
      <c r="B2014" t="s">
        <v>47939</v>
      </c>
      <c r="C2014" t="s">
        <v>47940</v>
      </c>
      <c r="D2014" t="s">
        <v>47636</v>
      </c>
      <c r="E2014" t="s">
        <v>13</v>
      </c>
      <c r="F2014">
        <v>12068</v>
      </c>
      <c r="G2014" t="s">
        <v>47941</v>
      </c>
      <c r="H2014">
        <v>5.7885417370030003</v>
      </c>
      <c r="I2014">
        <v>51.914344003463</v>
      </c>
      <c r="J2014" t="s">
        <v>57699</v>
      </c>
    </row>
    <row r="2015" spans="1:10" x14ac:dyDescent="0.25">
      <c r="A2015" t="s">
        <v>47934</v>
      </c>
      <c r="B2015" t="s">
        <v>47935</v>
      </c>
      <c r="C2015" t="s">
        <v>47936</v>
      </c>
      <c r="D2015" t="s">
        <v>47636</v>
      </c>
      <c r="E2015" t="s">
        <v>13</v>
      </c>
      <c r="F2015">
        <v>12067</v>
      </c>
      <c r="G2015" t="s">
        <v>47937</v>
      </c>
      <c r="H2015">
        <v>5.7813735105269997</v>
      </c>
      <c r="I2015">
        <v>51.933739804906999</v>
      </c>
      <c r="J2015" t="s">
        <v>57700</v>
      </c>
    </row>
    <row r="2016" spans="1:10" x14ac:dyDescent="0.25">
      <c r="A2016" t="s">
        <v>47930</v>
      </c>
      <c r="B2016" t="s">
        <v>47931</v>
      </c>
      <c r="C2016" t="s">
        <v>47932</v>
      </c>
      <c r="D2016" t="s">
        <v>47636</v>
      </c>
      <c r="E2016" t="s">
        <v>13</v>
      </c>
      <c r="F2016">
        <v>12066</v>
      </c>
      <c r="G2016" t="s">
        <v>47933</v>
      </c>
      <c r="H2016">
        <v>5.789103225431</v>
      </c>
      <c r="I2016">
        <v>51.907925455331998</v>
      </c>
      <c r="J2016" t="s">
        <v>57701</v>
      </c>
    </row>
    <row r="2017" spans="1:10" x14ac:dyDescent="0.25">
      <c r="A2017" t="s">
        <v>47926</v>
      </c>
      <c r="B2017" t="s">
        <v>47927</v>
      </c>
      <c r="C2017" t="s">
        <v>47928</v>
      </c>
      <c r="D2017" t="s">
        <v>47636</v>
      </c>
      <c r="E2017" t="s">
        <v>13</v>
      </c>
      <c r="F2017">
        <v>12065</v>
      </c>
      <c r="G2017" t="s">
        <v>47929</v>
      </c>
      <c r="H2017">
        <v>5.7908530665580003</v>
      </c>
      <c r="I2017">
        <v>51.905520723450998</v>
      </c>
      <c r="J2017" t="s">
        <v>57702</v>
      </c>
    </row>
    <row r="2018" spans="1:10" x14ac:dyDescent="0.25">
      <c r="A2018" t="s">
        <v>47922</v>
      </c>
      <c r="B2018" t="s">
        <v>47923</v>
      </c>
      <c r="C2018" t="s">
        <v>47924</v>
      </c>
      <c r="D2018" t="s">
        <v>47636</v>
      </c>
      <c r="E2018" t="s">
        <v>13</v>
      </c>
      <c r="F2018">
        <v>12064</v>
      </c>
      <c r="G2018" t="s">
        <v>47925</v>
      </c>
      <c r="H2018">
        <v>5.7727193663090004</v>
      </c>
      <c r="I2018">
        <v>51.948412798131997</v>
      </c>
      <c r="J2018" t="s">
        <v>57703</v>
      </c>
    </row>
    <row r="2019" spans="1:10" x14ac:dyDescent="0.25">
      <c r="A2019" t="s">
        <v>47918</v>
      </c>
      <c r="B2019" t="s">
        <v>47919</v>
      </c>
      <c r="C2019" t="s">
        <v>47920</v>
      </c>
      <c r="D2019" t="s">
        <v>47636</v>
      </c>
      <c r="E2019" t="s">
        <v>13</v>
      </c>
      <c r="F2019">
        <v>12063</v>
      </c>
      <c r="G2019" t="s">
        <v>47921</v>
      </c>
      <c r="H2019">
        <v>5.7464586301700002</v>
      </c>
      <c r="I2019">
        <v>51.946372634592997</v>
      </c>
      <c r="J2019" t="s">
        <v>57704</v>
      </c>
    </row>
    <row r="2020" spans="1:10" x14ac:dyDescent="0.25">
      <c r="A2020" t="s">
        <v>47914</v>
      </c>
      <c r="B2020" t="s">
        <v>47915</v>
      </c>
      <c r="C2020" t="s">
        <v>47916</v>
      </c>
      <c r="D2020" t="s">
        <v>47636</v>
      </c>
      <c r="E2020" t="s">
        <v>13</v>
      </c>
      <c r="F2020">
        <v>12062</v>
      </c>
      <c r="G2020" t="s">
        <v>47917</v>
      </c>
      <c r="H2020">
        <v>5.7423724234520002</v>
      </c>
      <c r="I2020">
        <v>51.963373308880001</v>
      </c>
      <c r="J2020" t="s">
        <v>57705</v>
      </c>
    </row>
    <row r="2021" spans="1:10" x14ac:dyDescent="0.25">
      <c r="A2021" t="s">
        <v>47910</v>
      </c>
      <c r="B2021" t="s">
        <v>47911</v>
      </c>
      <c r="C2021" t="s">
        <v>47912</v>
      </c>
      <c r="D2021" t="s">
        <v>47636</v>
      </c>
      <c r="E2021" t="s">
        <v>13</v>
      </c>
      <c r="F2021">
        <v>12061</v>
      </c>
      <c r="G2021" t="s">
        <v>47913</v>
      </c>
      <c r="H2021">
        <v>5.7479170359029998</v>
      </c>
      <c r="I2021">
        <v>51.956424455631002</v>
      </c>
      <c r="J2021" t="s">
        <v>57706</v>
      </c>
    </row>
    <row r="2022" spans="1:10" x14ac:dyDescent="0.25">
      <c r="A2022" t="s">
        <v>47906</v>
      </c>
      <c r="B2022" t="s">
        <v>47907</v>
      </c>
      <c r="C2022" t="s">
        <v>47908</v>
      </c>
      <c r="D2022" t="s">
        <v>47636</v>
      </c>
      <c r="E2022" t="s">
        <v>13</v>
      </c>
      <c r="F2022">
        <v>12060</v>
      </c>
      <c r="G2022" t="s">
        <v>47909</v>
      </c>
      <c r="H2022">
        <v>5.7547191947779996</v>
      </c>
      <c r="I2022">
        <v>51.960805086912004</v>
      </c>
      <c r="J2022" t="s">
        <v>57707</v>
      </c>
    </row>
    <row r="2023" spans="1:10" x14ac:dyDescent="0.25">
      <c r="A2023" t="s">
        <v>47902</v>
      </c>
      <c r="B2023" t="s">
        <v>47903</v>
      </c>
      <c r="C2023" t="s">
        <v>47904</v>
      </c>
      <c r="D2023" t="s">
        <v>47636</v>
      </c>
      <c r="E2023" t="s">
        <v>13</v>
      </c>
      <c r="F2023">
        <v>12059</v>
      </c>
      <c r="G2023" t="s">
        <v>47905</v>
      </c>
      <c r="H2023">
        <v>5.7546064020690002</v>
      </c>
      <c r="I2023">
        <v>51.954684128956998</v>
      </c>
      <c r="J2023" t="s">
        <v>57708</v>
      </c>
    </row>
    <row r="2024" spans="1:10" x14ac:dyDescent="0.25">
      <c r="A2024" t="s">
        <v>47898</v>
      </c>
      <c r="B2024" t="s">
        <v>47899</v>
      </c>
      <c r="C2024" t="s">
        <v>47900</v>
      </c>
      <c r="D2024" t="s">
        <v>47636</v>
      </c>
      <c r="E2024" t="s">
        <v>13</v>
      </c>
      <c r="F2024">
        <v>12058</v>
      </c>
      <c r="G2024" t="s">
        <v>47901</v>
      </c>
      <c r="H2024">
        <v>5.7591224446579998</v>
      </c>
      <c r="I2024">
        <v>51.956676416758</v>
      </c>
      <c r="J2024" t="s">
        <v>57709</v>
      </c>
    </row>
    <row r="2025" spans="1:10" x14ac:dyDescent="0.25">
      <c r="A2025" t="s">
        <v>47894</v>
      </c>
      <c r="B2025" t="s">
        <v>47895</v>
      </c>
      <c r="C2025" t="s">
        <v>47896</v>
      </c>
      <c r="D2025" t="s">
        <v>47636</v>
      </c>
      <c r="E2025" t="s">
        <v>13</v>
      </c>
      <c r="F2025">
        <v>12057</v>
      </c>
      <c r="G2025" t="s">
        <v>47897</v>
      </c>
      <c r="H2025">
        <v>5.7595524974350001</v>
      </c>
      <c r="I2025">
        <v>51.949086193840003</v>
      </c>
      <c r="J2025" t="s">
        <v>57710</v>
      </c>
    </row>
    <row r="2026" spans="1:10" x14ac:dyDescent="0.25">
      <c r="A2026" t="s">
        <v>47890</v>
      </c>
      <c r="B2026" t="s">
        <v>47891</v>
      </c>
      <c r="C2026" t="s">
        <v>47892</v>
      </c>
      <c r="D2026" t="s">
        <v>47636</v>
      </c>
      <c r="E2026" t="s">
        <v>13</v>
      </c>
      <c r="F2026">
        <v>12056</v>
      </c>
      <c r="G2026" t="s">
        <v>47893</v>
      </c>
      <c r="H2026">
        <v>5.7533873809890004</v>
      </c>
      <c r="I2026">
        <v>51.957873077278002</v>
      </c>
      <c r="J2026" t="s">
        <v>57711</v>
      </c>
    </row>
    <row r="2027" spans="1:10" x14ac:dyDescent="0.25">
      <c r="A2027" t="s">
        <v>47886</v>
      </c>
      <c r="B2027" t="s">
        <v>47887</v>
      </c>
      <c r="C2027" t="s">
        <v>47888</v>
      </c>
      <c r="D2027" t="s">
        <v>47636</v>
      </c>
      <c r="E2027" t="s">
        <v>13</v>
      </c>
      <c r="F2027">
        <v>12055</v>
      </c>
      <c r="G2027" t="s">
        <v>47889</v>
      </c>
      <c r="H2027">
        <v>5.7605285114690004</v>
      </c>
      <c r="I2027">
        <v>51.941986706554999</v>
      </c>
      <c r="J2027" t="s">
        <v>57712</v>
      </c>
    </row>
    <row r="2028" spans="1:10" x14ac:dyDescent="0.25">
      <c r="A2028" t="s">
        <v>47882</v>
      </c>
      <c r="B2028" t="s">
        <v>47883</v>
      </c>
      <c r="C2028" t="s">
        <v>47884</v>
      </c>
      <c r="D2028" t="s">
        <v>47636</v>
      </c>
      <c r="E2028" t="s">
        <v>13</v>
      </c>
      <c r="F2028">
        <v>12054</v>
      </c>
      <c r="G2028" t="s">
        <v>47885</v>
      </c>
      <c r="H2028">
        <v>5.6877082230780003</v>
      </c>
      <c r="I2028">
        <v>51.955002247933002</v>
      </c>
      <c r="J2028" t="s">
        <v>57713</v>
      </c>
    </row>
    <row r="2029" spans="1:10" x14ac:dyDescent="0.25">
      <c r="A2029" t="s">
        <v>47878</v>
      </c>
      <c r="B2029" t="s">
        <v>47879</v>
      </c>
      <c r="C2029" t="s">
        <v>47880</v>
      </c>
      <c r="D2029" t="s">
        <v>47636</v>
      </c>
      <c r="E2029" t="s">
        <v>13</v>
      </c>
      <c r="F2029">
        <v>12053</v>
      </c>
      <c r="G2029" t="s">
        <v>47881</v>
      </c>
      <c r="H2029">
        <v>5.6709977958179998</v>
      </c>
      <c r="I2029">
        <v>51.938519126627</v>
      </c>
      <c r="J2029" t="s">
        <v>57714</v>
      </c>
    </row>
    <row r="2030" spans="1:10" x14ac:dyDescent="0.25">
      <c r="A2030" t="s">
        <v>47874</v>
      </c>
      <c r="B2030" t="s">
        <v>47875</v>
      </c>
      <c r="C2030" t="s">
        <v>47876</v>
      </c>
      <c r="D2030" t="s">
        <v>47636</v>
      </c>
      <c r="E2030" t="s">
        <v>13</v>
      </c>
      <c r="F2030">
        <v>12052</v>
      </c>
      <c r="G2030" t="s">
        <v>47877</v>
      </c>
      <c r="H2030">
        <v>5.7138017569870003</v>
      </c>
      <c r="I2030">
        <v>51.943878312682003</v>
      </c>
      <c r="J2030" t="s">
        <v>57715</v>
      </c>
    </row>
    <row r="2031" spans="1:10" x14ac:dyDescent="0.25">
      <c r="A2031" t="s">
        <v>47870</v>
      </c>
      <c r="B2031" t="s">
        <v>47871</v>
      </c>
      <c r="C2031" t="s">
        <v>47872</v>
      </c>
      <c r="D2031" t="s">
        <v>47636</v>
      </c>
      <c r="E2031" t="s">
        <v>13</v>
      </c>
      <c r="F2031">
        <v>12051</v>
      </c>
      <c r="G2031" t="s">
        <v>47873</v>
      </c>
      <c r="H2031">
        <v>5.7046612621030004</v>
      </c>
      <c r="I2031">
        <v>51.946419326818003</v>
      </c>
      <c r="J2031" t="s">
        <v>57716</v>
      </c>
    </row>
    <row r="2032" spans="1:10" x14ac:dyDescent="0.25">
      <c r="A2032" t="s">
        <v>47866</v>
      </c>
      <c r="B2032" t="s">
        <v>47867</v>
      </c>
      <c r="C2032" t="s">
        <v>47868</v>
      </c>
      <c r="D2032" t="s">
        <v>47636</v>
      </c>
      <c r="E2032" t="s">
        <v>13</v>
      </c>
      <c r="F2032">
        <v>12050</v>
      </c>
      <c r="G2032" t="s">
        <v>47869</v>
      </c>
      <c r="H2032">
        <v>5.7086633548299996</v>
      </c>
      <c r="I2032">
        <v>51.952905684668998</v>
      </c>
      <c r="J2032" t="s">
        <v>57717</v>
      </c>
    </row>
    <row r="2033" spans="1:10" x14ac:dyDescent="0.25">
      <c r="A2033" t="s">
        <v>47862</v>
      </c>
      <c r="B2033" t="s">
        <v>47863</v>
      </c>
      <c r="C2033" t="s">
        <v>47864</v>
      </c>
      <c r="D2033" t="s">
        <v>47636</v>
      </c>
      <c r="E2033" t="s">
        <v>13</v>
      </c>
      <c r="F2033">
        <v>12049</v>
      </c>
      <c r="G2033" t="s">
        <v>47865</v>
      </c>
      <c r="H2033">
        <v>5.6911760107370002</v>
      </c>
      <c r="I2033">
        <v>51.927406525378998</v>
      </c>
      <c r="J2033" t="s">
        <v>57718</v>
      </c>
    </row>
    <row r="2034" spans="1:10" x14ac:dyDescent="0.25">
      <c r="A2034" t="s">
        <v>47858</v>
      </c>
      <c r="B2034" t="s">
        <v>47859</v>
      </c>
      <c r="C2034" t="s">
        <v>47860</v>
      </c>
      <c r="D2034" t="s">
        <v>47636</v>
      </c>
      <c r="E2034" t="s">
        <v>13</v>
      </c>
      <c r="F2034">
        <v>12048</v>
      </c>
      <c r="G2034" t="s">
        <v>47861</v>
      </c>
      <c r="H2034">
        <v>5.7018317514229997</v>
      </c>
      <c r="I2034">
        <v>51.933788934917999</v>
      </c>
      <c r="J2034" t="s">
        <v>57719</v>
      </c>
    </row>
    <row r="2035" spans="1:10" x14ac:dyDescent="0.25">
      <c r="A2035" t="s">
        <v>47854</v>
      </c>
      <c r="B2035" t="s">
        <v>47855</v>
      </c>
      <c r="C2035" t="s">
        <v>47856</v>
      </c>
      <c r="D2035" t="s">
        <v>47636</v>
      </c>
      <c r="E2035" t="s">
        <v>13</v>
      </c>
      <c r="F2035">
        <v>12047</v>
      </c>
      <c r="G2035" t="s">
        <v>47857</v>
      </c>
      <c r="H2035">
        <v>5.7077040830280001</v>
      </c>
      <c r="I2035">
        <v>51.920892354644998</v>
      </c>
      <c r="J2035" t="s">
        <v>57720</v>
      </c>
    </row>
    <row r="2036" spans="1:10" x14ac:dyDescent="0.25">
      <c r="A2036" t="s">
        <v>47850</v>
      </c>
      <c r="B2036" t="s">
        <v>47851</v>
      </c>
      <c r="C2036" t="s">
        <v>47852</v>
      </c>
      <c r="D2036" t="s">
        <v>47636</v>
      </c>
      <c r="E2036" t="s">
        <v>13</v>
      </c>
      <c r="F2036">
        <v>12046</v>
      </c>
      <c r="G2036" t="s">
        <v>47853</v>
      </c>
      <c r="H2036">
        <v>5.7288235149729996</v>
      </c>
      <c r="I2036">
        <v>51.933759245761003</v>
      </c>
      <c r="J2036" t="s">
        <v>57721</v>
      </c>
    </row>
    <row r="2037" spans="1:10" x14ac:dyDescent="0.25">
      <c r="A2037" t="s">
        <v>47846</v>
      </c>
      <c r="B2037" t="s">
        <v>47847</v>
      </c>
      <c r="C2037" t="s">
        <v>47848</v>
      </c>
      <c r="D2037" t="s">
        <v>47636</v>
      </c>
      <c r="E2037" t="s">
        <v>13</v>
      </c>
      <c r="F2037">
        <v>12045</v>
      </c>
      <c r="G2037" t="s">
        <v>47849</v>
      </c>
      <c r="H2037">
        <v>5.718871633769</v>
      </c>
      <c r="I2037">
        <v>51.931604084440004</v>
      </c>
      <c r="J2037" t="s">
        <v>57722</v>
      </c>
    </row>
    <row r="2038" spans="1:10" x14ac:dyDescent="0.25">
      <c r="A2038" t="s">
        <v>47842</v>
      </c>
      <c r="B2038" t="s">
        <v>47843</v>
      </c>
      <c r="C2038" t="s">
        <v>47844</v>
      </c>
      <c r="D2038" t="s">
        <v>47636</v>
      </c>
      <c r="E2038" t="s">
        <v>13</v>
      </c>
      <c r="F2038">
        <v>12044</v>
      </c>
      <c r="G2038" t="s">
        <v>47845</v>
      </c>
      <c r="H2038">
        <v>5.7120332813720003</v>
      </c>
      <c r="I2038">
        <v>51.923990004856002</v>
      </c>
      <c r="J2038" t="s">
        <v>57723</v>
      </c>
    </row>
    <row r="2039" spans="1:10" x14ac:dyDescent="0.25">
      <c r="A2039" t="s">
        <v>47838</v>
      </c>
      <c r="B2039" t="s">
        <v>47839</v>
      </c>
      <c r="C2039" t="s">
        <v>47840</v>
      </c>
      <c r="D2039" t="s">
        <v>47636</v>
      </c>
      <c r="E2039" t="s">
        <v>13</v>
      </c>
      <c r="F2039">
        <v>12043</v>
      </c>
      <c r="G2039" t="s">
        <v>47841</v>
      </c>
      <c r="H2039">
        <v>5.7084682957749999</v>
      </c>
      <c r="I2039">
        <v>51.929082041557997</v>
      </c>
      <c r="J2039" t="s">
        <v>57724</v>
      </c>
    </row>
    <row r="2040" spans="1:10" x14ac:dyDescent="0.25">
      <c r="A2040" t="s">
        <v>47835</v>
      </c>
      <c r="B2040" t="s">
        <v>47836</v>
      </c>
      <c r="C2040" t="s">
        <v>13410</v>
      </c>
      <c r="D2040" t="s">
        <v>47636</v>
      </c>
      <c r="E2040" t="s">
        <v>13</v>
      </c>
      <c r="F2040">
        <v>12042</v>
      </c>
      <c r="G2040" t="s">
        <v>47837</v>
      </c>
      <c r="H2040">
        <v>5.7125066427690001</v>
      </c>
      <c r="I2040">
        <v>51.926087379259002</v>
      </c>
      <c r="J2040" t="s">
        <v>57725</v>
      </c>
    </row>
    <row r="2041" spans="1:10" x14ac:dyDescent="0.25">
      <c r="A2041" t="s">
        <v>47831</v>
      </c>
      <c r="B2041" t="s">
        <v>47832</v>
      </c>
      <c r="C2041" t="s">
        <v>47833</v>
      </c>
      <c r="D2041" t="s">
        <v>47636</v>
      </c>
      <c r="E2041" t="s">
        <v>13</v>
      </c>
      <c r="F2041">
        <v>12041</v>
      </c>
      <c r="G2041" t="s">
        <v>47834</v>
      </c>
      <c r="H2041">
        <v>5.7204464602270004</v>
      </c>
      <c r="I2041">
        <v>51.924376654542002</v>
      </c>
      <c r="J2041" t="s">
        <v>57726</v>
      </c>
    </row>
    <row r="2042" spans="1:10" x14ac:dyDescent="0.25">
      <c r="A2042" t="s">
        <v>47827</v>
      </c>
      <c r="B2042" t="s">
        <v>47828</v>
      </c>
      <c r="C2042" t="s">
        <v>47829</v>
      </c>
      <c r="D2042" t="s">
        <v>47636</v>
      </c>
      <c r="E2042" t="s">
        <v>13</v>
      </c>
      <c r="F2042">
        <v>12040</v>
      </c>
      <c r="G2042" t="s">
        <v>47830</v>
      </c>
      <c r="H2042">
        <v>5.7118480225360004</v>
      </c>
      <c r="I2042">
        <v>51.934133020904</v>
      </c>
      <c r="J2042" t="s">
        <v>57727</v>
      </c>
    </row>
    <row r="2043" spans="1:10" x14ac:dyDescent="0.25">
      <c r="A2043" t="s">
        <v>47823</v>
      </c>
      <c r="B2043" t="s">
        <v>47824</v>
      </c>
      <c r="C2043" t="s">
        <v>47825</v>
      </c>
      <c r="D2043" t="s">
        <v>47636</v>
      </c>
      <c r="E2043" t="s">
        <v>13</v>
      </c>
      <c r="F2043">
        <v>12039</v>
      </c>
      <c r="G2043" t="s">
        <v>47826</v>
      </c>
      <c r="H2043">
        <v>5.7135060279449998</v>
      </c>
      <c r="I2043">
        <v>51.929686212241002</v>
      </c>
      <c r="J2043" t="s">
        <v>57728</v>
      </c>
    </row>
    <row r="2044" spans="1:10" x14ac:dyDescent="0.25">
      <c r="A2044" t="s">
        <v>47819</v>
      </c>
      <c r="B2044" t="s">
        <v>47820</v>
      </c>
      <c r="C2044" t="s">
        <v>47821</v>
      </c>
      <c r="D2044" t="s">
        <v>47636</v>
      </c>
      <c r="E2044" t="s">
        <v>13</v>
      </c>
      <c r="F2044">
        <v>12038</v>
      </c>
      <c r="G2044" t="s">
        <v>47822</v>
      </c>
      <c r="H2044">
        <v>5.7284435914439999</v>
      </c>
      <c r="I2044">
        <v>51.907199166291001</v>
      </c>
      <c r="J2044" t="s">
        <v>57729</v>
      </c>
    </row>
    <row r="2045" spans="1:10" x14ac:dyDescent="0.25">
      <c r="A2045" t="s">
        <v>47815</v>
      </c>
      <c r="B2045" t="s">
        <v>47816</v>
      </c>
      <c r="C2045" t="s">
        <v>47817</v>
      </c>
      <c r="D2045" t="s">
        <v>47636</v>
      </c>
      <c r="E2045" t="s">
        <v>13</v>
      </c>
      <c r="F2045">
        <v>12037</v>
      </c>
      <c r="G2045" t="s">
        <v>47818</v>
      </c>
      <c r="H2045">
        <v>5.7257209791500001</v>
      </c>
      <c r="I2045">
        <v>51.889844608705999</v>
      </c>
      <c r="J2045" t="s">
        <v>57730</v>
      </c>
    </row>
    <row r="2046" spans="1:10" x14ac:dyDescent="0.25">
      <c r="A2046" t="s">
        <v>47811</v>
      </c>
      <c r="B2046" t="s">
        <v>47812</v>
      </c>
      <c r="C2046" t="s">
        <v>47813</v>
      </c>
      <c r="D2046" t="s">
        <v>47636</v>
      </c>
      <c r="E2046" t="s">
        <v>13</v>
      </c>
      <c r="F2046">
        <v>12036</v>
      </c>
      <c r="G2046" t="s">
        <v>47814</v>
      </c>
      <c r="H2046">
        <v>5.7157745723530002</v>
      </c>
      <c r="I2046">
        <v>51.914446535922998</v>
      </c>
      <c r="J2046" t="s">
        <v>57731</v>
      </c>
    </row>
    <row r="2047" spans="1:10" x14ac:dyDescent="0.25">
      <c r="A2047" t="s">
        <v>47807</v>
      </c>
      <c r="B2047" t="s">
        <v>47808</v>
      </c>
      <c r="C2047" t="s">
        <v>47809</v>
      </c>
      <c r="D2047" t="s">
        <v>47636</v>
      </c>
      <c r="E2047" t="s">
        <v>13</v>
      </c>
      <c r="F2047">
        <v>12035</v>
      </c>
      <c r="G2047" t="s">
        <v>47810</v>
      </c>
      <c r="H2047">
        <v>5.7133427614040002</v>
      </c>
      <c r="I2047">
        <v>51.909369587176997</v>
      </c>
      <c r="J2047" t="s">
        <v>57732</v>
      </c>
    </row>
    <row r="2048" spans="1:10" x14ac:dyDescent="0.25">
      <c r="A2048" t="s">
        <v>47803</v>
      </c>
      <c r="B2048" t="s">
        <v>47804</v>
      </c>
      <c r="C2048" t="s">
        <v>47805</v>
      </c>
      <c r="D2048" t="s">
        <v>47636</v>
      </c>
      <c r="E2048" t="s">
        <v>13</v>
      </c>
      <c r="F2048">
        <v>12034</v>
      </c>
      <c r="G2048" t="s">
        <v>47806</v>
      </c>
      <c r="H2048">
        <v>5.7270984194630001</v>
      </c>
      <c r="I2048">
        <v>51.913376990168999</v>
      </c>
      <c r="J2048" t="s">
        <v>57733</v>
      </c>
    </row>
    <row r="2049" spans="1:10" x14ac:dyDescent="0.25">
      <c r="A2049" t="s">
        <v>47799</v>
      </c>
      <c r="B2049" t="s">
        <v>47800</v>
      </c>
      <c r="C2049" t="s">
        <v>47801</v>
      </c>
      <c r="D2049" t="s">
        <v>47636</v>
      </c>
      <c r="E2049" t="s">
        <v>13</v>
      </c>
      <c r="F2049">
        <v>12033</v>
      </c>
      <c r="G2049" t="s">
        <v>47802</v>
      </c>
      <c r="H2049">
        <v>5.7256253503789996</v>
      </c>
      <c r="I2049">
        <v>51.897629395015997</v>
      </c>
      <c r="J2049" t="s">
        <v>57734</v>
      </c>
    </row>
    <row r="2050" spans="1:10" x14ac:dyDescent="0.25">
      <c r="A2050" t="s">
        <v>47795</v>
      </c>
      <c r="B2050" t="s">
        <v>47796</v>
      </c>
      <c r="C2050" t="s">
        <v>47797</v>
      </c>
      <c r="D2050" t="s">
        <v>47636</v>
      </c>
      <c r="E2050" t="s">
        <v>13</v>
      </c>
      <c r="F2050">
        <v>12032</v>
      </c>
      <c r="G2050" t="s">
        <v>47798</v>
      </c>
      <c r="H2050">
        <v>5.7463783942699997</v>
      </c>
      <c r="I2050">
        <v>51.899442262449</v>
      </c>
      <c r="J2050" t="s">
        <v>57735</v>
      </c>
    </row>
    <row r="2051" spans="1:10" x14ac:dyDescent="0.25">
      <c r="A2051" t="s">
        <v>47791</v>
      </c>
      <c r="B2051" t="s">
        <v>47792</v>
      </c>
      <c r="C2051" t="s">
        <v>47793</v>
      </c>
      <c r="D2051" t="s">
        <v>47636</v>
      </c>
      <c r="E2051" t="s">
        <v>13</v>
      </c>
      <c r="F2051">
        <v>12031</v>
      </c>
      <c r="G2051" t="s">
        <v>47794</v>
      </c>
      <c r="H2051">
        <v>5.7484032919440002</v>
      </c>
      <c r="I2051">
        <v>51.924059208505</v>
      </c>
      <c r="J2051" t="s">
        <v>57736</v>
      </c>
    </row>
    <row r="2052" spans="1:10" x14ac:dyDescent="0.25">
      <c r="A2052" t="s">
        <v>47787</v>
      </c>
      <c r="B2052" t="s">
        <v>47788</v>
      </c>
      <c r="C2052" t="s">
        <v>47789</v>
      </c>
      <c r="D2052" t="s">
        <v>47636</v>
      </c>
      <c r="E2052" t="s">
        <v>13</v>
      </c>
      <c r="F2052">
        <v>12030</v>
      </c>
      <c r="G2052" t="s">
        <v>47790</v>
      </c>
      <c r="H2052">
        <v>5.7386051459900003</v>
      </c>
      <c r="I2052">
        <v>51.903496418948002</v>
      </c>
      <c r="J2052" t="s">
        <v>57737</v>
      </c>
    </row>
    <row r="2053" spans="1:10" x14ac:dyDescent="0.25">
      <c r="A2053" t="s">
        <v>47783</v>
      </c>
      <c r="B2053" t="s">
        <v>47784</v>
      </c>
      <c r="C2053" t="s">
        <v>47785</v>
      </c>
      <c r="D2053" t="s">
        <v>47636</v>
      </c>
      <c r="E2053" t="s">
        <v>13</v>
      </c>
      <c r="F2053">
        <v>12029</v>
      </c>
      <c r="G2053" t="s">
        <v>47786</v>
      </c>
      <c r="H2053">
        <v>5.7387156099950003</v>
      </c>
      <c r="I2053">
        <v>51.909833288903997</v>
      </c>
      <c r="J2053" t="s">
        <v>57738</v>
      </c>
    </row>
    <row r="2054" spans="1:10" x14ac:dyDescent="0.25">
      <c r="A2054" t="s">
        <v>47779</v>
      </c>
      <c r="B2054" t="s">
        <v>47780</v>
      </c>
      <c r="C2054" t="s">
        <v>47781</v>
      </c>
      <c r="D2054" t="s">
        <v>47636</v>
      </c>
      <c r="E2054" t="s">
        <v>13</v>
      </c>
      <c r="F2054">
        <v>12028</v>
      </c>
      <c r="G2054" t="s">
        <v>47782</v>
      </c>
      <c r="H2054">
        <v>5.7540615923439997</v>
      </c>
      <c r="I2054">
        <v>51.903348413688001</v>
      </c>
      <c r="J2054" t="s">
        <v>57739</v>
      </c>
    </row>
    <row r="2055" spans="1:10" x14ac:dyDescent="0.25">
      <c r="A2055" t="s">
        <v>47775</v>
      </c>
      <c r="B2055" t="s">
        <v>47776</v>
      </c>
      <c r="C2055" t="s">
        <v>47777</v>
      </c>
      <c r="D2055" t="s">
        <v>47636</v>
      </c>
      <c r="E2055" t="s">
        <v>13</v>
      </c>
      <c r="F2055">
        <v>12027</v>
      </c>
      <c r="G2055" t="s">
        <v>47778</v>
      </c>
      <c r="H2055">
        <v>5.7985043296169998</v>
      </c>
      <c r="I2055">
        <v>51.888741983347003</v>
      </c>
      <c r="J2055" t="s">
        <v>57740</v>
      </c>
    </row>
    <row r="2056" spans="1:10" x14ac:dyDescent="0.25">
      <c r="A2056" t="s">
        <v>47771</v>
      </c>
      <c r="B2056" t="s">
        <v>47772</v>
      </c>
      <c r="C2056" t="s">
        <v>47773</v>
      </c>
      <c r="D2056" t="s">
        <v>47636</v>
      </c>
      <c r="E2056" t="s">
        <v>13</v>
      </c>
      <c r="F2056">
        <v>12026</v>
      </c>
      <c r="G2056" t="s">
        <v>47774</v>
      </c>
      <c r="H2056">
        <v>5.7698434833269996</v>
      </c>
      <c r="I2056">
        <v>51.882575057495004</v>
      </c>
      <c r="J2056" t="s">
        <v>57741</v>
      </c>
    </row>
    <row r="2057" spans="1:10" x14ac:dyDescent="0.25">
      <c r="A2057" t="s">
        <v>47767</v>
      </c>
      <c r="B2057" t="s">
        <v>47768</v>
      </c>
      <c r="C2057" t="s">
        <v>47769</v>
      </c>
      <c r="D2057" t="s">
        <v>47636</v>
      </c>
      <c r="E2057" t="s">
        <v>13</v>
      </c>
      <c r="F2057">
        <v>12025</v>
      </c>
      <c r="G2057" t="s">
        <v>47770</v>
      </c>
      <c r="H2057">
        <v>5.7883595214410004</v>
      </c>
      <c r="I2057">
        <v>51.884593473659997</v>
      </c>
      <c r="J2057" t="s">
        <v>57742</v>
      </c>
    </row>
    <row r="2058" spans="1:10" x14ac:dyDescent="0.25">
      <c r="A2058" t="s">
        <v>47764</v>
      </c>
      <c r="B2058" t="s">
        <v>47765</v>
      </c>
      <c r="C2058" t="s">
        <v>3178</v>
      </c>
      <c r="D2058" t="s">
        <v>47636</v>
      </c>
      <c r="E2058" t="s">
        <v>13</v>
      </c>
      <c r="F2058">
        <v>12024</v>
      </c>
      <c r="G2058" t="s">
        <v>47766</v>
      </c>
      <c r="H2058">
        <v>5.7730061917519997</v>
      </c>
      <c r="I2058">
        <v>51.891966604503999</v>
      </c>
      <c r="J2058" t="s">
        <v>57743</v>
      </c>
    </row>
    <row r="2059" spans="1:10" x14ac:dyDescent="0.25">
      <c r="A2059" t="s">
        <v>47760</v>
      </c>
      <c r="B2059" t="s">
        <v>47761</v>
      </c>
      <c r="C2059" t="s">
        <v>47762</v>
      </c>
      <c r="D2059" t="s">
        <v>47636</v>
      </c>
      <c r="E2059" t="s">
        <v>13</v>
      </c>
      <c r="F2059">
        <v>12023</v>
      </c>
      <c r="G2059" t="s">
        <v>47763</v>
      </c>
      <c r="H2059">
        <v>5.8154576673399996</v>
      </c>
      <c r="I2059">
        <v>51.874245630159997</v>
      </c>
      <c r="J2059" t="s">
        <v>57744</v>
      </c>
    </row>
    <row r="2060" spans="1:10" x14ac:dyDescent="0.25">
      <c r="A2060" t="s">
        <v>47756</v>
      </c>
      <c r="B2060" t="s">
        <v>47757</v>
      </c>
      <c r="C2060" t="s">
        <v>47758</v>
      </c>
      <c r="D2060" t="s">
        <v>47636</v>
      </c>
      <c r="E2060" t="s">
        <v>13</v>
      </c>
      <c r="F2060">
        <v>12022</v>
      </c>
      <c r="G2060" t="s">
        <v>47759</v>
      </c>
      <c r="H2060">
        <v>5.8305076854170004</v>
      </c>
      <c r="I2060">
        <v>51.876453748788997</v>
      </c>
      <c r="J2060" t="s">
        <v>57745</v>
      </c>
    </row>
    <row r="2061" spans="1:10" x14ac:dyDescent="0.25">
      <c r="A2061" t="s">
        <v>47752</v>
      </c>
      <c r="B2061" t="s">
        <v>47753</v>
      </c>
      <c r="C2061" t="s">
        <v>47754</v>
      </c>
      <c r="D2061" t="s">
        <v>47636</v>
      </c>
      <c r="E2061" t="s">
        <v>13</v>
      </c>
      <c r="F2061">
        <v>12021</v>
      </c>
      <c r="G2061" t="s">
        <v>47755</v>
      </c>
      <c r="H2061">
        <v>5.8103250964080004</v>
      </c>
      <c r="I2061">
        <v>51.879545573229002</v>
      </c>
      <c r="J2061" t="s">
        <v>57746</v>
      </c>
    </row>
    <row r="2062" spans="1:10" x14ac:dyDescent="0.25">
      <c r="A2062" t="s">
        <v>47748</v>
      </c>
      <c r="B2062" t="s">
        <v>47749</v>
      </c>
      <c r="C2062" t="s">
        <v>47750</v>
      </c>
      <c r="D2062" t="s">
        <v>47636</v>
      </c>
      <c r="E2062" t="s">
        <v>13</v>
      </c>
      <c r="F2062">
        <v>12020</v>
      </c>
      <c r="G2062" t="s">
        <v>47751</v>
      </c>
      <c r="H2062">
        <v>5.821299762193</v>
      </c>
      <c r="I2062">
        <v>51.887674868834999</v>
      </c>
      <c r="J2062" t="s">
        <v>57747</v>
      </c>
    </row>
    <row r="2063" spans="1:10" x14ac:dyDescent="0.25">
      <c r="A2063" t="s">
        <v>47744</v>
      </c>
      <c r="B2063" t="s">
        <v>47745</v>
      </c>
      <c r="C2063" t="s">
        <v>47746</v>
      </c>
      <c r="D2063" t="s">
        <v>47636</v>
      </c>
      <c r="E2063" t="s">
        <v>13</v>
      </c>
      <c r="F2063">
        <v>12019</v>
      </c>
      <c r="G2063" t="s">
        <v>47747</v>
      </c>
      <c r="H2063">
        <v>5.8332206783389999</v>
      </c>
      <c r="I2063">
        <v>51.882824511869003</v>
      </c>
      <c r="J2063" t="s">
        <v>57748</v>
      </c>
    </row>
    <row r="2064" spans="1:10" x14ac:dyDescent="0.25">
      <c r="A2064" t="s">
        <v>47740</v>
      </c>
      <c r="B2064" t="s">
        <v>47741</v>
      </c>
      <c r="C2064" t="s">
        <v>47742</v>
      </c>
      <c r="D2064" t="s">
        <v>47636</v>
      </c>
      <c r="E2064" t="s">
        <v>13</v>
      </c>
      <c r="F2064">
        <v>12018</v>
      </c>
      <c r="G2064" t="s">
        <v>47743</v>
      </c>
      <c r="H2064">
        <v>5.8246189711160001</v>
      </c>
      <c r="I2064">
        <v>51.879981088857001</v>
      </c>
      <c r="J2064" t="s">
        <v>57749</v>
      </c>
    </row>
    <row r="2065" spans="1:10" x14ac:dyDescent="0.25">
      <c r="A2065" t="s">
        <v>47736</v>
      </c>
      <c r="B2065" t="s">
        <v>47737</v>
      </c>
      <c r="C2065" t="s">
        <v>47738</v>
      </c>
      <c r="D2065" t="s">
        <v>47636</v>
      </c>
      <c r="E2065" t="s">
        <v>13</v>
      </c>
      <c r="F2065">
        <v>12017</v>
      </c>
      <c r="G2065" t="s">
        <v>47739</v>
      </c>
      <c r="H2065">
        <v>5.8466876029129997</v>
      </c>
      <c r="I2065">
        <v>51.909787016224001</v>
      </c>
      <c r="J2065" t="s">
        <v>57750</v>
      </c>
    </row>
    <row r="2066" spans="1:10" x14ac:dyDescent="0.25">
      <c r="A2066" t="s">
        <v>47732</v>
      </c>
      <c r="B2066" t="s">
        <v>47733</v>
      </c>
      <c r="C2066" t="s">
        <v>47734</v>
      </c>
      <c r="D2066" t="s">
        <v>47636</v>
      </c>
      <c r="E2066" t="s">
        <v>13</v>
      </c>
      <c r="F2066">
        <v>12016</v>
      </c>
      <c r="G2066" t="s">
        <v>47735</v>
      </c>
      <c r="H2066">
        <v>5.8533103448829999</v>
      </c>
      <c r="I2066">
        <v>51.920611267266999</v>
      </c>
      <c r="J2066" t="s">
        <v>57751</v>
      </c>
    </row>
    <row r="2067" spans="1:10" x14ac:dyDescent="0.25">
      <c r="A2067" t="s">
        <v>47728</v>
      </c>
      <c r="B2067" t="s">
        <v>47729</v>
      </c>
      <c r="C2067" t="s">
        <v>47730</v>
      </c>
      <c r="D2067" t="s">
        <v>47636</v>
      </c>
      <c r="E2067" t="s">
        <v>13</v>
      </c>
      <c r="F2067">
        <v>12015</v>
      </c>
      <c r="G2067" t="s">
        <v>47731</v>
      </c>
      <c r="H2067">
        <v>5.8515198252219998</v>
      </c>
      <c r="I2067">
        <v>51.915289417506003</v>
      </c>
      <c r="J2067" t="s">
        <v>57752</v>
      </c>
    </row>
    <row r="2068" spans="1:10" x14ac:dyDescent="0.25">
      <c r="A2068" t="s">
        <v>47724</v>
      </c>
      <c r="B2068" t="s">
        <v>47725</v>
      </c>
      <c r="C2068" t="s">
        <v>47726</v>
      </c>
      <c r="D2068" t="s">
        <v>47636</v>
      </c>
      <c r="E2068" t="s">
        <v>13</v>
      </c>
      <c r="F2068">
        <v>12014</v>
      </c>
      <c r="G2068" t="s">
        <v>47727</v>
      </c>
      <c r="H2068">
        <v>5.8641234250260004</v>
      </c>
      <c r="I2068">
        <v>51.918500495853998</v>
      </c>
      <c r="J2068" t="s">
        <v>57753</v>
      </c>
    </row>
    <row r="2069" spans="1:10" x14ac:dyDescent="0.25">
      <c r="A2069" t="s">
        <v>47721</v>
      </c>
      <c r="B2069" t="s">
        <v>47722</v>
      </c>
      <c r="C2069" t="s">
        <v>20725</v>
      </c>
      <c r="D2069" t="s">
        <v>47636</v>
      </c>
      <c r="E2069" t="s">
        <v>13</v>
      </c>
      <c r="F2069">
        <v>12013</v>
      </c>
      <c r="G2069" t="s">
        <v>47723</v>
      </c>
      <c r="H2069">
        <v>5.8568264482280004</v>
      </c>
      <c r="I2069">
        <v>51.923007503858997</v>
      </c>
      <c r="J2069" t="s">
        <v>57754</v>
      </c>
    </row>
    <row r="2070" spans="1:10" x14ac:dyDescent="0.25">
      <c r="A2070" t="s">
        <v>47717</v>
      </c>
      <c r="B2070" t="s">
        <v>47718</v>
      </c>
      <c r="C2070" t="s">
        <v>47719</v>
      </c>
      <c r="D2070" t="s">
        <v>47636</v>
      </c>
      <c r="E2070" t="s">
        <v>13</v>
      </c>
      <c r="F2070">
        <v>12012</v>
      </c>
      <c r="G2070" t="s">
        <v>47720</v>
      </c>
      <c r="H2070">
        <v>5.8685201786469996</v>
      </c>
      <c r="I2070">
        <v>51.922597888359</v>
      </c>
      <c r="J2070" t="s">
        <v>57755</v>
      </c>
    </row>
    <row r="2071" spans="1:10" x14ac:dyDescent="0.25">
      <c r="A2071" t="s">
        <v>47713</v>
      </c>
      <c r="B2071" t="s">
        <v>47714</v>
      </c>
      <c r="C2071" t="s">
        <v>47715</v>
      </c>
      <c r="D2071" t="s">
        <v>47636</v>
      </c>
      <c r="E2071" t="s">
        <v>13</v>
      </c>
      <c r="F2071">
        <v>12011</v>
      </c>
      <c r="G2071" t="s">
        <v>47716</v>
      </c>
      <c r="H2071">
        <v>5.8638296321289998</v>
      </c>
      <c r="I2071">
        <v>51.924639324498003</v>
      </c>
      <c r="J2071" t="s">
        <v>57756</v>
      </c>
    </row>
    <row r="2072" spans="1:10" x14ac:dyDescent="0.25">
      <c r="A2072" t="s">
        <v>47709</v>
      </c>
      <c r="B2072" t="s">
        <v>47710</v>
      </c>
      <c r="C2072" t="s">
        <v>47711</v>
      </c>
      <c r="D2072" t="s">
        <v>47636</v>
      </c>
      <c r="E2072" t="s">
        <v>13</v>
      </c>
      <c r="F2072">
        <v>12010</v>
      </c>
      <c r="G2072" t="s">
        <v>47712</v>
      </c>
      <c r="H2072">
        <v>5.8591473966310001</v>
      </c>
      <c r="I2072">
        <v>51.919216444428997</v>
      </c>
      <c r="J2072" t="s">
        <v>57757</v>
      </c>
    </row>
    <row r="2073" spans="1:10" x14ac:dyDescent="0.25">
      <c r="A2073" t="s">
        <v>47705</v>
      </c>
      <c r="B2073" t="s">
        <v>47706</v>
      </c>
      <c r="C2073" t="s">
        <v>47707</v>
      </c>
      <c r="D2073" t="s">
        <v>47636</v>
      </c>
      <c r="E2073" t="s">
        <v>13</v>
      </c>
      <c r="F2073">
        <v>12009</v>
      </c>
      <c r="G2073" t="s">
        <v>47708</v>
      </c>
      <c r="H2073">
        <v>5.862804460235</v>
      </c>
      <c r="I2073">
        <v>51.910931230910002</v>
      </c>
      <c r="J2073" t="s">
        <v>57758</v>
      </c>
    </row>
    <row r="2074" spans="1:10" x14ac:dyDescent="0.25">
      <c r="A2074" t="s">
        <v>47701</v>
      </c>
      <c r="B2074" t="s">
        <v>47702</v>
      </c>
      <c r="C2074" t="s">
        <v>47703</v>
      </c>
      <c r="D2074" t="s">
        <v>47636</v>
      </c>
      <c r="E2074" t="s">
        <v>13</v>
      </c>
      <c r="F2074">
        <v>12008</v>
      </c>
      <c r="G2074" t="s">
        <v>47704</v>
      </c>
      <c r="H2074">
        <v>5.8655040448050002</v>
      </c>
      <c r="I2074">
        <v>51.904335634604003</v>
      </c>
      <c r="J2074" t="s">
        <v>57759</v>
      </c>
    </row>
    <row r="2075" spans="1:10" x14ac:dyDescent="0.25">
      <c r="A2075" t="s">
        <v>47697</v>
      </c>
      <c r="B2075" t="s">
        <v>47698</v>
      </c>
      <c r="C2075" t="s">
        <v>47699</v>
      </c>
      <c r="D2075" t="s">
        <v>47636</v>
      </c>
      <c r="E2075" t="s">
        <v>13</v>
      </c>
      <c r="F2075">
        <v>12007</v>
      </c>
      <c r="G2075" t="s">
        <v>47700</v>
      </c>
      <c r="H2075">
        <v>5.8387901300990004</v>
      </c>
      <c r="I2075">
        <v>51.921354315720002</v>
      </c>
      <c r="J2075" t="s">
        <v>57760</v>
      </c>
    </row>
    <row r="2076" spans="1:10" x14ac:dyDescent="0.25">
      <c r="A2076" t="s">
        <v>47693</v>
      </c>
      <c r="B2076" t="s">
        <v>47694</v>
      </c>
      <c r="C2076" t="s">
        <v>47695</v>
      </c>
      <c r="D2076" t="s">
        <v>47636</v>
      </c>
      <c r="E2076" t="s">
        <v>13</v>
      </c>
      <c r="F2076">
        <v>12006</v>
      </c>
      <c r="G2076" t="s">
        <v>47696</v>
      </c>
      <c r="H2076">
        <v>5.8355268361360002</v>
      </c>
      <c r="I2076">
        <v>51.923455236731002</v>
      </c>
      <c r="J2076" t="s">
        <v>57761</v>
      </c>
    </row>
    <row r="2077" spans="1:10" x14ac:dyDescent="0.25">
      <c r="A2077" t="s">
        <v>47690</v>
      </c>
      <c r="B2077" t="s">
        <v>47691</v>
      </c>
      <c r="C2077" t="s">
        <v>13454</v>
      </c>
      <c r="D2077" t="s">
        <v>47636</v>
      </c>
      <c r="E2077" t="s">
        <v>13</v>
      </c>
      <c r="F2077">
        <v>12005</v>
      </c>
      <c r="G2077" t="s">
        <v>47692</v>
      </c>
      <c r="H2077">
        <v>5.8431123515719996</v>
      </c>
      <c r="I2077">
        <v>51.923924182782997</v>
      </c>
      <c r="J2077" t="s">
        <v>57762</v>
      </c>
    </row>
    <row r="2078" spans="1:10" x14ac:dyDescent="0.25">
      <c r="A2078" t="s">
        <v>47686</v>
      </c>
      <c r="B2078" t="s">
        <v>47687</v>
      </c>
      <c r="C2078" t="s">
        <v>47688</v>
      </c>
      <c r="D2078" t="s">
        <v>47636</v>
      </c>
      <c r="E2078" t="s">
        <v>13</v>
      </c>
      <c r="F2078">
        <v>12004</v>
      </c>
      <c r="G2078" t="s">
        <v>47689</v>
      </c>
      <c r="H2078">
        <v>5.8454550631000002</v>
      </c>
      <c r="I2078">
        <v>51.919834543457</v>
      </c>
      <c r="J2078" t="s">
        <v>57763</v>
      </c>
    </row>
    <row r="2079" spans="1:10" x14ac:dyDescent="0.25">
      <c r="A2079" t="s">
        <v>47682</v>
      </c>
      <c r="B2079" t="s">
        <v>47683</v>
      </c>
      <c r="C2079" t="s">
        <v>47684</v>
      </c>
      <c r="D2079" t="s">
        <v>47636</v>
      </c>
      <c r="E2079" t="s">
        <v>13</v>
      </c>
      <c r="F2079">
        <v>12003</v>
      </c>
      <c r="G2079" t="s">
        <v>47685</v>
      </c>
      <c r="H2079">
        <v>5.8499463983890001</v>
      </c>
      <c r="I2079">
        <v>51.921841332245997</v>
      </c>
      <c r="J2079" t="s">
        <v>57764</v>
      </c>
    </row>
    <row r="2080" spans="1:10" x14ac:dyDescent="0.25">
      <c r="A2080" t="s">
        <v>47678</v>
      </c>
      <c r="B2080" t="s">
        <v>47679</v>
      </c>
      <c r="C2080" t="s">
        <v>47680</v>
      </c>
      <c r="D2080" t="s">
        <v>47636</v>
      </c>
      <c r="E2080" t="s">
        <v>13</v>
      </c>
      <c r="F2080">
        <v>12002</v>
      </c>
      <c r="G2080" t="s">
        <v>47681</v>
      </c>
      <c r="H2080">
        <v>5.8485767622099996</v>
      </c>
      <c r="I2080">
        <v>51.925755433756997</v>
      </c>
      <c r="J2080" t="s">
        <v>57765</v>
      </c>
    </row>
    <row r="2081" spans="1:10" x14ac:dyDescent="0.25">
      <c r="A2081" t="s">
        <v>47674</v>
      </c>
      <c r="B2081" t="s">
        <v>47675</v>
      </c>
      <c r="C2081" t="s">
        <v>47676</v>
      </c>
      <c r="D2081" t="s">
        <v>47636</v>
      </c>
      <c r="E2081" t="s">
        <v>13</v>
      </c>
      <c r="F2081">
        <v>12001</v>
      </c>
      <c r="G2081" t="s">
        <v>47677</v>
      </c>
      <c r="H2081">
        <v>5.8310952586809996</v>
      </c>
      <c r="I2081">
        <v>51.913867244000997</v>
      </c>
      <c r="J2081" t="s">
        <v>57766</v>
      </c>
    </row>
    <row r="2082" spans="1:10" x14ac:dyDescent="0.25">
      <c r="A2082" t="s">
        <v>47670</v>
      </c>
      <c r="B2082" t="s">
        <v>47671</v>
      </c>
      <c r="C2082" t="s">
        <v>47672</v>
      </c>
      <c r="D2082" t="s">
        <v>47636</v>
      </c>
      <c r="E2082" t="s">
        <v>13</v>
      </c>
      <c r="F2082">
        <v>12000</v>
      </c>
      <c r="G2082" t="s">
        <v>47673</v>
      </c>
      <c r="H2082">
        <v>5.8329204713529998</v>
      </c>
      <c r="I2082">
        <v>51.918299687005003</v>
      </c>
      <c r="J2082" t="s">
        <v>57767</v>
      </c>
    </row>
    <row r="2083" spans="1:10" x14ac:dyDescent="0.25">
      <c r="A2083" t="s">
        <v>47666</v>
      </c>
      <c r="B2083" t="s">
        <v>47667</v>
      </c>
      <c r="C2083" t="s">
        <v>47668</v>
      </c>
      <c r="D2083" t="s">
        <v>47636</v>
      </c>
      <c r="E2083" t="s">
        <v>13</v>
      </c>
      <c r="F2083">
        <v>11999</v>
      </c>
      <c r="G2083" t="s">
        <v>47669</v>
      </c>
      <c r="H2083">
        <v>5.8260337813809997</v>
      </c>
      <c r="I2083">
        <v>51.910558567868001</v>
      </c>
      <c r="J2083" t="s">
        <v>57768</v>
      </c>
    </row>
    <row r="2084" spans="1:10" x14ac:dyDescent="0.25">
      <c r="A2084" t="s">
        <v>47662</v>
      </c>
      <c r="B2084" t="s">
        <v>47663</v>
      </c>
      <c r="C2084" t="s">
        <v>47664</v>
      </c>
      <c r="D2084" t="s">
        <v>47636</v>
      </c>
      <c r="E2084" t="s">
        <v>13</v>
      </c>
      <c r="F2084">
        <v>11998</v>
      </c>
      <c r="G2084" t="s">
        <v>47665</v>
      </c>
      <c r="H2084">
        <v>5.8268809132039996</v>
      </c>
      <c r="I2084">
        <v>51.916177298672999</v>
      </c>
      <c r="J2084" t="s">
        <v>57769</v>
      </c>
    </row>
    <row r="2085" spans="1:10" x14ac:dyDescent="0.25">
      <c r="A2085" t="s">
        <v>47658</v>
      </c>
      <c r="B2085" t="s">
        <v>47659</v>
      </c>
      <c r="C2085" t="s">
        <v>47660</v>
      </c>
      <c r="D2085" t="s">
        <v>47636</v>
      </c>
      <c r="E2085" t="s">
        <v>13</v>
      </c>
      <c r="F2085">
        <v>11997</v>
      </c>
      <c r="G2085" t="s">
        <v>47661</v>
      </c>
      <c r="H2085">
        <v>5.8419772721990002</v>
      </c>
      <c r="I2085">
        <v>51.917243843276999</v>
      </c>
      <c r="J2085" t="s">
        <v>57770</v>
      </c>
    </row>
    <row r="2086" spans="1:10" x14ac:dyDescent="0.25">
      <c r="A2086" t="s">
        <v>47654</v>
      </c>
      <c r="B2086" t="s">
        <v>47655</v>
      </c>
      <c r="C2086" t="s">
        <v>47656</v>
      </c>
      <c r="D2086" t="s">
        <v>47636</v>
      </c>
      <c r="E2086" t="s">
        <v>13</v>
      </c>
      <c r="F2086">
        <v>11996</v>
      </c>
      <c r="G2086" t="s">
        <v>47657</v>
      </c>
      <c r="H2086">
        <v>5.8383695516799996</v>
      </c>
      <c r="I2086">
        <v>51.913307625209001</v>
      </c>
      <c r="J2086" t="s">
        <v>57771</v>
      </c>
    </row>
    <row r="2087" spans="1:10" x14ac:dyDescent="0.25">
      <c r="A2087" t="s">
        <v>47650</v>
      </c>
      <c r="B2087" t="s">
        <v>47651</v>
      </c>
      <c r="C2087" t="s">
        <v>47652</v>
      </c>
      <c r="D2087" t="s">
        <v>47636</v>
      </c>
      <c r="E2087" t="s">
        <v>13</v>
      </c>
      <c r="F2087">
        <v>11995</v>
      </c>
      <c r="G2087" t="s">
        <v>47653</v>
      </c>
      <c r="H2087">
        <v>5.836708095923</v>
      </c>
      <c r="I2087">
        <v>51.909872513853003</v>
      </c>
      <c r="J2087" t="s">
        <v>57772</v>
      </c>
    </row>
    <row r="2088" spans="1:10" x14ac:dyDescent="0.25">
      <c r="A2088" t="s">
        <v>47646</v>
      </c>
      <c r="B2088" t="s">
        <v>47647</v>
      </c>
      <c r="C2088" t="s">
        <v>47648</v>
      </c>
      <c r="D2088" t="s">
        <v>47636</v>
      </c>
      <c r="E2088" t="s">
        <v>13</v>
      </c>
      <c r="F2088">
        <v>11994</v>
      </c>
      <c r="G2088" t="s">
        <v>47649</v>
      </c>
      <c r="H2088">
        <v>5.8400895848110004</v>
      </c>
      <c r="I2088">
        <v>51.90098629701</v>
      </c>
      <c r="J2088" t="s">
        <v>57773</v>
      </c>
    </row>
    <row r="2089" spans="1:10" x14ac:dyDescent="0.25">
      <c r="A2089" t="s">
        <v>47642</v>
      </c>
      <c r="B2089" t="s">
        <v>47643</v>
      </c>
      <c r="C2089" t="s">
        <v>47644</v>
      </c>
      <c r="D2089" t="s">
        <v>47636</v>
      </c>
      <c r="E2089" t="s">
        <v>13</v>
      </c>
      <c r="F2089">
        <v>11993</v>
      </c>
      <c r="G2089" t="s">
        <v>47645</v>
      </c>
      <c r="H2089">
        <v>5.8152374116879999</v>
      </c>
      <c r="I2089">
        <v>51.932472285601001</v>
      </c>
      <c r="J2089" t="s">
        <v>57774</v>
      </c>
    </row>
    <row r="2090" spans="1:10" x14ac:dyDescent="0.25">
      <c r="A2090" t="s">
        <v>47638</v>
      </c>
      <c r="B2090" t="s">
        <v>47639</v>
      </c>
      <c r="C2090" t="s">
        <v>47640</v>
      </c>
      <c r="D2090" t="s">
        <v>47636</v>
      </c>
      <c r="E2090" t="s">
        <v>13</v>
      </c>
      <c r="F2090">
        <v>11992</v>
      </c>
      <c r="G2090" t="s">
        <v>47641</v>
      </c>
      <c r="H2090">
        <v>5.8690044599429996</v>
      </c>
      <c r="I2090">
        <v>51.928658666330001</v>
      </c>
      <c r="J2090" t="s">
        <v>57775</v>
      </c>
    </row>
    <row r="2091" spans="1:10" x14ac:dyDescent="0.25">
      <c r="A2091" t="s">
        <v>47633</v>
      </c>
      <c r="B2091" t="s">
        <v>47634</v>
      </c>
      <c r="C2091" t="s">
        <v>47635</v>
      </c>
      <c r="D2091" t="s">
        <v>47636</v>
      </c>
      <c r="E2091" t="s">
        <v>13</v>
      </c>
      <c r="F2091">
        <v>11991</v>
      </c>
      <c r="G2091" t="s">
        <v>47637</v>
      </c>
      <c r="H2091">
        <v>5.8115061223930002</v>
      </c>
      <c r="I2091">
        <v>51.907998679431003</v>
      </c>
      <c r="J2091" t="s">
        <v>57776</v>
      </c>
    </row>
    <row r="2092" spans="1:10" x14ac:dyDescent="0.25">
      <c r="A2092" t="s">
        <v>47629</v>
      </c>
      <c r="B2092" t="s">
        <v>47630</v>
      </c>
      <c r="C2092" t="s">
        <v>47631</v>
      </c>
      <c r="D2092" t="s">
        <v>47535</v>
      </c>
      <c r="E2092" t="s">
        <v>13</v>
      </c>
      <c r="F2092">
        <v>11990</v>
      </c>
      <c r="G2092" t="s">
        <v>47632</v>
      </c>
      <c r="H2092">
        <v>5.2380503039580004</v>
      </c>
      <c r="I2092">
        <v>51.403634773040999</v>
      </c>
      <c r="J2092" t="s">
        <v>57777</v>
      </c>
    </row>
    <row r="2093" spans="1:10" x14ac:dyDescent="0.25">
      <c r="A2093" t="s">
        <v>47625</v>
      </c>
      <c r="B2093" t="s">
        <v>47626</v>
      </c>
      <c r="C2093" t="s">
        <v>47627</v>
      </c>
      <c r="D2093" t="s">
        <v>47535</v>
      </c>
      <c r="E2093" t="s">
        <v>13</v>
      </c>
      <c r="F2093">
        <v>11989</v>
      </c>
      <c r="G2093" t="s">
        <v>47628</v>
      </c>
      <c r="H2093">
        <v>5.2416083869619996</v>
      </c>
      <c r="I2093">
        <v>51.397970999015001</v>
      </c>
      <c r="J2093" t="s">
        <v>57778</v>
      </c>
    </row>
    <row r="2094" spans="1:10" x14ac:dyDescent="0.25">
      <c r="A2094" t="s">
        <v>47621</v>
      </c>
      <c r="B2094" t="s">
        <v>47622</v>
      </c>
      <c r="C2094" t="s">
        <v>47623</v>
      </c>
      <c r="D2094" t="s">
        <v>47535</v>
      </c>
      <c r="E2094" t="s">
        <v>13</v>
      </c>
      <c r="F2094">
        <v>11988</v>
      </c>
      <c r="G2094" t="s">
        <v>47624</v>
      </c>
      <c r="H2094">
        <v>5.261539068846</v>
      </c>
      <c r="I2094">
        <v>51.401987202934997</v>
      </c>
      <c r="J2094" t="s">
        <v>57779</v>
      </c>
    </row>
    <row r="2095" spans="1:10" x14ac:dyDescent="0.25">
      <c r="A2095" t="s">
        <v>47617</v>
      </c>
      <c r="B2095" t="s">
        <v>47618</v>
      </c>
      <c r="C2095" t="s">
        <v>47619</v>
      </c>
      <c r="D2095" t="s">
        <v>47535</v>
      </c>
      <c r="E2095" t="s">
        <v>13</v>
      </c>
      <c r="F2095">
        <v>11987</v>
      </c>
      <c r="G2095" t="s">
        <v>47620</v>
      </c>
      <c r="H2095">
        <v>5.2956531609880004</v>
      </c>
      <c r="I2095">
        <v>51.397896671787002</v>
      </c>
      <c r="J2095" t="s">
        <v>57780</v>
      </c>
    </row>
    <row r="2096" spans="1:10" x14ac:dyDescent="0.25">
      <c r="A2096" t="s">
        <v>47613</v>
      </c>
      <c r="B2096" t="s">
        <v>47614</v>
      </c>
      <c r="C2096" t="s">
        <v>47615</v>
      </c>
      <c r="D2096" t="s">
        <v>47535</v>
      </c>
      <c r="E2096" t="s">
        <v>13</v>
      </c>
      <c r="F2096">
        <v>11986</v>
      </c>
      <c r="G2096" t="s">
        <v>47616</v>
      </c>
      <c r="H2096">
        <v>5.2687391985319998</v>
      </c>
      <c r="I2096">
        <v>51.391667816808997</v>
      </c>
      <c r="J2096" t="s">
        <v>57781</v>
      </c>
    </row>
    <row r="2097" spans="1:10" x14ac:dyDescent="0.25">
      <c r="A2097" t="s">
        <v>47609</v>
      </c>
      <c r="B2097" t="s">
        <v>47610</v>
      </c>
      <c r="C2097" t="s">
        <v>47611</v>
      </c>
      <c r="D2097" t="s">
        <v>47535</v>
      </c>
      <c r="E2097" t="s">
        <v>13</v>
      </c>
      <c r="F2097">
        <v>11985</v>
      </c>
      <c r="G2097" t="s">
        <v>47612</v>
      </c>
      <c r="H2097">
        <v>5.2551180950739997</v>
      </c>
      <c r="I2097">
        <v>51.342754244359</v>
      </c>
      <c r="J2097" t="s">
        <v>57782</v>
      </c>
    </row>
    <row r="2098" spans="1:10" x14ac:dyDescent="0.25">
      <c r="A2098" t="s">
        <v>47605</v>
      </c>
      <c r="B2098" t="s">
        <v>47606</v>
      </c>
      <c r="C2098" t="s">
        <v>47607</v>
      </c>
      <c r="D2098" t="s">
        <v>47535</v>
      </c>
      <c r="E2098" t="s">
        <v>13</v>
      </c>
      <c r="F2098">
        <v>11984</v>
      </c>
      <c r="G2098" t="s">
        <v>47608</v>
      </c>
      <c r="H2098">
        <v>5.2715543061809997</v>
      </c>
      <c r="I2098">
        <v>51.357947136649997</v>
      </c>
      <c r="J2098" t="s">
        <v>57783</v>
      </c>
    </row>
    <row r="2099" spans="1:10" x14ac:dyDescent="0.25">
      <c r="A2099" t="s">
        <v>47601</v>
      </c>
      <c r="B2099" t="s">
        <v>47602</v>
      </c>
      <c r="C2099" t="s">
        <v>47603</v>
      </c>
      <c r="D2099" t="s">
        <v>47535</v>
      </c>
      <c r="E2099" t="s">
        <v>13</v>
      </c>
      <c r="F2099">
        <v>11983</v>
      </c>
      <c r="G2099" t="s">
        <v>47604</v>
      </c>
      <c r="H2099">
        <v>5.249596884912</v>
      </c>
      <c r="I2099">
        <v>51.341636813134997</v>
      </c>
      <c r="J2099" t="s">
        <v>57784</v>
      </c>
    </row>
    <row r="2100" spans="1:10" x14ac:dyDescent="0.25">
      <c r="A2100" t="s">
        <v>47597</v>
      </c>
      <c r="B2100" t="s">
        <v>47598</v>
      </c>
      <c r="C2100" t="s">
        <v>47599</v>
      </c>
      <c r="D2100" t="s">
        <v>47535</v>
      </c>
      <c r="E2100" t="s">
        <v>13</v>
      </c>
      <c r="F2100">
        <v>11982</v>
      </c>
      <c r="G2100" t="s">
        <v>47600</v>
      </c>
      <c r="H2100">
        <v>5.2534929485869997</v>
      </c>
      <c r="I2100">
        <v>51.365695867549</v>
      </c>
      <c r="J2100" t="s">
        <v>57785</v>
      </c>
    </row>
    <row r="2101" spans="1:10" x14ac:dyDescent="0.25">
      <c r="A2101" t="s">
        <v>47593</v>
      </c>
      <c r="B2101" t="s">
        <v>47594</v>
      </c>
      <c r="C2101" t="s">
        <v>47595</v>
      </c>
      <c r="D2101" t="s">
        <v>47535</v>
      </c>
      <c r="E2101" t="s">
        <v>13</v>
      </c>
      <c r="F2101">
        <v>11981</v>
      </c>
      <c r="G2101" t="s">
        <v>47596</v>
      </c>
      <c r="H2101">
        <v>5.2579747261480003</v>
      </c>
      <c r="I2101">
        <v>51.371407854577001</v>
      </c>
      <c r="J2101" t="s">
        <v>57786</v>
      </c>
    </row>
    <row r="2102" spans="1:10" x14ac:dyDescent="0.25">
      <c r="A2102" t="s">
        <v>47589</v>
      </c>
      <c r="B2102" t="s">
        <v>47590</v>
      </c>
      <c r="C2102" t="s">
        <v>47591</v>
      </c>
      <c r="D2102" t="s">
        <v>47535</v>
      </c>
      <c r="E2102" t="s">
        <v>13</v>
      </c>
      <c r="F2102">
        <v>11980</v>
      </c>
      <c r="G2102" t="s">
        <v>47592</v>
      </c>
      <c r="H2102">
        <v>5.2632753563700003</v>
      </c>
      <c r="I2102">
        <v>51.367541481899003</v>
      </c>
      <c r="J2102" t="s">
        <v>57787</v>
      </c>
    </row>
    <row r="2103" spans="1:10" x14ac:dyDescent="0.25">
      <c r="A2103" t="s">
        <v>47585</v>
      </c>
      <c r="B2103" t="s">
        <v>47586</v>
      </c>
      <c r="C2103" t="s">
        <v>47587</v>
      </c>
      <c r="D2103" t="s">
        <v>47535</v>
      </c>
      <c r="E2103" t="s">
        <v>13</v>
      </c>
      <c r="F2103">
        <v>11979</v>
      </c>
      <c r="G2103" t="s">
        <v>47588</v>
      </c>
      <c r="H2103">
        <v>5.2710575544499996</v>
      </c>
      <c r="I2103">
        <v>51.372292548178997</v>
      </c>
      <c r="J2103" t="s">
        <v>57788</v>
      </c>
    </row>
    <row r="2104" spans="1:10" x14ac:dyDescent="0.25">
      <c r="A2104" t="s">
        <v>47581</v>
      </c>
      <c r="B2104" t="s">
        <v>47582</v>
      </c>
      <c r="C2104" t="s">
        <v>47583</v>
      </c>
      <c r="D2104" t="s">
        <v>47535</v>
      </c>
      <c r="E2104" t="s">
        <v>13</v>
      </c>
      <c r="F2104">
        <v>11978</v>
      </c>
      <c r="G2104" t="s">
        <v>47584</v>
      </c>
      <c r="H2104">
        <v>5.2538482318749997</v>
      </c>
      <c r="I2104">
        <v>51.369365901640002</v>
      </c>
      <c r="J2104" t="s">
        <v>57789</v>
      </c>
    </row>
    <row r="2105" spans="1:10" x14ac:dyDescent="0.25">
      <c r="A2105" t="s">
        <v>47577</v>
      </c>
      <c r="B2105" t="s">
        <v>47578</v>
      </c>
      <c r="C2105" t="s">
        <v>47579</v>
      </c>
      <c r="D2105" t="s">
        <v>47535</v>
      </c>
      <c r="E2105" t="s">
        <v>13</v>
      </c>
      <c r="F2105">
        <v>11977</v>
      </c>
      <c r="G2105" t="s">
        <v>47580</v>
      </c>
      <c r="H2105">
        <v>5.2080704899789998</v>
      </c>
      <c r="I2105">
        <v>51.414097748783</v>
      </c>
      <c r="J2105" t="s">
        <v>57790</v>
      </c>
    </row>
    <row r="2106" spans="1:10" x14ac:dyDescent="0.25">
      <c r="A2106" t="s">
        <v>47573</v>
      </c>
      <c r="B2106" t="s">
        <v>47574</v>
      </c>
      <c r="C2106" t="s">
        <v>47575</v>
      </c>
      <c r="D2106" t="s">
        <v>47535</v>
      </c>
      <c r="E2106" t="s">
        <v>13</v>
      </c>
      <c r="F2106">
        <v>11976</v>
      </c>
      <c r="G2106" t="s">
        <v>47576</v>
      </c>
      <c r="H2106">
        <v>5.2094990615350003</v>
      </c>
      <c r="I2106">
        <v>51.406425842452002</v>
      </c>
      <c r="J2106" t="s">
        <v>57791</v>
      </c>
    </row>
    <row r="2107" spans="1:10" x14ac:dyDescent="0.25">
      <c r="A2107" t="s">
        <v>47569</v>
      </c>
      <c r="B2107" t="s">
        <v>47570</v>
      </c>
      <c r="C2107" t="s">
        <v>47571</v>
      </c>
      <c r="D2107" t="s">
        <v>47535</v>
      </c>
      <c r="E2107" t="s">
        <v>13</v>
      </c>
      <c r="F2107">
        <v>11975</v>
      </c>
      <c r="G2107" t="s">
        <v>47572</v>
      </c>
      <c r="H2107">
        <v>5.2196570306470003</v>
      </c>
      <c r="I2107">
        <v>51.354164610413001</v>
      </c>
      <c r="J2107" t="s">
        <v>57792</v>
      </c>
    </row>
    <row r="2108" spans="1:10" x14ac:dyDescent="0.25">
      <c r="A2108" t="s">
        <v>47565</v>
      </c>
      <c r="B2108" t="s">
        <v>47566</v>
      </c>
      <c r="C2108" t="s">
        <v>47567</v>
      </c>
      <c r="D2108" t="s">
        <v>47535</v>
      </c>
      <c r="E2108" t="s">
        <v>13</v>
      </c>
      <c r="F2108">
        <v>11974</v>
      </c>
      <c r="G2108" t="s">
        <v>47568</v>
      </c>
      <c r="H2108">
        <v>5.2147337010400001</v>
      </c>
      <c r="I2108">
        <v>51.360473498563998</v>
      </c>
      <c r="J2108" t="s">
        <v>57793</v>
      </c>
    </row>
    <row r="2109" spans="1:10" x14ac:dyDescent="0.25">
      <c r="A2109" t="s">
        <v>47561</v>
      </c>
      <c r="B2109" t="s">
        <v>47562</v>
      </c>
      <c r="C2109" t="s">
        <v>47563</v>
      </c>
      <c r="D2109" t="s">
        <v>47535</v>
      </c>
      <c r="E2109" t="s">
        <v>13</v>
      </c>
      <c r="F2109">
        <v>11973</v>
      </c>
      <c r="G2109" t="s">
        <v>47564</v>
      </c>
      <c r="H2109">
        <v>5.2193265809360003</v>
      </c>
      <c r="I2109">
        <v>51.377709708222</v>
      </c>
      <c r="J2109" t="s">
        <v>57794</v>
      </c>
    </row>
    <row r="2110" spans="1:10" x14ac:dyDescent="0.25">
      <c r="A2110" t="s">
        <v>47557</v>
      </c>
      <c r="B2110" t="s">
        <v>47558</v>
      </c>
      <c r="C2110" t="s">
        <v>47559</v>
      </c>
      <c r="D2110" t="s">
        <v>47535</v>
      </c>
      <c r="E2110" t="s">
        <v>13</v>
      </c>
      <c r="F2110">
        <v>11972</v>
      </c>
      <c r="G2110" t="s">
        <v>47560</v>
      </c>
      <c r="H2110">
        <v>5.2265902568279996</v>
      </c>
      <c r="I2110">
        <v>51.371932564262998</v>
      </c>
      <c r="J2110" t="s">
        <v>57795</v>
      </c>
    </row>
    <row r="2111" spans="1:10" x14ac:dyDescent="0.25">
      <c r="A2111" t="s">
        <v>47553</v>
      </c>
      <c r="B2111" t="s">
        <v>47554</v>
      </c>
      <c r="C2111" t="s">
        <v>47555</v>
      </c>
      <c r="D2111" t="s">
        <v>47535</v>
      </c>
      <c r="E2111" t="s">
        <v>13</v>
      </c>
      <c r="F2111">
        <v>11971</v>
      </c>
      <c r="G2111" t="s">
        <v>47556</v>
      </c>
      <c r="H2111">
        <v>5.2243456537800004</v>
      </c>
      <c r="I2111">
        <v>51.366020424116002</v>
      </c>
      <c r="J2111" t="s">
        <v>57796</v>
      </c>
    </row>
    <row r="2112" spans="1:10" x14ac:dyDescent="0.25">
      <c r="A2112" t="s">
        <v>47549</v>
      </c>
      <c r="B2112" t="s">
        <v>47550</v>
      </c>
      <c r="C2112" t="s">
        <v>47551</v>
      </c>
      <c r="D2112" t="s">
        <v>47535</v>
      </c>
      <c r="E2112" t="s">
        <v>13</v>
      </c>
      <c r="F2112">
        <v>11970</v>
      </c>
      <c r="G2112" t="s">
        <v>47552</v>
      </c>
      <c r="H2112">
        <v>5.2093722057210003</v>
      </c>
      <c r="I2112">
        <v>51.370477443589003</v>
      </c>
      <c r="J2112" t="s">
        <v>57797</v>
      </c>
    </row>
    <row r="2113" spans="1:10" x14ac:dyDescent="0.25">
      <c r="A2113" t="s">
        <v>47545</v>
      </c>
      <c r="B2113" t="s">
        <v>47546</v>
      </c>
      <c r="C2113" t="s">
        <v>47547</v>
      </c>
      <c r="D2113" t="s">
        <v>47535</v>
      </c>
      <c r="E2113" t="s">
        <v>13</v>
      </c>
      <c r="F2113">
        <v>11969</v>
      </c>
      <c r="G2113" t="s">
        <v>47548</v>
      </c>
      <c r="H2113">
        <v>5.216981595649</v>
      </c>
      <c r="I2113">
        <v>51.373022126400997</v>
      </c>
      <c r="J2113" t="s">
        <v>57798</v>
      </c>
    </row>
    <row r="2114" spans="1:10" x14ac:dyDescent="0.25">
      <c r="A2114" t="s">
        <v>47541</v>
      </c>
      <c r="B2114" t="s">
        <v>47542</v>
      </c>
      <c r="C2114" t="s">
        <v>47543</v>
      </c>
      <c r="D2114" t="s">
        <v>47535</v>
      </c>
      <c r="E2114" t="s">
        <v>13</v>
      </c>
      <c r="F2114">
        <v>11968</v>
      </c>
      <c r="G2114" t="s">
        <v>47544</v>
      </c>
      <c r="H2114">
        <v>5.2075742481849998</v>
      </c>
      <c r="I2114">
        <v>51.363774016223999</v>
      </c>
      <c r="J2114" t="s">
        <v>57799</v>
      </c>
    </row>
    <row r="2115" spans="1:10" x14ac:dyDescent="0.25">
      <c r="A2115" t="s">
        <v>47537</v>
      </c>
      <c r="B2115" t="s">
        <v>47538</v>
      </c>
      <c r="C2115" t="s">
        <v>47539</v>
      </c>
      <c r="D2115" t="s">
        <v>47535</v>
      </c>
      <c r="E2115" t="s">
        <v>13</v>
      </c>
      <c r="F2115">
        <v>11967</v>
      </c>
      <c r="G2115" t="s">
        <v>47540</v>
      </c>
      <c r="H2115">
        <v>5.2011482732800003</v>
      </c>
      <c r="I2115">
        <v>51.358596388138999</v>
      </c>
      <c r="J2115" t="s">
        <v>57800</v>
      </c>
    </row>
    <row r="2116" spans="1:10" x14ac:dyDescent="0.25">
      <c r="A2116" t="s">
        <v>47532</v>
      </c>
      <c r="B2116" t="s">
        <v>47533</v>
      </c>
      <c r="C2116" t="s">
        <v>47534</v>
      </c>
      <c r="D2116" t="s">
        <v>47535</v>
      </c>
      <c r="E2116" t="s">
        <v>13</v>
      </c>
      <c r="F2116">
        <v>11966</v>
      </c>
      <c r="G2116" t="s">
        <v>47536</v>
      </c>
      <c r="H2116">
        <v>5.2171741925959996</v>
      </c>
      <c r="I2116">
        <v>51.367811997912</v>
      </c>
      <c r="J2116" t="s">
        <v>57801</v>
      </c>
    </row>
    <row r="2117" spans="1:10" x14ac:dyDescent="0.25">
      <c r="A2117" t="s">
        <v>47528</v>
      </c>
      <c r="B2117" t="s">
        <v>47529</v>
      </c>
      <c r="C2117" t="s">
        <v>47530</v>
      </c>
      <c r="D2117" t="s">
        <v>47315</v>
      </c>
      <c r="E2117" t="s">
        <v>13</v>
      </c>
      <c r="F2117">
        <v>11965</v>
      </c>
      <c r="G2117" t="s">
        <v>47531</v>
      </c>
      <c r="H2117">
        <v>4.3980029667520002</v>
      </c>
      <c r="I2117">
        <v>51.479251503271001</v>
      </c>
      <c r="J2117" t="s">
        <v>57802</v>
      </c>
    </row>
    <row r="2118" spans="1:10" x14ac:dyDescent="0.25">
      <c r="A2118" t="s">
        <v>47524</v>
      </c>
      <c r="B2118" t="s">
        <v>47525</v>
      </c>
      <c r="C2118" t="s">
        <v>47526</v>
      </c>
      <c r="D2118" t="s">
        <v>47315</v>
      </c>
      <c r="E2118" t="s">
        <v>13</v>
      </c>
      <c r="F2118">
        <v>11964</v>
      </c>
      <c r="G2118" t="s">
        <v>47527</v>
      </c>
      <c r="H2118">
        <v>4.391600138636</v>
      </c>
      <c r="I2118">
        <v>51.483978265955002</v>
      </c>
      <c r="J2118" t="s">
        <v>57803</v>
      </c>
    </row>
    <row r="2119" spans="1:10" x14ac:dyDescent="0.25">
      <c r="A2119" t="s">
        <v>47520</v>
      </c>
      <c r="B2119" t="s">
        <v>47521</v>
      </c>
      <c r="C2119" t="s">
        <v>47522</v>
      </c>
      <c r="D2119" t="s">
        <v>47315</v>
      </c>
      <c r="E2119" t="s">
        <v>13</v>
      </c>
      <c r="F2119">
        <v>11963</v>
      </c>
      <c r="G2119" t="s">
        <v>47523</v>
      </c>
      <c r="H2119">
        <v>4.341779455028</v>
      </c>
      <c r="I2119">
        <v>51.538371479262999</v>
      </c>
      <c r="J2119" t="s">
        <v>57804</v>
      </c>
    </row>
    <row r="2120" spans="1:10" x14ac:dyDescent="0.25">
      <c r="A2120" t="s">
        <v>47516</v>
      </c>
      <c r="B2120" t="s">
        <v>47517</v>
      </c>
      <c r="C2120" t="s">
        <v>47518</v>
      </c>
      <c r="D2120" t="s">
        <v>47315</v>
      </c>
      <c r="E2120" t="s">
        <v>13</v>
      </c>
      <c r="F2120">
        <v>11962</v>
      </c>
      <c r="G2120" t="s">
        <v>47519</v>
      </c>
      <c r="H2120">
        <v>4.3442950441740003</v>
      </c>
      <c r="I2120">
        <v>51.541203426080997</v>
      </c>
      <c r="J2120" t="s">
        <v>57805</v>
      </c>
    </row>
    <row r="2121" spans="1:10" x14ac:dyDescent="0.25">
      <c r="A2121" t="s">
        <v>47512</v>
      </c>
      <c r="B2121" t="s">
        <v>47513</v>
      </c>
      <c r="C2121" t="s">
        <v>47514</v>
      </c>
      <c r="D2121" t="s">
        <v>47315</v>
      </c>
      <c r="E2121" t="s">
        <v>13</v>
      </c>
      <c r="F2121">
        <v>11961</v>
      </c>
      <c r="G2121" t="s">
        <v>47515</v>
      </c>
      <c r="H2121">
        <v>4.3651771769529999</v>
      </c>
      <c r="I2121">
        <v>51.516775791980002</v>
      </c>
      <c r="J2121" t="s">
        <v>57806</v>
      </c>
    </row>
    <row r="2122" spans="1:10" x14ac:dyDescent="0.25">
      <c r="A2122" t="s">
        <v>47508</v>
      </c>
      <c r="B2122" t="s">
        <v>47509</v>
      </c>
      <c r="C2122" t="s">
        <v>47510</v>
      </c>
      <c r="D2122" t="s">
        <v>47315</v>
      </c>
      <c r="E2122" t="s">
        <v>13</v>
      </c>
      <c r="F2122">
        <v>11960</v>
      </c>
      <c r="G2122" t="s">
        <v>47511</v>
      </c>
      <c r="H2122">
        <v>4.3646419107760002</v>
      </c>
      <c r="I2122">
        <v>51.516814370970998</v>
      </c>
      <c r="J2122" t="s">
        <v>57807</v>
      </c>
    </row>
    <row r="2123" spans="1:10" x14ac:dyDescent="0.25">
      <c r="A2123" t="s">
        <v>47504</v>
      </c>
      <c r="B2123" t="s">
        <v>47505</v>
      </c>
      <c r="C2123" t="s">
        <v>47506</v>
      </c>
      <c r="D2123" t="s">
        <v>47315</v>
      </c>
      <c r="E2123" t="s">
        <v>13</v>
      </c>
      <c r="F2123">
        <v>11959</v>
      </c>
      <c r="G2123" t="s">
        <v>47507</v>
      </c>
      <c r="H2123">
        <v>4.391067152632</v>
      </c>
      <c r="I2123">
        <v>51.511604930540997</v>
      </c>
      <c r="J2123" t="s">
        <v>57808</v>
      </c>
    </row>
    <row r="2124" spans="1:10" x14ac:dyDescent="0.25">
      <c r="A2124" t="s">
        <v>47500</v>
      </c>
      <c r="B2124" t="s">
        <v>47501</v>
      </c>
      <c r="C2124" t="s">
        <v>47502</v>
      </c>
      <c r="D2124" t="s">
        <v>47315</v>
      </c>
      <c r="E2124" t="s">
        <v>13</v>
      </c>
      <c r="F2124">
        <v>11958</v>
      </c>
      <c r="G2124" t="s">
        <v>47503</v>
      </c>
      <c r="H2124">
        <v>4.3948560490100004</v>
      </c>
      <c r="I2124">
        <v>51.538544179340001</v>
      </c>
      <c r="J2124" t="s">
        <v>57809</v>
      </c>
    </row>
    <row r="2125" spans="1:10" x14ac:dyDescent="0.25">
      <c r="A2125" t="s">
        <v>47496</v>
      </c>
      <c r="B2125" t="s">
        <v>47497</v>
      </c>
      <c r="C2125" t="s">
        <v>47498</v>
      </c>
      <c r="D2125" t="s">
        <v>47315</v>
      </c>
      <c r="E2125" t="s">
        <v>13</v>
      </c>
      <c r="F2125">
        <v>11957</v>
      </c>
      <c r="G2125" t="s">
        <v>47499</v>
      </c>
      <c r="H2125">
        <v>4.3941452417200004</v>
      </c>
      <c r="I2125">
        <v>51.521942910241997</v>
      </c>
      <c r="J2125" t="s">
        <v>57810</v>
      </c>
    </row>
    <row r="2126" spans="1:10" x14ac:dyDescent="0.25">
      <c r="A2126" t="s">
        <v>47492</v>
      </c>
      <c r="B2126" t="s">
        <v>47493</v>
      </c>
      <c r="C2126" t="s">
        <v>47494</v>
      </c>
      <c r="D2126" t="s">
        <v>47315</v>
      </c>
      <c r="E2126" t="s">
        <v>13</v>
      </c>
      <c r="F2126">
        <v>11956</v>
      </c>
      <c r="G2126" t="s">
        <v>47495</v>
      </c>
      <c r="H2126">
        <v>4.4625662109700004</v>
      </c>
      <c r="I2126">
        <v>51.488015783331001</v>
      </c>
      <c r="J2126" t="s">
        <v>57811</v>
      </c>
    </row>
    <row r="2127" spans="1:10" x14ac:dyDescent="0.25">
      <c r="A2127" t="s">
        <v>47488</v>
      </c>
      <c r="B2127" t="s">
        <v>47489</v>
      </c>
      <c r="C2127" t="s">
        <v>47490</v>
      </c>
      <c r="D2127" t="s">
        <v>47315</v>
      </c>
      <c r="E2127" t="s">
        <v>13</v>
      </c>
      <c r="F2127">
        <v>11955</v>
      </c>
      <c r="G2127" t="s">
        <v>47491</v>
      </c>
      <c r="H2127">
        <v>4.4581244864930003</v>
      </c>
      <c r="I2127">
        <v>51.484205420404997</v>
      </c>
      <c r="J2127" t="s">
        <v>57812</v>
      </c>
    </row>
    <row r="2128" spans="1:10" x14ac:dyDescent="0.25">
      <c r="A2128" t="s">
        <v>47484</v>
      </c>
      <c r="B2128" t="s">
        <v>47485</v>
      </c>
      <c r="C2128" t="s">
        <v>47486</v>
      </c>
      <c r="D2128" t="s">
        <v>47315</v>
      </c>
      <c r="E2128" t="s">
        <v>13</v>
      </c>
      <c r="F2128">
        <v>11954</v>
      </c>
      <c r="G2128" t="s">
        <v>47487</v>
      </c>
      <c r="H2128">
        <v>4.4429556074449996</v>
      </c>
      <c r="I2128">
        <v>51.520572118006001</v>
      </c>
      <c r="J2128" t="s">
        <v>57813</v>
      </c>
    </row>
    <row r="2129" spans="1:10" x14ac:dyDescent="0.25">
      <c r="A2129" t="s">
        <v>47480</v>
      </c>
      <c r="B2129" t="s">
        <v>47481</v>
      </c>
      <c r="C2129" t="s">
        <v>47482</v>
      </c>
      <c r="D2129" t="s">
        <v>47315</v>
      </c>
      <c r="E2129" t="s">
        <v>13</v>
      </c>
      <c r="F2129">
        <v>11953</v>
      </c>
      <c r="G2129" t="s">
        <v>47483</v>
      </c>
      <c r="H2129">
        <v>4.500325869119</v>
      </c>
      <c r="I2129">
        <v>51.537854921780003</v>
      </c>
      <c r="J2129" t="s">
        <v>57814</v>
      </c>
    </row>
    <row r="2130" spans="1:10" x14ac:dyDescent="0.25">
      <c r="A2130" t="s">
        <v>47476</v>
      </c>
      <c r="B2130" t="s">
        <v>47477</v>
      </c>
      <c r="C2130" t="s">
        <v>47478</v>
      </c>
      <c r="D2130" t="s">
        <v>47315</v>
      </c>
      <c r="E2130" t="s">
        <v>13</v>
      </c>
      <c r="F2130">
        <v>11952</v>
      </c>
      <c r="G2130" t="s">
        <v>47479</v>
      </c>
      <c r="H2130">
        <v>4.4911976430480003</v>
      </c>
      <c r="I2130">
        <v>51.544222127758999</v>
      </c>
      <c r="J2130" t="s">
        <v>57815</v>
      </c>
    </row>
    <row r="2131" spans="1:10" x14ac:dyDescent="0.25">
      <c r="A2131" t="s">
        <v>47472</v>
      </c>
      <c r="B2131" t="s">
        <v>47473</v>
      </c>
      <c r="C2131" t="s">
        <v>47474</v>
      </c>
      <c r="D2131" t="s">
        <v>47315</v>
      </c>
      <c r="E2131" t="s">
        <v>13</v>
      </c>
      <c r="F2131">
        <v>11951</v>
      </c>
      <c r="G2131" t="s">
        <v>47475</v>
      </c>
      <c r="H2131">
        <v>4.4463491803449999</v>
      </c>
      <c r="I2131">
        <v>51.544237236409998</v>
      </c>
      <c r="J2131" t="s">
        <v>57816</v>
      </c>
    </row>
    <row r="2132" spans="1:10" x14ac:dyDescent="0.25">
      <c r="A2132" t="s">
        <v>47468</v>
      </c>
      <c r="B2132" t="s">
        <v>47469</v>
      </c>
      <c r="C2132" t="s">
        <v>47470</v>
      </c>
      <c r="D2132" t="s">
        <v>47315</v>
      </c>
      <c r="E2132" t="s">
        <v>13</v>
      </c>
      <c r="F2132">
        <v>11950</v>
      </c>
      <c r="G2132" t="s">
        <v>47471</v>
      </c>
      <c r="H2132">
        <v>4.4624537042719998</v>
      </c>
      <c r="I2132">
        <v>51.552245792031997</v>
      </c>
      <c r="J2132" t="s">
        <v>57817</v>
      </c>
    </row>
    <row r="2133" spans="1:10" x14ac:dyDescent="0.25">
      <c r="A2133" t="s">
        <v>47464</v>
      </c>
      <c r="B2133" t="s">
        <v>47465</v>
      </c>
      <c r="C2133" t="s">
        <v>47466</v>
      </c>
      <c r="D2133" t="s">
        <v>47315</v>
      </c>
      <c r="E2133" t="s">
        <v>13</v>
      </c>
      <c r="F2133">
        <v>11949</v>
      </c>
      <c r="G2133" t="s">
        <v>47467</v>
      </c>
      <c r="H2133">
        <v>4.4255465677499997</v>
      </c>
      <c r="I2133">
        <v>51.503932885856997</v>
      </c>
      <c r="J2133" t="s">
        <v>57818</v>
      </c>
    </row>
    <row r="2134" spans="1:10" x14ac:dyDescent="0.25">
      <c r="A2134" t="s">
        <v>47460</v>
      </c>
      <c r="B2134" t="s">
        <v>47461</v>
      </c>
      <c r="C2134" t="s">
        <v>47462</v>
      </c>
      <c r="D2134" t="s">
        <v>47315</v>
      </c>
      <c r="E2134" t="s">
        <v>13</v>
      </c>
      <c r="F2134">
        <v>11948</v>
      </c>
      <c r="G2134" t="s">
        <v>47463</v>
      </c>
      <c r="H2134">
        <v>4.4271442748250003</v>
      </c>
      <c r="I2134">
        <v>51.520901051362003</v>
      </c>
      <c r="J2134" t="s">
        <v>57819</v>
      </c>
    </row>
    <row r="2135" spans="1:10" x14ac:dyDescent="0.25">
      <c r="A2135" t="s">
        <v>47456</v>
      </c>
      <c r="B2135" t="s">
        <v>47457</v>
      </c>
      <c r="C2135" t="s">
        <v>47458</v>
      </c>
      <c r="D2135" t="s">
        <v>47315</v>
      </c>
      <c r="E2135" t="s">
        <v>13</v>
      </c>
      <c r="F2135">
        <v>11947</v>
      </c>
      <c r="G2135" t="s">
        <v>47459</v>
      </c>
      <c r="H2135">
        <v>4.4339032173600001</v>
      </c>
      <c r="I2135">
        <v>51.524829864814997</v>
      </c>
      <c r="J2135" t="s">
        <v>57820</v>
      </c>
    </row>
    <row r="2136" spans="1:10" x14ac:dyDescent="0.25">
      <c r="A2136" t="s">
        <v>47452</v>
      </c>
      <c r="B2136" t="s">
        <v>47453</v>
      </c>
      <c r="C2136" t="s">
        <v>47454</v>
      </c>
      <c r="D2136" t="s">
        <v>47315</v>
      </c>
      <c r="E2136" t="s">
        <v>13</v>
      </c>
      <c r="F2136">
        <v>11946</v>
      </c>
      <c r="G2136" t="s">
        <v>47455</v>
      </c>
      <c r="H2136">
        <v>4.4288585347550002</v>
      </c>
      <c r="I2136">
        <v>51.514202856339999</v>
      </c>
      <c r="J2136" t="s">
        <v>57821</v>
      </c>
    </row>
    <row r="2137" spans="1:10" x14ac:dyDescent="0.25">
      <c r="A2137" t="s">
        <v>47448</v>
      </c>
      <c r="B2137" t="s">
        <v>47449</v>
      </c>
      <c r="C2137" t="s">
        <v>47450</v>
      </c>
      <c r="D2137" t="s">
        <v>47315</v>
      </c>
      <c r="E2137" t="s">
        <v>13</v>
      </c>
      <c r="F2137">
        <v>11945</v>
      </c>
      <c r="G2137" t="s">
        <v>47451</v>
      </c>
      <c r="H2137">
        <v>4.4348761187349997</v>
      </c>
      <c r="I2137">
        <v>51.511844347047003</v>
      </c>
      <c r="J2137" t="s">
        <v>57822</v>
      </c>
    </row>
    <row r="2138" spans="1:10" x14ac:dyDescent="0.25">
      <c r="A2138" t="s">
        <v>47444</v>
      </c>
      <c r="B2138" t="s">
        <v>47445</v>
      </c>
      <c r="C2138" t="s">
        <v>47446</v>
      </c>
      <c r="D2138" t="s">
        <v>47315</v>
      </c>
      <c r="E2138" t="s">
        <v>13</v>
      </c>
      <c r="F2138">
        <v>11944</v>
      </c>
      <c r="G2138" t="s">
        <v>47447</v>
      </c>
      <c r="H2138">
        <v>4.4430137820080002</v>
      </c>
      <c r="I2138">
        <v>51.514586176365</v>
      </c>
      <c r="J2138" t="s">
        <v>57823</v>
      </c>
    </row>
    <row r="2139" spans="1:10" x14ac:dyDescent="0.25">
      <c r="A2139" t="s">
        <v>47440</v>
      </c>
      <c r="B2139" t="s">
        <v>47441</v>
      </c>
      <c r="C2139" t="s">
        <v>47442</v>
      </c>
      <c r="D2139" t="s">
        <v>47315</v>
      </c>
      <c r="E2139" t="s">
        <v>13</v>
      </c>
      <c r="F2139">
        <v>11943</v>
      </c>
      <c r="G2139" t="s">
        <v>47443</v>
      </c>
      <c r="H2139">
        <v>4.4423197213490004</v>
      </c>
      <c r="I2139">
        <v>51.526277619227002</v>
      </c>
      <c r="J2139" t="s">
        <v>57824</v>
      </c>
    </row>
    <row r="2140" spans="1:10" x14ac:dyDescent="0.25">
      <c r="A2140" t="s">
        <v>47436</v>
      </c>
      <c r="B2140" t="s">
        <v>47437</v>
      </c>
      <c r="C2140" t="s">
        <v>47438</v>
      </c>
      <c r="D2140" t="s">
        <v>47315</v>
      </c>
      <c r="E2140" t="s">
        <v>13</v>
      </c>
      <c r="F2140">
        <v>11942</v>
      </c>
      <c r="G2140" t="s">
        <v>47439</v>
      </c>
      <c r="H2140">
        <v>4.5117766977129996</v>
      </c>
      <c r="I2140">
        <v>51.528900185654997</v>
      </c>
      <c r="J2140" t="s">
        <v>57825</v>
      </c>
    </row>
    <row r="2141" spans="1:10" x14ac:dyDescent="0.25">
      <c r="A2141" t="s">
        <v>47432</v>
      </c>
      <c r="B2141" t="s">
        <v>47433</v>
      </c>
      <c r="C2141" t="s">
        <v>47434</v>
      </c>
      <c r="D2141" t="s">
        <v>47315</v>
      </c>
      <c r="E2141" t="s">
        <v>13</v>
      </c>
      <c r="F2141">
        <v>11941</v>
      </c>
      <c r="G2141" t="s">
        <v>47435</v>
      </c>
      <c r="H2141">
        <v>4.503697879073</v>
      </c>
      <c r="I2141">
        <v>51.529679008914997</v>
      </c>
      <c r="J2141" t="s">
        <v>57826</v>
      </c>
    </row>
    <row r="2142" spans="1:10" x14ac:dyDescent="0.25">
      <c r="A2142" t="s">
        <v>47428</v>
      </c>
      <c r="B2142" t="s">
        <v>47429</v>
      </c>
      <c r="C2142" t="s">
        <v>47430</v>
      </c>
      <c r="D2142" t="s">
        <v>47315</v>
      </c>
      <c r="E2142" t="s">
        <v>13</v>
      </c>
      <c r="F2142">
        <v>11940</v>
      </c>
      <c r="G2142" t="s">
        <v>47431</v>
      </c>
      <c r="H2142">
        <v>4.4943545676780001</v>
      </c>
      <c r="I2142">
        <v>51.524595668806001</v>
      </c>
      <c r="J2142" t="s">
        <v>57827</v>
      </c>
    </row>
    <row r="2143" spans="1:10" x14ac:dyDescent="0.25">
      <c r="A2143" t="s">
        <v>47424</v>
      </c>
      <c r="B2143" t="s">
        <v>47425</v>
      </c>
      <c r="C2143" t="s">
        <v>47426</v>
      </c>
      <c r="D2143" t="s">
        <v>47315</v>
      </c>
      <c r="E2143" t="s">
        <v>13</v>
      </c>
      <c r="F2143">
        <v>11939</v>
      </c>
      <c r="G2143" t="s">
        <v>47427</v>
      </c>
      <c r="H2143">
        <v>4.4888201452740004</v>
      </c>
      <c r="I2143">
        <v>51.531582215474998</v>
      </c>
      <c r="J2143" t="s">
        <v>57828</v>
      </c>
    </row>
    <row r="2144" spans="1:10" x14ac:dyDescent="0.25">
      <c r="A2144" t="s">
        <v>47420</v>
      </c>
      <c r="B2144" t="s">
        <v>47421</v>
      </c>
      <c r="C2144" t="s">
        <v>47422</v>
      </c>
      <c r="D2144" t="s">
        <v>47315</v>
      </c>
      <c r="E2144" t="s">
        <v>13</v>
      </c>
      <c r="F2144">
        <v>11938</v>
      </c>
      <c r="G2144" t="s">
        <v>47423</v>
      </c>
      <c r="H2144">
        <v>4.4870060366760001</v>
      </c>
      <c r="I2144">
        <v>51.523273194559003</v>
      </c>
      <c r="J2144" t="s">
        <v>57829</v>
      </c>
    </row>
    <row r="2145" spans="1:10" x14ac:dyDescent="0.25">
      <c r="A2145" t="s">
        <v>47416</v>
      </c>
      <c r="B2145" t="s">
        <v>47417</v>
      </c>
      <c r="C2145" t="s">
        <v>47418</v>
      </c>
      <c r="D2145" t="s">
        <v>47315</v>
      </c>
      <c r="E2145" t="s">
        <v>13</v>
      </c>
      <c r="F2145">
        <v>11937</v>
      </c>
      <c r="G2145" t="s">
        <v>47419</v>
      </c>
      <c r="H2145">
        <v>4.4883836122999998</v>
      </c>
      <c r="I2145">
        <v>51.509791432321002</v>
      </c>
      <c r="J2145" t="s">
        <v>57830</v>
      </c>
    </row>
    <row r="2146" spans="1:10" x14ac:dyDescent="0.25">
      <c r="A2146" t="s">
        <v>47412</v>
      </c>
      <c r="B2146" t="s">
        <v>47413</v>
      </c>
      <c r="C2146" t="s">
        <v>47414</v>
      </c>
      <c r="D2146" t="s">
        <v>47315</v>
      </c>
      <c r="E2146" t="s">
        <v>13</v>
      </c>
      <c r="F2146">
        <v>11936</v>
      </c>
      <c r="G2146" t="s">
        <v>47415</v>
      </c>
      <c r="H2146">
        <v>4.4785463608549998</v>
      </c>
      <c r="I2146">
        <v>51.519247667331001</v>
      </c>
      <c r="J2146" t="s">
        <v>57831</v>
      </c>
    </row>
    <row r="2147" spans="1:10" x14ac:dyDescent="0.25">
      <c r="A2147" t="s">
        <v>47408</v>
      </c>
      <c r="B2147" t="s">
        <v>47409</v>
      </c>
      <c r="C2147" t="s">
        <v>47410</v>
      </c>
      <c r="D2147" t="s">
        <v>47315</v>
      </c>
      <c r="E2147" t="s">
        <v>13</v>
      </c>
      <c r="F2147">
        <v>11935</v>
      </c>
      <c r="G2147" t="s">
        <v>47411</v>
      </c>
      <c r="H2147">
        <v>4.4700157662909996</v>
      </c>
      <c r="I2147">
        <v>51.517600151148997</v>
      </c>
      <c r="J2147" t="s">
        <v>57832</v>
      </c>
    </row>
    <row r="2148" spans="1:10" x14ac:dyDescent="0.25">
      <c r="A2148" t="s">
        <v>47404</v>
      </c>
      <c r="B2148" t="s">
        <v>47405</v>
      </c>
      <c r="C2148" t="s">
        <v>47406</v>
      </c>
      <c r="D2148" t="s">
        <v>47315</v>
      </c>
      <c r="E2148" t="s">
        <v>13</v>
      </c>
      <c r="F2148">
        <v>11934</v>
      </c>
      <c r="G2148" t="s">
        <v>47407</v>
      </c>
      <c r="H2148">
        <v>4.4717293744509998</v>
      </c>
      <c r="I2148">
        <v>51.523923846347998</v>
      </c>
      <c r="J2148" t="s">
        <v>57833</v>
      </c>
    </row>
    <row r="2149" spans="1:10" x14ac:dyDescent="0.25">
      <c r="A2149" t="s">
        <v>47400</v>
      </c>
      <c r="B2149" t="s">
        <v>47401</v>
      </c>
      <c r="C2149" t="s">
        <v>47402</v>
      </c>
      <c r="D2149" t="s">
        <v>47315</v>
      </c>
      <c r="E2149" t="s">
        <v>13</v>
      </c>
      <c r="F2149">
        <v>11933</v>
      </c>
      <c r="G2149" t="s">
        <v>47403</v>
      </c>
      <c r="H2149">
        <v>4.4636249969669999</v>
      </c>
      <c r="I2149">
        <v>51.506774622902</v>
      </c>
      <c r="J2149" t="s">
        <v>57834</v>
      </c>
    </row>
    <row r="2150" spans="1:10" x14ac:dyDescent="0.25">
      <c r="A2150" t="s">
        <v>47396</v>
      </c>
      <c r="B2150" t="s">
        <v>47397</v>
      </c>
      <c r="C2150" t="s">
        <v>47398</v>
      </c>
      <c r="D2150" t="s">
        <v>47315</v>
      </c>
      <c r="E2150" t="s">
        <v>13</v>
      </c>
      <c r="F2150">
        <v>11932</v>
      </c>
      <c r="G2150" t="s">
        <v>47399</v>
      </c>
      <c r="H2150">
        <v>4.4500446859220002</v>
      </c>
      <c r="I2150">
        <v>51.523053517106</v>
      </c>
      <c r="J2150" t="s">
        <v>57835</v>
      </c>
    </row>
    <row r="2151" spans="1:10" x14ac:dyDescent="0.25">
      <c r="A2151" t="s">
        <v>47392</v>
      </c>
      <c r="B2151" t="s">
        <v>47393</v>
      </c>
      <c r="C2151" t="s">
        <v>47394</v>
      </c>
      <c r="D2151" t="s">
        <v>47315</v>
      </c>
      <c r="E2151" t="s">
        <v>13</v>
      </c>
      <c r="F2151">
        <v>11931</v>
      </c>
      <c r="G2151" t="s">
        <v>47395</v>
      </c>
      <c r="H2151">
        <v>4.4509795486629997</v>
      </c>
      <c r="I2151">
        <v>51.515249452317001</v>
      </c>
      <c r="J2151" t="s">
        <v>57836</v>
      </c>
    </row>
    <row r="2152" spans="1:10" x14ac:dyDescent="0.25">
      <c r="A2152" t="s">
        <v>47388</v>
      </c>
      <c r="B2152" t="s">
        <v>47389</v>
      </c>
      <c r="C2152" t="s">
        <v>47390</v>
      </c>
      <c r="D2152" t="s">
        <v>47315</v>
      </c>
      <c r="E2152" t="s">
        <v>13</v>
      </c>
      <c r="F2152">
        <v>11930</v>
      </c>
      <c r="G2152" t="s">
        <v>47391</v>
      </c>
      <c r="H2152">
        <v>4.4631740883370004</v>
      </c>
      <c r="I2152">
        <v>51.517129515226998</v>
      </c>
      <c r="J2152" t="s">
        <v>57837</v>
      </c>
    </row>
    <row r="2153" spans="1:10" x14ac:dyDescent="0.25">
      <c r="A2153" t="s">
        <v>47384</v>
      </c>
      <c r="B2153" t="s">
        <v>47385</v>
      </c>
      <c r="C2153" t="s">
        <v>47386</v>
      </c>
      <c r="D2153" t="s">
        <v>47315</v>
      </c>
      <c r="E2153" t="s">
        <v>13</v>
      </c>
      <c r="F2153">
        <v>11929</v>
      </c>
      <c r="G2153" t="s">
        <v>47387</v>
      </c>
      <c r="H2153">
        <v>4.4580800215299998</v>
      </c>
      <c r="I2153">
        <v>51.514977156089998</v>
      </c>
      <c r="J2153" t="s">
        <v>57838</v>
      </c>
    </row>
    <row r="2154" spans="1:10" x14ac:dyDescent="0.25">
      <c r="A2154" t="s">
        <v>47380</v>
      </c>
      <c r="B2154" t="s">
        <v>47381</v>
      </c>
      <c r="C2154" t="s">
        <v>47382</v>
      </c>
      <c r="D2154" t="s">
        <v>47315</v>
      </c>
      <c r="E2154" t="s">
        <v>13</v>
      </c>
      <c r="F2154">
        <v>11928</v>
      </c>
      <c r="G2154" t="s">
        <v>47383</v>
      </c>
      <c r="H2154">
        <v>4.4602972510359997</v>
      </c>
      <c r="I2154">
        <v>51.523198437636999</v>
      </c>
      <c r="J2154" t="s">
        <v>57839</v>
      </c>
    </row>
    <row r="2155" spans="1:10" x14ac:dyDescent="0.25">
      <c r="A2155" t="s">
        <v>47376</v>
      </c>
      <c r="B2155" t="s">
        <v>47377</v>
      </c>
      <c r="C2155" t="s">
        <v>47378</v>
      </c>
      <c r="D2155" t="s">
        <v>47315</v>
      </c>
      <c r="E2155" t="s">
        <v>13</v>
      </c>
      <c r="F2155">
        <v>11927</v>
      </c>
      <c r="G2155" t="s">
        <v>47379</v>
      </c>
      <c r="H2155">
        <v>4.4540345441270004</v>
      </c>
      <c r="I2155">
        <v>51.523286219745998</v>
      </c>
      <c r="J2155" t="s">
        <v>57840</v>
      </c>
    </row>
    <row r="2156" spans="1:10" x14ac:dyDescent="0.25">
      <c r="A2156" t="s">
        <v>47372</v>
      </c>
      <c r="B2156" t="s">
        <v>47373</v>
      </c>
      <c r="C2156" t="s">
        <v>47374</v>
      </c>
      <c r="D2156" t="s">
        <v>47315</v>
      </c>
      <c r="E2156" t="s">
        <v>13</v>
      </c>
      <c r="F2156">
        <v>11926</v>
      </c>
      <c r="G2156" t="s">
        <v>47375</v>
      </c>
      <c r="H2156">
        <v>4.4271074342450003</v>
      </c>
      <c r="I2156">
        <v>51.541488243406</v>
      </c>
      <c r="J2156" t="s">
        <v>57841</v>
      </c>
    </row>
    <row r="2157" spans="1:10" x14ac:dyDescent="0.25">
      <c r="A2157" t="s">
        <v>47368</v>
      </c>
      <c r="B2157" t="s">
        <v>47369</v>
      </c>
      <c r="C2157" t="s">
        <v>47370</v>
      </c>
      <c r="D2157" t="s">
        <v>47315</v>
      </c>
      <c r="E2157" t="s">
        <v>13</v>
      </c>
      <c r="F2157">
        <v>11925</v>
      </c>
      <c r="G2157" t="s">
        <v>47371</v>
      </c>
      <c r="H2157">
        <v>4.446837552361</v>
      </c>
      <c r="I2157">
        <v>51.537688094337</v>
      </c>
      <c r="J2157" t="s">
        <v>57842</v>
      </c>
    </row>
    <row r="2158" spans="1:10" x14ac:dyDescent="0.25">
      <c r="A2158" t="s">
        <v>47364</v>
      </c>
      <c r="B2158" t="s">
        <v>47365</v>
      </c>
      <c r="C2158" t="s">
        <v>47366</v>
      </c>
      <c r="D2158" t="s">
        <v>47315</v>
      </c>
      <c r="E2158" t="s">
        <v>13</v>
      </c>
      <c r="F2158">
        <v>11924</v>
      </c>
      <c r="G2158" t="s">
        <v>47367</v>
      </c>
      <c r="H2158">
        <v>4.4395205672699998</v>
      </c>
      <c r="I2158">
        <v>51.535907787040998</v>
      </c>
      <c r="J2158" t="s">
        <v>57843</v>
      </c>
    </row>
    <row r="2159" spans="1:10" x14ac:dyDescent="0.25">
      <c r="A2159" t="s">
        <v>47360</v>
      </c>
      <c r="B2159" t="s">
        <v>47361</v>
      </c>
      <c r="C2159" t="s">
        <v>47362</v>
      </c>
      <c r="D2159" t="s">
        <v>47315</v>
      </c>
      <c r="E2159" t="s">
        <v>13</v>
      </c>
      <c r="F2159">
        <v>11923</v>
      </c>
      <c r="G2159" t="s">
        <v>47363</v>
      </c>
      <c r="H2159">
        <v>4.4390614226569998</v>
      </c>
      <c r="I2159">
        <v>51.532330013467003</v>
      </c>
      <c r="J2159" t="s">
        <v>57844</v>
      </c>
    </row>
    <row r="2160" spans="1:10" x14ac:dyDescent="0.25">
      <c r="A2160" t="s">
        <v>47356</v>
      </c>
      <c r="B2160" t="s">
        <v>47357</v>
      </c>
      <c r="C2160" t="s">
        <v>47358</v>
      </c>
      <c r="D2160" t="s">
        <v>47315</v>
      </c>
      <c r="E2160" t="s">
        <v>13</v>
      </c>
      <c r="F2160">
        <v>11922</v>
      </c>
      <c r="G2160" t="s">
        <v>47359</v>
      </c>
      <c r="H2160">
        <v>4.44379737541</v>
      </c>
      <c r="I2160">
        <v>51.530928139362999</v>
      </c>
      <c r="J2160" t="s">
        <v>57845</v>
      </c>
    </row>
    <row r="2161" spans="1:10" x14ac:dyDescent="0.25">
      <c r="A2161" t="s">
        <v>47352</v>
      </c>
      <c r="B2161" t="s">
        <v>47353</v>
      </c>
      <c r="C2161" t="s">
        <v>47354</v>
      </c>
      <c r="D2161" t="s">
        <v>47315</v>
      </c>
      <c r="E2161" t="s">
        <v>13</v>
      </c>
      <c r="F2161">
        <v>11921</v>
      </c>
      <c r="G2161" t="s">
        <v>47355</v>
      </c>
      <c r="H2161">
        <v>4.4858792653039998</v>
      </c>
      <c r="I2161">
        <v>51.552926136933003</v>
      </c>
      <c r="J2161" t="s">
        <v>57846</v>
      </c>
    </row>
    <row r="2162" spans="1:10" x14ac:dyDescent="0.25">
      <c r="A2162" t="s">
        <v>47348</v>
      </c>
      <c r="B2162" t="s">
        <v>47349</v>
      </c>
      <c r="C2162" t="s">
        <v>47350</v>
      </c>
      <c r="D2162" t="s">
        <v>47315</v>
      </c>
      <c r="E2162" t="s">
        <v>13</v>
      </c>
      <c r="F2162">
        <v>11920</v>
      </c>
      <c r="G2162" t="s">
        <v>47351</v>
      </c>
      <c r="H2162">
        <v>4.4785309933470003</v>
      </c>
      <c r="I2162">
        <v>51.542444622429002</v>
      </c>
      <c r="J2162" t="s">
        <v>57847</v>
      </c>
    </row>
    <row r="2163" spans="1:10" x14ac:dyDescent="0.25">
      <c r="A2163" t="s">
        <v>47344</v>
      </c>
      <c r="B2163" t="s">
        <v>47345</v>
      </c>
      <c r="C2163" t="s">
        <v>47346</v>
      </c>
      <c r="D2163" t="s">
        <v>47315</v>
      </c>
      <c r="E2163" t="s">
        <v>13</v>
      </c>
      <c r="F2163">
        <v>11919</v>
      </c>
      <c r="G2163" t="s">
        <v>47347</v>
      </c>
      <c r="H2163">
        <v>4.4718391565050002</v>
      </c>
      <c r="I2163">
        <v>51.542399481951001</v>
      </c>
      <c r="J2163" t="s">
        <v>57848</v>
      </c>
    </row>
    <row r="2164" spans="1:10" x14ac:dyDescent="0.25">
      <c r="A2164" t="s">
        <v>47340</v>
      </c>
      <c r="B2164" t="s">
        <v>47341</v>
      </c>
      <c r="C2164" t="s">
        <v>47342</v>
      </c>
      <c r="D2164" t="s">
        <v>47315</v>
      </c>
      <c r="E2164" t="s">
        <v>13</v>
      </c>
      <c r="F2164">
        <v>11918</v>
      </c>
      <c r="G2164" t="s">
        <v>47343</v>
      </c>
      <c r="H2164">
        <v>4.4655574762520001</v>
      </c>
      <c r="I2164">
        <v>51.540532243401998</v>
      </c>
      <c r="J2164" t="s">
        <v>57849</v>
      </c>
    </row>
    <row r="2165" spans="1:10" x14ac:dyDescent="0.25">
      <c r="A2165" t="s">
        <v>47336</v>
      </c>
      <c r="B2165" t="s">
        <v>47337</v>
      </c>
      <c r="C2165" t="s">
        <v>47338</v>
      </c>
      <c r="D2165" t="s">
        <v>47315</v>
      </c>
      <c r="E2165" t="s">
        <v>13</v>
      </c>
      <c r="F2165">
        <v>11917</v>
      </c>
      <c r="G2165" t="s">
        <v>47339</v>
      </c>
      <c r="H2165">
        <v>4.4712149945370001</v>
      </c>
      <c r="I2165">
        <v>51.528636616941</v>
      </c>
      <c r="J2165" t="s">
        <v>57850</v>
      </c>
    </row>
    <row r="2166" spans="1:10" x14ac:dyDescent="0.25">
      <c r="A2166" t="s">
        <v>47332</v>
      </c>
      <c r="B2166" t="s">
        <v>47333</v>
      </c>
      <c r="C2166" t="s">
        <v>47334</v>
      </c>
      <c r="D2166" t="s">
        <v>47315</v>
      </c>
      <c r="E2166" t="s">
        <v>13</v>
      </c>
      <c r="F2166">
        <v>11916</v>
      </c>
      <c r="G2166" t="s">
        <v>47335</v>
      </c>
      <c r="H2166">
        <v>4.4761681602900003</v>
      </c>
      <c r="I2166">
        <v>51.535743922503997</v>
      </c>
      <c r="J2166" t="s">
        <v>57851</v>
      </c>
    </row>
    <row r="2167" spans="1:10" x14ac:dyDescent="0.25">
      <c r="A2167" t="s">
        <v>47328</v>
      </c>
      <c r="B2167" t="s">
        <v>47329</v>
      </c>
      <c r="C2167" t="s">
        <v>47330</v>
      </c>
      <c r="D2167" t="s">
        <v>47315</v>
      </c>
      <c r="E2167" t="s">
        <v>13</v>
      </c>
      <c r="F2167">
        <v>11915</v>
      </c>
      <c r="G2167" t="s">
        <v>47331</v>
      </c>
      <c r="H2167">
        <v>4.4690361071659996</v>
      </c>
      <c r="I2167">
        <v>51.531766680464003</v>
      </c>
      <c r="J2167" t="s">
        <v>57852</v>
      </c>
    </row>
    <row r="2168" spans="1:10" x14ac:dyDescent="0.25">
      <c r="A2168" t="s">
        <v>47324</v>
      </c>
      <c r="B2168" t="s">
        <v>47325</v>
      </c>
      <c r="C2168" t="s">
        <v>47326</v>
      </c>
      <c r="D2168" t="s">
        <v>47315</v>
      </c>
      <c r="E2168" t="s">
        <v>13</v>
      </c>
      <c r="F2168">
        <v>11914</v>
      </c>
      <c r="G2168" t="s">
        <v>47327</v>
      </c>
      <c r="H2168">
        <v>4.4607341566120002</v>
      </c>
      <c r="I2168">
        <v>51.527946351216002</v>
      </c>
      <c r="J2168" t="s">
        <v>57853</v>
      </c>
    </row>
    <row r="2169" spans="1:10" x14ac:dyDescent="0.25">
      <c r="A2169" t="s">
        <v>47321</v>
      </c>
      <c r="B2169" t="s">
        <v>47322</v>
      </c>
      <c r="C2169" t="s">
        <v>4780</v>
      </c>
      <c r="D2169" t="s">
        <v>47315</v>
      </c>
      <c r="E2169" t="s">
        <v>13</v>
      </c>
      <c r="F2169">
        <v>11913</v>
      </c>
      <c r="G2169" t="s">
        <v>47323</v>
      </c>
      <c r="H2169">
        <v>4.457794895907</v>
      </c>
      <c r="I2169">
        <v>51.537690025238</v>
      </c>
      <c r="J2169" t="s">
        <v>57854</v>
      </c>
    </row>
    <row r="2170" spans="1:10" x14ac:dyDescent="0.25">
      <c r="A2170" t="s">
        <v>47317</v>
      </c>
      <c r="B2170" t="s">
        <v>47318</v>
      </c>
      <c r="C2170" t="s">
        <v>47319</v>
      </c>
      <c r="D2170" t="s">
        <v>47315</v>
      </c>
      <c r="E2170" t="s">
        <v>13</v>
      </c>
      <c r="F2170">
        <v>11912</v>
      </c>
      <c r="G2170" t="s">
        <v>47320</v>
      </c>
      <c r="H2170">
        <v>4.4541774450869998</v>
      </c>
      <c r="I2170">
        <v>51.530399985094</v>
      </c>
      <c r="J2170" t="s">
        <v>57855</v>
      </c>
    </row>
    <row r="2171" spans="1:10" x14ac:dyDescent="0.25">
      <c r="A2171" t="s">
        <v>47312</v>
      </c>
      <c r="B2171" t="s">
        <v>47313</v>
      </c>
      <c r="C2171" t="s">
        <v>47314</v>
      </c>
      <c r="D2171" t="s">
        <v>47315</v>
      </c>
      <c r="E2171" t="s">
        <v>13</v>
      </c>
      <c r="F2171">
        <v>11911</v>
      </c>
      <c r="G2171" t="s">
        <v>47316</v>
      </c>
      <c r="H2171">
        <v>4.4609563685370004</v>
      </c>
      <c r="I2171">
        <v>51.533649472519997</v>
      </c>
      <c r="J2171" t="s">
        <v>57856</v>
      </c>
    </row>
    <row r="2172" spans="1:10" x14ac:dyDescent="0.25">
      <c r="A2172" t="s">
        <v>47308</v>
      </c>
      <c r="B2172" t="s">
        <v>47309</v>
      </c>
      <c r="C2172" t="s">
        <v>47310</v>
      </c>
      <c r="D2172" t="s">
        <v>47091</v>
      </c>
      <c r="E2172" t="s">
        <v>13</v>
      </c>
      <c r="F2172">
        <v>11910</v>
      </c>
      <c r="G2172" t="s">
        <v>47311</v>
      </c>
      <c r="H2172">
        <v>4.5320738914190004</v>
      </c>
      <c r="I2172">
        <v>52.040676544504997</v>
      </c>
      <c r="J2172" t="s">
        <v>57857</v>
      </c>
    </row>
    <row r="2173" spans="1:10" x14ac:dyDescent="0.25">
      <c r="A2173" t="s">
        <v>47305</v>
      </c>
      <c r="B2173" t="s">
        <v>47306</v>
      </c>
      <c r="C2173" t="s">
        <v>43039</v>
      </c>
      <c r="D2173" t="s">
        <v>47091</v>
      </c>
      <c r="E2173" t="s">
        <v>13</v>
      </c>
      <c r="F2173">
        <v>11909</v>
      </c>
      <c r="G2173" t="s">
        <v>47307</v>
      </c>
      <c r="H2173">
        <v>4.5544260566599997</v>
      </c>
      <c r="I2173">
        <v>52.045355541878003</v>
      </c>
      <c r="J2173" t="s">
        <v>57858</v>
      </c>
    </row>
    <row r="2174" spans="1:10" x14ac:dyDescent="0.25">
      <c r="A2174" t="s">
        <v>47301</v>
      </c>
      <c r="B2174" t="s">
        <v>47302</v>
      </c>
      <c r="C2174" t="s">
        <v>47303</v>
      </c>
      <c r="D2174" t="s">
        <v>47091</v>
      </c>
      <c r="E2174" t="s">
        <v>13</v>
      </c>
      <c r="F2174">
        <v>11908</v>
      </c>
      <c r="G2174" t="s">
        <v>47304</v>
      </c>
      <c r="H2174">
        <v>4.5484320333539996</v>
      </c>
      <c r="I2174">
        <v>52.008275517069002</v>
      </c>
      <c r="J2174" t="s">
        <v>57859</v>
      </c>
    </row>
    <row r="2175" spans="1:10" x14ac:dyDescent="0.25">
      <c r="A2175" t="s">
        <v>47297</v>
      </c>
      <c r="B2175" t="s">
        <v>47298</v>
      </c>
      <c r="C2175" t="s">
        <v>47299</v>
      </c>
      <c r="D2175" t="s">
        <v>47091</v>
      </c>
      <c r="E2175" t="s">
        <v>13</v>
      </c>
      <c r="F2175">
        <v>11907</v>
      </c>
      <c r="G2175" t="s">
        <v>47300</v>
      </c>
      <c r="H2175">
        <v>4.5465180948250001</v>
      </c>
      <c r="I2175">
        <v>52.027206437342997</v>
      </c>
      <c r="J2175" t="s">
        <v>57860</v>
      </c>
    </row>
    <row r="2176" spans="1:10" x14ac:dyDescent="0.25">
      <c r="A2176" t="s">
        <v>47293</v>
      </c>
      <c r="B2176" t="s">
        <v>47294</v>
      </c>
      <c r="C2176" t="s">
        <v>47295</v>
      </c>
      <c r="D2176" t="s">
        <v>47091</v>
      </c>
      <c r="E2176" t="s">
        <v>13</v>
      </c>
      <c r="F2176">
        <v>11906</v>
      </c>
      <c r="G2176" t="s">
        <v>47296</v>
      </c>
      <c r="H2176">
        <v>4.520384024548</v>
      </c>
      <c r="I2176">
        <v>52.015163278221998</v>
      </c>
      <c r="J2176" t="s">
        <v>57861</v>
      </c>
    </row>
    <row r="2177" spans="1:10" x14ac:dyDescent="0.25">
      <c r="A2177" t="s">
        <v>47290</v>
      </c>
      <c r="B2177" t="s">
        <v>47291</v>
      </c>
      <c r="C2177" t="s">
        <v>14293</v>
      </c>
      <c r="D2177" t="s">
        <v>47091</v>
      </c>
      <c r="E2177" t="s">
        <v>13</v>
      </c>
      <c r="F2177">
        <v>11905</v>
      </c>
      <c r="G2177" t="s">
        <v>47292</v>
      </c>
      <c r="H2177">
        <v>4.5394453283080001</v>
      </c>
      <c r="I2177">
        <v>52.010373357934</v>
      </c>
      <c r="J2177" t="s">
        <v>57862</v>
      </c>
    </row>
    <row r="2178" spans="1:10" x14ac:dyDescent="0.25">
      <c r="A2178" t="s">
        <v>47287</v>
      </c>
      <c r="B2178" t="s">
        <v>47288</v>
      </c>
      <c r="C2178" t="s">
        <v>37</v>
      </c>
      <c r="D2178" t="s">
        <v>47091</v>
      </c>
      <c r="E2178" t="s">
        <v>13</v>
      </c>
      <c r="F2178">
        <v>11904</v>
      </c>
      <c r="G2178" t="s">
        <v>47289</v>
      </c>
      <c r="H2178">
        <v>4.537391470297</v>
      </c>
      <c r="I2178">
        <v>52.006666475918998</v>
      </c>
      <c r="J2178" t="s">
        <v>57863</v>
      </c>
    </row>
    <row r="2179" spans="1:10" x14ac:dyDescent="0.25">
      <c r="A2179" t="s">
        <v>47283</v>
      </c>
      <c r="B2179" t="s">
        <v>47284</v>
      </c>
      <c r="C2179" t="s">
        <v>47285</v>
      </c>
      <c r="D2179" t="s">
        <v>47091</v>
      </c>
      <c r="E2179" t="s">
        <v>13</v>
      </c>
      <c r="F2179">
        <v>11903</v>
      </c>
      <c r="G2179" t="s">
        <v>47286</v>
      </c>
      <c r="H2179">
        <v>4.538780245121</v>
      </c>
      <c r="I2179">
        <v>52.002365099522002</v>
      </c>
      <c r="J2179" t="s">
        <v>57864</v>
      </c>
    </row>
    <row r="2180" spans="1:10" x14ac:dyDescent="0.25">
      <c r="A2180" t="s">
        <v>47280</v>
      </c>
      <c r="B2180" t="s">
        <v>47281</v>
      </c>
      <c r="C2180" t="s">
        <v>6548</v>
      </c>
      <c r="D2180" t="s">
        <v>47091</v>
      </c>
      <c r="E2180" t="s">
        <v>13</v>
      </c>
      <c r="F2180">
        <v>11902</v>
      </c>
      <c r="G2180" t="s">
        <v>47282</v>
      </c>
      <c r="H2180">
        <v>4.5430495520539997</v>
      </c>
      <c r="I2180">
        <v>52.005990208069001</v>
      </c>
      <c r="J2180" t="s">
        <v>57865</v>
      </c>
    </row>
    <row r="2181" spans="1:10" x14ac:dyDescent="0.25">
      <c r="A2181" t="s">
        <v>47277</v>
      </c>
      <c r="B2181" t="s">
        <v>47278</v>
      </c>
      <c r="C2181" t="s">
        <v>17625</v>
      </c>
      <c r="D2181" t="s">
        <v>47091</v>
      </c>
      <c r="E2181" t="s">
        <v>13</v>
      </c>
      <c r="F2181">
        <v>11901</v>
      </c>
      <c r="G2181" t="s">
        <v>47279</v>
      </c>
      <c r="H2181">
        <v>4.5454560533450001</v>
      </c>
      <c r="I2181">
        <v>52.010908836166998</v>
      </c>
      <c r="J2181" t="s">
        <v>57866</v>
      </c>
    </row>
    <row r="2182" spans="1:10" x14ac:dyDescent="0.25">
      <c r="A2182" t="s">
        <v>47274</v>
      </c>
      <c r="B2182" t="s">
        <v>47275</v>
      </c>
      <c r="C2182" t="s">
        <v>14642</v>
      </c>
      <c r="D2182" t="s">
        <v>47091</v>
      </c>
      <c r="E2182" t="s">
        <v>13</v>
      </c>
      <c r="F2182">
        <v>11900</v>
      </c>
      <c r="G2182" t="s">
        <v>47276</v>
      </c>
      <c r="H2182">
        <v>4.5473659405150002</v>
      </c>
      <c r="I2182">
        <v>52.014744421400003</v>
      </c>
      <c r="J2182" t="s">
        <v>57867</v>
      </c>
    </row>
    <row r="2183" spans="1:10" x14ac:dyDescent="0.25">
      <c r="A2183" t="s">
        <v>47270</v>
      </c>
      <c r="B2183" t="s">
        <v>47271</v>
      </c>
      <c r="C2183" t="s">
        <v>47272</v>
      </c>
      <c r="D2183" t="s">
        <v>47091</v>
      </c>
      <c r="E2183" t="s">
        <v>13</v>
      </c>
      <c r="F2183">
        <v>11899</v>
      </c>
      <c r="G2183" t="s">
        <v>47273</v>
      </c>
      <c r="H2183">
        <v>4.5305170358330003</v>
      </c>
      <c r="I2183">
        <v>52.004311873154002</v>
      </c>
      <c r="J2183" t="s">
        <v>57868</v>
      </c>
    </row>
    <row r="2184" spans="1:10" x14ac:dyDescent="0.25">
      <c r="A2184" t="s">
        <v>47267</v>
      </c>
      <c r="B2184" t="s">
        <v>47268</v>
      </c>
      <c r="C2184" t="s">
        <v>97</v>
      </c>
      <c r="D2184" t="s">
        <v>47091</v>
      </c>
      <c r="E2184" t="s">
        <v>13</v>
      </c>
      <c r="F2184">
        <v>11898</v>
      </c>
      <c r="G2184" t="s">
        <v>47269</v>
      </c>
      <c r="H2184">
        <v>4.5330799789820002</v>
      </c>
      <c r="I2184">
        <v>52.009775579386002</v>
      </c>
      <c r="J2184" t="s">
        <v>57869</v>
      </c>
    </row>
    <row r="2185" spans="1:10" x14ac:dyDescent="0.25">
      <c r="A2185" t="s">
        <v>47263</v>
      </c>
      <c r="B2185" t="s">
        <v>47264</v>
      </c>
      <c r="C2185" t="s">
        <v>47265</v>
      </c>
      <c r="D2185" t="s">
        <v>47091</v>
      </c>
      <c r="E2185" t="s">
        <v>13</v>
      </c>
      <c r="F2185">
        <v>11897</v>
      </c>
      <c r="G2185" t="s">
        <v>47266</v>
      </c>
      <c r="H2185">
        <v>4.5385878276760003</v>
      </c>
      <c r="I2185">
        <v>52.015115188586996</v>
      </c>
      <c r="J2185" t="s">
        <v>57870</v>
      </c>
    </row>
    <row r="2186" spans="1:10" x14ac:dyDescent="0.25">
      <c r="A2186" t="s">
        <v>47260</v>
      </c>
      <c r="B2186" t="s">
        <v>47261</v>
      </c>
      <c r="C2186" t="s">
        <v>1376</v>
      </c>
      <c r="D2186" t="s">
        <v>47091</v>
      </c>
      <c r="E2186" t="s">
        <v>13</v>
      </c>
      <c r="F2186">
        <v>11896</v>
      </c>
      <c r="G2186" t="s">
        <v>47262</v>
      </c>
      <c r="H2186">
        <v>4.5301901449370003</v>
      </c>
      <c r="I2186">
        <v>52.014257039884001</v>
      </c>
      <c r="J2186" t="s">
        <v>57871</v>
      </c>
    </row>
    <row r="2187" spans="1:10" x14ac:dyDescent="0.25">
      <c r="A2187" t="s">
        <v>47257</v>
      </c>
      <c r="B2187" t="s">
        <v>47258</v>
      </c>
      <c r="C2187" t="s">
        <v>85</v>
      </c>
      <c r="D2187" t="s">
        <v>47091</v>
      </c>
      <c r="E2187" t="s">
        <v>13</v>
      </c>
      <c r="F2187">
        <v>11895</v>
      </c>
      <c r="G2187" t="s">
        <v>47259</v>
      </c>
      <c r="H2187">
        <v>4.5273357309240003</v>
      </c>
      <c r="I2187">
        <v>52.008464439628</v>
      </c>
      <c r="J2187" t="s">
        <v>57872</v>
      </c>
    </row>
    <row r="2188" spans="1:10" x14ac:dyDescent="0.25">
      <c r="A2188" t="s">
        <v>47253</v>
      </c>
      <c r="B2188" t="s">
        <v>47254</v>
      </c>
      <c r="C2188" t="s">
        <v>47255</v>
      </c>
      <c r="D2188" t="s">
        <v>47091</v>
      </c>
      <c r="E2188" t="s">
        <v>13</v>
      </c>
      <c r="F2188">
        <v>11894</v>
      </c>
      <c r="G2188" t="s">
        <v>47256</v>
      </c>
      <c r="H2188">
        <v>4.43929894505</v>
      </c>
      <c r="I2188">
        <v>51.984074968580998</v>
      </c>
      <c r="J2188" t="s">
        <v>57873</v>
      </c>
    </row>
    <row r="2189" spans="1:10" x14ac:dyDescent="0.25">
      <c r="A2189" t="s">
        <v>47249</v>
      </c>
      <c r="B2189" t="s">
        <v>47250</v>
      </c>
      <c r="C2189" t="s">
        <v>47251</v>
      </c>
      <c r="D2189" t="s">
        <v>47091</v>
      </c>
      <c r="E2189" t="s">
        <v>13</v>
      </c>
      <c r="F2189">
        <v>11893</v>
      </c>
      <c r="G2189" t="s">
        <v>47252</v>
      </c>
      <c r="H2189">
        <v>4.4523952115589998</v>
      </c>
      <c r="I2189">
        <v>51.986840061781002</v>
      </c>
      <c r="J2189" t="s">
        <v>57874</v>
      </c>
    </row>
    <row r="2190" spans="1:10" x14ac:dyDescent="0.25">
      <c r="A2190" t="s">
        <v>47246</v>
      </c>
      <c r="B2190" t="s">
        <v>47247</v>
      </c>
      <c r="C2190" t="s">
        <v>36793</v>
      </c>
      <c r="D2190" t="s">
        <v>47091</v>
      </c>
      <c r="E2190" t="s">
        <v>13</v>
      </c>
      <c r="F2190">
        <v>11892</v>
      </c>
      <c r="G2190" t="s">
        <v>47248</v>
      </c>
      <c r="H2190">
        <v>4.4455411272010004</v>
      </c>
      <c r="I2190">
        <v>51.977315421214001</v>
      </c>
      <c r="J2190" t="s">
        <v>57875</v>
      </c>
    </row>
    <row r="2191" spans="1:10" x14ac:dyDescent="0.25">
      <c r="A2191" t="s">
        <v>47242</v>
      </c>
      <c r="B2191" t="s">
        <v>47243</v>
      </c>
      <c r="C2191" t="s">
        <v>47244</v>
      </c>
      <c r="D2191" t="s">
        <v>47091</v>
      </c>
      <c r="E2191" t="s">
        <v>13</v>
      </c>
      <c r="F2191">
        <v>11891</v>
      </c>
      <c r="G2191" t="s">
        <v>47245</v>
      </c>
      <c r="H2191">
        <v>4.4570676921669996</v>
      </c>
      <c r="I2191">
        <v>51.980567144894998</v>
      </c>
      <c r="J2191" t="s">
        <v>57876</v>
      </c>
    </row>
    <row r="2192" spans="1:10" x14ac:dyDescent="0.25">
      <c r="A2192" t="s">
        <v>47238</v>
      </c>
      <c r="B2192" t="s">
        <v>47239</v>
      </c>
      <c r="C2192" t="s">
        <v>47240</v>
      </c>
      <c r="D2192" t="s">
        <v>47091</v>
      </c>
      <c r="E2192" t="s">
        <v>13</v>
      </c>
      <c r="F2192">
        <v>11890</v>
      </c>
      <c r="G2192" t="s">
        <v>47241</v>
      </c>
      <c r="H2192">
        <v>4.4602986850740001</v>
      </c>
      <c r="I2192">
        <v>51.974718731463</v>
      </c>
      <c r="J2192" t="s">
        <v>57877</v>
      </c>
    </row>
    <row r="2193" spans="1:10" x14ac:dyDescent="0.25">
      <c r="A2193" t="s">
        <v>47234</v>
      </c>
      <c r="B2193" t="s">
        <v>47235</v>
      </c>
      <c r="C2193" t="s">
        <v>47236</v>
      </c>
      <c r="D2193" t="s">
        <v>47091</v>
      </c>
      <c r="E2193" t="s">
        <v>13</v>
      </c>
      <c r="F2193">
        <v>11889</v>
      </c>
      <c r="G2193" t="s">
        <v>47237</v>
      </c>
      <c r="H2193">
        <v>4.4476348517210003</v>
      </c>
      <c r="I2193">
        <v>51.970605634446002</v>
      </c>
      <c r="J2193" t="s">
        <v>57878</v>
      </c>
    </row>
    <row r="2194" spans="1:10" x14ac:dyDescent="0.25">
      <c r="A2194" t="s">
        <v>47230</v>
      </c>
      <c r="B2194" t="s">
        <v>47231</v>
      </c>
      <c r="C2194" t="s">
        <v>47232</v>
      </c>
      <c r="D2194" t="s">
        <v>47091</v>
      </c>
      <c r="E2194" t="s">
        <v>13</v>
      </c>
      <c r="F2194">
        <v>11888</v>
      </c>
      <c r="G2194" t="s">
        <v>47233</v>
      </c>
      <c r="H2194">
        <v>4.4548440519300003</v>
      </c>
      <c r="I2194">
        <v>51.993972778615998</v>
      </c>
      <c r="J2194" t="s">
        <v>57879</v>
      </c>
    </row>
    <row r="2195" spans="1:10" x14ac:dyDescent="0.25">
      <c r="A2195" t="s">
        <v>47226</v>
      </c>
      <c r="B2195" t="s">
        <v>47227</v>
      </c>
      <c r="C2195" t="s">
        <v>47228</v>
      </c>
      <c r="D2195" t="s">
        <v>47091</v>
      </c>
      <c r="E2195" t="s">
        <v>13</v>
      </c>
      <c r="F2195">
        <v>11887</v>
      </c>
      <c r="G2195" t="s">
        <v>47229</v>
      </c>
      <c r="H2195">
        <v>4.461426713871</v>
      </c>
      <c r="I2195">
        <v>51.992064821878998</v>
      </c>
      <c r="J2195" t="s">
        <v>57880</v>
      </c>
    </row>
    <row r="2196" spans="1:10" x14ac:dyDescent="0.25">
      <c r="A2196" t="s">
        <v>47222</v>
      </c>
      <c r="B2196" t="s">
        <v>47223</v>
      </c>
      <c r="C2196" t="s">
        <v>47224</v>
      </c>
      <c r="D2196" t="s">
        <v>47091</v>
      </c>
      <c r="E2196" t="s">
        <v>13</v>
      </c>
      <c r="F2196">
        <v>11886</v>
      </c>
      <c r="G2196" t="s">
        <v>47225</v>
      </c>
      <c r="H2196">
        <v>4.460043283639</v>
      </c>
      <c r="I2196">
        <v>51.988213723420998</v>
      </c>
      <c r="J2196" t="s">
        <v>57881</v>
      </c>
    </row>
    <row r="2197" spans="1:10" x14ac:dyDescent="0.25">
      <c r="A2197" t="s">
        <v>47218</v>
      </c>
      <c r="B2197" t="s">
        <v>47219</v>
      </c>
      <c r="C2197" t="s">
        <v>47220</v>
      </c>
      <c r="D2197" t="s">
        <v>47091</v>
      </c>
      <c r="E2197" t="s">
        <v>13</v>
      </c>
      <c r="F2197">
        <v>11885</v>
      </c>
      <c r="G2197" t="s">
        <v>47221</v>
      </c>
      <c r="H2197">
        <v>4.4598842908609999</v>
      </c>
      <c r="I2197">
        <v>51.984947896382003</v>
      </c>
      <c r="J2197" t="s">
        <v>57882</v>
      </c>
    </row>
    <row r="2198" spans="1:10" x14ac:dyDescent="0.25">
      <c r="A2198" t="s">
        <v>47214</v>
      </c>
      <c r="B2198" t="s">
        <v>47215</v>
      </c>
      <c r="C2198" t="s">
        <v>47216</v>
      </c>
      <c r="D2198" t="s">
        <v>47091</v>
      </c>
      <c r="E2198" t="s">
        <v>13</v>
      </c>
      <c r="F2198">
        <v>11884</v>
      </c>
      <c r="G2198" t="s">
        <v>47217</v>
      </c>
      <c r="H2198">
        <v>4.4757324894880002</v>
      </c>
      <c r="I2198">
        <v>51.985265262951003</v>
      </c>
      <c r="J2198" t="s">
        <v>57883</v>
      </c>
    </row>
    <row r="2199" spans="1:10" x14ac:dyDescent="0.25">
      <c r="A2199" t="s">
        <v>47210</v>
      </c>
      <c r="B2199" t="s">
        <v>47211</v>
      </c>
      <c r="C2199" t="s">
        <v>47212</v>
      </c>
      <c r="D2199" t="s">
        <v>47091</v>
      </c>
      <c r="E2199" t="s">
        <v>13</v>
      </c>
      <c r="F2199">
        <v>11883</v>
      </c>
      <c r="G2199" t="s">
        <v>47213</v>
      </c>
      <c r="H2199">
        <v>4.4760418726850002</v>
      </c>
      <c r="I2199">
        <v>51.989518027936001</v>
      </c>
      <c r="J2199" t="s">
        <v>57884</v>
      </c>
    </row>
    <row r="2200" spans="1:10" x14ac:dyDescent="0.25">
      <c r="A2200" t="s">
        <v>47206</v>
      </c>
      <c r="B2200" t="s">
        <v>47207</v>
      </c>
      <c r="C2200" t="s">
        <v>47208</v>
      </c>
      <c r="D2200" t="s">
        <v>47091</v>
      </c>
      <c r="E2200" t="s">
        <v>13</v>
      </c>
      <c r="F2200">
        <v>11882</v>
      </c>
      <c r="G2200" t="s">
        <v>47209</v>
      </c>
      <c r="H2200">
        <v>4.4645963995209996</v>
      </c>
      <c r="I2200">
        <v>51.978717732615998</v>
      </c>
      <c r="J2200" t="s">
        <v>57885</v>
      </c>
    </row>
    <row r="2201" spans="1:10" x14ac:dyDescent="0.25">
      <c r="A2201" t="s">
        <v>47202</v>
      </c>
      <c r="B2201" t="s">
        <v>47203</v>
      </c>
      <c r="C2201" t="s">
        <v>47204</v>
      </c>
      <c r="D2201" t="s">
        <v>47091</v>
      </c>
      <c r="E2201" t="s">
        <v>13</v>
      </c>
      <c r="F2201">
        <v>11881</v>
      </c>
      <c r="G2201" t="s">
        <v>47205</v>
      </c>
      <c r="H2201">
        <v>4.4722525576069998</v>
      </c>
      <c r="I2201">
        <v>51.985746740543</v>
      </c>
      <c r="J2201" t="s">
        <v>57886</v>
      </c>
    </row>
    <row r="2202" spans="1:10" x14ac:dyDescent="0.25">
      <c r="A2202" t="s">
        <v>47198</v>
      </c>
      <c r="B2202" t="s">
        <v>47199</v>
      </c>
      <c r="C2202" t="s">
        <v>47200</v>
      </c>
      <c r="D2202" t="s">
        <v>47091</v>
      </c>
      <c r="E2202" t="s">
        <v>13</v>
      </c>
      <c r="F2202">
        <v>11880</v>
      </c>
      <c r="G2202" t="s">
        <v>47201</v>
      </c>
      <c r="H2202">
        <v>4.4687937681210004</v>
      </c>
      <c r="I2202">
        <v>51.990367776497003</v>
      </c>
      <c r="J2202" t="s">
        <v>57887</v>
      </c>
    </row>
    <row r="2203" spans="1:10" x14ac:dyDescent="0.25">
      <c r="A2203" t="s">
        <v>47195</v>
      </c>
      <c r="B2203" t="s">
        <v>47196</v>
      </c>
      <c r="C2203" t="s">
        <v>37</v>
      </c>
      <c r="D2203" t="s">
        <v>47091</v>
      </c>
      <c r="E2203" t="s">
        <v>13</v>
      </c>
      <c r="F2203">
        <v>11879</v>
      </c>
      <c r="G2203" t="s">
        <v>47197</v>
      </c>
      <c r="H2203">
        <v>4.4669189404020004</v>
      </c>
      <c r="I2203">
        <v>51.986742540541997</v>
      </c>
      <c r="J2203" t="s">
        <v>57888</v>
      </c>
    </row>
    <row r="2204" spans="1:10" x14ac:dyDescent="0.25">
      <c r="A2204" t="s">
        <v>47191</v>
      </c>
      <c r="B2204" t="s">
        <v>47192</v>
      </c>
      <c r="C2204" t="s">
        <v>47193</v>
      </c>
      <c r="D2204" t="s">
        <v>47091</v>
      </c>
      <c r="E2204" t="s">
        <v>13</v>
      </c>
      <c r="F2204">
        <v>11878</v>
      </c>
      <c r="G2204" t="s">
        <v>47194</v>
      </c>
      <c r="H2204">
        <v>4.4664032936240003</v>
      </c>
      <c r="I2204">
        <v>51.982689141964997</v>
      </c>
      <c r="J2204" t="s">
        <v>57889</v>
      </c>
    </row>
    <row r="2205" spans="1:10" x14ac:dyDescent="0.25">
      <c r="A2205" t="s">
        <v>47188</v>
      </c>
      <c r="B2205" t="s">
        <v>47189</v>
      </c>
      <c r="C2205" t="s">
        <v>479</v>
      </c>
      <c r="D2205" t="s">
        <v>47091</v>
      </c>
      <c r="E2205" t="s">
        <v>13</v>
      </c>
      <c r="F2205">
        <v>11877</v>
      </c>
      <c r="G2205" t="s">
        <v>47190</v>
      </c>
      <c r="H2205">
        <v>4.4617792610100002</v>
      </c>
      <c r="I2205">
        <v>51.981782281903001</v>
      </c>
      <c r="J2205" t="s">
        <v>57890</v>
      </c>
    </row>
    <row r="2206" spans="1:10" x14ac:dyDescent="0.25">
      <c r="A2206" t="s">
        <v>47185</v>
      </c>
      <c r="B2206" t="s">
        <v>47186</v>
      </c>
      <c r="C2206" t="s">
        <v>11197</v>
      </c>
      <c r="D2206" t="s">
        <v>47091</v>
      </c>
      <c r="E2206" t="s">
        <v>13</v>
      </c>
      <c r="F2206">
        <v>11876</v>
      </c>
      <c r="G2206" t="s">
        <v>47187</v>
      </c>
      <c r="H2206">
        <v>4.4803506149530001</v>
      </c>
      <c r="I2206">
        <v>52.016981772279003</v>
      </c>
      <c r="J2206" t="s">
        <v>57891</v>
      </c>
    </row>
    <row r="2207" spans="1:10" x14ac:dyDescent="0.25">
      <c r="A2207" t="s">
        <v>47182</v>
      </c>
      <c r="B2207" t="s">
        <v>47183</v>
      </c>
      <c r="C2207" t="s">
        <v>18632</v>
      </c>
      <c r="D2207" t="s">
        <v>47091</v>
      </c>
      <c r="E2207" t="s">
        <v>13</v>
      </c>
      <c r="F2207">
        <v>11875</v>
      </c>
      <c r="G2207" t="s">
        <v>47184</v>
      </c>
      <c r="H2207">
        <v>4.461493147993</v>
      </c>
      <c r="I2207">
        <v>51.996191469670997</v>
      </c>
      <c r="J2207" t="s">
        <v>57892</v>
      </c>
    </row>
    <row r="2208" spans="1:10" x14ac:dyDescent="0.25">
      <c r="A2208" t="s">
        <v>47179</v>
      </c>
      <c r="B2208" t="s">
        <v>47180</v>
      </c>
      <c r="C2208" t="s">
        <v>49</v>
      </c>
      <c r="D2208" t="s">
        <v>47091</v>
      </c>
      <c r="E2208" t="s">
        <v>13</v>
      </c>
      <c r="F2208">
        <v>11874</v>
      </c>
      <c r="G2208" t="s">
        <v>47181</v>
      </c>
      <c r="H2208">
        <v>4.4668900681760002</v>
      </c>
      <c r="I2208">
        <v>51.998775003417002</v>
      </c>
      <c r="J2208" t="s">
        <v>57893</v>
      </c>
    </row>
    <row r="2209" spans="1:10" x14ac:dyDescent="0.25">
      <c r="A2209" t="s">
        <v>47176</v>
      </c>
      <c r="B2209" t="s">
        <v>47177</v>
      </c>
      <c r="C2209" t="s">
        <v>46494</v>
      </c>
      <c r="D2209" t="s">
        <v>47091</v>
      </c>
      <c r="E2209" t="s">
        <v>13</v>
      </c>
      <c r="F2209">
        <v>11873</v>
      </c>
      <c r="G2209" t="s">
        <v>47178</v>
      </c>
      <c r="H2209">
        <v>4.4767703353839998</v>
      </c>
      <c r="I2209">
        <v>52.002128197776997</v>
      </c>
      <c r="J2209" t="s">
        <v>57894</v>
      </c>
    </row>
    <row r="2210" spans="1:10" x14ac:dyDescent="0.25">
      <c r="A2210" t="s">
        <v>47172</v>
      </c>
      <c r="B2210" t="s">
        <v>47173</v>
      </c>
      <c r="C2210" t="s">
        <v>47174</v>
      </c>
      <c r="D2210" t="s">
        <v>47091</v>
      </c>
      <c r="E2210" t="s">
        <v>13</v>
      </c>
      <c r="F2210">
        <v>11872</v>
      </c>
      <c r="G2210" t="s">
        <v>47175</v>
      </c>
      <c r="H2210">
        <v>4.4944700628109997</v>
      </c>
      <c r="I2210">
        <v>52.000151971139999</v>
      </c>
      <c r="J2210" t="s">
        <v>57895</v>
      </c>
    </row>
    <row r="2211" spans="1:10" x14ac:dyDescent="0.25">
      <c r="A2211" t="s">
        <v>47169</v>
      </c>
      <c r="B2211" t="s">
        <v>47170</v>
      </c>
      <c r="C2211" t="s">
        <v>17501</v>
      </c>
      <c r="D2211" t="s">
        <v>47091</v>
      </c>
      <c r="E2211" t="s">
        <v>13</v>
      </c>
      <c r="F2211">
        <v>11871</v>
      </c>
      <c r="G2211" t="s">
        <v>47171</v>
      </c>
      <c r="H2211">
        <v>4.4915888419490004</v>
      </c>
      <c r="I2211">
        <v>52.000396072176997</v>
      </c>
      <c r="J2211" t="s">
        <v>57896</v>
      </c>
    </row>
    <row r="2212" spans="1:10" x14ac:dyDescent="0.25">
      <c r="A2212" t="s">
        <v>47165</v>
      </c>
      <c r="B2212" t="s">
        <v>47166</v>
      </c>
      <c r="C2212" t="s">
        <v>47167</v>
      </c>
      <c r="D2212" t="s">
        <v>47091</v>
      </c>
      <c r="E2212" t="s">
        <v>13</v>
      </c>
      <c r="F2212">
        <v>11870</v>
      </c>
      <c r="G2212" t="s">
        <v>47168</v>
      </c>
      <c r="H2212">
        <v>4.4959089814400004</v>
      </c>
      <c r="I2212">
        <v>52.004792673711002</v>
      </c>
      <c r="J2212" t="s">
        <v>57897</v>
      </c>
    </row>
    <row r="2213" spans="1:10" x14ac:dyDescent="0.25">
      <c r="A2213" t="s">
        <v>47162</v>
      </c>
      <c r="B2213" t="s">
        <v>47163</v>
      </c>
      <c r="C2213" t="s">
        <v>17625</v>
      </c>
      <c r="D2213" t="s">
        <v>47091</v>
      </c>
      <c r="E2213" t="s">
        <v>13</v>
      </c>
      <c r="F2213">
        <v>11869</v>
      </c>
      <c r="G2213" t="s">
        <v>47164</v>
      </c>
      <c r="H2213">
        <v>4.487442389401</v>
      </c>
      <c r="I2213">
        <v>52.004466942355997</v>
      </c>
      <c r="J2213" t="s">
        <v>57898</v>
      </c>
    </row>
    <row r="2214" spans="1:10" x14ac:dyDescent="0.25">
      <c r="A2214" t="s">
        <v>47158</v>
      </c>
      <c r="B2214" t="s">
        <v>47159</v>
      </c>
      <c r="C2214" t="s">
        <v>47160</v>
      </c>
      <c r="D2214" t="s">
        <v>47091</v>
      </c>
      <c r="E2214" t="s">
        <v>13</v>
      </c>
      <c r="F2214">
        <v>11868</v>
      </c>
      <c r="G2214" t="s">
        <v>47161</v>
      </c>
      <c r="H2214">
        <v>4.4857423733879997</v>
      </c>
      <c r="I2214">
        <v>52.000835019142002</v>
      </c>
      <c r="J2214" t="s">
        <v>57899</v>
      </c>
    </row>
    <row r="2215" spans="1:10" x14ac:dyDescent="0.25">
      <c r="A2215" t="s">
        <v>47154</v>
      </c>
      <c r="B2215" t="s">
        <v>47155</v>
      </c>
      <c r="C2215" t="s">
        <v>47156</v>
      </c>
      <c r="D2215" t="s">
        <v>47091</v>
      </c>
      <c r="E2215" t="s">
        <v>13</v>
      </c>
      <c r="F2215">
        <v>11867</v>
      </c>
      <c r="G2215" t="s">
        <v>47157</v>
      </c>
      <c r="H2215">
        <v>4.4840205797359998</v>
      </c>
      <c r="I2215">
        <v>51.992689203966997</v>
      </c>
      <c r="J2215" t="s">
        <v>57900</v>
      </c>
    </row>
    <row r="2216" spans="1:10" x14ac:dyDescent="0.25">
      <c r="A2216" t="s">
        <v>47151</v>
      </c>
      <c r="B2216" t="s">
        <v>47152</v>
      </c>
      <c r="C2216" t="s">
        <v>97</v>
      </c>
      <c r="D2216" t="s">
        <v>47091</v>
      </c>
      <c r="E2216" t="s">
        <v>13</v>
      </c>
      <c r="F2216">
        <v>11866</v>
      </c>
      <c r="G2216" t="s">
        <v>47153</v>
      </c>
      <c r="H2216">
        <v>4.4828079082589998</v>
      </c>
      <c r="I2216">
        <v>51.996796418925001</v>
      </c>
      <c r="J2216" t="s">
        <v>57901</v>
      </c>
    </row>
    <row r="2217" spans="1:10" x14ac:dyDescent="0.25">
      <c r="A2217" t="s">
        <v>47147</v>
      </c>
      <c r="B2217" t="s">
        <v>47148</v>
      </c>
      <c r="C2217" t="s">
        <v>47149</v>
      </c>
      <c r="D2217" t="s">
        <v>47091</v>
      </c>
      <c r="E2217" t="s">
        <v>13</v>
      </c>
      <c r="F2217">
        <v>11865</v>
      </c>
      <c r="G2217" t="s">
        <v>47150</v>
      </c>
      <c r="H2217">
        <v>4.4733585592449998</v>
      </c>
      <c r="I2217">
        <v>51.995771811818003</v>
      </c>
      <c r="J2217" t="s">
        <v>57902</v>
      </c>
    </row>
    <row r="2218" spans="1:10" x14ac:dyDescent="0.25">
      <c r="A2218" t="s">
        <v>47143</v>
      </c>
      <c r="B2218" t="s">
        <v>47144</v>
      </c>
      <c r="C2218" t="s">
        <v>47145</v>
      </c>
      <c r="D2218" t="s">
        <v>47091</v>
      </c>
      <c r="E2218" t="s">
        <v>13</v>
      </c>
      <c r="F2218">
        <v>11864</v>
      </c>
      <c r="G2218" t="s">
        <v>47146</v>
      </c>
      <c r="H2218">
        <v>4.476231123981</v>
      </c>
      <c r="I2218">
        <v>51.993108017859001</v>
      </c>
      <c r="J2218" t="s">
        <v>57903</v>
      </c>
    </row>
    <row r="2219" spans="1:10" x14ac:dyDescent="0.25">
      <c r="A2219" t="s">
        <v>47139</v>
      </c>
      <c r="B2219" t="s">
        <v>47140</v>
      </c>
      <c r="C2219" t="s">
        <v>47141</v>
      </c>
      <c r="D2219" t="s">
        <v>47091</v>
      </c>
      <c r="E2219" t="s">
        <v>13</v>
      </c>
      <c r="F2219">
        <v>11863</v>
      </c>
      <c r="G2219" t="s">
        <v>47142</v>
      </c>
      <c r="H2219">
        <v>4.5109074639960003</v>
      </c>
      <c r="I2219">
        <v>51.998478276453</v>
      </c>
      <c r="J2219" t="s">
        <v>57904</v>
      </c>
    </row>
    <row r="2220" spans="1:10" x14ac:dyDescent="0.25">
      <c r="A2220" t="s">
        <v>47135</v>
      </c>
      <c r="B2220" t="s">
        <v>47136</v>
      </c>
      <c r="C2220" t="s">
        <v>47137</v>
      </c>
      <c r="D2220" t="s">
        <v>47091</v>
      </c>
      <c r="E2220" t="s">
        <v>13</v>
      </c>
      <c r="F2220">
        <v>11862</v>
      </c>
      <c r="G2220" t="s">
        <v>47138</v>
      </c>
      <c r="H2220">
        <v>4.4967293801350001</v>
      </c>
      <c r="I2220">
        <v>51.976736048021998</v>
      </c>
      <c r="J2220" t="s">
        <v>57905</v>
      </c>
    </row>
    <row r="2221" spans="1:10" x14ac:dyDescent="0.25">
      <c r="A2221" t="s">
        <v>47131</v>
      </c>
      <c r="B2221" t="s">
        <v>47132</v>
      </c>
      <c r="C2221" t="s">
        <v>47133</v>
      </c>
      <c r="D2221" t="s">
        <v>47091</v>
      </c>
      <c r="E2221" t="s">
        <v>13</v>
      </c>
      <c r="F2221">
        <v>11861</v>
      </c>
      <c r="G2221" t="s">
        <v>47134</v>
      </c>
      <c r="H2221">
        <v>4.5130862311369997</v>
      </c>
      <c r="I2221">
        <v>51.982274396794999</v>
      </c>
      <c r="J2221" t="s">
        <v>57906</v>
      </c>
    </row>
    <row r="2222" spans="1:10" x14ac:dyDescent="0.25">
      <c r="A2222" t="s">
        <v>47127</v>
      </c>
      <c r="B2222" t="s">
        <v>47128</v>
      </c>
      <c r="C2222" t="s">
        <v>47129</v>
      </c>
      <c r="D2222" t="s">
        <v>47091</v>
      </c>
      <c r="E2222" t="s">
        <v>13</v>
      </c>
      <c r="F2222">
        <v>11860</v>
      </c>
      <c r="G2222" t="s">
        <v>47130</v>
      </c>
      <c r="H2222">
        <v>4.5243516332290001</v>
      </c>
      <c r="I2222">
        <v>51.986415494425003</v>
      </c>
      <c r="J2222" t="s">
        <v>57907</v>
      </c>
    </row>
    <row r="2223" spans="1:10" x14ac:dyDescent="0.25">
      <c r="A2223" t="s">
        <v>47123</v>
      </c>
      <c r="B2223" t="s">
        <v>47124</v>
      </c>
      <c r="C2223" t="s">
        <v>47125</v>
      </c>
      <c r="D2223" t="s">
        <v>47091</v>
      </c>
      <c r="E2223" t="s">
        <v>13</v>
      </c>
      <c r="F2223">
        <v>11859</v>
      </c>
      <c r="G2223" t="s">
        <v>47126</v>
      </c>
      <c r="H2223">
        <v>4.5256851308429997</v>
      </c>
      <c r="I2223">
        <v>51.974264491005002</v>
      </c>
      <c r="J2223" t="s">
        <v>57908</v>
      </c>
    </row>
    <row r="2224" spans="1:10" x14ac:dyDescent="0.25">
      <c r="A2224" t="s">
        <v>47119</v>
      </c>
      <c r="B2224" t="s">
        <v>47120</v>
      </c>
      <c r="C2224" t="s">
        <v>47121</v>
      </c>
      <c r="D2224" t="s">
        <v>47091</v>
      </c>
      <c r="E2224" t="s">
        <v>13</v>
      </c>
      <c r="F2224">
        <v>11858</v>
      </c>
      <c r="G2224" t="s">
        <v>47122</v>
      </c>
      <c r="H2224">
        <v>4.4830866071640001</v>
      </c>
      <c r="I2224">
        <v>51.980987792013998</v>
      </c>
      <c r="J2224" t="s">
        <v>57909</v>
      </c>
    </row>
    <row r="2225" spans="1:10" x14ac:dyDescent="0.25">
      <c r="A2225" t="s">
        <v>47115</v>
      </c>
      <c r="B2225" t="s">
        <v>47116</v>
      </c>
      <c r="C2225" t="s">
        <v>47117</v>
      </c>
      <c r="D2225" t="s">
        <v>47091</v>
      </c>
      <c r="E2225" t="s">
        <v>13</v>
      </c>
      <c r="F2225">
        <v>11857</v>
      </c>
      <c r="G2225" t="s">
        <v>47118</v>
      </c>
      <c r="H2225">
        <v>4.4869405431549998</v>
      </c>
      <c r="I2225">
        <v>51.990991955007999</v>
      </c>
      <c r="J2225" t="s">
        <v>57910</v>
      </c>
    </row>
    <row r="2226" spans="1:10" x14ac:dyDescent="0.25">
      <c r="A2226" t="s">
        <v>47112</v>
      </c>
      <c r="B2226" t="s">
        <v>47113</v>
      </c>
      <c r="C2226" t="s">
        <v>21304</v>
      </c>
      <c r="D2226" t="s">
        <v>47091</v>
      </c>
      <c r="E2226" t="s">
        <v>13</v>
      </c>
      <c r="F2226">
        <v>11856</v>
      </c>
      <c r="G2226" t="s">
        <v>47114</v>
      </c>
      <c r="H2226">
        <v>4.4924466434649997</v>
      </c>
      <c r="I2226">
        <v>51.985575924327001</v>
      </c>
      <c r="J2226" t="s">
        <v>57911</v>
      </c>
    </row>
    <row r="2227" spans="1:10" x14ac:dyDescent="0.25">
      <c r="A2227" t="s">
        <v>47109</v>
      </c>
      <c r="B2227" t="s">
        <v>47110</v>
      </c>
      <c r="C2227" t="s">
        <v>28190</v>
      </c>
      <c r="D2227" t="s">
        <v>47091</v>
      </c>
      <c r="E2227" t="s">
        <v>13</v>
      </c>
      <c r="F2227">
        <v>11855</v>
      </c>
      <c r="G2227" t="s">
        <v>47111</v>
      </c>
      <c r="H2227">
        <v>4.4938856768189996</v>
      </c>
      <c r="I2227">
        <v>51.989814610726</v>
      </c>
      <c r="J2227" t="s">
        <v>57912</v>
      </c>
    </row>
    <row r="2228" spans="1:10" x14ac:dyDescent="0.25">
      <c r="A2228" t="s">
        <v>47105</v>
      </c>
      <c r="B2228" t="s">
        <v>47106</v>
      </c>
      <c r="C2228" t="s">
        <v>47107</v>
      </c>
      <c r="D2228" t="s">
        <v>47091</v>
      </c>
      <c r="E2228" t="s">
        <v>13</v>
      </c>
      <c r="F2228">
        <v>11854</v>
      </c>
      <c r="G2228" t="s">
        <v>47108</v>
      </c>
      <c r="H2228">
        <v>4.4949816650249996</v>
      </c>
      <c r="I2228">
        <v>51.997586026915997</v>
      </c>
      <c r="J2228" t="s">
        <v>57913</v>
      </c>
    </row>
    <row r="2229" spans="1:10" x14ac:dyDescent="0.25">
      <c r="A2229" t="s">
        <v>47101</v>
      </c>
      <c r="B2229" t="s">
        <v>47102</v>
      </c>
      <c r="C2229" t="s">
        <v>47103</v>
      </c>
      <c r="D2229" t="s">
        <v>47091</v>
      </c>
      <c r="E2229" t="s">
        <v>13</v>
      </c>
      <c r="F2229">
        <v>11853</v>
      </c>
      <c r="G2229" t="s">
        <v>47104</v>
      </c>
      <c r="H2229">
        <v>4.5059111770609999</v>
      </c>
      <c r="I2229">
        <v>51.995063157952998</v>
      </c>
      <c r="J2229" t="s">
        <v>57914</v>
      </c>
    </row>
    <row r="2230" spans="1:10" x14ac:dyDescent="0.25">
      <c r="A2230" t="s">
        <v>47097</v>
      </c>
      <c r="B2230" t="s">
        <v>47098</v>
      </c>
      <c r="C2230" t="s">
        <v>47099</v>
      </c>
      <c r="D2230" t="s">
        <v>47091</v>
      </c>
      <c r="E2230" t="s">
        <v>13</v>
      </c>
      <c r="F2230">
        <v>11852</v>
      </c>
      <c r="G2230" t="s">
        <v>47100</v>
      </c>
      <c r="H2230">
        <v>4.499292523626</v>
      </c>
      <c r="I2230">
        <v>51.992565320853998</v>
      </c>
      <c r="J2230" t="s">
        <v>57915</v>
      </c>
    </row>
    <row r="2231" spans="1:10" x14ac:dyDescent="0.25">
      <c r="A2231" t="s">
        <v>47093</v>
      </c>
      <c r="B2231" t="s">
        <v>47094</v>
      </c>
      <c r="C2231" t="s">
        <v>47095</v>
      </c>
      <c r="D2231" t="s">
        <v>47091</v>
      </c>
      <c r="E2231" t="s">
        <v>13</v>
      </c>
      <c r="F2231">
        <v>11851</v>
      </c>
      <c r="G2231" t="s">
        <v>47096</v>
      </c>
      <c r="H2231">
        <v>4.5107272327989998</v>
      </c>
      <c r="I2231">
        <v>51.990098733133003</v>
      </c>
      <c r="J2231" t="s">
        <v>57916</v>
      </c>
    </row>
    <row r="2232" spans="1:10" x14ac:dyDescent="0.25">
      <c r="A2232" t="s">
        <v>47088</v>
      </c>
      <c r="B2232" t="s">
        <v>47089</v>
      </c>
      <c r="C2232" t="s">
        <v>47090</v>
      </c>
      <c r="D2232" t="s">
        <v>47091</v>
      </c>
      <c r="E2232" t="s">
        <v>13</v>
      </c>
      <c r="F2232">
        <v>11850</v>
      </c>
      <c r="G2232" t="s">
        <v>47092</v>
      </c>
      <c r="H2232">
        <v>4.5018778443020002</v>
      </c>
      <c r="I2232">
        <v>51.986347851129999</v>
      </c>
      <c r="J2232" t="s">
        <v>57917</v>
      </c>
    </row>
    <row r="2233" spans="1:10" x14ac:dyDescent="0.25">
      <c r="A2233" t="s">
        <v>47084</v>
      </c>
      <c r="B2233" t="s">
        <v>47085</v>
      </c>
      <c r="C2233" t="s">
        <v>47086</v>
      </c>
      <c r="D2233" t="s">
        <v>46897</v>
      </c>
      <c r="E2233" t="s">
        <v>13</v>
      </c>
      <c r="F2233">
        <v>11849</v>
      </c>
      <c r="G2233" t="s">
        <v>47087</v>
      </c>
      <c r="H2233">
        <v>4.5292587328689997</v>
      </c>
      <c r="I2233">
        <v>52.200518090019997</v>
      </c>
      <c r="J2233" t="s">
        <v>57918</v>
      </c>
    </row>
    <row r="2234" spans="1:10" x14ac:dyDescent="0.25">
      <c r="A2234" t="s">
        <v>47080</v>
      </c>
      <c r="B2234" t="s">
        <v>47081</v>
      </c>
      <c r="C2234" t="s">
        <v>47082</v>
      </c>
      <c r="D2234" t="s">
        <v>46897</v>
      </c>
      <c r="E2234" t="s">
        <v>13</v>
      </c>
      <c r="F2234">
        <v>11848</v>
      </c>
      <c r="G2234" t="s">
        <v>47083</v>
      </c>
      <c r="H2234">
        <v>4.4940519287649998</v>
      </c>
      <c r="I2234">
        <v>52.185128460270001</v>
      </c>
      <c r="J2234" t="s">
        <v>57919</v>
      </c>
    </row>
    <row r="2235" spans="1:10" x14ac:dyDescent="0.25">
      <c r="A2235" t="s">
        <v>47076</v>
      </c>
      <c r="B2235" t="s">
        <v>47077</v>
      </c>
      <c r="C2235" t="s">
        <v>47078</v>
      </c>
      <c r="D2235" t="s">
        <v>46897</v>
      </c>
      <c r="E2235" t="s">
        <v>13</v>
      </c>
      <c r="F2235">
        <v>11847</v>
      </c>
      <c r="G2235" t="s">
        <v>47079</v>
      </c>
      <c r="H2235">
        <v>4.5008005884850002</v>
      </c>
      <c r="I2235">
        <v>52.188257302019998</v>
      </c>
      <c r="J2235" t="s">
        <v>57920</v>
      </c>
    </row>
    <row r="2236" spans="1:10" x14ac:dyDescent="0.25">
      <c r="A2236" t="s">
        <v>47072</v>
      </c>
      <c r="B2236" t="s">
        <v>47073</v>
      </c>
      <c r="C2236" t="s">
        <v>47074</v>
      </c>
      <c r="D2236" t="s">
        <v>46897</v>
      </c>
      <c r="E2236" t="s">
        <v>13</v>
      </c>
      <c r="F2236">
        <v>11846</v>
      </c>
      <c r="G2236" t="s">
        <v>47075</v>
      </c>
      <c r="H2236">
        <v>4.4925427389130004</v>
      </c>
      <c r="I2236">
        <v>52.190997868305999</v>
      </c>
      <c r="J2236" t="s">
        <v>57921</v>
      </c>
    </row>
    <row r="2237" spans="1:10" x14ac:dyDescent="0.25">
      <c r="A2237" t="s">
        <v>47068</v>
      </c>
      <c r="B2237" t="s">
        <v>47069</v>
      </c>
      <c r="C2237" t="s">
        <v>47070</v>
      </c>
      <c r="D2237" t="s">
        <v>46897</v>
      </c>
      <c r="E2237" t="s">
        <v>13</v>
      </c>
      <c r="F2237">
        <v>11845</v>
      </c>
      <c r="G2237" t="s">
        <v>47071</v>
      </c>
      <c r="H2237">
        <v>4.4987373120300003</v>
      </c>
      <c r="I2237">
        <v>52.197410756147001</v>
      </c>
      <c r="J2237" t="s">
        <v>57922</v>
      </c>
    </row>
    <row r="2238" spans="1:10" x14ac:dyDescent="0.25">
      <c r="A2238" t="s">
        <v>47064</v>
      </c>
      <c r="B2238" t="s">
        <v>47065</v>
      </c>
      <c r="C2238" t="s">
        <v>47066</v>
      </c>
      <c r="D2238" t="s">
        <v>46897</v>
      </c>
      <c r="E2238" t="s">
        <v>13</v>
      </c>
      <c r="F2238">
        <v>11844</v>
      </c>
      <c r="G2238" t="s">
        <v>47067</v>
      </c>
      <c r="H2238">
        <v>4.5045839204469997</v>
      </c>
      <c r="I2238">
        <v>52.196913046036002</v>
      </c>
      <c r="J2238" t="s">
        <v>57923</v>
      </c>
    </row>
    <row r="2239" spans="1:10" x14ac:dyDescent="0.25">
      <c r="A2239" t="s">
        <v>47060</v>
      </c>
      <c r="B2239" t="s">
        <v>47061</v>
      </c>
      <c r="C2239" t="s">
        <v>47062</v>
      </c>
      <c r="D2239" t="s">
        <v>46897</v>
      </c>
      <c r="E2239" t="s">
        <v>13</v>
      </c>
      <c r="F2239">
        <v>11843</v>
      </c>
      <c r="G2239" t="s">
        <v>47063</v>
      </c>
      <c r="H2239">
        <v>4.4966872110290002</v>
      </c>
      <c r="I2239">
        <v>52.206824990276999</v>
      </c>
      <c r="J2239" t="s">
        <v>57924</v>
      </c>
    </row>
    <row r="2240" spans="1:10" x14ac:dyDescent="0.25">
      <c r="A2240" t="s">
        <v>47056</v>
      </c>
      <c r="B2240" t="s">
        <v>47057</v>
      </c>
      <c r="C2240" t="s">
        <v>47058</v>
      </c>
      <c r="D2240" t="s">
        <v>46897</v>
      </c>
      <c r="E2240" t="s">
        <v>13</v>
      </c>
      <c r="F2240">
        <v>11842</v>
      </c>
      <c r="G2240" t="s">
        <v>47059</v>
      </c>
      <c r="H2240">
        <v>4.5393045057589996</v>
      </c>
      <c r="I2240">
        <v>52.221696248317997</v>
      </c>
      <c r="J2240" t="s">
        <v>57925</v>
      </c>
    </row>
    <row r="2241" spans="1:10" x14ac:dyDescent="0.25">
      <c r="A2241" t="s">
        <v>47052</v>
      </c>
      <c r="B2241" t="s">
        <v>47053</v>
      </c>
      <c r="C2241" t="s">
        <v>47054</v>
      </c>
      <c r="D2241" t="s">
        <v>46897</v>
      </c>
      <c r="E2241" t="s">
        <v>13</v>
      </c>
      <c r="F2241">
        <v>11841</v>
      </c>
      <c r="G2241" t="s">
        <v>47055</v>
      </c>
      <c r="H2241">
        <v>4.5253646869550002</v>
      </c>
      <c r="I2241">
        <v>52.233400645242</v>
      </c>
      <c r="J2241" t="s">
        <v>57926</v>
      </c>
    </row>
    <row r="2242" spans="1:10" x14ac:dyDescent="0.25">
      <c r="A2242" t="s">
        <v>47049</v>
      </c>
      <c r="B2242" t="s">
        <v>47050</v>
      </c>
      <c r="C2242" t="s">
        <v>37</v>
      </c>
      <c r="D2242" t="s">
        <v>46897</v>
      </c>
      <c r="E2242" t="s">
        <v>13</v>
      </c>
      <c r="F2242">
        <v>11840</v>
      </c>
      <c r="G2242" t="s">
        <v>47051</v>
      </c>
      <c r="H2242">
        <v>4.5322623259329999</v>
      </c>
      <c r="I2242">
        <v>52.231541005871001</v>
      </c>
      <c r="J2242" t="s">
        <v>57927</v>
      </c>
    </row>
    <row r="2243" spans="1:10" x14ac:dyDescent="0.25">
      <c r="A2243" t="s">
        <v>47046</v>
      </c>
      <c r="B2243" t="s">
        <v>47047</v>
      </c>
      <c r="C2243" t="s">
        <v>182</v>
      </c>
      <c r="D2243" t="s">
        <v>46897</v>
      </c>
      <c r="E2243" t="s">
        <v>13</v>
      </c>
      <c r="F2243">
        <v>11839</v>
      </c>
      <c r="G2243" t="s">
        <v>47048</v>
      </c>
      <c r="H2243">
        <v>4.5315802228599997</v>
      </c>
      <c r="I2243">
        <v>52.229707264407999</v>
      </c>
      <c r="J2243" t="s">
        <v>57928</v>
      </c>
    </row>
    <row r="2244" spans="1:10" x14ac:dyDescent="0.25">
      <c r="A2244" t="s">
        <v>47043</v>
      </c>
      <c r="B2244" t="s">
        <v>47044</v>
      </c>
      <c r="C2244" t="s">
        <v>129</v>
      </c>
      <c r="D2244" t="s">
        <v>46897</v>
      </c>
      <c r="E2244" t="s">
        <v>13</v>
      </c>
      <c r="F2244">
        <v>11838</v>
      </c>
      <c r="G2244" t="s">
        <v>47045</v>
      </c>
      <c r="H2244">
        <v>4.5247145907429998</v>
      </c>
      <c r="I2244">
        <v>52.226916498523998</v>
      </c>
      <c r="J2244" t="s">
        <v>57929</v>
      </c>
    </row>
    <row r="2245" spans="1:10" x14ac:dyDescent="0.25">
      <c r="A2245" t="s">
        <v>47040</v>
      </c>
      <c r="B2245" t="s">
        <v>47041</v>
      </c>
      <c r="C2245" t="s">
        <v>97</v>
      </c>
      <c r="D2245" t="s">
        <v>46897</v>
      </c>
      <c r="E2245" t="s">
        <v>13</v>
      </c>
      <c r="F2245">
        <v>11837</v>
      </c>
      <c r="G2245" t="s">
        <v>47042</v>
      </c>
      <c r="H2245">
        <v>4.5141193083309998</v>
      </c>
      <c r="I2245">
        <v>52.224158286565</v>
      </c>
      <c r="J2245" t="s">
        <v>57930</v>
      </c>
    </row>
    <row r="2246" spans="1:10" x14ac:dyDescent="0.25">
      <c r="A2246" t="s">
        <v>47036</v>
      </c>
      <c r="B2246" t="s">
        <v>47037</v>
      </c>
      <c r="C2246" t="s">
        <v>47038</v>
      </c>
      <c r="D2246" t="s">
        <v>46897</v>
      </c>
      <c r="E2246" t="s">
        <v>13</v>
      </c>
      <c r="F2246">
        <v>11836</v>
      </c>
      <c r="G2246" t="s">
        <v>47039</v>
      </c>
      <c r="H2246">
        <v>4.5183153466560002</v>
      </c>
      <c r="I2246">
        <v>52.225663569532998</v>
      </c>
      <c r="J2246" t="s">
        <v>57931</v>
      </c>
    </row>
    <row r="2247" spans="1:10" x14ac:dyDescent="0.25">
      <c r="A2247" t="s">
        <v>47032</v>
      </c>
      <c r="B2247" t="s">
        <v>47033</v>
      </c>
      <c r="C2247" t="s">
        <v>47034</v>
      </c>
      <c r="D2247" t="s">
        <v>46897</v>
      </c>
      <c r="E2247" t="s">
        <v>13</v>
      </c>
      <c r="F2247">
        <v>11835</v>
      </c>
      <c r="G2247" t="s">
        <v>47035</v>
      </c>
      <c r="H2247">
        <v>4.515953161973</v>
      </c>
      <c r="I2247">
        <v>52.227313209251001</v>
      </c>
      <c r="J2247" t="s">
        <v>57932</v>
      </c>
    </row>
    <row r="2248" spans="1:10" x14ac:dyDescent="0.25">
      <c r="A2248" t="s">
        <v>47028</v>
      </c>
      <c r="B2248" t="s">
        <v>47029</v>
      </c>
      <c r="C2248" t="s">
        <v>47030</v>
      </c>
      <c r="D2248" t="s">
        <v>46897</v>
      </c>
      <c r="E2248" t="s">
        <v>13</v>
      </c>
      <c r="F2248">
        <v>11834</v>
      </c>
      <c r="G2248" t="s">
        <v>47031</v>
      </c>
      <c r="H2248">
        <v>4.5198421811260001</v>
      </c>
      <c r="I2248">
        <v>52.229224297411001</v>
      </c>
      <c r="J2248" t="s">
        <v>57933</v>
      </c>
    </row>
    <row r="2249" spans="1:10" x14ac:dyDescent="0.25">
      <c r="A2249" t="s">
        <v>47024</v>
      </c>
      <c r="B2249" t="s">
        <v>47025</v>
      </c>
      <c r="C2249" t="s">
        <v>47026</v>
      </c>
      <c r="D2249" t="s">
        <v>46897</v>
      </c>
      <c r="E2249" t="s">
        <v>13</v>
      </c>
      <c r="F2249">
        <v>11833</v>
      </c>
      <c r="G2249" t="s">
        <v>47027</v>
      </c>
      <c r="H2249">
        <v>4.5233719226650004</v>
      </c>
      <c r="I2249">
        <v>52.231022558945</v>
      </c>
      <c r="J2249" t="s">
        <v>57934</v>
      </c>
    </row>
    <row r="2250" spans="1:10" x14ac:dyDescent="0.25">
      <c r="A2250" t="s">
        <v>47021</v>
      </c>
      <c r="B2250" t="s">
        <v>47022</v>
      </c>
      <c r="C2250" t="s">
        <v>4208</v>
      </c>
      <c r="D2250" t="s">
        <v>46897</v>
      </c>
      <c r="E2250" t="s">
        <v>13</v>
      </c>
      <c r="F2250">
        <v>11832</v>
      </c>
      <c r="G2250" t="s">
        <v>47023</v>
      </c>
      <c r="H2250">
        <v>4.4989772932210004</v>
      </c>
      <c r="I2250">
        <v>52.210799780179002</v>
      </c>
      <c r="J2250" t="s">
        <v>57935</v>
      </c>
    </row>
    <row r="2251" spans="1:10" x14ac:dyDescent="0.25">
      <c r="A2251" t="s">
        <v>47017</v>
      </c>
      <c r="B2251" t="s">
        <v>47018</v>
      </c>
      <c r="C2251" t="s">
        <v>47019</v>
      </c>
      <c r="D2251" t="s">
        <v>46897</v>
      </c>
      <c r="E2251" t="s">
        <v>13</v>
      </c>
      <c r="F2251">
        <v>11831</v>
      </c>
      <c r="G2251" t="s">
        <v>47020</v>
      </c>
      <c r="H2251">
        <v>4.5082236249439998</v>
      </c>
      <c r="I2251">
        <v>52.215362308785998</v>
      </c>
      <c r="J2251" t="s">
        <v>57936</v>
      </c>
    </row>
    <row r="2252" spans="1:10" x14ac:dyDescent="0.25">
      <c r="A2252" t="s">
        <v>47013</v>
      </c>
      <c r="B2252" t="s">
        <v>47014</v>
      </c>
      <c r="C2252" t="s">
        <v>47015</v>
      </c>
      <c r="D2252" t="s">
        <v>46897</v>
      </c>
      <c r="E2252" t="s">
        <v>13</v>
      </c>
      <c r="F2252">
        <v>11830</v>
      </c>
      <c r="G2252" t="s">
        <v>47016</v>
      </c>
      <c r="H2252">
        <v>4.4900668723850004</v>
      </c>
      <c r="I2252">
        <v>52.209402412334001</v>
      </c>
      <c r="J2252" t="s">
        <v>57937</v>
      </c>
    </row>
    <row r="2253" spans="1:10" x14ac:dyDescent="0.25">
      <c r="A2253" t="s">
        <v>47009</v>
      </c>
      <c r="B2253" t="s">
        <v>47010</v>
      </c>
      <c r="C2253" t="s">
        <v>47011</v>
      </c>
      <c r="D2253" t="s">
        <v>46897</v>
      </c>
      <c r="E2253" t="s">
        <v>13</v>
      </c>
      <c r="F2253">
        <v>11829</v>
      </c>
      <c r="G2253" t="s">
        <v>47012</v>
      </c>
      <c r="H2253">
        <v>4.5006836651790003</v>
      </c>
      <c r="I2253">
        <v>52.216806115334997</v>
      </c>
      <c r="J2253" t="s">
        <v>57938</v>
      </c>
    </row>
    <row r="2254" spans="1:10" x14ac:dyDescent="0.25">
      <c r="A2254" t="s">
        <v>47006</v>
      </c>
      <c r="B2254" t="s">
        <v>47007</v>
      </c>
      <c r="C2254" t="s">
        <v>479</v>
      </c>
      <c r="D2254" t="s">
        <v>46897</v>
      </c>
      <c r="E2254" t="s">
        <v>13</v>
      </c>
      <c r="F2254">
        <v>11828</v>
      </c>
      <c r="G2254" t="s">
        <v>47008</v>
      </c>
      <c r="H2254">
        <v>4.5202262738760002</v>
      </c>
      <c r="I2254">
        <v>52.220922039309997</v>
      </c>
      <c r="J2254" t="s">
        <v>57939</v>
      </c>
    </row>
    <row r="2255" spans="1:10" x14ac:dyDescent="0.25">
      <c r="A2255" t="s">
        <v>47002</v>
      </c>
      <c r="B2255" t="s">
        <v>47003</v>
      </c>
      <c r="C2255" t="s">
        <v>47004</v>
      </c>
      <c r="D2255" t="s">
        <v>46897</v>
      </c>
      <c r="E2255" t="s">
        <v>13</v>
      </c>
      <c r="F2255">
        <v>11827</v>
      </c>
      <c r="G2255" t="s">
        <v>47005</v>
      </c>
      <c r="H2255">
        <v>4.5182919145999998</v>
      </c>
      <c r="I2255">
        <v>52.222138974887002</v>
      </c>
      <c r="J2255" t="s">
        <v>57940</v>
      </c>
    </row>
    <row r="2256" spans="1:10" x14ac:dyDescent="0.25">
      <c r="A2256" t="s">
        <v>46999</v>
      </c>
      <c r="B2256" t="s">
        <v>47000</v>
      </c>
      <c r="C2256" t="s">
        <v>703</v>
      </c>
      <c r="D2256" t="s">
        <v>46897</v>
      </c>
      <c r="E2256" t="s">
        <v>13</v>
      </c>
      <c r="F2256">
        <v>11826</v>
      </c>
      <c r="G2256" t="s">
        <v>47001</v>
      </c>
      <c r="H2256">
        <v>4.522295272479</v>
      </c>
      <c r="I2256">
        <v>52.218689948993998</v>
      </c>
      <c r="J2256" t="s">
        <v>57941</v>
      </c>
    </row>
    <row r="2257" spans="1:10" x14ac:dyDescent="0.25">
      <c r="A2257" t="s">
        <v>46995</v>
      </c>
      <c r="B2257" t="s">
        <v>46996</v>
      </c>
      <c r="C2257" t="s">
        <v>46997</v>
      </c>
      <c r="D2257" t="s">
        <v>46897</v>
      </c>
      <c r="E2257" t="s">
        <v>13</v>
      </c>
      <c r="F2257">
        <v>11825</v>
      </c>
      <c r="G2257" t="s">
        <v>46998</v>
      </c>
      <c r="H2257">
        <v>4.5245610697399998</v>
      </c>
      <c r="I2257">
        <v>52.220697521481</v>
      </c>
      <c r="J2257" t="s">
        <v>57942</v>
      </c>
    </row>
    <row r="2258" spans="1:10" x14ac:dyDescent="0.25">
      <c r="A2258" t="s">
        <v>46992</v>
      </c>
      <c r="B2258" t="s">
        <v>46993</v>
      </c>
      <c r="C2258" t="s">
        <v>1264</v>
      </c>
      <c r="D2258" t="s">
        <v>46897</v>
      </c>
      <c r="E2258" t="s">
        <v>13</v>
      </c>
      <c r="F2258">
        <v>11824</v>
      </c>
      <c r="G2258" t="s">
        <v>46994</v>
      </c>
      <c r="H2258">
        <v>4.5281050324840004</v>
      </c>
      <c r="I2258">
        <v>52.221190833793997</v>
      </c>
      <c r="J2258" t="s">
        <v>57943</v>
      </c>
    </row>
    <row r="2259" spans="1:10" x14ac:dyDescent="0.25">
      <c r="A2259" t="s">
        <v>46988</v>
      </c>
      <c r="B2259" t="s">
        <v>46989</v>
      </c>
      <c r="C2259" t="s">
        <v>46990</v>
      </c>
      <c r="D2259" t="s">
        <v>46897</v>
      </c>
      <c r="E2259" t="s">
        <v>13</v>
      </c>
      <c r="F2259">
        <v>11823</v>
      </c>
      <c r="G2259" t="s">
        <v>46991</v>
      </c>
      <c r="H2259">
        <v>4.5361046316179996</v>
      </c>
      <c r="I2259">
        <v>52.222182230226998</v>
      </c>
      <c r="J2259" t="s">
        <v>57944</v>
      </c>
    </row>
    <row r="2260" spans="1:10" x14ac:dyDescent="0.25">
      <c r="A2260" t="s">
        <v>46984</v>
      </c>
      <c r="B2260" t="s">
        <v>46985</v>
      </c>
      <c r="C2260" t="s">
        <v>46986</v>
      </c>
      <c r="D2260" t="s">
        <v>46897</v>
      </c>
      <c r="E2260" t="s">
        <v>13</v>
      </c>
      <c r="F2260">
        <v>11822</v>
      </c>
      <c r="G2260" t="s">
        <v>46987</v>
      </c>
      <c r="H2260">
        <v>4.5317921459630002</v>
      </c>
      <c r="I2260">
        <v>52.221681839742999</v>
      </c>
      <c r="J2260" t="s">
        <v>57945</v>
      </c>
    </row>
    <row r="2261" spans="1:10" x14ac:dyDescent="0.25">
      <c r="A2261" t="s">
        <v>46981</v>
      </c>
      <c r="B2261" t="s">
        <v>46982</v>
      </c>
      <c r="C2261" t="s">
        <v>6548</v>
      </c>
      <c r="D2261" t="s">
        <v>46897</v>
      </c>
      <c r="E2261" t="s">
        <v>13</v>
      </c>
      <c r="F2261">
        <v>11821</v>
      </c>
      <c r="G2261" t="s">
        <v>46983</v>
      </c>
      <c r="H2261">
        <v>4.5290830745659996</v>
      </c>
      <c r="I2261">
        <v>52.224797458943002</v>
      </c>
      <c r="J2261" t="s">
        <v>57946</v>
      </c>
    </row>
    <row r="2262" spans="1:10" x14ac:dyDescent="0.25">
      <c r="A2262" t="s">
        <v>46977</v>
      </c>
      <c r="B2262" t="s">
        <v>46978</v>
      </c>
      <c r="C2262" t="s">
        <v>46979</v>
      </c>
      <c r="D2262" t="s">
        <v>46897</v>
      </c>
      <c r="E2262" t="s">
        <v>13</v>
      </c>
      <c r="F2262">
        <v>11820</v>
      </c>
      <c r="G2262" t="s">
        <v>46980</v>
      </c>
      <c r="H2262">
        <v>4.5027905603910003</v>
      </c>
      <c r="I2262">
        <v>52.215924815676999</v>
      </c>
      <c r="J2262" t="s">
        <v>57947</v>
      </c>
    </row>
    <row r="2263" spans="1:10" x14ac:dyDescent="0.25">
      <c r="A2263" t="s">
        <v>46973</v>
      </c>
      <c r="B2263" t="s">
        <v>46974</v>
      </c>
      <c r="C2263" t="s">
        <v>46975</v>
      </c>
      <c r="D2263" t="s">
        <v>46897</v>
      </c>
      <c r="E2263" t="s">
        <v>13</v>
      </c>
      <c r="F2263">
        <v>11819</v>
      </c>
      <c r="G2263" t="s">
        <v>46976</v>
      </c>
      <c r="H2263">
        <v>4.5150225410699996</v>
      </c>
      <c r="I2263">
        <v>52.218430787936001</v>
      </c>
      <c r="J2263" t="s">
        <v>57948</v>
      </c>
    </row>
    <row r="2264" spans="1:10" x14ac:dyDescent="0.25">
      <c r="A2264" t="s">
        <v>46970</v>
      </c>
      <c r="B2264" t="s">
        <v>46971</v>
      </c>
      <c r="C2264" t="s">
        <v>22504</v>
      </c>
      <c r="D2264" t="s">
        <v>46897</v>
      </c>
      <c r="E2264" t="s">
        <v>13</v>
      </c>
      <c r="F2264">
        <v>11818</v>
      </c>
      <c r="G2264" t="s">
        <v>46972</v>
      </c>
      <c r="H2264">
        <v>4.5082069483899998</v>
      </c>
      <c r="I2264">
        <v>52.220071728976002</v>
      </c>
      <c r="J2264" t="s">
        <v>57949</v>
      </c>
    </row>
    <row r="2265" spans="1:10" x14ac:dyDescent="0.25">
      <c r="A2265" t="s">
        <v>46966</v>
      </c>
      <c r="B2265" t="s">
        <v>46967</v>
      </c>
      <c r="C2265" t="s">
        <v>46968</v>
      </c>
      <c r="D2265" t="s">
        <v>46897</v>
      </c>
      <c r="E2265" t="s">
        <v>13</v>
      </c>
      <c r="F2265">
        <v>11817</v>
      </c>
      <c r="G2265" t="s">
        <v>46969</v>
      </c>
      <c r="H2265">
        <v>4.5108933540029996</v>
      </c>
      <c r="I2265">
        <v>52.222466415768999</v>
      </c>
      <c r="J2265" t="s">
        <v>57950</v>
      </c>
    </row>
    <row r="2266" spans="1:10" x14ac:dyDescent="0.25">
      <c r="A2266" t="s">
        <v>46962</v>
      </c>
      <c r="B2266" t="s">
        <v>46963</v>
      </c>
      <c r="C2266" t="s">
        <v>46964</v>
      </c>
      <c r="D2266" t="s">
        <v>46897</v>
      </c>
      <c r="E2266" t="s">
        <v>13</v>
      </c>
      <c r="F2266">
        <v>11816</v>
      </c>
      <c r="G2266" t="s">
        <v>46965</v>
      </c>
      <c r="H2266">
        <v>4.4966961534319996</v>
      </c>
      <c r="I2266">
        <v>52.229005164649998</v>
      </c>
      <c r="J2266" t="s">
        <v>57951</v>
      </c>
    </row>
    <row r="2267" spans="1:10" x14ac:dyDescent="0.25">
      <c r="A2267" t="s">
        <v>46958</v>
      </c>
      <c r="B2267" t="s">
        <v>46959</v>
      </c>
      <c r="C2267" t="s">
        <v>46960</v>
      </c>
      <c r="D2267" t="s">
        <v>46897</v>
      </c>
      <c r="E2267" t="s">
        <v>13</v>
      </c>
      <c r="F2267">
        <v>11815</v>
      </c>
      <c r="G2267" t="s">
        <v>46961</v>
      </c>
      <c r="H2267">
        <v>4.4833732728840001</v>
      </c>
      <c r="I2267">
        <v>52.215487462096</v>
      </c>
      <c r="J2267" t="s">
        <v>57952</v>
      </c>
    </row>
    <row r="2268" spans="1:10" x14ac:dyDescent="0.25">
      <c r="A2268" t="s">
        <v>46954</v>
      </c>
      <c r="B2268" t="s">
        <v>46955</v>
      </c>
      <c r="C2268" t="s">
        <v>46956</v>
      </c>
      <c r="D2268" t="s">
        <v>46897</v>
      </c>
      <c r="E2268" t="s">
        <v>13</v>
      </c>
      <c r="F2268">
        <v>11814</v>
      </c>
      <c r="G2268" t="s">
        <v>46957</v>
      </c>
      <c r="H2268">
        <v>4.476228805741</v>
      </c>
      <c r="I2268">
        <v>52.228647940108999</v>
      </c>
      <c r="J2268" t="s">
        <v>57953</v>
      </c>
    </row>
    <row r="2269" spans="1:10" x14ac:dyDescent="0.25">
      <c r="A2269" t="s">
        <v>46950</v>
      </c>
      <c r="B2269" t="s">
        <v>46951</v>
      </c>
      <c r="C2269" t="s">
        <v>46952</v>
      </c>
      <c r="D2269" t="s">
        <v>46897</v>
      </c>
      <c r="E2269" t="s">
        <v>13</v>
      </c>
      <c r="F2269">
        <v>11813</v>
      </c>
      <c r="G2269" t="s">
        <v>46953</v>
      </c>
      <c r="H2269">
        <v>4.5204534355249999</v>
      </c>
      <c r="I2269">
        <v>52.232359270217998</v>
      </c>
      <c r="J2269" t="s">
        <v>57954</v>
      </c>
    </row>
    <row r="2270" spans="1:10" x14ac:dyDescent="0.25">
      <c r="A2270" t="s">
        <v>46946</v>
      </c>
      <c r="B2270" t="s">
        <v>46947</v>
      </c>
      <c r="C2270" t="s">
        <v>46948</v>
      </c>
      <c r="D2270" t="s">
        <v>46897</v>
      </c>
      <c r="E2270" t="s">
        <v>13</v>
      </c>
      <c r="F2270">
        <v>11812</v>
      </c>
      <c r="G2270" t="s">
        <v>46949</v>
      </c>
      <c r="H2270">
        <v>4.499251233401</v>
      </c>
      <c r="I2270">
        <v>52.242345622736003</v>
      </c>
      <c r="J2270" t="s">
        <v>57955</v>
      </c>
    </row>
    <row r="2271" spans="1:10" x14ac:dyDescent="0.25">
      <c r="A2271" t="s">
        <v>46942</v>
      </c>
      <c r="B2271" t="s">
        <v>46943</v>
      </c>
      <c r="C2271" t="s">
        <v>46944</v>
      </c>
      <c r="D2271" t="s">
        <v>46897</v>
      </c>
      <c r="E2271" t="s">
        <v>13</v>
      </c>
      <c r="F2271">
        <v>11811</v>
      </c>
      <c r="G2271" t="s">
        <v>46945</v>
      </c>
      <c r="H2271">
        <v>4.4865382973820003</v>
      </c>
      <c r="I2271">
        <v>52.232604448924</v>
      </c>
      <c r="J2271" t="s">
        <v>57956</v>
      </c>
    </row>
    <row r="2272" spans="1:10" x14ac:dyDescent="0.25">
      <c r="A2272" t="s">
        <v>46938</v>
      </c>
      <c r="B2272" t="s">
        <v>46939</v>
      </c>
      <c r="C2272" t="s">
        <v>46940</v>
      </c>
      <c r="D2272" t="s">
        <v>46897</v>
      </c>
      <c r="E2272" t="s">
        <v>13</v>
      </c>
      <c r="F2272">
        <v>11810</v>
      </c>
      <c r="G2272" t="s">
        <v>46941</v>
      </c>
      <c r="H2272">
        <v>4.4864921022580004</v>
      </c>
      <c r="I2272">
        <v>52.230430319881002</v>
      </c>
      <c r="J2272" t="s">
        <v>57957</v>
      </c>
    </row>
    <row r="2273" spans="1:10" x14ac:dyDescent="0.25">
      <c r="A2273" t="s">
        <v>46934</v>
      </c>
      <c r="B2273" t="s">
        <v>46935</v>
      </c>
      <c r="C2273" t="s">
        <v>46936</v>
      </c>
      <c r="D2273" t="s">
        <v>46897</v>
      </c>
      <c r="E2273" t="s">
        <v>13</v>
      </c>
      <c r="F2273">
        <v>11809</v>
      </c>
      <c r="G2273" t="s">
        <v>46937</v>
      </c>
      <c r="H2273">
        <v>4.4921770792629996</v>
      </c>
      <c r="I2273">
        <v>52.230169617268999</v>
      </c>
      <c r="J2273" t="s">
        <v>57958</v>
      </c>
    </row>
    <row r="2274" spans="1:10" x14ac:dyDescent="0.25">
      <c r="A2274" t="s">
        <v>46930</v>
      </c>
      <c r="B2274" t="s">
        <v>46931</v>
      </c>
      <c r="C2274" t="s">
        <v>46932</v>
      </c>
      <c r="D2274" t="s">
        <v>46897</v>
      </c>
      <c r="E2274" t="s">
        <v>13</v>
      </c>
      <c r="F2274">
        <v>11808</v>
      </c>
      <c r="G2274" t="s">
        <v>46933</v>
      </c>
      <c r="H2274">
        <v>4.4865263062549996</v>
      </c>
      <c r="I2274">
        <v>52.226908974090001</v>
      </c>
      <c r="J2274" t="s">
        <v>57959</v>
      </c>
    </row>
    <row r="2275" spans="1:10" x14ac:dyDescent="0.25">
      <c r="A2275" t="s">
        <v>46926</v>
      </c>
      <c r="B2275" t="s">
        <v>46927</v>
      </c>
      <c r="C2275" t="s">
        <v>46928</v>
      </c>
      <c r="D2275" t="s">
        <v>46897</v>
      </c>
      <c r="E2275" t="s">
        <v>13</v>
      </c>
      <c r="F2275">
        <v>11807</v>
      </c>
      <c r="G2275" t="s">
        <v>46929</v>
      </c>
      <c r="H2275">
        <v>4.4917363525029996</v>
      </c>
      <c r="I2275">
        <v>52.226617010901997</v>
      </c>
      <c r="J2275" t="s">
        <v>57960</v>
      </c>
    </row>
    <row r="2276" spans="1:10" x14ac:dyDescent="0.25">
      <c r="A2276" t="s">
        <v>46922</v>
      </c>
      <c r="B2276" t="s">
        <v>46923</v>
      </c>
      <c r="C2276" t="s">
        <v>46924</v>
      </c>
      <c r="D2276" t="s">
        <v>46897</v>
      </c>
      <c r="E2276" t="s">
        <v>13</v>
      </c>
      <c r="F2276">
        <v>11806</v>
      </c>
      <c r="G2276" t="s">
        <v>46925</v>
      </c>
      <c r="H2276">
        <v>4.4987341855310001</v>
      </c>
      <c r="I2276">
        <v>52.225916657143998</v>
      </c>
      <c r="J2276" t="s">
        <v>57961</v>
      </c>
    </row>
    <row r="2277" spans="1:10" x14ac:dyDescent="0.25">
      <c r="A2277" t="s">
        <v>46918</v>
      </c>
      <c r="B2277" t="s">
        <v>46919</v>
      </c>
      <c r="C2277" t="s">
        <v>46920</v>
      </c>
      <c r="D2277" t="s">
        <v>46897</v>
      </c>
      <c r="E2277" t="s">
        <v>13</v>
      </c>
      <c r="F2277">
        <v>11805</v>
      </c>
      <c r="G2277" t="s">
        <v>46921</v>
      </c>
      <c r="H2277">
        <v>4.4948963026420001</v>
      </c>
      <c r="I2277">
        <v>52.221147735000997</v>
      </c>
      <c r="J2277" t="s">
        <v>57962</v>
      </c>
    </row>
    <row r="2278" spans="1:10" x14ac:dyDescent="0.25">
      <c r="A2278" t="s">
        <v>46914</v>
      </c>
      <c r="B2278" t="s">
        <v>46915</v>
      </c>
      <c r="C2278" t="s">
        <v>46916</v>
      </c>
      <c r="D2278" t="s">
        <v>46897</v>
      </c>
      <c r="E2278" t="s">
        <v>13</v>
      </c>
      <c r="F2278">
        <v>11804</v>
      </c>
      <c r="G2278" t="s">
        <v>46917</v>
      </c>
      <c r="H2278">
        <v>4.4925807495849996</v>
      </c>
      <c r="I2278">
        <v>52.224129301300998</v>
      </c>
      <c r="J2278" t="s">
        <v>57963</v>
      </c>
    </row>
    <row r="2279" spans="1:10" x14ac:dyDescent="0.25">
      <c r="A2279" t="s">
        <v>46911</v>
      </c>
      <c r="B2279" t="s">
        <v>46912</v>
      </c>
      <c r="C2279" t="s">
        <v>479</v>
      </c>
      <c r="D2279" t="s">
        <v>46897</v>
      </c>
      <c r="E2279" t="s">
        <v>13</v>
      </c>
      <c r="F2279">
        <v>11803</v>
      </c>
      <c r="G2279" t="s">
        <v>46913</v>
      </c>
      <c r="H2279">
        <v>4.4886634964500001</v>
      </c>
      <c r="I2279">
        <v>52.219807141026997</v>
      </c>
      <c r="J2279" t="s">
        <v>57964</v>
      </c>
    </row>
    <row r="2280" spans="1:10" x14ac:dyDescent="0.25">
      <c r="A2280" t="s">
        <v>46907</v>
      </c>
      <c r="B2280" t="s">
        <v>46908</v>
      </c>
      <c r="C2280" t="s">
        <v>46909</v>
      </c>
      <c r="D2280" t="s">
        <v>46897</v>
      </c>
      <c r="E2280" t="s">
        <v>13</v>
      </c>
      <c r="F2280">
        <v>11802</v>
      </c>
      <c r="G2280" t="s">
        <v>46910</v>
      </c>
      <c r="H2280">
        <v>4.4753951833699999</v>
      </c>
      <c r="I2280">
        <v>52.218970608079999</v>
      </c>
      <c r="J2280" t="s">
        <v>57965</v>
      </c>
    </row>
    <row r="2281" spans="1:10" x14ac:dyDescent="0.25">
      <c r="A2281" t="s">
        <v>46903</v>
      </c>
      <c r="B2281" t="s">
        <v>46904</v>
      </c>
      <c r="C2281" t="s">
        <v>46905</v>
      </c>
      <c r="D2281" t="s">
        <v>46897</v>
      </c>
      <c r="E2281" t="s">
        <v>13</v>
      </c>
      <c r="F2281">
        <v>11801</v>
      </c>
      <c r="G2281" t="s">
        <v>46906</v>
      </c>
      <c r="H2281">
        <v>4.4831337039769998</v>
      </c>
      <c r="I2281">
        <v>52.219271887864998</v>
      </c>
      <c r="J2281" t="s">
        <v>57966</v>
      </c>
    </row>
    <row r="2282" spans="1:10" x14ac:dyDescent="0.25">
      <c r="A2282" t="s">
        <v>46899</v>
      </c>
      <c r="B2282" t="s">
        <v>46900</v>
      </c>
      <c r="C2282" t="s">
        <v>46901</v>
      </c>
      <c r="D2282" t="s">
        <v>46897</v>
      </c>
      <c r="E2282" t="s">
        <v>13</v>
      </c>
      <c r="F2282">
        <v>11800</v>
      </c>
      <c r="G2282" t="s">
        <v>46902</v>
      </c>
      <c r="H2282">
        <v>4.4785222919040004</v>
      </c>
      <c r="I2282">
        <v>52.222575357589001</v>
      </c>
      <c r="J2282" t="s">
        <v>57967</v>
      </c>
    </row>
    <row r="2283" spans="1:10" x14ac:dyDescent="0.25">
      <c r="A2283" t="s">
        <v>46894</v>
      </c>
      <c r="B2283" t="s">
        <v>46895</v>
      </c>
      <c r="C2283" t="s">
        <v>46896</v>
      </c>
      <c r="D2283" t="s">
        <v>46897</v>
      </c>
      <c r="E2283" t="s">
        <v>13</v>
      </c>
      <c r="F2283">
        <v>11799</v>
      </c>
      <c r="G2283" t="s">
        <v>46898</v>
      </c>
      <c r="H2283">
        <v>4.4817907223580002</v>
      </c>
      <c r="I2283">
        <v>52.226188309218998</v>
      </c>
      <c r="J2283" t="s">
        <v>57968</v>
      </c>
    </row>
    <row r="2284" spans="1:10" x14ac:dyDescent="0.25">
      <c r="A2284" t="s">
        <v>46890</v>
      </c>
      <c r="B2284" t="s">
        <v>46891</v>
      </c>
      <c r="C2284" t="s">
        <v>46892</v>
      </c>
      <c r="D2284" t="s">
        <v>46356</v>
      </c>
      <c r="E2284" t="s">
        <v>13</v>
      </c>
      <c r="F2284">
        <v>11798</v>
      </c>
      <c r="G2284" t="s">
        <v>46893</v>
      </c>
      <c r="H2284">
        <v>5.4608458901720001</v>
      </c>
      <c r="I2284">
        <v>52.479446361374997</v>
      </c>
      <c r="J2284" t="s">
        <v>57969</v>
      </c>
    </row>
    <row r="2285" spans="1:10" x14ac:dyDescent="0.25">
      <c r="A2285" t="s">
        <v>46886</v>
      </c>
      <c r="B2285" t="s">
        <v>46887</v>
      </c>
      <c r="C2285" t="s">
        <v>46888</v>
      </c>
      <c r="D2285" t="s">
        <v>46356</v>
      </c>
      <c r="E2285" t="s">
        <v>13</v>
      </c>
      <c r="F2285">
        <v>11797</v>
      </c>
      <c r="G2285" t="s">
        <v>46889</v>
      </c>
      <c r="H2285">
        <v>5.4675578322470004</v>
      </c>
      <c r="I2285">
        <v>52.472557222757999</v>
      </c>
      <c r="J2285" t="s">
        <v>57970</v>
      </c>
    </row>
    <row r="2286" spans="1:10" x14ac:dyDescent="0.25">
      <c r="A2286" t="s">
        <v>46882</v>
      </c>
      <c r="B2286" t="s">
        <v>46883</v>
      </c>
      <c r="C2286" t="s">
        <v>46884</v>
      </c>
      <c r="D2286" t="s">
        <v>46356</v>
      </c>
      <c r="E2286" t="s">
        <v>13</v>
      </c>
      <c r="F2286">
        <v>11796</v>
      </c>
      <c r="G2286" t="s">
        <v>46885</v>
      </c>
      <c r="H2286">
        <v>5.4696835067159997</v>
      </c>
      <c r="I2286">
        <v>52.480777473445002</v>
      </c>
      <c r="J2286" t="s">
        <v>57971</v>
      </c>
    </row>
    <row r="2287" spans="1:10" x14ac:dyDescent="0.25">
      <c r="A2287" t="s">
        <v>46878</v>
      </c>
      <c r="B2287" t="s">
        <v>46879</v>
      </c>
      <c r="C2287" t="s">
        <v>46880</v>
      </c>
      <c r="D2287" t="s">
        <v>46356</v>
      </c>
      <c r="E2287" t="s">
        <v>13</v>
      </c>
      <c r="F2287">
        <v>11795</v>
      </c>
      <c r="G2287" t="s">
        <v>46881</v>
      </c>
      <c r="H2287">
        <v>5.4818600841210001</v>
      </c>
      <c r="I2287">
        <v>52.485221565407002</v>
      </c>
      <c r="J2287" t="s">
        <v>57972</v>
      </c>
    </row>
    <row r="2288" spans="1:10" x14ac:dyDescent="0.25">
      <c r="A2288" t="s">
        <v>46874</v>
      </c>
      <c r="B2288" t="s">
        <v>46875</v>
      </c>
      <c r="C2288" t="s">
        <v>46876</v>
      </c>
      <c r="D2288" t="s">
        <v>46356</v>
      </c>
      <c r="E2288" t="s">
        <v>13</v>
      </c>
      <c r="F2288">
        <v>11794</v>
      </c>
      <c r="G2288" t="s">
        <v>46877</v>
      </c>
      <c r="H2288">
        <v>5.481862060429</v>
      </c>
      <c r="I2288">
        <v>52.490417830030999</v>
      </c>
      <c r="J2288" t="s">
        <v>57973</v>
      </c>
    </row>
    <row r="2289" spans="1:10" x14ac:dyDescent="0.25">
      <c r="A2289" t="s">
        <v>46870</v>
      </c>
      <c r="B2289" t="s">
        <v>46871</v>
      </c>
      <c r="C2289" t="s">
        <v>46872</v>
      </c>
      <c r="D2289" t="s">
        <v>46356</v>
      </c>
      <c r="E2289" t="s">
        <v>13</v>
      </c>
      <c r="F2289">
        <v>11793</v>
      </c>
      <c r="G2289" t="s">
        <v>46873</v>
      </c>
      <c r="H2289">
        <v>5.4741699585879999</v>
      </c>
      <c r="I2289">
        <v>52.488554819309002</v>
      </c>
      <c r="J2289" t="s">
        <v>57974</v>
      </c>
    </row>
    <row r="2290" spans="1:10" x14ac:dyDescent="0.25">
      <c r="A2290" t="s">
        <v>46866</v>
      </c>
      <c r="B2290" t="s">
        <v>46867</v>
      </c>
      <c r="C2290" t="s">
        <v>46868</v>
      </c>
      <c r="D2290" t="s">
        <v>46356</v>
      </c>
      <c r="E2290" t="s">
        <v>13</v>
      </c>
      <c r="F2290">
        <v>11792</v>
      </c>
      <c r="G2290" t="s">
        <v>46869</v>
      </c>
      <c r="H2290">
        <v>5.4454112074449998</v>
      </c>
      <c r="I2290">
        <v>52.483748120521</v>
      </c>
      <c r="J2290" t="s">
        <v>57975</v>
      </c>
    </row>
    <row r="2291" spans="1:10" x14ac:dyDescent="0.25">
      <c r="A2291" t="s">
        <v>46862</v>
      </c>
      <c r="B2291" t="s">
        <v>46863</v>
      </c>
      <c r="C2291" t="s">
        <v>46864</v>
      </c>
      <c r="D2291" t="s">
        <v>46356</v>
      </c>
      <c r="E2291" t="s">
        <v>13</v>
      </c>
      <c r="F2291">
        <v>11791</v>
      </c>
      <c r="G2291" t="s">
        <v>46865</v>
      </c>
      <c r="H2291">
        <v>5.4366598486819999</v>
      </c>
      <c r="I2291">
        <v>52.492845884818003</v>
      </c>
      <c r="J2291" t="s">
        <v>57976</v>
      </c>
    </row>
    <row r="2292" spans="1:10" x14ac:dyDescent="0.25">
      <c r="A2292" t="s">
        <v>46858</v>
      </c>
      <c r="B2292" t="s">
        <v>46859</v>
      </c>
      <c r="C2292" t="s">
        <v>46860</v>
      </c>
      <c r="D2292" t="s">
        <v>46356</v>
      </c>
      <c r="E2292" t="s">
        <v>13</v>
      </c>
      <c r="F2292">
        <v>11790</v>
      </c>
      <c r="G2292" t="s">
        <v>46861</v>
      </c>
      <c r="H2292">
        <v>5.4625175621919997</v>
      </c>
      <c r="I2292">
        <v>52.487388767165001</v>
      </c>
      <c r="J2292" t="s">
        <v>57977</v>
      </c>
    </row>
    <row r="2293" spans="1:10" x14ac:dyDescent="0.25">
      <c r="A2293" t="s">
        <v>46854</v>
      </c>
      <c r="B2293" t="s">
        <v>46855</v>
      </c>
      <c r="C2293" t="s">
        <v>46856</v>
      </c>
      <c r="D2293" t="s">
        <v>46356</v>
      </c>
      <c r="E2293" t="s">
        <v>13</v>
      </c>
      <c r="F2293">
        <v>11789</v>
      </c>
      <c r="G2293" t="s">
        <v>46857</v>
      </c>
      <c r="H2293">
        <v>5.4544900560420002</v>
      </c>
      <c r="I2293">
        <v>52.489224570955002</v>
      </c>
      <c r="J2293" t="s">
        <v>57978</v>
      </c>
    </row>
    <row r="2294" spans="1:10" x14ac:dyDescent="0.25">
      <c r="A2294" t="s">
        <v>46850</v>
      </c>
      <c r="B2294" t="s">
        <v>46851</v>
      </c>
      <c r="C2294" t="s">
        <v>46852</v>
      </c>
      <c r="D2294" t="s">
        <v>46356</v>
      </c>
      <c r="E2294" t="s">
        <v>13</v>
      </c>
      <c r="F2294">
        <v>11788</v>
      </c>
      <c r="G2294" t="s">
        <v>46853</v>
      </c>
      <c r="H2294">
        <v>5.4451233900389999</v>
      </c>
      <c r="I2294">
        <v>52.490856937783001</v>
      </c>
      <c r="J2294" t="s">
        <v>57979</v>
      </c>
    </row>
    <row r="2295" spans="1:10" x14ac:dyDescent="0.25">
      <c r="A2295" t="s">
        <v>46846</v>
      </c>
      <c r="B2295" t="s">
        <v>46847</v>
      </c>
      <c r="C2295" t="s">
        <v>46848</v>
      </c>
      <c r="D2295" t="s">
        <v>46356</v>
      </c>
      <c r="E2295" t="s">
        <v>13</v>
      </c>
      <c r="F2295">
        <v>11787</v>
      </c>
      <c r="G2295" t="s">
        <v>46849</v>
      </c>
      <c r="H2295">
        <v>5.3567564290360004</v>
      </c>
      <c r="I2295">
        <v>52.443422928963997</v>
      </c>
      <c r="J2295" t="s">
        <v>57980</v>
      </c>
    </row>
    <row r="2296" spans="1:10" x14ac:dyDescent="0.25">
      <c r="A2296" t="s">
        <v>46842</v>
      </c>
      <c r="B2296" t="s">
        <v>46843</v>
      </c>
      <c r="C2296" t="s">
        <v>46844</v>
      </c>
      <c r="D2296" t="s">
        <v>46356</v>
      </c>
      <c r="E2296" t="s">
        <v>13</v>
      </c>
      <c r="F2296">
        <v>11786</v>
      </c>
      <c r="G2296" t="s">
        <v>46845</v>
      </c>
      <c r="H2296">
        <v>5.4398342187819999</v>
      </c>
      <c r="I2296">
        <v>52.465812898609997</v>
      </c>
      <c r="J2296" t="s">
        <v>57981</v>
      </c>
    </row>
    <row r="2297" spans="1:10" x14ac:dyDescent="0.25">
      <c r="A2297" t="s">
        <v>46838</v>
      </c>
      <c r="B2297" t="s">
        <v>46839</v>
      </c>
      <c r="C2297" t="s">
        <v>46840</v>
      </c>
      <c r="D2297" t="s">
        <v>46356</v>
      </c>
      <c r="E2297" t="s">
        <v>13</v>
      </c>
      <c r="F2297">
        <v>11785</v>
      </c>
      <c r="G2297" t="s">
        <v>46841</v>
      </c>
      <c r="H2297">
        <v>5.4929271053440001</v>
      </c>
      <c r="I2297">
        <v>52.469240419287999</v>
      </c>
      <c r="J2297" t="s">
        <v>57982</v>
      </c>
    </row>
    <row r="2298" spans="1:10" x14ac:dyDescent="0.25">
      <c r="A2298" t="s">
        <v>46834</v>
      </c>
      <c r="B2298" t="s">
        <v>46835</v>
      </c>
      <c r="C2298" t="s">
        <v>46836</v>
      </c>
      <c r="D2298" t="s">
        <v>46356</v>
      </c>
      <c r="E2298" t="s">
        <v>13</v>
      </c>
      <c r="F2298">
        <v>11784</v>
      </c>
      <c r="G2298" t="s">
        <v>46837</v>
      </c>
      <c r="H2298">
        <v>5.5038743769679996</v>
      </c>
      <c r="I2298">
        <v>52.462626985215003</v>
      </c>
      <c r="J2298" t="s">
        <v>57983</v>
      </c>
    </row>
    <row r="2299" spans="1:10" x14ac:dyDescent="0.25">
      <c r="A2299" t="s">
        <v>46830</v>
      </c>
      <c r="B2299" t="s">
        <v>46831</v>
      </c>
      <c r="C2299" t="s">
        <v>46832</v>
      </c>
      <c r="D2299" t="s">
        <v>46356</v>
      </c>
      <c r="E2299" t="s">
        <v>13</v>
      </c>
      <c r="F2299">
        <v>11783</v>
      </c>
      <c r="G2299" t="s">
        <v>46833</v>
      </c>
      <c r="H2299">
        <v>5.5178819513140001</v>
      </c>
      <c r="I2299">
        <v>52.539688698078997</v>
      </c>
      <c r="J2299" t="s">
        <v>57984</v>
      </c>
    </row>
    <row r="2300" spans="1:10" x14ac:dyDescent="0.25">
      <c r="A2300" t="s">
        <v>46826</v>
      </c>
      <c r="B2300" t="s">
        <v>46827</v>
      </c>
      <c r="C2300" t="s">
        <v>46828</v>
      </c>
      <c r="D2300" t="s">
        <v>46356</v>
      </c>
      <c r="E2300" t="s">
        <v>13</v>
      </c>
      <c r="F2300">
        <v>11782</v>
      </c>
      <c r="G2300" t="s">
        <v>46829</v>
      </c>
      <c r="H2300">
        <v>5.5238150462069999</v>
      </c>
      <c r="I2300">
        <v>52.539161908925998</v>
      </c>
      <c r="J2300" t="s">
        <v>57985</v>
      </c>
    </row>
    <row r="2301" spans="1:10" x14ac:dyDescent="0.25">
      <c r="A2301" t="s">
        <v>46822</v>
      </c>
      <c r="B2301" t="s">
        <v>46823</v>
      </c>
      <c r="C2301" t="s">
        <v>46824</v>
      </c>
      <c r="D2301" t="s">
        <v>46356</v>
      </c>
      <c r="E2301" t="s">
        <v>13</v>
      </c>
      <c r="F2301">
        <v>11781</v>
      </c>
      <c r="G2301" t="s">
        <v>46825</v>
      </c>
      <c r="H2301">
        <v>5.529336306666</v>
      </c>
      <c r="I2301">
        <v>52.537828839070002</v>
      </c>
      <c r="J2301" t="s">
        <v>57986</v>
      </c>
    </row>
    <row r="2302" spans="1:10" x14ac:dyDescent="0.25">
      <c r="A2302" t="s">
        <v>46818</v>
      </c>
      <c r="B2302" t="s">
        <v>46819</v>
      </c>
      <c r="C2302" t="s">
        <v>46820</v>
      </c>
      <c r="D2302" t="s">
        <v>46356</v>
      </c>
      <c r="E2302" t="s">
        <v>13</v>
      </c>
      <c r="F2302">
        <v>11780</v>
      </c>
      <c r="G2302" t="s">
        <v>46821</v>
      </c>
      <c r="H2302">
        <v>5.4896518439979998</v>
      </c>
      <c r="I2302">
        <v>52.476488002175998</v>
      </c>
      <c r="J2302" t="s">
        <v>57987</v>
      </c>
    </row>
    <row r="2303" spans="1:10" x14ac:dyDescent="0.25">
      <c r="A2303" t="s">
        <v>46814</v>
      </c>
      <c r="B2303" t="s">
        <v>46815</v>
      </c>
      <c r="C2303" t="s">
        <v>46816</v>
      </c>
      <c r="D2303" t="s">
        <v>46356</v>
      </c>
      <c r="E2303" t="s">
        <v>13</v>
      </c>
      <c r="F2303">
        <v>11779</v>
      </c>
      <c r="G2303" t="s">
        <v>46817</v>
      </c>
      <c r="H2303">
        <v>5.4847162300800001</v>
      </c>
      <c r="I2303">
        <v>52.480151898217002</v>
      </c>
      <c r="J2303" t="s">
        <v>57988</v>
      </c>
    </row>
    <row r="2304" spans="1:10" x14ac:dyDescent="0.25">
      <c r="A2304" t="s">
        <v>46810</v>
      </c>
      <c r="B2304" t="s">
        <v>46811</v>
      </c>
      <c r="C2304" t="s">
        <v>46812</v>
      </c>
      <c r="D2304" t="s">
        <v>46356</v>
      </c>
      <c r="E2304" t="s">
        <v>13</v>
      </c>
      <c r="F2304">
        <v>11778</v>
      </c>
      <c r="G2304" t="s">
        <v>46813</v>
      </c>
      <c r="H2304">
        <v>5.5025760684630001</v>
      </c>
      <c r="I2304">
        <v>52.483389093020001</v>
      </c>
      <c r="J2304" t="s">
        <v>57989</v>
      </c>
    </row>
    <row r="2305" spans="1:10" x14ac:dyDescent="0.25">
      <c r="A2305" t="s">
        <v>46806</v>
      </c>
      <c r="B2305" t="s">
        <v>46807</v>
      </c>
      <c r="C2305" t="s">
        <v>46808</v>
      </c>
      <c r="D2305" t="s">
        <v>46356</v>
      </c>
      <c r="E2305" t="s">
        <v>13</v>
      </c>
      <c r="F2305">
        <v>11777</v>
      </c>
      <c r="G2305" t="s">
        <v>46809</v>
      </c>
      <c r="H2305">
        <v>5.4712191912919996</v>
      </c>
      <c r="I2305">
        <v>52.539718516398999</v>
      </c>
      <c r="J2305" t="s">
        <v>57990</v>
      </c>
    </row>
    <row r="2306" spans="1:10" x14ac:dyDescent="0.25">
      <c r="A2306" t="s">
        <v>46802</v>
      </c>
      <c r="B2306" t="s">
        <v>46803</v>
      </c>
      <c r="C2306" t="s">
        <v>46804</v>
      </c>
      <c r="D2306" t="s">
        <v>46356</v>
      </c>
      <c r="E2306" t="s">
        <v>13</v>
      </c>
      <c r="F2306">
        <v>11776</v>
      </c>
      <c r="G2306" t="s">
        <v>46805</v>
      </c>
      <c r="H2306">
        <v>5.5092883865970004</v>
      </c>
      <c r="I2306">
        <v>52.533397830874001</v>
      </c>
      <c r="J2306" t="s">
        <v>57991</v>
      </c>
    </row>
    <row r="2307" spans="1:10" x14ac:dyDescent="0.25">
      <c r="A2307" t="s">
        <v>46798</v>
      </c>
      <c r="B2307" t="s">
        <v>46799</v>
      </c>
      <c r="C2307" t="s">
        <v>46800</v>
      </c>
      <c r="D2307" t="s">
        <v>46356</v>
      </c>
      <c r="E2307" t="s">
        <v>13</v>
      </c>
      <c r="F2307">
        <v>11775</v>
      </c>
      <c r="G2307" t="s">
        <v>46801</v>
      </c>
      <c r="H2307">
        <v>5.4777339931190001</v>
      </c>
      <c r="I2307">
        <v>52.550881127718</v>
      </c>
      <c r="J2307" t="s">
        <v>57992</v>
      </c>
    </row>
    <row r="2308" spans="1:10" x14ac:dyDescent="0.25">
      <c r="A2308" t="s">
        <v>46794</v>
      </c>
      <c r="B2308" t="s">
        <v>46795</v>
      </c>
      <c r="C2308" t="s">
        <v>46796</v>
      </c>
      <c r="D2308" t="s">
        <v>46356</v>
      </c>
      <c r="E2308" t="s">
        <v>13</v>
      </c>
      <c r="F2308">
        <v>11774</v>
      </c>
      <c r="G2308" t="s">
        <v>46797</v>
      </c>
      <c r="H2308">
        <v>5.5214696494549997</v>
      </c>
      <c r="I2308">
        <v>52.524566363105002</v>
      </c>
      <c r="J2308" t="s">
        <v>57993</v>
      </c>
    </row>
    <row r="2309" spans="1:10" x14ac:dyDescent="0.25">
      <c r="A2309" t="s">
        <v>46790</v>
      </c>
      <c r="B2309" t="s">
        <v>46791</v>
      </c>
      <c r="C2309" t="s">
        <v>46792</v>
      </c>
      <c r="D2309" t="s">
        <v>46356</v>
      </c>
      <c r="E2309" t="s">
        <v>13</v>
      </c>
      <c r="F2309">
        <v>11773</v>
      </c>
      <c r="G2309" t="s">
        <v>46793</v>
      </c>
      <c r="H2309">
        <v>5.5164173192219996</v>
      </c>
      <c r="I2309">
        <v>52.49048709225</v>
      </c>
      <c r="J2309" t="s">
        <v>57994</v>
      </c>
    </row>
    <row r="2310" spans="1:10" x14ac:dyDescent="0.25">
      <c r="A2310" t="s">
        <v>46786</v>
      </c>
      <c r="B2310" t="s">
        <v>46787</v>
      </c>
      <c r="C2310" t="s">
        <v>46788</v>
      </c>
      <c r="D2310" t="s">
        <v>46356</v>
      </c>
      <c r="E2310" t="s">
        <v>13</v>
      </c>
      <c r="F2310">
        <v>11772</v>
      </c>
      <c r="G2310" t="s">
        <v>46789</v>
      </c>
      <c r="H2310">
        <v>5.5213602920409999</v>
      </c>
      <c r="I2310">
        <v>52.505081263176997</v>
      </c>
      <c r="J2310" t="s">
        <v>57995</v>
      </c>
    </row>
    <row r="2311" spans="1:10" x14ac:dyDescent="0.25">
      <c r="A2311" t="s">
        <v>46782</v>
      </c>
      <c r="B2311" t="s">
        <v>46783</v>
      </c>
      <c r="C2311" t="s">
        <v>46784</v>
      </c>
      <c r="D2311" t="s">
        <v>46356</v>
      </c>
      <c r="E2311" t="s">
        <v>13</v>
      </c>
      <c r="F2311">
        <v>11771</v>
      </c>
      <c r="G2311" t="s">
        <v>46785</v>
      </c>
      <c r="H2311">
        <v>5.5430618159609999</v>
      </c>
      <c r="I2311">
        <v>52.420750313593999</v>
      </c>
      <c r="J2311" t="s">
        <v>57996</v>
      </c>
    </row>
    <row r="2312" spans="1:10" x14ac:dyDescent="0.25">
      <c r="A2312" t="s">
        <v>46778</v>
      </c>
      <c r="B2312" t="s">
        <v>46779</v>
      </c>
      <c r="C2312" t="s">
        <v>46780</v>
      </c>
      <c r="D2312" t="s">
        <v>46356</v>
      </c>
      <c r="E2312" t="s">
        <v>13</v>
      </c>
      <c r="F2312">
        <v>11770</v>
      </c>
      <c r="G2312" t="s">
        <v>46781</v>
      </c>
      <c r="H2312">
        <v>5.4957501169740004</v>
      </c>
      <c r="I2312">
        <v>52.413275065534997</v>
      </c>
      <c r="J2312" t="s">
        <v>57997</v>
      </c>
    </row>
    <row r="2313" spans="1:10" x14ac:dyDescent="0.25">
      <c r="A2313" t="s">
        <v>46774</v>
      </c>
      <c r="B2313" t="s">
        <v>46775</v>
      </c>
      <c r="C2313" t="s">
        <v>46776</v>
      </c>
      <c r="D2313" t="s">
        <v>46356</v>
      </c>
      <c r="E2313" t="s">
        <v>13</v>
      </c>
      <c r="F2313">
        <v>11769</v>
      </c>
      <c r="G2313" t="s">
        <v>46777</v>
      </c>
      <c r="H2313">
        <v>5.5012304605390003</v>
      </c>
      <c r="I2313">
        <v>52.419137313461</v>
      </c>
      <c r="J2313" t="s">
        <v>57998</v>
      </c>
    </row>
    <row r="2314" spans="1:10" x14ac:dyDescent="0.25">
      <c r="A2314" t="s">
        <v>46770</v>
      </c>
      <c r="B2314" t="s">
        <v>46771</v>
      </c>
      <c r="C2314" t="s">
        <v>46772</v>
      </c>
      <c r="D2314" t="s">
        <v>46356</v>
      </c>
      <c r="E2314" t="s">
        <v>13</v>
      </c>
      <c r="F2314">
        <v>11768</v>
      </c>
      <c r="G2314" t="s">
        <v>46773</v>
      </c>
      <c r="H2314">
        <v>5.4865088680299996</v>
      </c>
      <c r="I2314">
        <v>52.445202622754998</v>
      </c>
      <c r="J2314" t="s">
        <v>57999</v>
      </c>
    </row>
    <row r="2315" spans="1:10" x14ac:dyDescent="0.25">
      <c r="A2315" t="s">
        <v>46766</v>
      </c>
      <c r="B2315" t="s">
        <v>46767</v>
      </c>
      <c r="C2315" t="s">
        <v>46768</v>
      </c>
      <c r="D2315" t="s">
        <v>46356</v>
      </c>
      <c r="E2315" t="s">
        <v>13</v>
      </c>
      <c r="F2315">
        <v>11767</v>
      </c>
      <c r="G2315" t="s">
        <v>46769</v>
      </c>
      <c r="H2315">
        <v>5.5169713260239996</v>
      </c>
      <c r="I2315">
        <v>52.456087356217999</v>
      </c>
      <c r="J2315" t="s">
        <v>58000</v>
      </c>
    </row>
    <row r="2316" spans="1:10" x14ac:dyDescent="0.25">
      <c r="A2316" t="s">
        <v>46762</v>
      </c>
      <c r="B2316" t="s">
        <v>46763</v>
      </c>
      <c r="C2316" t="s">
        <v>46764</v>
      </c>
      <c r="D2316" t="s">
        <v>46356</v>
      </c>
      <c r="E2316" t="s">
        <v>13</v>
      </c>
      <c r="F2316">
        <v>11766</v>
      </c>
      <c r="G2316" t="s">
        <v>46765</v>
      </c>
      <c r="H2316">
        <v>5.5437730326289998</v>
      </c>
      <c r="I2316">
        <v>52.462655273853997</v>
      </c>
      <c r="J2316" t="s">
        <v>58001</v>
      </c>
    </row>
    <row r="2317" spans="1:10" x14ac:dyDescent="0.25">
      <c r="A2317" t="s">
        <v>46758</v>
      </c>
      <c r="B2317" t="s">
        <v>46759</v>
      </c>
      <c r="C2317" t="s">
        <v>46760</v>
      </c>
      <c r="D2317" t="s">
        <v>46356</v>
      </c>
      <c r="E2317" t="s">
        <v>13</v>
      </c>
      <c r="F2317">
        <v>11765</v>
      </c>
      <c r="G2317" t="s">
        <v>46761</v>
      </c>
      <c r="H2317">
        <v>5.5690773203089998</v>
      </c>
      <c r="I2317">
        <v>52.449438277014004</v>
      </c>
      <c r="J2317" t="s">
        <v>58002</v>
      </c>
    </row>
    <row r="2318" spans="1:10" x14ac:dyDescent="0.25">
      <c r="A2318" t="s">
        <v>46754</v>
      </c>
      <c r="B2318" t="s">
        <v>46755</v>
      </c>
      <c r="C2318" t="s">
        <v>46756</v>
      </c>
      <c r="D2318" t="s">
        <v>46356</v>
      </c>
      <c r="E2318" t="s">
        <v>13</v>
      </c>
      <c r="F2318">
        <v>11764</v>
      </c>
      <c r="G2318" t="s">
        <v>46757</v>
      </c>
      <c r="H2318">
        <v>5.5292889697909997</v>
      </c>
      <c r="I2318">
        <v>52.487223642516</v>
      </c>
      <c r="J2318" t="s">
        <v>58003</v>
      </c>
    </row>
    <row r="2319" spans="1:10" x14ac:dyDescent="0.25">
      <c r="A2319" t="s">
        <v>46750</v>
      </c>
      <c r="B2319" t="s">
        <v>46751</v>
      </c>
      <c r="C2319" t="s">
        <v>46752</v>
      </c>
      <c r="D2319" t="s">
        <v>46356</v>
      </c>
      <c r="E2319" t="s">
        <v>13</v>
      </c>
      <c r="F2319">
        <v>11763</v>
      </c>
      <c r="G2319" t="s">
        <v>46753</v>
      </c>
      <c r="H2319">
        <v>5.566937412183</v>
      </c>
      <c r="I2319">
        <v>52.4907061571</v>
      </c>
      <c r="J2319" t="s">
        <v>58004</v>
      </c>
    </row>
    <row r="2320" spans="1:10" x14ac:dyDescent="0.25">
      <c r="A2320" t="s">
        <v>46746</v>
      </c>
      <c r="B2320" t="s">
        <v>46747</v>
      </c>
      <c r="C2320" t="s">
        <v>46748</v>
      </c>
      <c r="D2320" t="s">
        <v>46356</v>
      </c>
      <c r="E2320" t="s">
        <v>13</v>
      </c>
      <c r="F2320">
        <v>11762</v>
      </c>
      <c r="G2320" t="s">
        <v>46749</v>
      </c>
      <c r="H2320">
        <v>5.482545496627</v>
      </c>
      <c r="I2320">
        <v>52.529372306120997</v>
      </c>
      <c r="J2320" t="s">
        <v>58005</v>
      </c>
    </row>
    <row r="2321" spans="1:10" x14ac:dyDescent="0.25">
      <c r="A2321" t="s">
        <v>46742</v>
      </c>
      <c r="B2321" t="s">
        <v>46743</v>
      </c>
      <c r="C2321" t="s">
        <v>46744</v>
      </c>
      <c r="D2321" t="s">
        <v>46356</v>
      </c>
      <c r="E2321" t="s">
        <v>13</v>
      </c>
      <c r="F2321">
        <v>11761</v>
      </c>
      <c r="G2321" t="s">
        <v>46745</v>
      </c>
      <c r="H2321">
        <v>5.4967986706290004</v>
      </c>
      <c r="I2321">
        <v>52.541746884793</v>
      </c>
      <c r="J2321" t="s">
        <v>58006</v>
      </c>
    </row>
    <row r="2322" spans="1:10" x14ac:dyDescent="0.25">
      <c r="A2322" t="s">
        <v>46738</v>
      </c>
      <c r="B2322" t="s">
        <v>46739</v>
      </c>
      <c r="C2322" t="s">
        <v>46740</v>
      </c>
      <c r="D2322" t="s">
        <v>46356</v>
      </c>
      <c r="E2322" t="s">
        <v>13</v>
      </c>
      <c r="F2322">
        <v>11760</v>
      </c>
      <c r="G2322" t="s">
        <v>46741</v>
      </c>
      <c r="H2322">
        <v>5.5600683437459999</v>
      </c>
      <c r="I2322">
        <v>52.529475144552002</v>
      </c>
      <c r="J2322" t="s">
        <v>58007</v>
      </c>
    </row>
    <row r="2323" spans="1:10" x14ac:dyDescent="0.25">
      <c r="A2323" t="s">
        <v>46734</v>
      </c>
      <c r="B2323" t="s">
        <v>46735</v>
      </c>
      <c r="C2323" t="s">
        <v>46736</v>
      </c>
      <c r="D2323" t="s">
        <v>46356</v>
      </c>
      <c r="E2323" t="s">
        <v>13</v>
      </c>
      <c r="F2323">
        <v>11759</v>
      </c>
      <c r="G2323" t="s">
        <v>46737</v>
      </c>
      <c r="H2323">
        <v>5.5617140070979998</v>
      </c>
      <c r="I2323">
        <v>52.568321393044002</v>
      </c>
      <c r="J2323" t="s">
        <v>58008</v>
      </c>
    </row>
    <row r="2324" spans="1:10" x14ac:dyDescent="0.25">
      <c r="A2324" t="s">
        <v>46730</v>
      </c>
      <c r="B2324" t="s">
        <v>46731</v>
      </c>
      <c r="C2324" t="s">
        <v>46732</v>
      </c>
      <c r="D2324" t="s">
        <v>46356</v>
      </c>
      <c r="E2324" t="s">
        <v>13</v>
      </c>
      <c r="F2324">
        <v>11758</v>
      </c>
      <c r="G2324" t="s">
        <v>46733</v>
      </c>
      <c r="H2324">
        <v>5.5209673212789996</v>
      </c>
      <c r="I2324">
        <v>52.562953799455002</v>
      </c>
      <c r="J2324" t="s">
        <v>58009</v>
      </c>
    </row>
    <row r="2325" spans="1:10" x14ac:dyDescent="0.25">
      <c r="A2325" t="s">
        <v>46726</v>
      </c>
      <c r="B2325" t="s">
        <v>46727</v>
      </c>
      <c r="C2325" t="s">
        <v>46728</v>
      </c>
      <c r="D2325" t="s">
        <v>46356</v>
      </c>
      <c r="E2325" t="s">
        <v>13</v>
      </c>
      <c r="F2325">
        <v>11757</v>
      </c>
      <c r="G2325" t="s">
        <v>46729</v>
      </c>
      <c r="H2325">
        <v>5.530128126997</v>
      </c>
      <c r="I2325">
        <v>52.552554739346</v>
      </c>
      <c r="J2325" t="s">
        <v>58010</v>
      </c>
    </row>
    <row r="2326" spans="1:10" x14ac:dyDescent="0.25">
      <c r="A2326" t="s">
        <v>46722</v>
      </c>
      <c r="B2326" t="s">
        <v>46723</v>
      </c>
      <c r="C2326" t="s">
        <v>46724</v>
      </c>
      <c r="D2326" t="s">
        <v>46356</v>
      </c>
      <c r="E2326" t="s">
        <v>13</v>
      </c>
      <c r="F2326">
        <v>11756</v>
      </c>
      <c r="G2326" t="s">
        <v>46725</v>
      </c>
      <c r="H2326">
        <v>5.479964289432</v>
      </c>
      <c r="I2326">
        <v>52.50976772488</v>
      </c>
      <c r="J2326" t="s">
        <v>58011</v>
      </c>
    </row>
    <row r="2327" spans="1:10" x14ac:dyDescent="0.25">
      <c r="A2327" t="s">
        <v>46718</v>
      </c>
      <c r="B2327" t="s">
        <v>46719</v>
      </c>
      <c r="C2327" t="s">
        <v>46720</v>
      </c>
      <c r="D2327" t="s">
        <v>46356</v>
      </c>
      <c r="E2327" t="s">
        <v>13</v>
      </c>
      <c r="F2327">
        <v>11755</v>
      </c>
      <c r="G2327" t="s">
        <v>46721</v>
      </c>
      <c r="H2327">
        <v>5.4767339582309997</v>
      </c>
      <c r="I2327">
        <v>52.506299378369</v>
      </c>
      <c r="J2327" t="s">
        <v>58012</v>
      </c>
    </row>
    <row r="2328" spans="1:10" x14ac:dyDescent="0.25">
      <c r="A2328" t="s">
        <v>46715</v>
      </c>
      <c r="B2328" t="s">
        <v>46716</v>
      </c>
      <c r="C2328" t="s">
        <v>3271</v>
      </c>
      <c r="D2328" t="s">
        <v>46356</v>
      </c>
      <c r="E2328" t="s">
        <v>13</v>
      </c>
      <c r="F2328">
        <v>11754</v>
      </c>
      <c r="G2328" t="s">
        <v>46717</v>
      </c>
      <c r="H2328">
        <v>5.4730777568819997</v>
      </c>
      <c r="I2328">
        <v>52.507966590795</v>
      </c>
      <c r="J2328" t="s">
        <v>58013</v>
      </c>
    </row>
    <row r="2329" spans="1:10" x14ac:dyDescent="0.25">
      <c r="A2329" t="s">
        <v>46711</v>
      </c>
      <c r="B2329" t="s">
        <v>46712</v>
      </c>
      <c r="C2329" t="s">
        <v>46713</v>
      </c>
      <c r="D2329" t="s">
        <v>46356</v>
      </c>
      <c r="E2329" t="s">
        <v>13</v>
      </c>
      <c r="F2329">
        <v>11753</v>
      </c>
      <c r="G2329" t="s">
        <v>46714</v>
      </c>
      <c r="H2329">
        <v>5.4761474202259999</v>
      </c>
      <c r="I2329">
        <v>52.508488361475003</v>
      </c>
      <c r="J2329" t="s">
        <v>58014</v>
      </c>
    </row>
    <row r="2330" spans="1:10" x14ac:dyDescent="0.25">
      <c r="A2330" t="s">
        <v>46707</v>
      </c>
      <c r="B2330" t="s">
        <v>46708</v>
      </c>
      <c r="C2330" t="s">
        <v>46709</v>
      </c>
      <c r="D2330" t="s">
        <v>46356</v>
      </c>
      <c r="E2330" t="s">
        <v>13</v>
      </c>
      <c r="F2330">
        <v>11752</v>
      </c>
      <c r="G2330" t="s">
        <v>46710</v>
      </c>
      <c r="H2330">
        <v>5.475926498173</v>
      </c>
      <c r="I2330">
        <v>52.510817359042001</v>
      </c>
      <c r="J2330" t="s">
        <v>58015</v>
      </c>
    </row>
    <row r="2331" spans="1:10" x14ac:dyDescent="0.25">
      <c r="A2331" t="s">
        <v>46703</v>
      </c>
      <c r="B2331" t="s">
        <v>46704</v>
      </c>
      <c r="C2331" t="s">
        <v>46705</v>
      </c>
      <c r="D2331" t="s">
        <v>46356</v>
      </c>
      <c r="E2331" t="s">
        <v>13</v>
      </c>
      <c r="F2331">
        <v>11751</v>
      </c>
      <c r="G2331" t="s">
        <v>46706</v>
      </c>
      <c r="H2331">
        <v>5.4330186716390001</v>
      </c>
      <c r="I2331">
        <v>52.501539473340998</v>
      </c>
      <c r="J2331" t="s">
        <v>58016</v>
      </c>
    </row>
    <row r="2332" spans="1:10" x14ac:dyDescent="0.25">
      <c r="A2332" t="s">
        <v>46699</v>
      </c>
      <c r="B2332" t="s">
        <v>46700</v>
      </c>
      <c r="C2332" t="s">
        <v>46701</v>
      </c>
      <c r="D2332" t="s">
        <v>46356</v>
      </c>
      <c r="E2332" t="s">
        <v>13</v>
      </c>
      <c r="F2332">
        <v>11750</v>
      </c>
      <c r="G2332" t="s">
        <v>46702</v>
      </c>
      <c r="H2332">
        <v>5.4468912184900002</v>
      </c>
      <c r="I2332">
        <v>52.501794025591003</v>
      </c>
      <c r="J2332" t="s">
        <v>58017</v>
      </c>
    </row>
    <row r="2333" spans="1:10" x14ac:dyDescent="0.25">
      <c r="A2333" t="s">
        <v>46695</v>
      </c>
      <c r="B2333" t="s">
        <v>46696</v>
      </c>
      <c r="C2333" t="s">
        <v>46697</v>
      </c>
      <c r="D2333" t="s">
        <v>46356</v>
      </c>
      <c r="E2333" t="s">
        <v>13</v>
      </c>
      <c r="F2333">
        <v>11749</v>
      </c>
      <c r="G2333" t="s">
        <v>46698</v>
      </c>
      <c r="H2333">
        <v>5.4186425435050003</v>
      </c>
      <c r="I2333">
        <v>52.483289597762003</v>
      </c>
      <c r="J2333" t="s">
        <v>58018</v>
      </c>
    </row>
    <row r="2334" spans="1:10" x14ac:dyDescent="0.25">
      <c r="A2334" t="s">
        <v>46691</v>
      </c>
      <c r="B2334" t="s">
        <v>46692</v>
      </c>
      <c r="C2334" t="s">
        <v>46693</v>
      </c>
      <c r="D2334" t="s">
        <v>46356</v>
      </c>
      <c r="E2334" t="s">
        <v>13</v>
      </c>
      <c r="F2334">
        <v>11748</v>
      </c>
      <c r="G2334" t="s">
        <v>46694</v>
      </c>
      <c r="H2334">
        <v>5.4126006909950002</v>
      </c>
      <c r="I2334">
        <v>52.490580215942998</v>
      </c>
      <c r="J2334" t="s">
        <v>58019</v>
      </c>
    </row>
    <row r="2335" spans="1:10" x14ac:dyDescent="0.25">
      <c r="A2335" t="s">
        <v>46687</v>
      </c>
      <c r="B2335" t="s">
        <v>46688</v>
      </c>
      <c r="C2335" t="s">
        <v>46689</v>
      </c>
      <c r="D2335" t="s">
        <v>46356</v>
      </c>
      <c r="E2335" t="s">
        <v>13</v>
      </c>
      <c r="F2335">
        <v>11747</v>
      </c>
      <c r="G2335" t="s">
        <v>46690</v>
      </c>
      <c r="H2335">
        <v>5.415679703316</v>
      </c>
      <c r="I2335">
        <v>52.501572323864998</v>
      </c>
      <c r="J2335" t="s">
        <v>58020</v>
      </c>
    </row>
    <row r="2336" spans="1:10" x14ac:dyDescent="0.25">
      <c r="A2336" t="s">
        <v>46683</v>
      </c>
      <c r="B2336" t="s">
        <v>46684</v>
      </c>
      <c r="C2336" t="s">
        <v>46685</v>
      </c>
      <c r="D2336" t="s">
        <v>46356</v>
      </c>
      <c r="E2336" t="s">
        <v>13</v>
      </c>
      <c r="F2336">
        <v>11746</v>
      </c>
      <c r="G2336" t="s">
        <v>46686</v>
      </c>
      <c r="H2336">
        <v>5.4212916950160004</v>
      </c>
      <c r="I2336">
        <v>52.497753182506997</v>
      </c>
      <c r="J2336" t="s">
        <v>58021</v>
      </c>
    </row>
    <row r="2337" spans="1:10" x14ac:dyDescent="0.25">
      <c r="A2337" t="s">
        <v>46679</v>
      </c>
      <c r="B2337" t="s">
        <v>46680</v>
      </c>
      <c r="C2337" t="s">
        <v>46681</v>
      </c>
      <c r="D2337" t="s">
        <v>46356</v>
      </c>
      <c r="E2337" t="s">
        <v>13</v>
      </c>
      <c r="F2337">
        <v>11745</v>
      </c>
      <c r="G2337" t="s">
        <v>46682</v>
      </c>
      <c r="H2337">
        <v>5.4127796592050004</v>
      </c>
      <c r="I2337">
        <v>52.497264234008</v>
      </c>
      <c r="J2337" t="s">
        <v>58022</v>
      </c>
    </row>
    <row r="2338" spans="1:10" x14ac:dyDescent="0.25">
      <c r="A2338" t="s">
        <v>46675</v>
      </c>
      <c r="B2338" t="s">
        <v>46676</v>
      </c>
      <c r="C2338" t="s">
        <v>46677</v>
      </c>
      <c r="D2338" t="s">
        <v>46356</v>
      </c>
      <c r="E2338" t="s">
        <v>13</v>
      </c>
      <c r="F2338">
        <v>11744</v>
      </c>
      <c r="G2338" t="s">
        <v>46678</v>
      </c>
      <c r="H2338">
        <v>5.4287351186409998</v>
      </c>
      <c r="I2338">
        <v>52.507797614087004</v>
      </c>
      <c r="J2338" t="s">
        <v>58023</v>
      </c>
    </row>
    <row r="2339" spans="1:10" x14ac:dyDescent="0.25">
      <c r="A2339" t="s">
        <v>46671</v>
      </c>
      <c r="B2339" t="s">
        <v>46672</v>
      </c>
      <c r="C2339" t="s">
        <v>46673</v>
      </c>
      <c r="D2339" t="s">
        <v>46356</v>
      </c>
      <c r="E2339" t="s">
        <v>13</v>
      </c>
      <c r="F2339">
        <v>11743</v>
      </c>
      <c r="G2339" t="s">
        <v>46674</v>
      </c>
      <c r="H2339">
        <v>5.4265012991250003</v>
      </c>
      <c r="I2339">
        <v>52.491680531687997</v>
      </c>
      <c r="J2339" t="s">
        <v>58024</v>
      </c>
    </row>
    <row r="2340" spans="1:10" x14ac:dyDescent="0.25">
      <c r="A2340" t="s">
        <v>46667</v>
      </c>
      <c r="B2340" t="s">
        <v>46668</v>
      </c>
      <c r="C2340" t="s">
        <v>46669</v>
      </c>
      <c r="D2340" t="s">
        <v>46356</v>
      </c>
      <c r="E2340" t="s">
        <v>13</v>
      </c>
      <c r="F2340">
        <v>11742</v>
      </c>
      <c r="G2340" t="s">
        <v>46670</v>
      </c>
      <c r="H2340">
        <v>5.4766323216219996</v>
      </c>
      <c r="I2340">
        <v>52.503155242094998</v>
      </c>
      <c r="J2340" t="s">
        <v>58025</v>
      </c>
    </row>
    <row r="2341" spans="1:10" x14ac:dyDescent="0.25">
      <c r="A2341" t="s">
        <v>46663</v>
      </c>
      <c r="B2341" t="s">
        <v>46664</v>
      </c>
      <c r="C2341" t="s">
        <v>46665</v>
      </c>
      <c r="D2341" t="s">
        <v>46356</v>
      </c>
      <c r="E2341" t="s">
        <v>13</v>
      </c>
      <c r="F2341">
        <v>11741</v>
      </c>
      <c r="G2341" t="s">
        <v>46666</v>
      </c>
      <c r="H2341">
        <v>5.4720581638550003</v>
      </c>
      <c r="I2341">
        <v>52.500879460546003</v>
      </c>
      <c r="J2341" t="s">
        <v>58026</v>
      </c>
    </row>
    <row r="2342" spans="1:10" x14ac:dyDescent="0.25">
      <c r="A2342" t="s">
        <v>46659</v>
      </c>
      <c r="B2342" t="s">
        <v>46660</v>
      </c>
      <c r="C2342" t="s">
        <v>46661</v>
      </c>
      <c r="D2342" t="s">
        <v>46356</v>
      </c>
      <c r="E2342" t="s">
        <v>13</v>
      </c>
      <c r="F2342">
        <v>11740</v>
      </c>
      <c r="G2342" t="s">
        <v>46662</v>
      </c>
      <c r="H2342">
        <v>5.4525557786550003</v>
      </c>
      <c r="I2342">
        <v>52.498240699888001</v>
      </c>
      <c r="J2342" t="s">
        <v>58027</v>
      </c>
    </row>
    <row r="2343" spans="1:10" x14ac:dyDescent="0.25">
      <c r="A2343" t="s">
        <v>46655</v>
      </c>
      <c r="B2343" t="s">
        <v>46656</v>
      </c>
      <c r="C2343" t="s">
        <v>46657</v>
      </c>
      <c r="D2343" t="s">
        <v>46356</v>
      </c>
      <c r="E2343" t="s">
        <v>13</v>
      </c>
      <c r="F2343">
        <v>11739</v>
      </c>
      <c r="G2343" t="s">
        <v>46658</v>
      </c>
      <c r="H2343">
        <v>5.4574375086589999</v>
      </c>
      <c r="I2343">
        <v>52.500822204324997</v>
      </c>
      <c r="J2343" t="s">
        <v>58028</v>
      </c>
    </row>
    <row r="2344" spans="1:10" x14ac:dyDescent="0.25">
      <c r="A2344" t="s">
        <v>46651</v>
      </c>
      <c r="B2344" t="s">
        <v>46652</v>
      </c>
      <c r="C2344" t="s">
        <v>46653</v>
      </c>
      <c r="D2344" t="s">
        <v>46356</v>
      </c>
      <c r="E2344" t="s">
        <v>13</v>
      </c>
      <c r="F2344">
        <v>11738</v>
      </c>
      <c r="G2344" t="s">
        <v>46654</v>
      </c>
      <c r="H2344">
        <v>5.4674776098770002</v>
      </c>
      <c r="I2344">
        <v>52.501512014901003</v>
      </c>
      <c r="J2344" t="s">
        <v>58029</v>
      </c>
    </row>
    <row r="2345" spans="1:10" x14ac:dyDescent="0.25">
      <c r="A2345" t="s">
        <v>46647</v>
      </c>
      <c r="B2345" t="s">
        <v>46648</v>
      </c>
      <c r="C2345" t="s">
        <v>46649</v>
      </c>
      <c r="D2345" t="s">
        <v>46356</v>
      </c>
      <c r="E2345" t="s">
        <v>13</v>
      </c>
      <c r="F2345">
        <v>11737</v>
      </c>
      <c r="G2345" t="s">
        <v>46650</v>
      </c>
      <c r="H2345">
        <v>5.4582269247130002</v>
      </c>
      <c r="I2345">
        <v>52.50486682084</v>
      </c>
      <c r="J2345" t="s">
        <v>58030</v>
      </c>
    </row>
    <row r="2346" spans="1:10" x14ac:dyDescent="0.25">
      <c r="A2346" t="s">
        <v>46643</v>
      </c>
      <c r="B2346" t="s">
        <v>46644</v>
      </c>
      <c r="C2346" t="s">
        <v>46645</v>
      </c>
      <c r="D2346" t="s">
        <v>46356</v>
      </c>
      <c r="E2346" t="s">
        <v>13</v>
      </c>
      <c r="F2346">
        <v>11736</v>
      </c>
      <c r="G2346" t="s">
        <v>46646</v>
      </c>
      <c r="H2346">
        <v>5.4673002612310002</v>
      </c>
      <c r="I2346">
        <v>52.505432139558003</v>
      </c>
      <c r="J2346" t="s">
        <v>58031</v>
      </c>
    </row>
    <row r="2347" spans="1:10" x14ac:dyDescent="0.25">
      <c r="A2347" t="s">
        <v>46639</v>
      </c>
      <c r="B2347" t="s">
        <v>46640</v>
      </c>
      <c r="C2347" t="s">
        <v>46641</v>
      </c>
      <c r="D2347" t="s">
        <v>46356</v>
      </c>
      <c r="E2347" t="s">
        <v>13</v>
      </c>
      <c r="F2347">
        <v>11735</v>
      </c>
      <c r="G2347" t="s">
        <v>46642</v>
      </c>
      <c r="H2347">
        <v>5.4740750899309996</v>
      </c>
      <c r="I2347">
        <v>52.495960477977</v>
      </c>
      <c r="J2347" t="s">
        <v>58032</v>
      </c>
    </row>
    <row r="2348" spans="1:10" x14ac:dyDescent="0.25">
      <c r="A2348" t="s">
        <v>46635</v>
      </c>
      <c r="B2348" t="s">
        <v>46636</v>
      </c>
      <c r="C2348" t="s">
        <v>46637</v>
      </c>
      <c r="D2348" t="s">
        <v>46356</v>
      </c>
      <c r="E2348" t="s">
        <v>13</v>
      </c>
      <c r="F2348">
        <v>11734</v>
      </c>
      <c r="G2348" t="s">
        <v>46638</v>
      </c>
      <c r="H2348">
        <v>5.478589416448</v>
      </c>
      <c r="I2348">
        <v>52.495166230446003</v>
      </c>
      <c r="J2348" t="s">
        <v>58033</v>
      </c>
    </row>
    <row r="2349" spans="1:10" x14ac:dyDescent="0.25">
      <c r="A2349" t="s">
        <v>46631</v>
      </c>
      <c r="B2349" t="s">
        <v>46632</v>
      </c>
      <c r="C2349" t="s">
        <v>46633</v>
      </c>
      <c r="D2349" t="s">
        <v>46356</v>
      </c>
      <c r="E2349" t="s">
        <v>13</v>
      </c>
      <c r="F2349">
        <v>11733</v>
      </c>
      <c r="G2349" t="s">
        <v>46634</v>
      </c>
      <c r="H2349">
        <v>5.4799700605300004</v>
      </c>
      <c r="I2349">
        <v>52.498929706816</v>
      </c>
      <c r="J2349" t="s">
        <v>58034</v>
      </c>
    </row>
    <row r="2350" spans="1:10" x14ac:dyDescent="0.25">
      <c r="A2350" t="s">
        <v>46627</v>
      </c>
      <c r="B2350" t="s">
        <v>46628</v>
      </c>
      <c r="C2350" t="s">
        <v>46629</v>
      </c>
      <c r="D2350" t="s">
        <v>46356</v>
      </c>
      <c r="E2350" t="s">
        <v>13</v>
      </c>
      <c r="F2350">
        <v>11732</v>
      </c>
      <c r="G2350" t="s">
        <v>46630</v>
      </c>
      <c r="H2350">
        <v>5.4763796818659998</v>
      </c>
      <c r="I2350">
        <v>52.498919802361002</v>
      </c>
      <c r="J2350" t="s">
        <v>58035</v>
      </c>
    </row>
    <row r="2351" spans="1:10" x14ac:dyDescent="0.25">
      <c r="A2351" t="s">
        <v>46623</v>
      </c>
      <c r="B2351" t="s">
        <v>46624</v>
      </c>
      <c r="C2351" t="s">
        <v>46625</v>
      </c>
      <c r="D2351" t="s">
        <v>46356</v>
      </c>
      <c r="E2351" t="s">
        <v>13</v>
      </c>
      <c r="F2351">
        <v>11731</v>
      </c>
      <c r="G2351" t="s">
        <v>46626</v>
      </c>
      <c r="H2351">
        <v>5.4513064761210002</v>
      </c>
      <c r="I2351">
        <v>52.49471627938</v>
      </c>
      <c r="J2351" t="s">
        <v>58036</v>
      </c>
    </row>
    <row r="2352" spans="1:10" x14ac:dyDescent="0.25">
      <c r="A2352" t="s">
        <v>46619</v>
      </c>
      <c r="B2352" t="s">
        <v>46620</v>
      </c>
      <c r="C2352" t="s">
        <v>46621</v>
      </c>
      <c r="D2352" t="s">
        <v>46356</v>
      </c>
      <c r="E2352" t="s">
        <v>13</v>
      </c>
      <c r="F2352">
        <v>11730</v>
      </c>
      <c r="G2352" t="s">
        <v>46622</v>
      </c>
      <c r="H2352">
        <v>5.4597304505900004</v>
      </c>
      <c r="I2352">
        <v>52.495503698279997</v>
      </c>
      <c r="J2352" t="s">
        <v>58037</v>
      </c>
    </row>
    <row r="2353" spans="1:10" x14ac:dyDescent="0.25">
      <c r="A2353" t="s">
        <v>46615</v>
      </c>
      <c r="B2353" t="s">
        <v>46616</v>
      </c>
      <c r="C2353" t="s">
        <v>46617</v>
      </c>
      <c r="D2353" t="s">
        <v>46356</v>
      </c>
      <c r="E2353" t="s">
        <v>13</v>
      </c>
      <c r="F2353">
        <v>11729</v>
      </c>
      <c r="G2353" t="s">
        <v>46618</v>
      </c>
      <c r="H2353">
        <v>5.4683229235789996</v>
      </c>
      <c r="I2353">
        <v>52.496409892774999</v>
      </c>
      <c r="J2353" t="s">
        <v>58038</v>
      </c>
    </row>
    <row r="2354" spans="1:10" x14ac:dyDescent="0.25">
      <c r="A2354" t="s">
        <v>46611</v>
      </c>
      <c r="B2354" t="s">
        <v>46612</v>
      </c>
      <c r="C2354" t="s">
        <v>46613</v>
      </c>
      <c r="D2354" t="s">
        <v>46356</v>
      </c>
      <c r="E2354" t="s">
        <v>13</v>
      </c>
      <c r="F2354">
        <v>11728</v>
      </c>
      <c r="G2354" t="s">
        <v>46614</v>
      </c>
      <c r="H2354">
        <v>5.454467681963</v>
      </c>
      <c r="I2354">
        <v>52.538372777551999</v>
      </c>
      <c r="J2354" t="s">
        <v>58039</v>
      </c>
    </row>
    <row r="2355" spans="1:10" x14ac:dyDescent="0.25">
      <c r="A2355" t="s">
        <v>46607</v>
      </c>
      <c r="B2355" t="s">
        <v>46608</v>
      </c>
      <c r="C2355" t="s">
        <v>46609</v>
      </c>
      <c r="D2355" t="s">
        <v>46356</v>
      </c>
      <c r="E2355" t="s">
        <v>13</v>
      </c>
      <c r="F2355">
        <v>11727</v>
      </c>
      <c r="G2355" t="s">
        <v>46610</v>
      </c>
      <c r="H2355">
        <v>5.4617847066090004</v>
      </c>
      <c r="I2355">
        <v>52.527978333362</v>
      </c>
      <c r="J2355" t="s">
        <v>58040</v>
      </c>
    </row>
    <row r="2356" spans="1:10" x14ac:dyDescent="0.25">
      <c r="A2356" t="s">
        <v>46603</v>
      </c>
      <c r="B2356" t="s">
        <v>46604</v>
      </c>
      <c r="C2356" t="s">
        <v>46605</v>
      </c>
      <c r="D2356" t="s">
        <v>46356</v>
      </c>
      <c r="E2356" t="s">
        <v>13</v>
      </c>
      <c r="F2356">
        <v>11726</v>
      </c>
      <c r="G2356" t="s">
        <v>46606</v>
      </c>
      <c r="H2356">
        <v>5.4420239845809997</v>
      </c>
      <c r="I2356">
        <v>52.530532020842003</v>
      </c>
      <c r="J2356" t="s">
        <v>58041</v>
      </c>
    </row>
    <row r="2357" spans="1:10" x14ac:dyDescent="0.25">
      <c r="A2357" t="s">
        <v>46599</v>
      </c>
      <c r="B2357" t="s">
        <v>46600</v>
      </c>
      <c r="C2357" t="s">
        <v>46601</v>
      </c>
      <c r="D2357" t="s">
        <v>46356</v>
      </c>
      <c r="E2357" t="s">
        <v>13</v>
      </c>
      <c r="F2357">
        <v>11725</v>
      </c>
      <c r="G2357" t="s">
        <v>46602</v>
      </c>
      <c r="H2357">
        <v>5.3821783334540001</v>
      </c>
      <c r="I2357">
        <v>52.619314542752001</v>
      </c>
      <c r="J2357" t="s">
        <v>58042</v>
      </c>
    </row>
    <row r="2358" spans="1:10" x14ac:dyDescent="0.25">
      <c r="A2358" t="s">
        <v>46595</v>
      </c>
      <c r="B2358" t="s">
        <v>46596</v>
      </c>
      <c r="C2358" t="s">
        <v>46597</v>
      </c>
      <c r="D2358" t="s">
        <v>46356</v>
      </c>
      <c r="E2358" t="s">
        <v>13</v>
      </c>
      <c r="F2358">
        <v>11724</v>
      </c>
      <c r="G2358" t="s">
        <v>46598</v>
      </c>
      <c r="H2358">
        <v>5.4469722215539997</v>
      </c>
      <c r="I2358">
        <v>52.506968028019003</v>
      </c>
      <c r="J2358" t="s">
        <v>58043</v>
      </c>
    </row>
    <row r="2359" spans="1:10" x14ac:dyDescent="0.25">
      <c r="A2359" t="s">
        <v>46591</v>
      </c>
      <c r="B2359" t="s">
        <v>46592</v>
      </c>
      <c r="C2359" t="s">
        <v>46593</v>
      </c>
      <c r="D2359" t="s">
        <v>46356</v>
      </c>
      <c r="E2359" t="s">
        <v>13</v>
      </c>
      <c r="F2359">
        <v>11723</v>
      </c>
      <c r="G2359" t="s">
        <v>46594</v>
      </c>
      <c r="H2359">
        <v>5.4363305714510002</v>
      </c>
      <c r="I2359">
        <v>52.507655258372999</v>
      </c>
      <c r="J2359" t="s">
        <v>58044</v>
      </c>
    </row>
    <row r="2360" spans="1:10" x14ac:dyDescent="0.25">
      <c r="A2360" t="s">
        <v>46587</v>
      </c>
      <c r="B2360" t="s">
        <v>46588</v>
      </c>
      <c r="C2360" t="s">
        <v>46589</v>
      </c>
      <c r="D2360" t="s">
        <v>46356</v>
      </c>
      <c r="E2360" t="s">
        <v>13</v>
      </c>
      <c r="F2360">
        <v>11722</v>
      </c>
      <c r="G2360" t="s">
        <v>46590</v>
      </c>
      <c r="H2360">
        <v>5.4431562653279997</v>
      </c>
      <c r="I2360">
        <v>52.514641872037998</v>
      </c>
      <c r="J2360" t="s">
        <v>58045</v>
      </c>
    </row>
    <row r="2361" spans="1:10" x14ac:dyDescent="0.25">
      <c r="A2361" t="s">
        <v>46583</v>
      </c>
      <c r="B2361" t="s">
        <v>46584</v>
      </c>
      <c r="C2361" t="s">
        <v>46585</v>
      </c>
      <c r="D2361" t="s">
        <v>46356</v>
      </c>
      <c r="E2361" t="s">
        <v>13</v>
      </c>
      <c r="F2361">
        <v>11721</v>
      </c>
      <c r="G2361" t="s">
        <v>46586</v>
      </c>
      <c r="H2361">
        <v>5.439661475846</v>
      </c>
      <c r="I2361">
        <v>52.510402401333998</v>
      </c>
      <c r="J2361" t="s">
        <v>58046</v>
      </c>
    </row>
    <row r="2362" spans="1:10" x14ac:dyDescent="0.25">
      <c r="A2362" t="s">
        <v>46579</v>
      </c>
      <c r="B2362" t="s">
        <v>46580</v>
      </c>
      <c r="C2362" t="s">
        <v>46581</v>
      </c>
      <c r="D2362" t="s">
        <v>46356</v>
      </c>
      <c r="E2362" t="s">
        <v>13</v>
      </c>
      <c r="F2362">
        <v>11720</v>
      </c>
      <c r="G2362" t="s">
        <v>46582</v>
      </c>
      <c r="H2362">
        <v>5.4472527148439998</v>
      </c>
      <c r="I2362">
        <v>52.509892436416997</v>
      </c>
      <c r="J2362" t="s">
        <v>58047</v>
      </c>
    </row>
    <row r="2363" spans="1:10" x14ac:dyDescent="0.25">
      <c r="A2363" t="s">
        <v>46575</v>
      </c>
      <c r="B2363" t="s">
        <v>46576</v>
      </c>
      <c r="C2363" t="s">
        <v>46577</v>
      </c>
      <c r="D2363" t="s">
        <v>46356</v>
      </c>
      <c r="E2363" t="s">
        <v>13</v>
      </c>
      <c r="F2363">
        <v>11719</v>
      </c>
      <c r="G2363" t="s">
        <v>46578</v>
      </c>
      <c r="H2363">
        <v>5.4483872067560002</v>
      </c>
      <c r="I2363">
        <v>52.516923949317999</v>
      </c>
      <c r="J2363" t="s">
        <v>58048</v>
      </c>
    </row>
    <row r="2364" spans="1:10" x14ac:dyDescent="0.25">
      <c r="A2364" t="s">
        <v>46571</v>
      </c>
      <c r="B2364" t="s">
        <v>46572</v>
      </c>
      <c r="C2364" t="s">
        <v>46573</v>
      </c>
      <c r="D2364" t="s">
        <v>46356</v>
      </c>
      <c r="E2364" t="s">
        <v>13</v>
      </c>
      <c r="F2364">
        <v>11718</v>
      </c>
      <c r="G2364" t="s">
        <v>46574</v>
      </c>
      <c r="H2364">
        <v>5.4390576765159997</v>
      </c>
      <c r="I2364">
        <v>52.516846218083003</v>
      </c>
      <c r="J2364" t="s">
        <v>58049</v>
      </c>
    </row>
    <row r="2365" spans="1:10" x14ac:dyDescent="0.25">
      <c r="A2365" t="s">
        <v>46567</v>
      </c>
      <c r="B2365" t="s">
        <v>46568</v>
      </c>
      <c r="C2365" t="s">
        <v>46569</v>
      </c>
      <c r="D2365" t="s">
        <v>46356</v>
      </c>
      <c r="E2365" t="s">
        <v>13</v>
      </c>
      <c r="F2365">
        <v>11717</v>
      </c>
      <c r="G2365" t="s">
        <v>46570</v>
      </c>
      <c r="H2365">
        <v>5.4507869452420001</v>
      </c>
      <c r="I2365">
        <v>52.526358671658002</v>
      </c>
      <c r="J2365" t="s">
        <v>58050</v>
      </c>
    </row>
    <row r="2366" spans="1:10" x14ac:dyDescent="0.25">
      <c r="A2366" t="s">
        <v>46563</v>
      </c>
      <c r="B2366" t="s">
        <v>46564</v>
      </c>
      <c r="C2366" t="s">
        <v>46565</v>
      </c>
      <c r="D2366" t="s">
        <v>46356</v>
      </c>
      <c r="E2366" t="s">
        <v>13</v>
      </c>
      <c r="F2366">
        <v>11716</v>
      </c>
      <c r="G2366" t="s">
        <v>46566</v>
      </c>
      <c r="H2366">
        <v>5.4691821121509996</v>
      </c>
      <c r="I2366">
        <v>52.527487218951002</v>
      </c>
      <c r="J2366" t="s">
        <v>58051</v>
      </c>
    </row>
    <row r="2367" spans="1:10" x14ac:dyDescent="0.25">
      <c r="A2367" t="s">
        <v>46559</v>
      </c>
      <c r="B2367" t="s">
        <v>46560</v>
      </c>
      <c r="C2367" t="s">
        <v>46561</v>
      </c>
      <c r="D2367" t="s">
        <v>46356</v>
      </c>
      <c r="E2367" t="s">
        <v>13</v>
      </c>
      <c r="F2367">
        <v>11715</v>
      </c>
      <c r="G2367" t="s">
        <v>46562</v>
      </c>
      <c r="H2367">
        <v>5.4478127394599998</v>
      </c>
      <c r="I2367">
        <v>52.521814058912</v>
      </c>
      <c r="J2367" t="s">
        <v>58052</v>
      </c>
    </row>
    <row r="2368" spans="1:10" x14ac:dyDescent="0.25">
      <c r="A2368" t="s">
        <v>46555</v>
      </c>
      <c r="B2368" t="s">
        <v>46556</v>
      </c>
      <c r="C2368" t="s">
        <v>46557</v>
      </c>
      <c r="D2368" t="s">
        <v>46356</v>
      </c>
      <c r="E2368" t="s">
        <v>13</v>
      </c>
      <c r="F2368">
        <v>11714</v>
      </c>
      <c r="G2368" t="s">
        <v>46558</v>
      </c>
      <c r="H2368">
        <v>5.4573012468039996</v>
      </c>
      <c r="I2368">
        <v>52.522525961058001</v>
      </c>
      <c r="J2368" t="s">
        <v>58053</v>
      </c>
    </row>
    <row r="2369" spans="1:10" x14ac:dyDescent="0.25">
      <c r="A2369" t="s">
        <v>46551</v>
      </c>
      <c r="B2369" t="s">
        <v>46552</v>
      </c>
      <c r="C2369" t="s">
        <v>46553</v>
      </c>
      <c r="D2369" t="s">
        <v>46356</v>
      </c>
      <c r="E2369" t="s">
        <v>13</v>
      </c>
      <c r="F2369">
        <v>11713</v>
      </c>
      <c r="G2369" t="s">
        <v>46554</v>
      </c>
      <c r="H2369">
        <v>5.4669271699159996</v>
      </c>
      <c r="I2369">
        <v>52.523150872740999</v>
      </c>
      <c r="J2369" t="s">
        <v>58054</v>
      </c>
    </row>
    <row r="2370" spans="1:10" x14ac:dyDescent="0.25">
      <c r="A2370" t="s">
        <v>46547</v>
      </c>
      <c r="B2370" t="s">
        <v>46548</v>
      </c>
      <c r="C2370" t="s">
        <v>46549</v>
      </c>
      <c r="D2370" t="s">
        <v>46356</v>
      </c>
      <c r="E2370" t="s">
        <v>13</v>
      </c>
      <c r="F2370">
        <v>11712</v>
      </c>
      <c r="G2370" t="s">
        <v>46550</v>
      </c>
      <c r="H2370">
        <v>5.4592132178170001</v>
      </c>
      <c r="I2370">
        <v>52.518815223044001</v>
      </c>
      <c r="J2370" t="s">
        <v>58055</v>
      </c>
    </row>
    <row r="2371" spans="1:10" x14ac:dyDescent="0.25">
      <c r="A2371" t="s">
        <v>46543</v>
      </c>
      <c r="B2371" t="s">
        <v>46544</v>
      </c>
      <c r="C2371" t="s">
        <v>46545</v>
      </c>
      <c r="D2371" t="s">
        <v>46356</v>
      </c>
      <c r="E2371" t="s">
        <v>13</v>
      </c>
      <c r="F2371">
        <v>11711</v>
      </c>
      <c r="G2371" t="s">
        <v>46546</v>
      </c>
      <c r="H2371">
        <v>5.4611252936270001</v>
      </c>
      <c r="I2371">
        <v>52.511916609106997</v>
      </c>
      <c r="J2371" t="s">
        <v>58056</v>
      </c>
    </row>
    <row r="2372" spans="1:10" x14ac:dyDescent="0.25">
      <c r="A2372" t="s">
        <v>46539</v>
      </c>
      <c r="B2372" t="s">
        <v>46540</v>
      </c>
      <c r="C2372" t="s">
        <v>46541</v>
      </c>
      <c r="D2372" t="s">
        <v>46356</v>
      </c>
      <c r="E2372" t="s">
        <v>13</v>
      </c>
      <c r="F2372">
        <v>11710</v>
      </c>
      <c r="G2372" t="s">
        <v>46542</v>
      </c>
      <c r="H2372">
        <v>5.4555198713340003</v>
      </c>
      <c r="I2372">
        <v>52.510561012577</v>
      </c>
      <c r="J2372" t="s">
        <v>58057</v>
      </c>
    </row>
    <row r="2373" spans="1:10" x14ac:dyDescent="0.25">
      <c r="A2373" t="s">
        <v>46535</v>
      </c>
      <c r="B2373" t="s">
        <v>46536</v>
      </c>
      <c r="C2373" t="s">
        <v>46537</v>
      </c>
      <c r="D2373" t="s">
        <v>46356</v>
      </c>
      <c r="E2373" t="s">
        <v>13</v>
      </c>
      <c r="F2373">
        <v>11709</v>
      </c>
      <c r="G2373" t="s">
        <v>46538</v>
      </c>
      <c r="H2373">
        <v>5.4645677574159999</v>
      </c>
      <c r="I2373">
        <v>52.509696988056</v>
      </c>
      <c r="J2373" t="s">
        <v>58058</v>
      </c>
    </row>
    <row r="2374" spans="1:10" x14ac:dyDescent="0.25">
      <c r="A2374" t="s">
        <v>46531</v>
      </c>
      <c r="B2374" t="s">
        <v>46532</v>
      </c>
      <c r="C2374" t="s">
        <v>46533</v>
      </c>
      <c r="D2374" t="s">
        <v>46356</v>
      </c>
      <c r="E2374" t="s">
        <v>13</v>
      </c>
      <c r="F2374">
        <v>11708</v>
      </c>
      <c r="G2374" t="s">
        <v>46534</v>
      </c>
      <c r="H2374">
        <v>5.4697758488519996</v>
      </c>
      <c r="I2374">
        <v>52.511125321769001</v>
      </c>
      <c r="J2374" t="s">
        <v>58059</v>
      </c>
    </row>
    <row r="2375" spans="1:10" x14ac:dyDescent="0.25">
      <c r="A2375" t="s">
        <v>46527</v>
      </c>
      <c r="B2375" t="s">
        <v>46528</v>
      </c>
      <c r="C2375" t="s">
        <v>46529</v>
      </c>
      <c r="D2375" t="s">
        <v>46356</v>
      </c>
      <c r="E2375" t="s">
        <v>13</v>
      </c>
      <c r="F2375">
        <v>11707</v>
      </c>
      <c r="G2375" t="s">
        <v>46530</v>
      </c>
      <c r="H2375">
        <v>5.4551353527030004</v>
      </c>
      <c r="I2375">
        <v>52.517303150685997</v>
      </c>
      <c r="J2375" t="s">
        <v>58060</v>
      </c>
    </row>
    <row r="2376" spans="1:10" x14ac:dyDescent="0.25">
      <c r="A2376" t="s">
        <v>46523</v>
      </c>
      <c r="B2376" t="s">
        <v>46524</v>
      </c>
      <c r="C2376" t="s">
        <v>46525</v>
      </c>
      <c r="D2376" t="s">
        <v>46356</v>
      </c>
      <c r="E2376" t="s">
        <v>13</v>
      </c>
      <c r="F2376">
        <v>11706</v>
      </c>
      <c r="G2376" t="s">
        <v>46526</v>
      </c>
      <c r="H2376">
        <v>5.4635076939909997</v>
      </c>
      <c r="I2376">
        <v>52.517298251267</v>
      </c>
      <c r="J2376" t="s">
        <v>58061</v>
      </c>
    </row>
    <row r="2377" spans="1:10" x14ac:dyDescent="0.25">
      <c r="A2377" t="s">
        <v>46519</v>
      </c>
      <c r="B2377" t="s">
        <v>46520</v>
      </c>
      <c r="C2377" t="s">
        <v>46521</v>
      </c>
      <c r="D2377" t="s">
        <v>46356</v>
      </c>
      <c r="E2377" t="s">
        <v>13</v>
      </c>
      <c r="F2377">
        <v>11705</v>
      </c>
      <c r="G2377" t="s">
        <v>46522</v>
      </c>
      <c r="H2377">
        <v>5.4695065592010002</v>
      </c>
      <c r="I2377">
        <v>52.517697237867999</v>
      </c>
      <c r="J2377" t="s">
        <v>58062</v>
      </c>
    </row>
    <row r="2378" spans="1:10" x14ac:dyDescent="0.25">
      <c r="A2378" t="s">
        <v>46515</v>
      </c>
      <c r="B2378" t="s">
        <v>46516</v>
      </c>
      <c r="C2378" t="s">
        <v>46517</v>
      </c>
      <c r="D2378" t="s">
        <v>46356</v>
      </c>
      <c r="E2378" t="s">
        <v>13</v>
      </c>
      <c r="F2378">
        <v>11704</v>
      </c>
      <c r="G2378" t="s">
        <v>46518</v>
      </c>
      <c r="H2378">
        <v>5.5081553552629998</v>
      </c>
      <c r="I2378">
        <v>52.489877648551001</v>
      </c>
      <c r="J2378" t="s">
        <v>58063</v>
      </c>
    </row>
    <row r="2379" spans="1:10" x14ac:dyDescent="0.25">
      <c r="A2379" t="s">
        <v>46511</v>
      </c>
      <c r="B2379" t="s">
        <v>46512</v>
      </c>
      <c r="C2379" t="s">
        <v>46513</v>
      </c>
      <c r="D2379" t="s">
        <v>46356</v>
      </c>
      <c r="E2379" t="s">
        <v>13</v>
      </c>
      <c r="F2379">
        <v>11703</v>
      </c>
      <c r="G2379" t="s">
        <v>46514</v>
      </c>
      <c r="H2379">
        <v>5.5159139249070002</v>
      </c>
      <c r="I2379">
        <v>52.496204229650999</v>
      </c>
      <c r="J2379" t="s">
        <v>58064</v>
      </c>
    </row>
    <row r="2380" spans="1:10" x14ac:dyDescent="0.25">
      <c r="A2380" t="s">
        <v>46507</v>
      </c>
      <c r="B2380" t="s">
        <v>46508</v>
      </c>
      <c r="C2380" t="s">
        <v>46509</v>
      </c>
      <c r="D2380" t="s">
        <v>46356</v>
      </c>
      <c r="E2380" t="s">
        <v>13</v>
      </c>
      <c r="F2380">
        <v>11702</v>
      </c>
      <c r="G2380" t="s">
        <v>46510</v>
      </c>
      <c r="H2380">
        <v>5.5027094370669998</v>
      </c>
      <c r="I2380">
        <v>52.491375347565999</v>
      </c>
      <c r="J2380" t="s">
        <v>58065</v>
      </c>
    </row>
    <row r="2381" spans="1:10" x14ac:dyDescent="0.25">
      <c r="A2381" t="s">
        <v>46503</v>
      </c>
      <c r="B2381" t="s">
        <v>46504</v>
      </c>
      <c r="C2381" t="s">
        <v>46505</v>
      </c>
      <c r="D2381" t="s">
        <v>46356</v>
      </c>
      <c r="E2381" t="s">
        <v>13</v>
      </c>
      <c r="F2381">
        <v>11701</v>
      </c>
      <c r="G2381" t="s">
        <v>46506</v>
      </c>
      <c r="H2381">
        <v>5.504159497431</v>
      </c>
      <c r="I2381">
        <v>52.496707658798996</v>
      </c>
      <c r="J2381" t="s">
        <v>58066</v>
      </c>
    </row>
    <row r="2382" spans="1:10" x14ac:dyDescent="0.25">
      <c r="A2382" t="s">
        <v>46499</v>
      </c>
      <c r="B2382" t="s">
        <v>46500</v>
      </c>
      <c r="C2382" t="s">
        <v>46501</v>
      </c>
      <c r="D2382" t="s">
        <v>46356</v>
      </c>
      <c r="E2382" t="s">
        <v>13</v>
      </c>
      <c r="F2382">
        <v>11700</v>
      </c>
      <c r="G2382" t="s">
        <v>46502</v>
      </c>
      <c r="H2382">
        <v>5.4916019225859998</v>
      </c>
      <c r="I2382">
        <v>52.489066824989997</v>
      </c>
      <c r="J2382" t="s">
        <v>58067</v>
      </c>
    </row>
    <row r="2383" spans="1:10" x14ac:dyDescent="0.25">
      <c r="A2383" t="s">
        <v>46496</v>
      </c>
      <c r="B2383" t="s">
        <v>46497</v>
      </c>
      <c r="C2383" t="s">
        <v>49</v>
      </c>
      <c r="D2383" t="s">
        <v>46356</v>
      </c>
      <c r="E2383" t="s">
        <v>13</v>
      </c>
      <c r="F2383">
        <v>11699</v>
      </c>
      <c r="G2383" t="s">
        <v>46498</v>
      </c>
      <c r="H2383">
        <v>5.4965667826960001</v>
      </c>
      <c r="I2383">
        <v>52.489049802483002</v>
      </c>
      <c r="J2383" t="s">
        <v>58068</v>
      </c>
    </row>
    <row r="2384" spans="1:10" x14ac:dyDescent="0.25">
      <c r="A2384" t="s">
        <v>46492</v>
      </c>
      <c r="B2384" t="s">
        <v>46493</v>
      </c>
      <c r="C2384" t="s">
        <v>46494</v>
      </c>
      <c r="D2384" t="s">
        <v>46356</v>
      </c>
      <c r="E2384" t="s">
        <v>13</v>
      </c>
      <c r="F2384">
        <v>11698</v>
      </c>
      <c r="G2384" t="s">
        <v>46495</v>
      </c>
      <c r="H2384">
        <v>5.4903877825769998</v>
      </c>
      <c r="I2384">
        <v>52.492049538326</v>
      </c>
      <c r="J2384" t="s">
        <v>58069</v>
      </c>
    </row>
    <row r="2385" spans="1:10" x14ac:dyDescent="0.25">
      <c r="A2385" t="s">
        <v>46488</v>
      </c>
      <c r="B2385" t="s">
        <v>46489</v>
      </c>
      <c r="C2385" t="s">
        <v>46490</v>
      </c>
      <c r="D2385" t="s">
        <v>46356</v>
      </c>
      <c r="E2385" t="s">
        <v>13</v>
      </c>
      <c r="F2385">
        <v>11697</v>
      </c>
      <c r="G2385" t="s">
        <v>46491</v>
      </c>
      <c r="H2385">
        <v>5.4848503654960004</v>
      </c>
      <c r="I2385">
        <v>52.494980294420998</v>
      </c>
      <c r="J2385" t="s">
        <v>58070</v>
      </c>
    </row>
    <row r="2386" spans="1:10" x14ac:dyDescent="0.25">
      <c r="A2386" t="s">
        <v>46484</v>
      </c>
      <c r="B2386" t="s">
        <v>46485</v>
      </c>
      <c r="C2386" t="s">
        <v>46486</v>
      </c>
      <c r="D2386" t="s">
        <v>46356</v>
      </c>
      <c r="E2386" t="s">
        <v>13</v>
      </c>
      <c r="F2386">
        <v>11696</v>
      </c>
      <c r="G2386" t="s">
        <v>46487</v>
      </c>
      <c r="H2386">
        <v>5.4903337134530004</v>
      </c>
      <c r="I2386">
        <v>52.496237137237998</v>
      </c>
      <c r="J2386" t="s">
        <v>58071</v>
      </c>
    </row>
    <row r="2387" spans="1:10" x14ac:dyDescent="0.25">
      <c r="A2387" t="s">
        <v>46480</v>
      </c>
      <c r="B2387" t="s">
        <v>46481</v>
      </c>
      <c r="C2387" t="s">
        <v>46482</v>
      </c>
      <c r="D2387" t="s">
        <v>46356</v>
      </c>
      <c r="E2387" t="s">
        <v>13</v>
      </c>
      <c r="F2387">
        <v>11695</v>
      </c>
      <c r="G2387" t="s">
        <v>46483</v>
      </c>
      <c r="H2387">
        <v>5.495642399226</v>
      </c>
      <c r="I2387">
        <v>52.496894351762997</v>
      </c>
      <c r="J2387" t="s">
        <v>58072</v>
      </c>
    </row>
    <row r="2388" spans="1:10" x14ac:dyDescent="0.25">
      <c r="A2388" t="s">
        <v>46476</v>
      </c>
      <c r="B2388" t="s">
        <v>46477</v>
      </c>
      <c r="C2388" t="s">
        <v>46478</v>
      </c>
      <c r="D2388" t="s">
        <v>46356</v>
      </c>
      <c r="E2388" t="s">
        <v>13</v>
      </c>
      <c r="F2388">
        <v>11694</v>
      </c>
      <c r="G2388" t="s">
        <v>46479</v>
      </c>
      <c r="H2388">
        <v>5.4938957623420004</v>
      </c>
      <c r="I2388">
        <v>52.493931615999003</v>
      </c>
      <c r="J2388" t="s">
        <v>58073</v>
      </c>
    </row>
    <row r="2389" spans="1:10" x14ac:dyDescent="0.25">
      <c r="A2389" t="s">
        <v>46472</v>
      </c>
      <c r="B2389" t="s">
        <v>46473</v>
      </c>
      <c r="C2389" t="s">
        <v>46474</v>
      </c>
      <c r="D2389" t="s">
        <v>46356</v>
      </c>
      <c r="E2389" t="s">
        <v>13</v>
      </c>
      <c r="F2389">
        <v>11693</v>
      </c>
      <c r="G2389" t="s">
        <v>46475</v>
      </c>
      <c r="H2389">
        <v>5.5004076964299999</v>
      </c>
      <c r="I2389">
        <v>52.505645870418</v>
      </c>
      <c r="J2389" t="s">
        <v>58074</v>
      </c>
    </row>
    <row r="2390" spans="1:10" x14ac:dyDescent="0.25">
      <c r="A2390" t="s">
        <v>46468</v>
      </c>
      <c r="B2390" t="s">
        <v>46469</v>
      </c>
      <c r="C2390" t="s">
        <v>46470</v>
      </c>
      <c r="D2390" t="s">
        <v>46356</v>
      </c>
      <c r="E2390" t="s">
        <v>13</v>
      </c>
      <c r="F2390">
        <v>11692</v>
      </c>
      <c r="G2390" t="s">
        <v>46471</v>
      </c>
      <c r="H2390">
        <v>5.4949776509169999</v>
      </c>
      <c r="I2390">
        <v>52.509258410363003</v>
      </c>
      <c r="J2390" t="s">
        <v>58075</v>
      </c>
    </row>
    <row r="2391" spans="1:10" x14ac:dyDescent="0.25">
      <c r="A2391" t="s">
        <v>46464</v>
      </c>
      <c r="B2391" t="s">
        <v>46465</v>
      </c>
      <c r="C2391" t="s">
        <v>46466</v>
      </c>
      <c r="D2391" t="s">
        <v>46356</v>
      </c>
      <c r="E2391" t="s">
        <v>13</v>
      </c>
      <c r="F2391">
        <v>11691</v>
      </c>
      <c r="G2391" t="s">
        <v>46467</v>
      </c>
      <c r="H2391">
        <v>5.4890778816639996</v>
      </c>
      <c r="I2391">
        <v>52.505482354476001</v>
      </c>
      <c r="J2391" t="s">
        <v>58076</v>
      </c>
    </row>
    <row r="2392" spans="1:10" x14ac:dyDescent="0.25">
      <c r="A2392" t="s">
        <v>46460</v>
      </c>
      <c r="B2392" t="s">
        <v>46461</v>
      </c>
      <c r="C2392" t="s">
        <v>46462</v>
      </c>
      <c r="D2392" t="s">
        <v>46356</v>
      </c>
      <c r="E2392" t="s">
        <v>13</v>
      </c>
      <c r="F2392">
        <v>11690</v>
      </c>
      <c r="G2392" t="s">
        <v>46463</v>
      </c>
      <c r="H2392">
        <v>5.507265208972</v>
      </c>
      <c r="I2392">
        <v>52.501084870345998</v>
      </c>
      <c r="J2392" t="s">
        <v>58077</v>
      </c>
    </row>
    <row r="2393" spans="1:10" x14ac:dyDescent="0.25">
      <c r="A2393" t="s">
        <v>46456</v>
      </c>
      <c r="B2393" t="s">
        <v>46457</v>
      </c>
      <c r="C2393" t="s">
        <v>46458</v>
      </c>
      <c r="D2393" t="s">
        <v>46356</v>
      </c>
      <c r="E2393" t="s">
        <v>13</v>
      </c>
      <c r="F2393">
        <v>11689</v>
      </c>
      <c r="G2393" t="s">
        <v>46459</v>
      </c>
      <c r="H2393">
        <v>5.4875117320240001</v>
      </c>
      <c r="I2393">
        <v>52.499318146565003</v>
      </c>
      <c r="J2393" t="s">
        <v>58078</v>
      </c>
    </row>
    <row r="2394" spans="1:10" x14ac:dyDescent="0.25">
      <c r="A2394" t="s">
        <v>46453</v>
      </c>
      <c r="B2394" t="s">
        <v>46454</v>
      </c>
      <c r="C2394" t="s">
        <v>10098</v>
      </c>
      <c r="D2394" t="s">
        <v>46356</v>
      </c>
      <c r="E2394" t="s">
        <v>13</v>
      </c>
      <c r="F2394">
        <v>11688</v>
      </c>
      <c r="G2394" t="s">
        <v>46455</v>
      </c>
      <c r="H2394">
        <v>5.4966462530070004</v>
      </c>
      <c r="I2394">
        <v>52.502281348301999</v>
      </c>
      <c r="J2394" t="s">
        <v>58079</v>
      </c>
    </row>
    <row r="2395" spans="1:10" x14ac:dyDescent="0.25">
      <c r="A2395" t="s">
        <v>46449</v>
      </c>
      <c r="B2395" t="s">
        <v>46450</v>
      </c>
      <c r="C2395" t="s">
        <v>46451</v>
      </c>
      <c r="D2395" t="s">
        <v>46356</v>
      </c>
      <c r="E2395" t="s">
        <v>13</v>
      </c>
      <c r="F2395">
        <v>11687</v>
      </c>
      <c r="G2395" t="s">
        <v>46452</v>
      </c>
      <c r="H2395">
        <v>5.4832793580730002</v>
      </c>
      <c r="I2395">
        <v>52.503239429612997</v>
      </c>
      <c r="J2395" t="s">
        <v>58080</v>
      </c>
    </row>
    <row r="2396" spans="1:10" x14ac:dyDescent="0.25">
      <c r="A2396" t="s">
        <v>46445</v>
      </c>
      <c r="B2396" t="s">
        <v>46446</v>
      </c>
      <c r="C2396" t="s">
        <v>46447</v>
      </c>
      <c r="D2396" t="s">
        <v>46356</v>
      </c>
      <c r="E2396" t="s">
        <v>13</v>
      </c>
      <c r="F2396">
        <v>11686</v>
      </c>
      <c r="G2396" t="s">
        <v>46448</v>
      </c>
      <c r="H2396">
        <v>5.489281895125</v>
      </c>
      <c r="I2396">
        <v>52.501413827145001</v>
      </c>
      <c r="J2396" t="s">
        <v>58081</v>
      </c>
    </row>
    <row r="2397" spans="1:10" x14ac:dyDescent="0.25">
      <c r="A2397" t="s">
        <v>46441</v>
      </c>
      <c r="B2397" t="s">
        <v>46442</v>
      </c>
      <c r="C2397" t="s">
        <v>46443</v>
      </c>
      <c r="D2397" t="s">
        <v>46356</v>
      </c>
      <c r="E2397" t="s">
        <v>13</v>
      </c>
      <c r="F2397">
        <v>11685</v>
      </c>
      <c r="G2397" t="s">
        <v>46444</v>
      </c>
      <c r="H2397">
        <v>5.4770916838119996</v>
      </c>
      <c r="I2397">
        <v>52.514421343941997</v>
      </c>
      <c r="J2397" t="s">
        <v>58082</v>
      </c>
    </row>
    <row r="2398" spans="1:10" x14ac:dyDescent="0.25">
      <c r="A2398" t="s">
        <v>46437</v>
      </c>
      <c r="B2398" t="s">
        <v>46438</v>
      </c>
      <c r="C2398" t="s">
        <v>46439</v>
      </c>
      <c r="D2398" t="s">
        <v>46356</v>
      </c>
      <c r="E2398" t="s">
        <v>13</v>
      </c>
      <c r="F2398">
        <v>11684</v>
      </c>
      <c r="G2398" t="s">
        <v>46440</v>
      </c>
      <c r="H2398">
        <v>5.5283281337419998</v>
      </c>
      <c r="I2398">
        <v>52.514915646268001</v>
      </c>
      <c r="J2398" t="s">
        <v>58083</v>
      </c>
    </row>
    <row r="2399" spans="1:10" x14ac:dyDescent="0.25">
      <c r="A2399" t="s">
        <v>46433</v>
      </c>
      <c r="B2399" t="s">
        <v>46434</v>
      </c>
      <c r="C2399" t="s">
        <v>46435</v>
      </c>
      <c r="D2399" t="s">
        <v>46356</v>
      </c>
      <c r="E2399" t="s">
        <v>13</v>
      </c>
      <c r="F2399">
        <v>11683</v>
      </c>
      <c r="G2399" t="s">
        <v>46436</v>
      </c>
      <c r="H2399">
        <v>5.5167382559910001</v>
      </c>
      <c r="I2399">
        <v>52.514798409126001</v>
      </c>
      <c r="J2399" t="s">
        <v>58084</v>
      </c>
    </row>
    <row r="2400" spans="1:10" x14ac:dyDescent="0.25">
      <c r="A2400" t="s">
        <v>46429</v>
      </c>
      <c r="B2400" t="s">
        <v>46430</v>
      </c>
      <c r="C2400" t="s">
        <v>46431</v>
      </c>
      <c r="D2400" t="s">
        <v>46356</v>
      </c>
      <c r="E2400" t="s">
        <v>13</v>
      </c>
      <c r="F2400">
        <v>11682</v>
      </c>
      <c r="G2400" t="s">
        <v>46432</v>
      </c>
      <c r="H2400">
        <v>5.5062011823079997</v>
      </c>
      <c r="I2400">
        <v>52.513642447932</v>
      </c>
      <c r="J2400" t="s">
        <v>58085</v>
      </c>
    </row>
    <row r="2401" spans="1:10" x14ac:dyDescent="0.25">
      <c r="A2401" t="s">
        <v>46425</v>
      </c>
      <c r="B2401" t="s">
        <v>46426</v>
      </c>
      <c r="C2401" t="s">
        <v>46427</v>
      </c>
      <c r="D2401" t="s">
        <v>46356</v>
      </c>
      <c r="E2401" t="s">
        <v>13</v>
      </c>
      <c r="F2401">
        <v>11681</v>
      </c>
      <c r="G2401" t="s">
        <v>46428</v>
      </c>
      <c r="H2401">
        <v>5.474086830749</v>
      </c>
      <c r="I2401">
        <v>52.514256613489998</v>
      </c>
      <c r="J2401" t="s">
        <v>58086</v>
      </c>
    </row>
    <row r="2402" spans="1:10" x14ac:dyDescent="0.25">
      <c r="A2402" t="s">
        <v>46421</v>
      </c>
      <c r="B2402" t="s">
        <v>46422</v>
      </c>
      <c r="C2402" t="s">
        <v>46423</v>
      </c>
      <c r="D2402" t="s">
        <v>46356</v>
      </c>
      <c r="E2402" t="s">
        <v>13</v>
      </c>
      <c r="F2402">
        <v>11680</v>
      </c>
      <c r="G2402" t="s">
        <v>46424</v>
      </c>
      <c r="H2402">
        <v>5.5013240676670003</v>
      </c>
      <c r="I2402">
        <v>52.516159784827003</v>
      </c>
      <c r="J2402" t="s">
        <v>58087</v>
      </c>
    </row>
    <row r="2403" spans="1:10" x14ac:dyDescent="0.25">
      <c r="A2403" t="s">
        <v>46417</v>
      </c>
      <c r="B2403" t="s">
        <v>46418</v>
      </c>
      <c r="C2403" t="s">
        <v>46419</v>
      </c>
      <c r="D2403" t="s">
        <v>46356</v>
      </c>
      <c r="E2403" t="s">
        <v>13</v>
      </c>
      <c r="F2403">
        <v>11679</v>
      </c>
      <c r="G2403" t="s">
        <v>46420</v>
      </c>
      <c r="H2403">
        <v>5.4814707940940002</v>
      </c>
      <c r="I2403">
        <v>52.514595551027</v>
      </c>
      <c r="J2403" t="s">
        <v>58088</v>
      </c>
    </row>
    <row r="2404" spans="1:10" x14ac:dyDescent="0.25">
      <c r="A2404" t="s">
        <v>46413</v>
      </c>
      <c r="B2404" t="s">
        <v>46414</v>
      </c>
      <c r="C2404" t="s">
        <v>46415</v>
      </c>
      <c r="D2404" t="s">
        <v>46356</v>
      </c>
      <c r="E2404" t="s">
        <v>13</v>
      </c>
      <c r="F2404">
        <v>11678</v>
      </c>
      <c r="G2404" t="s">
        <v>46416</v>
      </c>
      <c r="H2404">
        <v>5.4919993725309997</v>
      </c>
      <c r="I2404">
        <v>52.514301688033001</v>
      </c>
      <c r="J2404" t="s">
        <v>58089</v>
      </c>
    </row>
    <row r="2405" spans="1:10" x14ac:dyDescent="0.25">
      <c r="A2405" t="s">
        <v>46410</v>
      </c>
      <c r="B2405" t="s">
        <v>46411</v>
      </c>
      <c r="C2405" t="s">
        <v>27275</v>
      </c>
      <c r="D2405" t="s">
        <v>46356</v>
      </c>
      <c r="E2405" t="s">
        <v>13</v>
      </c>
      <c r="F2405">
        <v>11677</v>
      </c>
      <c r="G2405" t="s">
        <v>46412</v>
      </c>
      <c r="H2405">
        <v>5.4750011515750003</v>
      </c>
      <c r="I2405">
        <v>52.518589445097</v>
      </c>
      <c r="J2405" t="s">
        <v>58090</v>
      </c>
    </row>
    <row r="2406" spans="1:10" x14ac:dyDescent="0.25">
      <c r="A2406" t="s">
        <v>46406</v>
      </c>
      <c r="B2406" t="s">
        <v>46407</v>
      </c>
      <c r="C2406" t="s">
        <v>46408</v>
      </c>
      <c r="D2406" t="s">
        <v>46356</v>
      </c>
      <c r="E2406" t="s">
        <v>13</v>
      </c>
      <c r="F2406">
        <v>11676</v>
      </c>
      <c r="G2406" t="s">
        <v>46409</v>
      </c>
      <c r="H2406">
        <v>5.5045424847489999</v>
      </c>
      <c r="I2406">
        <v>52.520266386185</v>
      </c>
      <c r="J2406" t="s">
        <v>58091</v>
      </c>
    </row>
    <row r="2407" spans="1:10" x14ac:dyDescent="0.25">
      <c r="A2407" t="s">
        <v>46402</v>
      </c>
      <c r="B2407" t="s">
        <v>46403</v>
      </c>
      <c r="C2407" t="s">
        <v>46404</v>
      </c>
      <c r="D2407" t="s">
        <v>46356</v>
      </c>
      <c r="E2407" t="s">
        <v>13</v>
      </c>
      <c r="F2407">
        <v>11675</v>
      </c>
      <c r="G2407" t="s">
        <v>46405</v>
      </c>
      <c r="H2407">
        <v>5.5041211600170001</v>
      </c>
      <c r="I2407">
        <v>52.524289392484</v>
      </c>
      <c r="J2407" t="s">
        <v>58092</v>
      </c>
    </row>
    <row r="2408" spans="1:10" x14ac:dyDescent="0.25">
      <c r="A2408" t="s">
        <v>46398</v>
      </c>
      <c r="B2408" t="s">
        <v>46399</v>
      </c>
      <c r="C2408" t="s">
        <v>46400</v>
      </c>
      <c r="D2408" t="s">
        <v>46356</v>
      </c>
      <c r="E2408" t="s">
        <v>13</v>
      </c>
      <c r="F2408">
        <v>11674</v>
      </c>
      <c r="G2408" t="s">
        <v>46401</v>
      </c>
      <c r="H2408">
        <v>5.4838824449040002</v>
      </c>
      <c r="I2408">
        <v>52.519113736187997</v>
      </c>
      <c r="J2408" t="s">
        <v>58093</v>
      </c>
    </row>
    <row r="2409" spans="1:10" x14ac:dyDescent="0.25">
      <c r="A2409" t="s">
        <v>46394</v>
      </c>
      <c r="B2409" t="s">
        <v>46395</v>
      </c>
      <c r="C2409" t="s">
        <v>46396</v>
      </c>
      <c r="D2409" t="s">
        <v>46356</v>
      </c>
      <c r="E2409" t="s">
        <v>13</v>
      </c>
      <c r="F2409">
        <v>11673</v>
      </c>
      <c r="G2409" t="s">
        <v>46397</v>
      </c>
      <c r="H2409">
        <v>5.4944814734680003</v>
      </c>
      <c r="I2409">
        <v>52.519544591306001</v>
      </c>
      <c r="J2409" t="s">
        <v>58094</v>
      </c>
    </row>
    <row r="2410" spans="1:10" x14ac:dyDescent="0.25">
      <c r="A2410" t="s">
        <v>46390</v>
      </c>
      <c r="B2410" t="s">
        <v>46391</v>
      </c>
      <c r="C2410" t="s">
        <v>46392</v>
      </c>
      <c r="D2410" t="s">
        <v>46356</v>
      </c>
      <c r="E2410" t="s">
        <v>13</v>
      </c>
      <c r="F2410">
        <v>11672</v>
      </c>
      <c r="G2410" t="s">
        <v>46393</v>
      </c>
      <c r="H2410">
        <v>5.4796270862069996</v>
      </c>
      <c r="I2410">
        <v>52.519814440175999</v>
      </c>
      <c r="J2410" t="s">
        <v>58095</v>
      </c>
    </row>
    <row r="2411" spans="1:10" x14ac:dyDescent="0.25">
      <c r="A2411" t="s">
        <v>46386</v>
      </c>
      <c r="B2411" t="s">
        <v>46387</v>
      </c>
      <c r="C2411" t="s">
        <v>46388</v>
      </c>
      <c r="D2411" t="s">
        <v>46356</v>
      </c>
      <c r="E2411" t="s">
        <v>13</v>
      </c>
      <c r="F2411">
        <v>11671</v>
      </c>
      <c r="G2411" t="s">
        <v>46389</v>
      </c>
      <c r="H2411">
        <v>5.4907536922349998</v>
      </c>
      <c r="I2411">
        <v>52.533334409730003</v>
      </c>
      <c r="J2411" t="s">
        <v>58096</v>
      </c>
    </row>
    <row r="2412" spans="1:10" x14ac:dyDescent="0.25">
      <c r="A2412" t="s">
        <v>46382</v>
      </c>
      <c r="B2412" t="s">
        <v>46383</v>
      </c>
      <c r="C2412" t="s">
        <v>46384</v>
      </c>
      <c r="D2412" t="s">
        <v>46356</v>
      </c>
      <c r="E2412" t="s">
        <v>13</v>
      </c>
      <c r="F2412">
        <v>11670</v>
      </c>
      <c r="G2412" t="s">
        <v>46385</v>
      </c>
      <c r="H2412">
        <v>5.4956649216300004</v>
      </c>
      <c r="I2412">
        <v>52.523377454330003</v>
      </c>
      <c r="J2412" t="s">
        <v>58097</v>
      </c>
    </row>
    <row r="2413" spans="1:10" x14ac:dyDescent="0.25">
      <c r="A2413" t="s">
        <v>46378</v>
      </c>
      <c r="B2413" t="s">
        <v>46379</v>
      </c>
      <c r="C2413" t="s">
        <v>46380</v>
      </c>
      <c r="D2413" t="s">
        <v>46356</v>
      </c>
      <c r="E2413" t="s">
        <v>13</v>
      </c>
      <c r="F2413">
        <v>11669</v>
      </c>
      <c r="G2413" t="s">
        <v>46381</v>
      </c>
      <c r="H2413">
        <v>5.4896832200669996</v>
      </c>
      <c r="I2413">
        <v>52.527976643906001</v>
      </c>
      <c r="J2413" t="s">
        <v>58098</v>
      </c>
    </row>
    <row r="2414" spans="1:10" x14ac:dyDescent="0.25">
      <c r="A2414" t="s">
        <v>46374</v>
      </c>
      <c r="B2414" t="s">
        <v>46375</v>
      </c>
      <c r="C2414" t="s">
        <v>46376</v>
      </c>
      <c r="D2414" t="s">
        <v>46356</v>
      </c>
      <c r="E2414" t="s">
        <v>13</v>
      </c>
      <c r="F2414">
        <v>11668</v>
      </c>
      <c r="G2414" t="s">
        <v>46377</v>
      </c>
      <c r="H2414">
        <v>5.4995139163319999</v>
      </c>
      <c r="I2414">
        <v>52.532644605127999</v>
      </c>
      <c r="J2414" t="s">
        <v>58099</v>
      </c>
    </row>
    <row r="2415" spans="1:10" x14ac:dyDescent="0.25">
      <c r="A2415" t="s">
        <v>46370</v>
      </c>
      <c r="B2415" t="s">
        <v>46371</v>
      </c>
      <c r="C2415" t="s">
        <v>46372</v>
      </c>
      <c r="D2415" t="s">
        <v>46356</v>
      </c>
      <c r="E2415" t="s">
        <v>13</v>
      </c>
      <c r="F2415">
        <v>11667</v>
      </c>
      <c r="G2415" t="s">
        <v>46373</v>
      </c>
      <c r="H2415">
        <v>5.4746731187339996</v>
      </c>
      <c r="I2415">
        <v>52.527038467757997</v>
      </c>
      <c r="J2415" t="s">
        <v>58100</v>
      </c>
    </row>
    <row r="2416" spans="1:10" x14ac:dyDescent="0.25">
      <c r="A2416" t="s">
        <v>46366</v>
      </c>
      <c r="B2416" t="s">
        <v>46367</v>
      </c>
      <c r="C2416" t="s">
        <v>46368</v>
      </c>
      <c r="D2416" t="s">
        <v>46356</v>
      </c>
      <c r="E2416" t="s">
        <v>13</v>
      </c>
      <c r="F2416">
        <v>11666</v>
      </c>
      <c r="G2416" t="s">
        <v>46369</v>
      </c>
      <c r="H2416">
        <v>5.4957610844060003</v>
      </c>
      <c r="I2416">
        <v>52.526277282175002</v>
      </c>
      <c r="J2416" t="s">
        <v>58101</v>
      </c>
    </row>
    <row r="2417" spans="1:10" x14ac:dyDescent="0.25">
      <c r="A2417" t="s">
        <v>46362</v>
      </c>
      <c r="B2417" t="s">
        <v>46363</v>
      </c>
      <c r="C2417" t="s">
        <v>46364</v>
      </c>
      <c r="D2417" t="s">
        <v>46356</v>
      </c>
      <c r="E2417" t="s">
        <v>13</v>
      </c>
      <c r="F2417">
        <v>11665</v>
      </c>
      <c r="G2417" t="s">
        <v>46365</v>
      </c>
      <c r="H2417">
        <v>5.4847251249140001</v>
      </c>
      <c r="I2417">
        <v>52.525803881923999</v>
      </c>
      <c r="J2417" t="s">
        <v>58102</v>
      </c>
    </row>
    <row r="2418" spans="1:10" x14ac:dyDescent="0.25">
      <c r="A2418" t="s">
        <v>46358</v>
      </c>
      <c r="B2418" t="s">
        <v>46359</v>
      </c>
      <c r="C2418" t="s">
        <v>46360</v>
      </c>
      <c r="D2418" t="s">
        <v>46356</v>
      </c>
      <c r="E2418" t="s">
        <v>13</v>
      </c>
      <c r="F2418">
        <v>11664</v>
      </c>
      <c r="G2418" t="s">
        <v>46361</v>
      </c>
      <c r="H2418">
        <v>5.4850571640850001</v>
      </c>
      <c r="I2418">
        <v>52.522955840477003</v>
      </c>
      <c r="J2418" t="s">
        <v>58103</v>
      </c>
    </row>
    <row r="2419" spans="1:10" x14ac:dyDescent="0.25">
      <c r="A2419" t="s">
        <v>46353</v>
      </c>
      <c r="B2419" t="s">
        <v>46354</v>
      </c>
      <c r="C2419" t="s">
        <v>46355</v>
      </c>
      <c r="D2419" t="s">
        <v>46356</v>
      </c>
      <c r="E2419" t="s">
        <v>13</v>
      </c>
      <c r="F2419">
        <v>11663</v>
      </c>
      <c r="G2419" t="s">
        <v>46357</v>
      </c>
      <c r="H2419">
        <v>5.4744398919319996</v>
      </c>
      <c r="I2419">
        <v>52.522574074668</v>
      </c>
      <c r="J2419" t="s">
        <v>58104</v>
      </c>
    </row>
    <row r="2420" spans="1:10" x14ac:dyDescent="0.25">
      <c r="A2420" t="s">
        <v>46349</v>
      </c>
      <c r="B2420" t="s">
        <v>46350</v>
      </c>
      <c r="C2420" t="s">
        <v>46351</v>
      </c>
      <c r="D2420" t="s">
        <v>45945</v>
      </c>
      <c r="E2420" t="s">
        <v>13</v>
      </c>
      <c r="F2420">
        <v>11662</v>
      </c>
      <c r="G2420" t="s">
        <v>46352</v>
      </c>
      <c r="H2420">
        <v>5.6076330586590002</v>
      </c>
      <c r="I2420">
        <v>51.765620123974998</v>
      </c>
      <c r="J2420" t="s">
        <v>58105</v>
      </c>
    </row>
    <row r="2421" spans="1:10" x14ac:dyDescent="0.25">
      <c r="A2421" t="s">
        <v>46345</v>
      </c>
      <c r="B2421" t="s">
        <v>46346</v>
      </c>
      <c r="C2421" t="s">
        <v>46347</v>
      </c>
      <c r="D2421" t="s">
        <v>45945</v>
      </c>
      <c r="E2421" t="s">
        <v>13</v>
      </c>
      <c r="F2421">
        <v>11661</v>
      </c>
      <c r="G2421" t="s">
        <v>46348</v>
      </c>
      <c r="H2421">
        <v>5.4597038164010003</v>
      </c>
      <c r="I2421">
        <v>51.756208355322997</v>
      </c>
      <c r="J2421" t="s">
        <v>58106</v>
      </c>
    </row>
    <row r="2422" spans="1:10" x14ac:dyDescent="0.25">
      <c r="A2422" t="s">
        <v>46341</v>
      </c>
      <c r="B2422" t="s">
        <v>46342</v>
      </c>
      <c r="C2422" t="s">
        <v>46343</v>
      </c>
      <c r="D2422" t="s">
        <v>45945</v>
      </c>
      <c r="E2422" t="s">
        <v>13</v>
      </c>
      <c r="F2422">
        <v>11660</v>
      </c>
      <c r="G2422" t="s">
        <v>46344</v>
      </c>
      <c r="H2422">
        <v>5.483107355494</v>
      </c>
      <c r="I2422">
        <v>51.741242034937002</v>
      </c>
      <c r="J2422" t="s">
        <v>58107</v>
      </c>
    </row>
    <row r="2423" spans="1:10" x14ac:dyDescent="0.25">
      <c r="A2423" t="s">
        <v>46337</v>
      </c>
      <c r="B2423" t="s">
        <v>46338</v>
      </c>
      <c r="C2423" t="s">
        <v>46339</v>
      </c>
      <c r="D2423" t="s">
        <v>45945</v>
      </c>
      <c r="E2423" t="s">
        <v>13</v>
      </c>
      <c r="F2423">
        <v>11659</v>
      </c>
      <c r="G2423" t="s">
        <v>46340</v>
      </c>
      <c r="H2423">
        <v>5.4674375663459998</v>
      </c>
      <c r="I2423">
        <v>51.731016612188</v>
      </c>
      <c r="J2423" t="s">
        <v>58108</v>
      </c>
    </row>
    <row r="2424" spans="1:10" x14ac:dyDescent="0.25">
      <c r="A2424" t="s">
        <v>46333</v>
      </c>
      <c r="B2424" t="s">
        <v>46334</v>
      </c>
      <c r="C2424" t="s">
        <v>46335</v>
      </c>
      <c r="D2424" t="s">
        <v>45945</v>
      </c>
      <c r="E2424" t="s">
        <v>13</v>
      </c>
      <c r="F2424">
        <v>11658</v>
      </c>
      <c r="G2424" t="s">
        <v>46336</v>
      </c>
      <c r="H2424">
        <v>5.4611697972020004</v>
      </c>
      <c r="I2424">
        <v>51.740562953028999</v>
      </c>
      <c r="J2424" t="s">
        <v>58109</v>
      </c>
    </row>
    <row r="2425" spans="1:10" x14ac:dyDescent="0.25">
      <c r="A2425" t="s">
        <v>46329</v>
      </c>
      <c r="B2425" t="s">
        <v>46330</v>
      </c>
      <c r="C2425" t="s">
        <v>46331</v>
      </c>
      <c r="D2425" t="s">
        <v>45945</v>
      </c>
      <c r="E2425" t="s">
        <v>13</v>
      </c>
      <c r="F2425">
        <v>11657</v>
      </c>
      <c r="G2425" t="s">
        <v>46332</v>
      </c>
      <c r="H2425">
        <v>5.3918867025640003</v>
      </c>
      <c r="I2425">
        <v>51.775492883753998</v>
      </c>
      <c r="J2425" t="s">
        <v>58110</v>
      </c>
    </row>
    <row r="2426" spans="1:10" x14ac:dyDescent="0.25">
      <c r="A2426" t="s">
        <v>46325</v>
      </c>
      <c r="B2426" t="s">
        <v>46326</v>
      </c>
      <c r="C2426" t="s">
        <v>46327</v>
      </c>
      <c r="D2426" t="s">
        <v>45945</v>
      </c>
      <c r="E2426" t="s">
        <v>13</v>
      </c>
      <c r="F2426">
        <v>11656</v>
      </c>
      <c r="G2426" t="s">
        <v>46328</v>
      </c>
      <c r="H2426">
        <v>5.3687066224629998</v>
      </c>
      <c r="I2426">
        <v>51.764840267757002</v>
      </c>
      <c r="J2426" t="s">
        <v>58111</v>
      </c>
    </row>
    <row r="2427" spans="1:10" x14ac:dyDescent="0.25">
      <c r="A2427" t="s">
        <v>46322</v>
      </c>
      <c r="B2427" t="s">
        <v>46323</v>
      </c>
      <c r="C2427" t="s">
        <v>37799</v>
      </c>
      <c r="D2427" t="s">
        <v>45945</v>
      </c>
      <c r="E2427" t="s">
        <v>13</v>
      </c>
      <c r="F2427">
        <v>11655</v>
      </c>
      <c r="G2427" t="s">
        <v>46324</v>
      </c>
      <c r="H2427">
        <v>5.3986735390060003</v>
      </c>
      <c r="I2427">
        <v>51.802013841753002</v>
      </c>
      <c r="J2427" t="s">
        <v>58112</v>
      </c>
    </row>
    <row r="2428" spans="1:10" x14ac:dyDescent="0.25">
      <c r="A2428" t="s">
        <v>46318</v>
      </c>
      <c r="B2428" t="s">
        <v>46319</v>
      </c>
      <c r="C2428" t="s">
        <v>46320</v>
      </c>
      <c r="D2428" t="s">
        <v>45945</v>
      </c>
      <c r="E2428" t="s">
        <v>13</v>
      </c>
      <c r="F2428">
        <v>11654</v>
      </c>
      <c r="G2428" t="s">
        <v>46321</v>
      </c>
      <c r="H2428">
        <v>5.3799867168960001</v>
      </c>
      <c r="I2428">
        <v>51.792930702021003</v>
      </c>
      <c r="J2428" t="s">
        <v>58113</v>
      </c>
    </row>
    <row r="2429" spans="1:10" x14ac:dyDescent="0.25">
      <c r="A2429" t="s">
        <v>46314</v>
      </c>
      <c r="B2429" t="s">
        <v>46315</v>
      </c>
      <c r="C2429" t="s">
        <v>46316</v>
      </c>
      <c r="D2429" t="s">
        <v>45945</v>
      </c>
      <c r="E2429" t="s">
        <v>13</v>
      </c>
      <c r="F2429">
        <v>11653</v>
      </c>
      <c r="G2429" t="s">
        <v>46317</v>
      </c>
      <c r="H2429">
        <v>5.394547672681</v>
      </c>
      <c r="I2429">
        <v>51.794468163925998</v>
      </c>
      <c r="J2429" t="s">
        <v>58114</v>
      </c>
    </row>
    <row r="2430" spans="1:10" x14ac:dyDescent="0.25">
      <c r="A2430" t="s">
        <v>46310</v>
      </c>
      <c r="B2430" t="s">
        <v>46311</v>
      </c>
      <c r="C2430" t="s">
        <v>46312</v>
      </c>
      <c r="D2430" t="s">
        <v>45945</v>
      </c>
      <c r="E2430" t="s">
        <v>13</v>
      </c>
      <c r="F2430">
        <v>11652</v>
      </c>
      <c r="G2430" t="s">
        <v>46313</v>
      </c>
      <c r="H2430">
        <v>5.5050686879499997</v>
      </c>
      <c r="I2430">
        <v>51.813830542623002</v>
      </c>
      <c r="J2430" t="s">
        <v>58115</v>
      </c>
    </row>
    <row r="2431" spans="1:10" x14ac:dyDescent="0.25">
      <c r="A2431" t="s">
        <v>46306</v>
      </c>
      <c r="B2431" t="s">
        <v>46307</v>
      </c>
      <c r="C2431" t="s">
        <v>46308</v>
      </c>
      <c r="D2431" t="s">
        <v>45945</v>
      </c>
      <c r="E2431" t="s">
        <v>13</v>
      </c>
      <c r="F2431">
        <v>11651</v>
      </c>
      <c r="G2431" t="s">
        <v>46309</v>
      </c>
      <c r="H2431">
        <v>5.5026403954149998</v>
      </c>
      <c r="I2431">
        <v>51.823870311526001</v>
      </c>
      <c r="J2431" t="s">
        <v>58116</v>
      </c>
    </row>
    <row r="2432" spans="1:10" x14ac:dyDescent="0.25">
      <c r="A2432" t="s">
        <v>46302</v>
      </c>
      <c r="B2432" t="s">
        <v>46303</v>
      </c>
      <c r="C2432" t="s">
        <v>46304</v>
      </c>
      <c r="D2432" t="s">
        <v>45945</v>
      </c>
      <c r="E2432" t="s">
        <v>13</v>
      </c>
      <c r="F2432">
        <v>11650</v>
      </c>
      <c r="G2432" t="s">
        <v>46305</v>
      </c>
      <c r="H2432">
        <v>5.4553281065709998</v>
      </c>
      <c r="I2432">
        <v>51.781380734736999</v>
      </c>
      <c r="J2432" t="s">
        <v>58117</v>
      </c>
    </row>
    <row r="2433" spans="1:10" x14ac:dyDescent="0.25">
      <c r="A2433" t="s">
        <v>46298</v>
      </c>
      <c r="B2433" t="s">
        <v>46299</v>
      </c>
      <c r="C2433" t="s">
        <v>46300</v>
      </c>
      <c r="D2433" t="s">
        <v>45945</v>
      </c>
      <c r="E2433" t="s">
        <v>13</v>
      </c>
      <c r="F2433">
        <v>11649</v>
      </c>
      <c r="G2433" t="s">
        <v>46301</v>
      </c>
      <c r="H2433">
        <v>5.4796786373369999</v>
      </c>
      <c r="I2433">
        <v>51.799308683306002</v>
      </c>
      <c r="J2433" t="s">
        <v>58118</v>
      </c>
    </row>
    <row r="2434" spans="1:10" x14ac:dyDescent="0.25">
      <c r="A2434" t="s">
        <v>46294</v>
      </c>
      <c r="B2434" t="s">
        <v>46295</v>
      </c>
      <c r="C2434" t="s">
        <v>46296</v>
      </c>
      <c r="D2434" t="s">
        <v>45945</v>
      </c>
      <c r="E2434" t="s">
        <v>13</v>
      </c>
      <c r="F2434">
        <v>11648</v>
      </c>
      <c r="G2434" t="s">
        <v>46297</v>
      </c>
      <c r="H2434">
        <v>5.4988253127749998</v>
      </c>
      <c r="I2434">
        <v>51.795942059490002</v>
      </c>
      <c r="J2434" t="s">
        <v>58119</v>
      </c>
    </row>
    <row r="2435" spans="1:10" x14ac:dyDescent="0.25">
      <c r="A2435" t="s">
        <v>46290</v>
      </c>
      <c r="B2435" t="s">
        <v>46291</v>
      </c>
      <c r="C2435" t="s">
        <v>46292</v>
      </c>
      <c r="D2435" t="s">
        <v>45945</v>
      </c>
      <c r="E2435" t="s">
        <v>13</v>
      </c>
      <c r="F2435">
        <v>11647</v>
      </c>
      <c r="G2435" t="s">
        <v>46293</v>
      </c>
      <c r="H2435">
        <v>5.4633255090450001</v>
      </c>
      <c r="I2435">
        <v>51.801037357905003</v>
      </c>
      <c r="J2435" t="s">
        <v>58120</v>
      </c>
    </row>
    <row r="2436" spans="1:10" x14ac:dyDescent="0.25">
      <c r="A2436" t="s">
        <v>46286</v>
      </c>
      <c r="B2436" t="s">
        <v>46287</v>
      </c>
      <c r="C2436" t="s">
        <v>46288</v>
      </c>
      <c r="D2436" t="s">
        <v>45945</v>
      </c>
      <c r="E2436" t="s">
        <v>13</v>
      </c>
      <c r="F2436">
        <v>11646</v>
      </c>
      <c r="G2436" t="s">
        <v>46289</v>
      </c>
      <c r="H2436">
        <v>5.4292880998179998</v>
      </c>
      <c r="I2436">
        <v>51.788426279943003</v>
      </c>
      <c r="J2436" t="s">
        <v>58121</v>
      </c>
    </row>
    <row r="2437" spans="1:10" x14ac:dyDescent="0.25">
      <c r="A2437" t="s">
        <v>46282</v>
      </c>
      <c r="B2437" t="s">
        <v>46283</v>
      </c>
      <c r="C2437" t="s">
        <v>46284</v>
      </c>
      <c r="D2437" t="s">
        <v>45945</v>
      </c>
      <c r="E2437" t="s">
        <v>13</v>
      </c>
      <c r="F2437">
        <v>11645</v>
      </c>
      <c r="G2437" t="s">
        <v>46285</v>
      </c>
      <c r="H2437">
        <v>5.4011434972219998</v>
      </c>
      <c r="I2437">
        <v>51.810700962844003</v>
      </c>
      <c r="J2437" t="s">
        <v>58122</v>
      </c>
    </row>
    <row r="2438" spans="1:10" x14ac:dyDescent="0.25">
      <c r="A2438" t="s">
        <v>46278</v>
      </c>
      <c r="B2438" t="s">
        <v>46279</v>
      </c>
      <c r="C2438" t="s">
        <v>46280</v>
      </c>
      <c r="D2438" t="s">
        <v>45945</v>
      </c>
      <c r="E2438" t="s">
        <v>13</v>
      </c>
      <c r="F2438">
        <v>11644</v>
      </c>
      <c r="G2438" t="s">
        <v>46281</v>
      </c>
      <c r="H2438">
        <v>5.438327022298</v>
      </c>
      <c r="I2438">
        <v>51.806531089948002</v>
      </c>
      <c r="J2438" t="s">
        <v>58123</v>
      </c>
    </row>
    <row r="2439" spans="1:10" x14ac:dyDescent="0.25">
      <c r="A2439" t="s">
        <v>46274</v>
      </c>
      <c r="B2439" t="s">
        <v>46275</v>
      </c>
      <c r="C2439" t="s">
        <v>46276</v>
      </c>
      <c r="D2439" t="s">
        <v>45945</v>
      </c>
      <c r="E2439" t="s">
        <v>13</v>
      </c>
      <c r="F2439">
        <v>11643</v>
      </c>
      <c r="G2439" t="s">
        <v>46277</v>
      </c>
      <c r="H2439">
        <v>5.6092660448779998</v>
      </c>
      <c r="I2439">
        <v>51.793517819168997</v>
      </c>
      <c r="J2439" t="s">
        <v>58124</v>
      </c>
    </row>
    <row r="2440" spans="1:10" x14ac:dyDescent="0.25">
      <c r="A2440" t="s">
        <v>46270</v>
      </c>
      <c r="B2440" t="s">
        <v>46271</v>
      </c>
      <c r="C2440" t="s">
        <v>46272</v>
      </c>
      <c r="D2440" t="s">
        <v>45945</v>
      </c>
      <c r="E2440" t="s">
        <v>13</v>
      </c>
      <c r="F2440">
        <v>11642</v>
      </c>
      <c r="G2440" t="s">
        <v>46273</v>
      </c>
      <c r="H2440">
        <v>5.6443702003310001</v>
      </c>
      <c r="I2440">
        <v>51.806645031679999</v>
      </c>
      <c r="J2440" t="s">
        <v>58125</v>
      </c>
    </row>
    <row r="2441" spans="1:10" x14ac:dyDescent="0.25">
      <c r="A2441" t="s">
        <v>46266</v>
      </c>
      <c r="B2441" t="s">
        <v>46267</v>
      </c>
      <c r="C2441" t="s">
        <v>46268</v>
      </c>
      <c r="D2441" t="s">
        <v>45945</v>
      </c>
      <c r="E2441" t="s">
        <v>13</v>
      </c>
      <c r="F2441">
        <v>11641</v>
      </c>
      <c r="G2441" t="s">
        <v>46269</v>
      </c>
      <c r="H2441">
        <v>5.6292012073790003</v>
      </c>
      <c r="I2441">
        <v>51.811829891111003</v>
      </c>
      <c r="J2441" t="s">
        <v>58126</v>
      </c>
    </row>
    <row r="2442" spans="1:10" x14ac:dyDescent="0.25">
      <c r="A2442" t="s">
        <v>46262</v>
      </c>
      <c r="B2442" t="s">
        <v>46263</v>
      </c>
      <c r="C2442" t="s">
        <v>46264</v>
      </c>
      <c r="D2442" t="s">
        <v>45945</v>
      </c>
      <c r="E2442" t="s">
        <v>13</v>
      </c>
      <c r="F2442">
        <v>11640</v>
      </c>
      <c r="G2442" t="s">
        <v>46265</v>
      </c>
      <c r="H2442">
        <v>5.601823184913</v>
      </c>
      <c r="I2442">
        <v>51.817818145715002</v>
      </c>
      <c r="J2442" t="s">
        <v>58127</v>
      </c>
    </row>
    <row r="2443" spans="1:10" x14ac:dyDescent="0.25">
      <c r="A2443" t="s">
        <v>46258</v>
      </c>
      <c r="B2443" t="s">
        <v>46259</v>
      </c>
      <c r="C2443" t="s">
        <v>46260</v>
      </c>
      <c r="D2443" t="s">
        <v>45945</v>
      </c>
      <c r="E2443" t="s">
        <v>13</v>
      </c>
      <c r="F2443">
        <v>11639</v>
      </c>
      <c r="G2443" t="s">
        <v>46261</v>
      </c>
      <c r="H2443">
        <v>5.6309926305860003</v>
      </c>
      <c r="I2443">
        <v>51.801208566661003</v>
      </c>
      <c r="J2443" t="s">
        <v>58128</v>
      </c>
    </row>
    <row r="2444" spans="1:10" x14ac:dyDescent="0.25">
      <c r="A2444" t="s">
        <v>46255</v>
      </c>
      <c r="B2444" t="s">
        <v>46256</v>
      </c>
      <c r="C2444" t="s">
        <v>31240</v>
      </c>
      <c r="D2444" t="s">
        <v>45945</v>
      </c>
      <c r="E2444" t="s">
        <v>13</v>
      </c>
      <c r="F2444">
        <v>11638</v>
      </c>
      <c r="G2444" t="s">
        <v>46257</v>
      </c>
      <c r="H2444">
        <v>5.6904829925260003</v>
      </c>
      <c r="I2444">
        <v>51.771942001332</v>
      </c>
      <c r="J2444" t="s">
        <v>58129</v>
      </c>
    </row>
    <row r="2445" spans="1:10" x14ac:dyDescent="0.25">
      <c r="A2445" t="s">
        <v>46251</v>
      </c>
      <c r="B2445" t="s">
        <v>46252</v>
      </c>
      <c r="C2445" t="s">
        <v>46253</v>
      </c>
      <c r="D2445" t="s">
        <v>45945</v>
      </c>
      <c r="E2445" t="s">
        <v>13</v>
      </c>
      <c r="F2445">
        <v>11637</v>
      </c>
      <c r="G2445" t="s">
        <v>46254</v>
      </c>
      <c r="H2445">
        <v>5.674087829486</v>
      </c>
      <c r="I2445">
        <v>51.786599231229999</v>
      </c>
      <c r="J2445" t="s">
        <v>58130</v>
      </c>
    </row>
    <row r="2446" spans="1:10" x14ac:dyDescent="0.25">
      <c r="A2446" t="s">
        <v>46247</v>
      </c>
      <c r="B2446" t="s">
        <v>46248</v>
      </c>
      <c r="C2446" t="s">
        <v>46249</v>
      </c>
      <c r="D2446" t="s">
        <v>45945</v>
      </c>
      <c r="E2446" t="s">
        <v>13</v>
      </c>
      <c r="F2446">
        <v>11636</v>
      </c>
      <c r="G2446" t="s">
        <v>46250</v>
      </c>
      <c r="H2446">
        <v>5.6719898337450001</v>
      </c>
      <c r="I2446">
        <v>51.775028943930003</v>
      </c>
      <c r="J2446" t="s">
        <v>58131</v>
      </c>
    </row>
    <row r="2447" spans="1:10" x14ac:dyDescent="0.25">
      <c r="A2447" t="s">
        <v>46243</v>
      </c>
      <c r="B2447" t="s">
        <v>46244</v>
      </c>
      <c r="C2447" t="s">
        <v>46245</v>
      </c>
      <c r="D2447" t="s">
        <v>45945</v>
      </c>
      <c r="E2447" t="s">
        <v>13</v>
      </c>
      <c r="F2447">
        <v>11635</v>
      </c>
      <c r="G2447" t="s">
        <v>46246</v>
      </c>
      <c r="H2447">
        <v>5.6503514429520001</v>
      </c>
      <c r="I2447">
        <v>51.762940357650002</v>
      </c>
      <c r="J2447" t="s">
        <v>58132</v>
      </c>
    </row>
    <row r="2448" spans="1:10" x14ac:dyDescent="0.25">
      <c r="A2448" t="s">
        <v>46239</v>
      </c>
      <c r="B2448" t="s">
        <v>46240</v>
      </c>
      <c r="C2448" t="s">
        <v>46241</v>
      </c>
      <c r="D2448" t="s">
        <v>45945</v>
      </c>
      <c r="E2448" t="s">
        <v>13</v>
      </c>
      <c r="F2448">
        <v>11634</v>
      </c>
      <c r="G2448" t="s">
        <v>46242</v>
      </c>
      <c r="H2448">
        <v>5.6491288698000002</v>
      </c>
      <c r="I2448">
        <v>51.772615506081998</v>
      </c>
      <c r="J2448" t="s">
        <v>58133</v>
      </c>
    </row>
    <row r="2449" spans="1:10" x14ac:dyDescent="0.25">
      <c r="A2449" t="s">
        <v>46235</v>
      </c>
      <c r="B2449" t="s">
        <v>46236</v>
      </c>
      <c r="C2449" t="s">
        <v>46237</v>
      </c>
      <c r="D2449" t="s">
        <v>45945</v>
      </c>
      <c r="E2449" t="s">
        <v>13</v>
      </c>
      <c r="F2449">
        <v>11633</v>
      </c>
      <c r="G2449" t="s">
        <v>46238</v>
      </c>
      <c r="H2449">
        <v>5.6387807897969999</v>
      </c>
      <c r="I2449">
        <v>51.781874516918002</v>
      </c>
      <c r="J2449" t="s">
        <v>58134</v>
      </c>
    </row>
    <row r="2450" spans="1:10" x14ac:dyDescent="0.25">
      <c r="A2450" t="s">
        <v>46231</v>
      </c>
      <c r="B2450" t="s">
        <v>46232</v>
      </c>
      <c r="C2450" t="s">
        <v>46233</v>
      </c>
      <c r="D2450" t="s">
        <v>45945</v>
      </c>
      <c r="E2450" t="s">
        <v>13</v>
      </c>
      <c r="F2450">
        <v>11632</v>
      </c>
      <c r="G2450" t="s">
        <v>46234</v>
      </c>
      <c r="H2450">
        <v>5.6555483935030004</v>
      </c>
      <c r="I2450">
        <v>51.784998756798998</v>
      </c>
      <c r="J2450" t="s">
        <v>58135</v>
      </c>
    </row>
    <row r="2451" spans="1:10" x14ac:dyDescent="0.25">
      <c r="A2451" t="s">
        <v>46227</v>
      </c>
      <c r="B2451" t="s">
        <v>46228</v>
      </c>
      <c r="C2451" t="s">
        <v>46229</v>
      </c>
      <c r="D2451" t="s">
        <v>45945</v>
      </c>
      <c r="E2451" t="s">
        <v>13</v>
      </c>
      <c r="F2451">
        <v>11631</v>
      </c>
      <c r="G2451" t="s">
        <v>46230</v>
      </c>
      <c r="H2451">
        <v>5.638163166519</v>
      </c>
      <c r="I2451">
        <v>51.787486890328999</v>
      </c>
      <c r="J2451" t="s">
        <v>58136</v>
      </c>
    </row>
    <row r="2452" spans="1:10" x14ac:dyDescent="0.25">
      <c r="A2452" t="s">
        <v>46223</v>
      </c>
      <c r="B2452" t="s">
        <v>46224</v>
      </c>
      <c r="C2452" t="s">
        <v>46225</v>
      </c>
      <c r="D2452" t="s">
        <v>45945</v>
      </c>
      <c r="E2452" t="s">
        <v>13</v>
      </c>
      <c r="F2452">
        <v>11630</v>
      </c>
      <c r="G2452" t="s">
        <v>46226</v>
      </c>
      <c r="H2452">
        <v>5.6397820731030004</v>
      </c>
      <c r="I2452">
        <v>51.793149491685</v>
      </c>
      <c r="J2452" t="s">
        <v>58137</v>
      </c>
    </row>
    <row r="2453" spans="1:10" x14ac:dyDescent="0.25">
      <c r="A2453" t="s">
        <v>46219</v>
      </c>
      <c r="B2453" t="s">
        <v>46220</v>
      </c>
      <c r="C2453" t="s">
        <v>46221</v>
      </c>
      <c r="D2453" t="s">
        <v>45945</v>
      </c>
      <c r="E2453" t="s">
        <v>13</v>
      </c>
      <c r="F2453">
        <v>11629</v>
      </c>
      <c r="G2453" t="s">
        <v>46222</v>
      </c>
      <c r="H2453">
        <v>5.6532590909599998</v>
      </c>
      <c r="I2453">
        <v>51.794995047687998</v>
      </c>
      <c r="J2453" t="s">
        <v>58138</v>
      </c>
    </row>
    <row r="2454" spans="1:10" x14ac:dyDescent="0.25">
      <c r="A2454" t="s">
        <v>46215</v>
      </c>
      <c r="B2454" t="s">
        <v>46216</v>
      </c>
      <c r="C2454" t="s">
        <v>46217</v>
      </c>
      <c r="D2454" t="s">
        <v>45945</v>
      </c>
      <c r="E2454" t="s">
        <v>13</v>
      </c>
      <c r="F2454">
        <v>11628</v>
      </c>
      <c r="G2454" t="s">
        <v>46218</v>
      </c>
      <c r="H2454">
        <v>5.5498548121160001</v>
      </c>
      <c r="I2454">
        <v>51.813751514982997</v>
      </c>
      <c r="J2454" t="s">
        <v>58139</v>
      </c>
    </row>
    <row r="2455" spans="1:10" x14ac:dyDescent="0.25">
      <c r="A2455" t="s">
        <v>46211</v>
      </c>
      <c r="B2455" t="s">
        <v>46212</v>
      </c>
      <c r="C2455" t="s">
        <v>46213</v>
      </c>
      <c r="D2455" t="s">
        <v>45945</v>
      </c>
      <c r="E2455" t="s">
        <v>13</v>
      </c>
      <c r="F2455">
        <v>11627</v>
      </c>
      <c r="G2455" t="s">
        <v>46214</v>
      </c>
      <c r="H2455">
        <v>5.5744447030369999</v>
      </c>
      <c r="I2455">
        <v>51.817767583471003</v>
      </c>
      <c r="J2455" t="s">
        <v>58140</v>
      </c>
    </row>
    <row r="2456" spans="1:10" x14ac:dyDescent="0.25">
      <c r="A2456" t="s">
        <v>46207</v>
      </c>
      <c r="B2456" t="s">
        <v>46208</v>
      </c>
      <c r="C2456" t="s">
        <v>46209</v>
      </c>
      <c r="D2456" t="s">
        <v>45945</v>
      </c>
      <c r="E2456" t="s">
        <v>13</v>
      </c>
      <c r="F2456">
        <v>11626</v>
      </c>
      <c r="G2456" t="s">
        <v>46210</v>
      </c>
      <c r="H2456">
        <v>5.5606426562470004</v>
      </c>
      <c r="I2456">
        <v>51.820159103888003</v>
      </c>
      <c r="J2456" t="s">
        <v>58141</v>
      </c>
    </row>
    <row r="2457" spans="1:10" x14ac:dyDescent="0.25">
      <c r="A2457" t="s">
        <v>46203</v>
      </c>
      <c r="B2457" t="s">
        <v>46204</v>
      </c>
      <c r="C2457" t="s">
        <v>46205</v>
      </c>
      <c r="D2457" t="s">
        <v>45945</v>
      </c>
      <c r="E2457" t="s">
        <v>13</v>
      </c>
      <c r="F2457">
        <v>11625</v>
      </c>
      <c r="G2457" t="s">
        <v>46206</v>
      </c>
      <c r="H2457">
        <v>5.5323675232460001</v>
      </c>
      <c r="I2457">
        <v>51.798183830474002</v>
      </c>
      <c r="J2457" t="s">
        <v>58142</v>
      </c>
    </row>
    <row r="2458" spans="1:10" x14ac:dyDescent="0.25">
      <c r="A2458" t="s">
        <v>46199</v>
      </c>
      <c r="B2458" t="s">
        <v>46200</v>
      </c>
      <c r="C2458" t="s">
        <v>46201</v>
      </c>
      <c r="D2458" t="s">
        <v>45945</v>
      </c>
      <c r="E2458" t="s">
        <v>13</v>
      </c>
      <c r="F2458">
        <v>11624</v>
      </c>
      <c r="G2458" t="s">
        <v>46202</v>
      </c>
      <c r="H2458">
        <v>5.5529889733650002</v>
      </c>
      <c r="I2458">
        <v>51.800668851768002</v>
      </c>
      <c r="J2458" t="s">
        <v>58143</v>
      </c>
    </row>
    <row r="2459" spans="1:10" x14ac:dyDescent="0.25">
      <c r="A2459" t="s">
        <v>46195</v>
      </c>
      <c r="B2459" t="s">
        <v>46196</v>
      </c>
      <c r="C2459" t="s">
        <v>46197</v>
      </c>
      <c r="D2459" t="s">
        <v>45945</v>
      </c>
      <c r="E2459" t="s">
        <v>13</v>
      </c>
      <c r="F2459">
        <v>11623</v>
      </c>
      <c r="G2459" t="s">
        <v>46198</v>
      </c>
      <c r="H2459">
        <v>5.540355399619</v>
      </c>
      <c r="I2459">
        <v>51.808628678066</v>
      </c>
      <c r="J2459" t="s">
        <v>58144</v>
      </c>
    </row>
    <row r="2460" spans="1:10" x14ac:dyDescent="0.25">
      <c r="A2460" t="s">
        <v>46191</v>
      </c>
      <c r="B2460" t="s">
        <v>46192</v>
      </c>
      <c r="C2460" t="s">
        <v>46193</v>
      </c>
      <c r="D2460" t="s">
        <v>45945</v>
      </c>
      <c r="E2460" t="s">
        <v>13</v>
      </c>
      <c r="F2460">
        <v>11622</v>
      </c>
      <c r="G2460" t="s">
        <v>46194</v>
      </c>
      <c r="H2460">
        <v>5.5890300626</v>
      </c>
      <c r="I2460">
        <v>51.812743303818998</v>
      </c>
      <c r="J2460" t="s">
        <v>58145</v>
      </c>
    </row>
    <row r="2461" spans="1:10" x14ac:dyDescent="0.25">
      <c r="A2461" t="s">
        <v>46187</v>
      </c>
      <c r="B2461" t="s">
        <v>46188</v>
      </c>
      <c r="C2461" t="s">
        <v>46189</v>
      </c>
      <c r="D2461" t="s">
        <v>45945</v>
      </c>
      <c r="E2461" t="s">
        <v>13</v>
      </c>
      <c r="F2461">
        <v>11621</v>
      </c>
      <c r="G2461" t="s">
        <v>46190</v>
      </c>
      <c r="H2461">
        <v>5.579530042559</v>
      </c>
      <c r="I2461">
        <v>51.793509907390003</v>
      </c>
      <c r="J2461" t="s">
        <v>58146</v>
      </c>
    </row>
    <row r="2462" spans="1:10" x14ac:dyDescent="0.25">
      <c r="A2462" t="s">
        <v>46183</v>
      </c>
      <c r="B2462" t="s">
        <v>46184</v>
      </c>
      <c r="C2462" t="s">
        <v>46185</v>
      </c>
      <c r="D2462" t="s">
        <v>45945</v>
      </c>
      <c r="E2462" t="s">
        <v>13</v>
      </c>
      <c r="F2462">
        <v>11620</v>
      </c>
      <c r="G2462" t="s">
        <v>46186</v>
      </c>
      <c r="H2462">
        <v>5.5814087821909997</v>
      </c>
      <c r="I2462">
        <v>51.803263528999999</v>
      </c>
      <c r="J2462" t="s">
        <v>58147</v>
      </c>
    </row>
    <row r="2463" spans="1:10" x14ac:dyDescent="0.25">
      <c r="A2463" t="s">
        <v>46179</v>
      </c>
      <c r="B2463" t="s">
        <v>46180</v>
      </c>
      <c r="C2463" t="s">
        <v>46181</v>
      </c>
      <c r="D2463" t="s">
        <v>45945</v>
      </c>
      <c r="E2463" t="s">
        <v>13</v>
      </c>
      <c r="F2463">
        <v>11619</v>
      </c>
      <c r="G2463" t="s">
        <v>46182</v>
      </c>
      <c r="H2463">
        <v>5.5692355210329998</v>
      </c>
      <c r="I2463">
        <v>51.784792748432999</v>
      </c>
      <c r="J2463" t="s">
        <v>58148</v>
      </c>
    </row>
    <row r="2464" spans="1:10" x14ac:dyDescent="0.25">
      <c r="A2464" t="s">
        <v>46175</v>
      </c>
      <c r="B2464" t="s">
        <v>46176</v>
      </c>
      <c r="C2464" t="s">
        <v>46177</v>
      </c>
      <c r="D2464" t="s">
        <v>45945</v>
      </c>
      <c r="E2464" t="s">
        <v>13</v>
      </c>
      <c r="F2464">
        <v>11618</v>
      </c>
      <c r="G2464" t="s">
        <v>46178</v>
      </c>
      <c r="H2464">
        <v>5.5732588959639999</v>
      </c>
      <c r="I2464">
        <v>51.749142899592002</v>
      </c>
      <c r="J2464" t="s">
        <v>58149</v>
      </c>
    </row>
    <row r="2465" spans="1:10" x14ac:dyDescent="0.25">
      <c r="A2465" t="s">
        <v>46171</v>
      </c>
      <c r="B2465" t="s">
        <v>46172</v>
      </c>
      <c r="C2465" t="s">
        <v>46173</v>
      </c>
      <c r="D2465" t="s">
        <v>45945</v>
      </c>
      <c r="E2465" t="s">
        <v>13</v>
      </c>
      <c r="F2465">
        <v>11617</v>
      </c>
      <c r="G2465" t="s">
        <v>46174</v>
      </c>
      <c r="H2465">
        <v>5.5875898210030002</v>
      </c>
      <c r="I2465">
        <v>51.780516668502003</v>
      </c>
      <c r="J2465" t="s">
        <v>58150</v>
      </c>
    </row>
    <row r="2466" spans="1:10" x14ac:dyDescent="0.25">
      <c r="A2466" t="s">
        <v>46167</v>
      </c>
      <c r="B2466" t="s">
        <v>46168</v>
      </c>
      <c r="C2466" t="s">
        <v>46169</v>
      </c>
      <c r="D2466" t="s">
        <v>45945</v>
      </c>
      <c r="E2466" t="s">
        <v>13</v>
      </c>
      <c r="F2466">
        <v>11616</v>
      </c>
      <c r="G2466" t="s">
        <v>46170</v>
      </c>
      <c r="H2466">
        <v>5.578032729407</v>
      </c>
      <c r="I2466">
        <v>51.766027228143997</v>
      </c>
      <c r="J2466" t="s">
        <v>58151</v>
      </c>
    </row>
    <row r="2467" spans="1:10" x14ac:dyDescent="0.25">
      <c r="A2467" t="s">
        <v>46163</v>
      </c>
      <c r="B2467" t="s">
        <v>46164</v>
      </c>
      <c r="C2467" t="s">
        <v>46165</v>
      </c>
      <c r="D2467" t="s">
        <v>45945</v>
      </c>
      <c r="E2467" t="s">
        <v>13</v>
      </c>
      <c r="F2467">
        <v>11615</v>
      </c>
      <c r="G2467" t="s">
        <v>46166</v>
      </c>
      <c r="H2467">
        <v>5.5666705521989996</v>
      </c>
      <c r="I2467">
        <v>51.771936709686003</v>
      </c>
      <c r="J2467" t="s">
        <v>58152</v>
      </c>
    </row>
    <row r="2468" spans="1:10" x14ac:dyDescent="0.25">
      <c r="A2468" t="s">
        <v>46159</v>
      </c>
      <c r="B2468" t="s">
        <v>46160</v>
      </c>
      <c r="C2468" t="s">
        <v>46161</v>
      </c>
      <c r="D2468" t="s">
        <v>45945</v>
      </c>
      <c r="E2468" t="s">
        <v>13</v>
      </c>
      <c r="F2468">
        <v>11614</v>
      </c>
      <c r="G2468" t="s">
        <v>46162</v>
      </c>
      <c r="H2468">
        <v>5.5590217415750001</v>
      </c>
      <c r="I2468">
        <v>51.738661837513</v>
      </c>
      <c r="J2468" t="s">
        <v>58153</v>
      </c>
    </row>
    <row r="2469" spans="1:10" x14ac:dyDescent="0.25">
      <c r="A2469" t="s">
        <v>46155</v>
      </c>
      <c r="B2469" t="s">
        <v>46156</v>
      </c>
      <c r="C2469" t="s">
        <v>46157</v>
      </c>
      <c r="D2469" t="s">
        <v>45945</v>
      </c>
      <c r="E2469" t="s">
        <v>13</v>
      </c>
      <c r="F2469">
        <v>11613</v>
      </c>
      <c r="G2469" t="s">
        <v>46158</v>
      </c>
      <c r="H2469">
        <v>5.5528339173900001</v>
      </c>
      <c r="I2469">
        <v>51.749216001301001</v>
      </c>
      <c r="J2469" t="s">
        <v>58154</v>
      </c>
    </row>
    <row r="2470" spans="1:10" x14ac:dyDescent="0.25">
      <c r="A2470" t="s">
        <v>46151</v>
      </c>
      <c r="B2470" t="s">
        <v>46152</v>
      </c>
      <c r="C2470" t="s">
        <v>46153</v>
      </c>
      <c r="D2470" t="s">
        <v>45945</v>
      </c>
      <c r="E2470" t="s">
        <v>13</v>
      </c>
      <c r="F2470">
        <v>11612</v>
      </c>
      <c r="G2470" t="s">
        <v>46154</v>
      </c>
      <c r="H2470">
        <v>5.539933275328</v>
      </c>
      <c r="I2470">
        <v>51.743488092246999</v>
      </c>
      <c r="J2470" t="s">
        <v>58155</v>
      </c>
    </row>
    <row r="2471" spans="1:10" x14ac:dyDescent="0.25">
      <c r="A2471" t="s">
        <v>46147</v>
      </c>
      <c r="B2471" t="s">
        <v>46148</v>
      </c>
      <c r="C2471" t="s">
        <v>46149</v>
      </c>
      <c r="D2471" t="s">
        <v>45945</v>
      </c>
      <c r="E2471" t="s">
        <v>13</v>
      </c>
      <c r="F2471">
        <v>11611</v>
      </c>
      <c r="G2471" t="s">
        <v>46150</v>
      </c>
      <c r="H2471">
        <v>5.521349561918</v>
      </c>
      <c r="I2471">
        <v>51.743023520563</v>
      </c>
      <c r="J2471" t="s">
        <v>58156</v>
      </c>
    </row>
    <row r="2472" spans="1:10" x14ac:dyDescent="0.25">
      <c r="A2472" t="s">
        <v>46143</v>
      </c>
      <c r="B2472" t="s">
        <v>46144</v>
      </c>
      <c r="C2472" t="s">
        <v>46145</v>
      </c>
      <c r="D2472" t="s">
        <v>45945</v>
      </c>
      <c r="E2472" t="s">
        <v>13</v>
      </c>
      <c r="F2472">
        <v>11610</v>
      </c>
      <c r="G2472" t="s">
        <v>46146</v>
      </c>
      <c r="H2472">
        <v>5.5010584459969998</v>
      </c>
      <c r="I2472">
        <v>51.740309716039</v>
      </c>
      <c r="J2472" t="s">
        <v>58157</v>
      </c>
    </row>
    <row r="2473" spans="1:10" x14ac:dyDescent="0.25">
      <c r="A2473" t="s">
        <v>46140</v>
      </c>
      <c r="B2473" t="s">
        <v>46141</v>
      </c>
      <c r="C2473" t="s">
        <v>24662</v>
      </c>
      <c r="D2473" t="s">
        <v>45945</v>
      </c>
      <c r="E2473" t="s">
        <v>13</v>
      </c>
      <c r="F2473">
        <v>11609</v>
      </c>
      <c r="G2473" t="s">
        <v>46142</v>
      </c>
      <c r="H2473">
        <v>5.4790453203840004</v>
      </c>
      <c r="I2473">
        <v>51.766373428495001</v>
      </c>
      <c r="J2473" t="s">
        <v>58158</v>
      </c>
    </row>
    <row r="2474" spans="1:10" x14ac:dyDescent="0.25">
      <c r="A2474" t="s">
        <v>46136</v>
      </c>
      <c r="B2474" t="s">
        <v>46137</v>
      </c>
      <c r="C2474" t="s">
        <v>46138</v>
      </c>
      <c r="D2474" t="s">
        <v>45945</v>
      </c>
      <c r="E2474" t="s">
        <v>13</v>
      </c>
      <c r="F2474">
        <v>11608</v>
      </c>
      <c r="G2474" t="s">
        <v>46139</v>
      </c>
      <c r="H2474">
        <v>5.4903597427430002</v>
      </c>
      <c r="I2474">
        <v>51.780529827464001</v>
      </c>
      <c r="J2474" t="s">
        <v>58159</v>
      </c>
    </row>
    <row r="2475" spans="1:10" x14ac:dyDescent="0.25">
      <c r="A2475" t="s">
        <v>46132</v>
      </c>
      <c r="B2475" t="s">
        <v>46133</v>
      </c>
      <c r="C2475" t="s">
        <v>46134</v>
      </c>
      <c r="D2475" t="s">
        <v>45945</v>
      </c>
      <c r="E2475" t="s">
        <v>13</v>
      </c>
      <c r="F2475">
        <v>11607</v>
      </c>
      <c r="G2475" t="s">
        <v>46135</v>
      </c>
      <c r="H2475">
        <v>5.5101120530210004</v>
      </c>
      <c r="I2475">
        <v>51.788041499572998</v>
      </c>
      <c r="J2475" t="s">
        <v>58160</v>
      </c>
    </row>
    <row r="2476" spans="1:10" x14ac:dyDescent="0.25">
      <c r="A2476" t="s">
        <v>46129</v>
      </c>
      <c r="B2476" t="s">
        <v>46130</v>
      </c>
      <c r="C2476" t="s">
        <v>28948</v>
      </c>
      <c r="D2476" t="s">
        <v>45945</v>
      </c>
      <c r="E2476" t="s">
        <v>13</v>
      </c>
      <c r="F2476">
        <v>11606</v>
      </c>
      <c r="G2476" t="s">
        <v>46131</v>
      </c>
      <c r="H2476">
        <v>5.5281363412660003</v>
      </c>
      <c r="I2476">
        <v>51.786598181934998</v>
      </c>
      <c r="J2476" t="s">
        <v>58161</v>
      </c>
    </row>
    <row r="2477" spans="1:10" x14ac:dyDescent="0.25">
      <c r="A2477" t="s">
        <v>46125</v>
      </c>
      <c r="B2477" t="s">
        <v>46126</v>
      </c>
      <c r="C2477" t="s">
        <v>46127</v>
      </c>
      <c r="D2477" t="s">
        <v>45945</v>
      </c>
      <c r="E2477" t="s">
        <v>13</v>
      </c>
      <c r="F2477">
        <v>11605</v>
      </c>
      <c r="G2477" t="s">
        <v>46128</v>
      </c>
      <c r="H2477">
        <v>5.5034737095340001</v>
      </c>
      <c r="I2477">
        <v>51.777784113769002</v>
      </c>
      <c r="J2477" t="s">
        <v>58162</v>
      </c>
    </row>
    <row r="2478" spans="1:10" x14ac:dyDescent="0.25">
      <c r="A2478" t="s">
        <v>46121</v>
      </c>
      <c r="B2478" t="s">
        <v>46122</v>
      </c>
      <c r="C2478" t="s">
        <v>46123</v>
      </c>
      <c r="D2478" t="s">
        <v>45945</v>
      </c>
      <c r="E2478" t="s">
        <v>13</v>
      </c>
      <c r="F2478">
        <v>11604</v>
      </c>
      <c r="G2478" t="s">
        <v>46124</v>
      </c>
      <c r="H2478">
        <v>5.4973054278699998</v>
      </c>
      <c r="I2478">
        <v>51.775880124014002</v>
      </c>
      <c r="J2478" t="s">
        <v>58163</v>
      </c>
    </row>
    <row r="2479" spans="1:10" x14ac:dyDescent="0.25">
      <c r="A2479" t="s">
        <v>46117</v>
      </c>
      <c r="B2479" t="s">
        <v>46118</v>
      </c>
      <c r="C2479" t="s">
        <v>46119</v>
      </c>
      <c r="D2479" t="s">
        <v>45945</v>
      </c>
      <c r="E2479" t="s">
        <v>13</v>
      </c>
      <c r="F2479">
        <v>11603</v>
      </c>
      <c r="G2479" t="s">
        <v>46120</v>
      </c>
      <c r="H2479">
        <v>5.5029057310639997</v>
      </c>
      <c r="I2479">
        <v>51.772591261278997</v>
      </c>
      <c r="J2479" t="s">
        <v>58164</v>
      </c>
    </row>
    <row r="2480" spans="1:10" x14ac:dyDescent="0.25">
      <c r="A2480" t="s">
        <v>46113</v>
      </c>
      <c r="B2480" t="s">
        <v>46114</v>
      </c>
      <c r="C2480" t="s">
        <v>46115</v>
      </c>
      <c r="D2480" t="s">
        <v>45945</v>
      </c>
      <c r="E2480" t="s">
        <v>13</v>
      </c>
      <c r="F2480">
        <v>11602</v>
      </c>
      <c r="G2480" t="s">
        <v>46116</v>
      </c>
      <c r="H2480">
        <v>5.497725728042</v>
      </c>
      <c r="I2480">
        <v>51.770621670841997</v>
      </c>
      <c r="J2480" t="s">
        <v>58165</v>
      </c>
    </row>
    <row r="2481" spans="1:10" x14ac:dyDescent="0.25">
      <c r="A2481" t="s">
        <v>46109</v>
      </c>
      <c r="B2481" t="s">
        <v>46110</v>
      </c>
      <c r="C2481" t="s">
        <v>46111</v>
      </c>
      <c r="D2481" t="s">
        <v>45945</v>
      </c>
      <c r="E2481" t="s">
        <v>13</v>
      </c>
      <c r="F2481">
        <v>11601</v>
      </c>
      <c r="G2481" t="s">
        <v>46112</v>
      </c>
      <c r="H2481">
        <v>5.5016538197590004</v>
      </c>
      <c r="I2481">
        <v>51.767533397172002</v>
      </c>
      <c r="J2481" t="s">
        <v>58166</v>
      </c>
    </row>
    <row r="2482" spans="1:10" x14ac:dyDescent="0.25">
      <c r="A2482" t="s">
        <v>46106</v>
      </c>
      <c r="B2482" t="s">
        <v>46107</v>
      </c>
      <c r="C2482" t="s">
        <v>11005</v>
      </c>
      <c r="D2482" t="s">
        <v>45945</v>
      </c>
      <c r="E2482" t="s">
        <v>13</v>
      </c>
      <c r="F2482">
        <v>11600</v>
      </c>
      <c r="G2482" t="s">
        <v>46108</v>
      </c>
      <c r="H2482">
        <v>5.4929626960459998</v>
      </c>
      <c r="I2482">
        <v>51.765973379081998</v>
      </c>
      <c r="J2482" t="s">
        <v>58167</v>
      </c>
    </row>
    <row r="2483" spans="1:10" x14ac:dyDescent="0.25">
      <c r="A2483" t="s">
        <v>46102</v>
      </c>
      <c r="B2483" t="s">
        <v>46103</v>
      </c>
      <c r="C2483" t="s">
        <v>46104</v>
      </c>
      <c r="D2483" t="s">
        <v>45945</v>
      </c>
      <c r="E2483" t="s">
        <v>13</v>
      </c>
      <c r="F2483">
        <v>11599</v>
      </c>
      <c r="G2483" t="s">
        <v>46105</v>
      </c>
      <c r="H2483">
        <v>5.4985873352599999</v>
      </c>
      <c r="I2483">
        <v>51.762875115623999</v>
      </c>
      <c r="J2483" t="s">
        <v>58168</v>
      </c>
    </row>
    <row r="2484" spans="1:10" x14ac:dyDescent="0.25">
      <c r="A2484" t="s">
        <v>46098</v>
      </c>
      <c r="B2484" t="s">
        <v>46099</v>
      </c>
      <c r="C2484" t="s">
        <v>46100</v>
      </c>
      <c r="D2484" t="s">
        <v>45945</v>
      </c>
      <c r="E2484" t="s">
        <v>13</v>
      </c>
      <c r="F2484">
        <v>11598</v>
      </c>
      <c r="G2484" t="s">
        <v>46101</v>
      </c>
      <c r="H2484">
        <v>5.5077105519799998</v>
      </c>
      <c r="I2484">
        <v>51.764930329617997</v>
      </c>
      <c r="J2484" t="s">
        <v>58169</v>
      </c>
    </row>
    <row r="2485" spans="1:10" x14ac:dyDescent="0.25">
      <c r="A2485" t="s">
        <v>46094</v>
      </c>
      <c r="B2485" t="s">
        <v>46095</v>
      </c>
      <c r="C2485" t="s">
        <v>46096</v>
      </c>
      <c r="D2485" t="s">
        <v>45945</v>
      </c>
      <c r="E2485" t="s">
        <v>13</v>
      </c>
      <c r="F2485">
        <v>11597</v>
      </c>
      <c r="G2485" t="s">
        <v>46097</v>
      </c>
      <c r="H2485">
        <v>5.4982587604260003</v>
      </c>
      <c r="I2485">
        <v>51.758721904060003</v>
      </c>
      <c r="J2485" t="s">
        <v>58170</v>
      </c>
    </row>
    <row r="2486" spans="1:10" x14ac:dyDescent="0.25">
      <c r="A2486" t="s">
        <v>46090</v>
      </c>
      <c r="B2486" t="s">
        <v>46091</v>
      </c>
      <c r="C2486" t="s">
        <v>46092</v>
      </c>
      <c r="D2486" t="s">
        <v>45945</v>
      </c>
      <c r="E2486" t="s">
        <v>13</v>
      </c>
      <c r="F2486">
        <v>11596</v>
      </c>
      <c r="G2486" t="s">
        <v>46093</v>
      </c>
      <c r="H2486">
        <v>5.5078068225579999</v>
      </c>
      <c r="I2486">
        <v>51.761099467386998</v>
      </c>
      <c r="J2486" t="s">
        <v>58171</v>
      </c>
    </row>
    <row r="2487" spans="1:10" x14ac:dyDescent="0.25">
      <c r="A2487" t="s">
        <v>46086</v>
      </c>
      <c r="B2487" t="s">
        <v>46087</v>
      </c>
      <c r="C2487" t="s">
        <v>46088</v>
      </c>
      <c r="D2487" t="s">
        <v>45945</v>
      </c>
      <c r="E2487" t="s">
        <v>13</v>
      </c>
      <c r="F2487">
        <v>11595</v>
      </c>
      <c r="G2487" t="s">
        <v>46089</v>
      </c>
      <c r="H2487">
        <v>5.500124325721</v>
      </c>
      <c r="I2487">
        <v>51.747199265608998</v>
      </c>
      <c r="J2487" t="s">
        <v>58172</v>
      </c>
    </row>
    <row r="2488" spans="1:10" x14ac:dyDescent="0.25">
      <c r="A2488" t="s">
        <v>46082</v>
      </c>
      <c r="B2488" t="s">
        <v>46083</v>
      </c>
      <c r="C2488" t="s">
        <v>46084</v>
      </c>
      <c r="D2488" t="s">
        <v>45945</v>
      </c>
      <c r="E2488" t="s">
        <v>13</v>
      </c>
      <c r="F2488">
        <v>11594</v>
      </c>
      <c r="G2488" t="s">
        <v>46085</v>
      </c>
      <c r="H2488">
        <v>5.5259043952160001</v>
      </c>
      <c r="I2488">
        <v>51.748842152386999</v>
      </c>
      <c r="J2488" t="s">
        <v>58173</v>
      </c>
    </row>
    <row r="2489" spans="1:10" x14ac:dyDescent="0.25">
      <c r="A2489" t="s">
        <v>46078</v>
      </c>
      <c r="B2489" t="s">
        <v>46079</v>
      </c>
      <c r="C2489" t="s">
        <v>46080</v>
      </c>
      <c r="D2489" t="s">
        <v>45945</v>
      </c>
      <c r="E2489" t="s">
        <v>13</v>
      </c>
      <c r="F2489">
        <v>11593</v>
      </c>
      <c r="G2489" t="s">
        <v>46081</v>
      </c>
      <c r="H2489">
        <v>5.5175236173029996</v>
      </c>
      <c r="I2489">
        <v>51.755818455582002</v>
      </c>
      <c r="J2489" t="s">
        <v>58174</v>
      </c>
    </row>
    <row r="2490" spans="1:10" x14ac:dyDescent="0.25">
      <c r="A2490" t="s">
        <v>46074</v>
      </c>
      <c r="B2490" t="s">
        <v>46075</v>
      </c>
      <c r="C2490" t="s">
        <v>46076</v>
      </c>
      <c r="D2490" t="s">
        <v>45945</v>
      </c>
      <c r="E2490" t="s">
        <v>13</v>
      </c>
      <c r="F2490">
        <v>11592</v>
      </c>
      <c r="G2490" t="s">
        <v>46077</v>
      </c>
      <c r="H2490">
        <v>5.5130729424430003</v>
      </c>
      <c r="I2490">
        <v>51.758633167573002</v>
      </c>
      <c r="J2490" t="s">
        <v>58175</v>
      </c>
    </row>
    <row r="2491" spans="1:10" x14ac:dyDescent="0.25">
      <c r="A2491" t="s">
        <v>46070</v>
      </c>
      <c r="B2491" t="s">
        <v>46071</v>
      </c>
      <c r="C2491" t="s">
        <v>46072</v>
      </c>
      <c r="D2491" t="s">
        <v>45945</v>
      </c>
      <c r="E2491" t="s">
        <v>13</v>
      </c>
      <c r="F2491">
        <v>11591</v>
      </c>
      <c r="G2491" t="s">
        <v>46073</v>
      </c>
      <c r="H2491">
        <v>5.5106262417099998</v>
      </c>
      <c r="I2491">
        <v>51.747755810858003</v>
      </c>
      <c r="J2491" t="s">
        <v>58176</v>
      </c>
    </row>
    <row r="2492" spans="1:10" x14ac:dyDescent="0.25">
      <c r="A2492" t="s">
        <v>46066</v>
      </c>
      <c r="B2492" t="s">
        <v>46067</v>
      </c>
      <c r="C2492" t="s">
        <v>46068</v>
      </c>
      <c r="D2492" t="s">
        <v>45945</v>
      </c>
      <c r="E2492" t="s">
        <v>13</v>
      </c>
      <c r="F2492">
        <v>11590</v>
      </c>
      <c r="G2492" t="s">
        <v>46069</v>
      </c>
      <c r="H2492">
        <v>5.5214261896529999</v>
      </c>
      <c r="I2492">
        <v>51.751961794027999</v>
      </c>
      <c r="J2492" t="s">
        <v>58177</v>
      </c>
    </row>
    <row r="2493" spans="1:10" x14ac:dyDescent="0.25">
      <c r="A2493" t="s">
        <v>46063</v>
      </c>
      <c r="B2493" t="s">
        <v>46064</v>
      </c>
      <c r="C2493" t="s">
        <v>20368</v>
      </c>
      <c r="D2493" t="s">
        <v>45945</v>
      </c>
      <c r="E2493" t="s">
        <v>13</v>
      </c>
      <c r="F2493">
        <v>11589</v>
      </c>
      <c r="G2493" t="s">
        <v>46065</v>
      </c>
      <c r="H2493">
        <v>5.5073434572649997</v>
      </c>
      <c r="I2493">
        <v>51.752086865934999</v>
      </c>
      <c r="J2493" t="s">
        <v>58178</v>
      </c>
    </row>
    <row r="2494" spans="1:10" x14ac:dyDescent="0.25">
      <c r="A2494" t="s">
        <v>46059</v>
      </c>
      <c r="B2494" t="s">
        <v>46060</v>
      </c>
      <c r="C2494" t="s">
        <v>46061</v>
      </c>
      <c r="D2494" t="s">
        <v>45945</v>
      </c>
      <c r="E2494" t="s">
        <v>13</v>
      </c>
      <c r="F2494">
        <v>11588</v>
      </c>
      <c r="G2494" t="s">
        <v>46062</v>
      </c>
      <c r="H2494">
        <v>5.4938634477940003</v>
      </c>
      <c r="I2494">
        <v>51.751787562360001</v>
      </c>
      <c r="J2494" t="s">
        <v>58179</v>
      </c>
    </row>
    <row r="2495" spans="1:10" x14ac:dyDescent="0.25">
      <c r="A2495" t="s">
        <v>46056</v>
      </c>
      <c r="B2495" t="s">
        <v>46057</v>
      </c>
      <c r="C2495" t="s">
        <v>81</v>
      </c>
      <c r="D2495" t="s">
        <v>45945</v>
      </c>
      <c r="E2495" t="s">
        <v>13</v>
      </c>
      <c r="F2495">
        <v>11587</v>
      </c>
      <c r="G2495" t="s">
        <v>46058</v>
      </c>
      <c r="H2495">
        <v>5.5037312325640002</v>
      </c>
      <c r="I2495">
        <v>51.755576651341997</v>
      </c>
      <c r="J2495" t="s">
        <v>58180</v>
      </c>
    </row>
    <row r="2496" spans="1:10" x14ac:dyDescent="0.25">
      <c r="A2496" t="s">
        <v>46053</v>
      </c>
      <c r="B2496" t="s">
        <v>46054</v>
      </c>
      <c r="C2496" t="s">
        <v>12201</v>
      </c>
      <c r="D2496" t="s">
        <v>45945</v>
      </c>
      <c r="E2496" t="s">
        <v>13</v>
      </c>
      <c r="F2496">
        <v>11586</v>
      </c>
      <c r="G2496" t="s">
        <v>46055</v>
      </c>
      <c r="H2496">
        <v>5.5571620149039997</v>
      </c>
      <c r="I2496">
        <v>51.781693007153997</v>
      </c>
      <c r="J2496" t="s">
        <v>58181</v>
      </c>
    </row>
    <row r="2497" spans="1:10" x14ac:dyDescent="0.25">
      <c r="A2497" t="s">
        <v>46049</v>
      </c>
      <c r="B2497" t="s">
        <v>46050</v>
      </c>
      <c r="C2497" t="s">
        <v>46051</v>
      </c>
      <c r="D2497" t="s">
        <v>45945</v>
      </c>
      <c r="E2497" t="s">
        <v>13</v>
      </c>
      <c r="F2497">
        <v>11585</v>
      </c>
      <c r="G2497" t="s">
        <v>46052</v>
      </c>
      <c r="H2497">
        <v>5.5605518708600004</v>
      </c>
      <c r="I2497">
        <v>51.790343969718997</v>
      </c>
      <c r="J2497" t="s">
        <v>58182</v>
      </c>
    </row>
    <row r="2498" spans="1:10" x14ac:dyDescent="0.25">
      <c r="A2498" t="s">
        <v>46045</v>
      </c>
      <c r="B2498" t="s">
        <v>46046</v>
      </c>
      <c r="C2498" t="s">
        <v>46047</v>
      </c>
      <c r="D2498" t="s">
        <v>45945</v>
      </c>
      <c r="E2498" t="s">
        <v>13</v>
      </c>
      <c r="F2498">
        <v>11584</v>
      </c>
      <c r="G2498" t="s">
        <v>46048</v>
      </c>
      <c r="H2498">
        <v>5.5551094292769996</v>
      </c>
      <c r="I2498">
        <v>51.795006022114997</v>
      </c>
      <c r="J2498" t="s">
        <v>58183</v>
      </c>
    </row>
    <row r="2499" spans="1:10" x14ac:dyDescent="0.25">
      <c r="A2499" t="s">
        <v>46041</v>
      </c>
      <c r="B2499" t="s">
        <v>46042</v>
      </c>
      <c r="C2499" t="s">
        <v>46043</v>
      </c>
      <c r="D2499" t="s">
        <v>45945</v>
      </c>
      <c r="E2499" t="s">
        <v>13</v>
      </c>
      <c r="F2499">
        <v>11583</v>
      </c>
      <c r="G2499" t="s">
        <v>46044</v>
      </c>
      <c r="H2499">
        <v>5.5453011077210004</v>
      </c>
      <c r="I2499">
        <v>51.783320477027999</v>
      </c>
      <c r="J2499" t="s">
        <v>58184</v>
      </c>
    </row>
    <row r="2500" spans="1:10" x14ac:dyDescent="0.25">
      <c r="A2500" t="s">
        <v>46037</v>
      </c>
      <c r="B2500" t="s">
        <v>46038</v>
      </c>
      <c r="C2500" t="s">
        <v>46039</v>
      </c>
      <c r="D2500" t="s">
        <v>45945</v>
      </c>
      <c r="E2500" t="s">
        <v>13</v>
      </c>
      <c r="F2500">
        <v>11582</v>
      </c>
      <c r="G2500" t="s">
        <v>46040</v>
      </c>
      <c r="H2500">
        <v>5.5236289232560001</v>
      </c>
      <c r="I2500">
        <v>51.779847418831999</v>
      </c>
      <c r="J2500" t="s">
        <v>58185</v>
      </c>
    </row>
    <row r="2501" spans="1:10" x14ac:dyDescent="0.25">
      <c r="A2501" t="s">
        <v>46034</v>
      </c>
      <c r="B2501" t="s">
        <v>46035</v>
      </c>
      <c r="C2501" t="s">
        <v>18510</v>
      </c>
      <c r="D2501" t="s">
        <v>45945</v>
      </c>
      <c r="E2501" t="s">
        <v>13</v>
      </c>
      <c r="F2501">
        <v>11581</v>
      </c>
      <c r="G2501" t="s">
        <v>46036</v>
      </c>
      <c r="H2501">
        <v>5.5117349582269997</v>
      </c>
      <c r="I2501">
        <v>51.781006128889999</v>
      </c>
      <c r="J2501" t="s">
        <v>58186</v>
      </c>
    </row>
    <row r="2502" spans="1:10" x14ac:dyDescent="0.25">
      <c r="A2502" t="s">
        <v>46030</v>
      </c>
      <c r="B2502" t="s">
        <v>46031</v>
      </c>
      <c r="C2502" t="s">
        <v>46032</v>
      </c>
      <c r="D2502" t="s">
        <v>45945</v>
      </c>
      <c r="E2502" t="s">
        <v>13</v>
      </c>
      <c r="F2502">
        <v>11580</v>
      </c>
      <c r="G2502" t="s">
        <v>46033</v>
      </c>
      <c r="H2502">
        <v>5.5151587348140003</v>
      </c>
      <c r="I2502">
        <v>51.776650996321003</v>
      </c>
      <c r="J2502" t="s">
        <v>58187</v>
      </c>
    </row>
    <row r="2503" spans="1:10" x14ac:dyDescent="0.25">
      <c r="A2503" t="s">
        <v>46026</v>
      </c>
      <c r="B2503" t="s">
        <v>46027</v>
      </c>
      <c r="C2503" t="s">
        <v>46028</v>
      </c>
      <c r="D2503" t="s">
        <v>45945</v>
      </c>
      <c r="E2503" t="s">
        <v>13</v>
      </c>
      <c r="F2503">
        <v>11579</v>
      </c>
      <c r="G2503" t="s">
        <v>46029</v>
      </c>
      <c r="H2503">
        <v>5.512999192343</v>
      </c>
      <c r="I2503">
        <v>51.771502462495</v>
      </c>
      <c r="J2503" t="s">
        <v>58188</v>
      </c>
    </row>
    <row r="2504" spans="1:10" x14ac:dyDescent="0.25">
      <c r="A2504" t="s">
        <v>46022</v>
      </c>
      <c r="B2504" t="s">
        <v>46023</v>
      </c>
      <c r="C2504" t="s">
        <v>46024</v>
      </c>
      <c r="D2504" t="s">
        <v>45945</v>
      </c>
      <c r="E2504" t="s">
        <v>13</v>
      </c>
      <c r="F2504">
        <v>11578</v>
      </c>
      <c r="G2504" t="s">
        <v>46025</v>
      </c>
      <c r="H2504">
        <v>5.5221045115390002</v>
      </c>
      <c r="I2504">
        <v>51.773689294356998</v>
      </c>
      <c r="J2504" t="s">
        <v>58189</v>
      </c>
    </row>
    <row r="2505" spans="1:10" x14ac:dyDescent="0.25">
      <c r="A2505" t="s">
        <v>46018</v>
      </c>
      <c r="B2505" t="s">
        <v>46019</v>
      </c>
      <c r="C2505" t="s">
        <v>46020</v>
      </c>
      <c r="D2505" t="s">
        <v>45945</v>
      </c>
      <c r="E2505" t="s">
        <v>13</v>
      </c>
      <c r="F2505">
        <v>11577</v>
      </c>
      <c r="G2505" t="s">
        <v>46021</v>
      </c>
      <c r="H2505">
        <v>5.5380138376349999</v>
      </c>
      <c r="I2505">
        <v>51.749631594835002</v>
      </c>
      <c r="J2505" t="s">
        <v>58190</v>
      </c>
    </row>
    <row r="2506" spans="1:10" x14ac:dyDescent="0.25">
      <c r="A2506" t="s">
        <v>46014</v>
      </c>
      <c r="B2506" t="s">
        <v>46015</v>
      </c>
      <c r="C2506" t="s">
        <v>46016</v>
      </c>
      <c r="D2506" t="s">
        <v>45945</v>
      </c>
      <c r="E2506" t="s">
        <v>13</v>
      </c>
      <c r="F2506">
        <v>11576</v>
      </c>
      <c r="G2506" t="s">
        <v>46017</v>
      </c>
      <c r="H2506">
        <v>5.5435220752500003</v>
      </c>
      <c r="I2506">
        <v>51.750841915014</v>
      </c>
      <c r="J2506" t="s">
        <v>58191</v>
      </c>
    </row>
    <row r="2507" spans="1:10" x14ac:dyDescent="0.25">
      <c r="A2507" t="s">
        <v>46010</v>
      </c>
      <c r="B2507" t="s">
        <v>46011</v>
      </c>
      <c r="C2507" t="s">
        <v>46012</v>
      </c>
      <c r="D2507" t="s">
        <v>45945</v>
      </c>
      <c r="E2507" t="s">
        <v>13</v>
      </c>
      <c r="F2507">
        <v>11575</v>
      </c>
      <c r="G2507" t="s">
        <v>46013</v>
      </c>
      <c r="H2507">
        <v>5.5366311447890002</v>
      </c>
      <c r="I2507">
        <v>51.753979004565998</v>
      </c>
      <c r="J2507" t="s">
        <v>58192</v>
      </c>
    </row>
    <row r="2508" spans="1:10" x14ac:dyDescent="0.25">
      <c r="A2508" t="s">
        <v>46007</v>
      </c>
      <c r="B2508" t="s">
        <v>46008</v>
      </c>
      <c r="C2508" t="s">
        <v>6548</v>
      </c>
      <c r="D2508" t="s">
        <v>45945</v>
      </c>
      <c r="E2508" t="s">
        <v>13</v>
      </c>
      <c r="F2508">
        <v>11574</v>
      </c>
      <c r="G2508" t="s">
        <v>46009</v>
      </c>
      <c r="H2508">
        <v>5.5417331065450002</v>
      </c>
      <c r="I2508">
        <v>51.755103783761001</v>
      </c>
      <c r="J2508" t="s">
        <v>58193</v>
      </c>
    </row>
    <row r="2509" spans="1:10" x14ac:dyDescent="0.25">
      <c r="A2509" t="s">
        <v>46003</v>
      </c>
      <c r="B2509" t="s">
        <v>46004</v>
      </c>
      <c r="C2509" t="s">
        <v>46005</v>
      </c>
      <c r="D2509" t="s">
        <v>45945</v>
      </c>
      <c r="E2509" t="s">
        <v>13</v>
      </c>
      <c r="F2509">
        <v>11573</v>
      </c>
      <c r="G2509" t="s">
        <v>46006</v>
      </c>
      <c r="H2509">
        <v>5.5418029792630001</v>
      </c>
      <c r="I2509">
        <v>51.758194787914</v>
      </c>
      <c r="J2509" t="s">
        <v>58194</v>
      </c>
    </row>
    <row r="2510" spans="1:10" x14ac:dyDescent="0.25">
      <c r="A2510" t="s">
        <v>45999</v>
      </c>
      <c r="B2510" t="s">
        <v>46000</v>
      </c>
      <c r="C2510" t="s">
        <v>46001</v>
      </c>
      <c r="D2510" t="s">
        <v>45945</v>
      </c>
      <c r="E2510" t="s">
        <v>13</v>
      </c>
      <c r="F2510">
        <v>11572</v>
      </c>
      <c r="G2510" t="s">
        <v>46002</v>
      </c>
      <c r="H2510">
        <v>5.5367957441510001</v>
      </c>
      <c r="I2510">
        <v>51.759772158289003</v>
      </c>
      <c r="J2510" t="s">
        <v>58195</v>
      </c>
    </row>
    <row r="2511" spans="1:10" x14ac:dyDescent="0.25">
      <c r="A2511" t="s">
        <v>45995</v>
      </c>
      <c r="B2511" t="s">
        <v>45996</v>
      </c>
      <c r="C2511" t="s">
        <v>45997</v>
      </c>
      <c r="D2511" t="s">
        <v>45945</v>
      </c>
      <c r="E2511" t="s">
        <v>13</v>
      </c>
      <c r="F2511">
        <v>11571</v>
      </c>
      <c r="G2511" t="s">
        <v>45998</v>
      </c>
      <c r="H2511">
        <v>5.5310914115129997</v>
      </c>
      <c r="I2511">
        <v>51.755947061819001</v>
      </c>
      <c r="J2511" t="s">
        <v>58196</v>
      </c>
    </row>
    <row r="2512" spans="1:10" x14ac:dyDescent="0.25">
      <c r="A2512" t="s">
        <v>45991</v>
      </c>
      <c r="B2512" t="s">
        <v>45992</v>
      </c>
      <c r="C2512" t="s">
        <v>45993</v>
      </c>
      <c r="D2512" t="s">
        <v>45945</v>
      </c>
      <c r="E2512" t="s">
        <v>13</v>
      </c>
      <c r="F2512">
        <v>11570</v>
      </c>
      <c r="G2512" t="s">
        <v>45994</v>
      </c>
      <c r="H2512">
        <v>5.5242211649530004</v>
      </c>
      <c r="I2512">
        <v>51.760426665880999</v>
      </c>
      <c r="J2512" t="s">
        <v>58197</v>
      </c>
    </row>
    <row r="2513" spans="1:10" x14ac:dyDescent="0.25">
      <c r="A2513" t="s">
        <v>45987</v>
      </c>
      <c r="B2513" t="s">
        <v>45988</v>
      </c>
      <c r="C2513" t="s">
        <v>45989</v>
      </c>
      <c r="D2513" t="s">
        <v>45945</v>
      </c>
      <c r="E2513" t="s">
        <v>13</v>
      </c>
      <c r="F2513">
        <v>11569</v>
      </c>
      <c r="G2513" t="s">
        <v>45990</v>
      </c>
      <c r="H2513">
        <v>5.5585954757199998</v>
      </c>
      <c r="I2513">
        <v>51.759789294824998</v>
      </c>
      <c r="J2513" t="s">
        <v>58198</v>
      </c>
    </row>
    <row r="2514" spans="1:10" x14ac:dyDescent="0.25">
      <c r="A2514" t="s">
        <v>45983</v>
      </c>
      <c r="B2514" t="s">
        <v>45984</v>
      </c>
      <c r="C2514" t="s">
        <v>45985</v>
      </c>
      <c r="D2514" t="s">
        <v>45945</v>
      </c>
      <c r="E2514" t="s">
        <v>13</v>
      </c>
      <c r="F2514">
        <v>11568</v>
      </c>
      <c r="G2514" t="s">
        <v>45986</v>
      </c>
      <c r="H2514">
        <v>5.5495614728440001</v>
      </c>
      <c r="I2514">
        <v>51.760146017933003</v>
      </c>
      <c r="J2514" t="s">
        <v>58199</v>
      </c>
    </row>
    <row r="2515" spans="1:10" x14ac:dyDescent="0.25">
      <c r="A2515" t="s">
        <v>45980</v>
      </c>
      <c r="B2515" t="s">
        <v>45981</v>
      </c>
      <c r="C2515" t="s">
        <v>33558</v>
      </c>
      <c r="D2515" t="s">
        <v>45945</v>
      </c>
      <c r="E2515" t="s">
        <v>13</v>
      </c>
      <c r="F2515">
        <v>11567</v>
      </c>
      <c r="G2515" t="s">
        <v>45982</v>
      </c>
      <c r="H2515">
        <v>5.5380460549119999</v>
      </c>
      <c r="I2515">
        <v>51.763201232305001</v>
      </c>
      <c r="J2515" t="s">
        <v>58200</v>
      </c>
    </row>
    <row r="2516" spans="1:10" x14ac:dyDescent="0.25">
      <c r="A2516" t="s">
        <v>45976</v>
      </c>
      <c r="B2516" t="s">
        <v>45977</v>
      </c>
      <c r="C2516" t="s">
        <v>45978</v>
      </c>
      <c r="D2516" t="s">
        <v>45945</v>
      </c>
      <c r="E2516" t="s">
        <v>13</v>
      </c>
      <c r="F2516">
        <v>11566</v>
      </c>
      <c r="G2516" t="s">
        <v>45979</v>
      </c>
      <c r="H2516">
        <v>5.5336826619390003</v>
      </c>
      <c r="I2516">
        <v>51.77653679606</v>
      </c>
      <c r="J2516" t="s">
        <v>58201</v>
      </c>
    </row>
    <row r="2517" spans="1:10" x14ac:dyDescent="0.25">
      <c r="A2517" t="s">
        <v>45972</v>
      </c>
      <c r="B2517" t="s">
        <v>45973</v>
      </c>
      <c r="C2517" t="s">
        <v>45974</v>
      </c>
      <c r="D2517" t="s">
        <v>45945</v>
      </c>
      <c r="E2517" t="s">
        <v>13</v>
      </c>
      <c r="F2517">
        <v>11565</v>
      </c>
      <c r="G2517" t="s">
        <v>45975</v>
      </c>
      <c r="H2517">
        <v>5.5495473391269998</v>
      </c>
      <c r="I2517">
        <v>51.771686756093999</v>
      </c>
      <c r="J2517" t="s">
        <v>58202</v>
      </c>
    </row>
    <row r="2518" spans="1:10" x14ac:dyDescent="0.25">
      <c r="A2518" t="s">
        <v>45968</v>
      </c>
      <c r="B2518" t="s">
        <v>45969</v>
      </c>
      <c r="C2518" t="s">
        <v>45970</v>
      </c>
      <c r="D2518" t="s">
        <v>45945</v>
      </c>
      <c r="E2518" t="s">
        <v>13</v>
      </c>
      <c r="F2518">
        <v>11564</v>
      </c>
      <c r="G2518" t="s">
        <v>45971</v>
      </c>
      <c r="H2518">
        <v>5.5491322861330001</v>
      </c>
      <c r="I2518">
        <v>51.768093443952999</v>
      </c>
      <c r="J2518" t="s">
        <v>58203</v>
      </c>
    </row>
    <row r="2519" spans="1:10" x14ac:dyDescent="0.25">
      <c r="A2519" t="s">
        <v>45965</v>
      </c>
      <c r="B2519" t="s">
        <v>45966</v>
      </c>
      <c r="C2519" t="s">
        <v>37</v>
      </c>
      <c r="D2519" t="s">
        <v>45945</v>
      </c>
      <c r="E2519" t="s">
        <v>13</v>
      </c>
      <c r="F2519">
        <v>11563</v>
      </c>
      <c r="G2519" t="s">
        <v>45967</v>
      </c>
      <c r="H2519">
        <v>5.541862580359</v>
      </c>
      <c r="I2519">
        <v>51.768175518835001</v>
      </c>
      <c r="J2519" t="s">
        <v>58204</v>
      </c>
    </row>
    <row r="2520" spans="1:10" x14ac:dyDescent="0.25">
      <c r="A2520" t="s">
        <v>45961</v>
      </c>
      <c r="B2520" t="s">
        <v>45962</v>
      </c>
      <c r="C2520" t="s">
        <v>45963</v>
      </c>
      <c r="D2520" t="s">
        <v>45945</v>
      </c>
      <c r="E2520" t="s">
        <v>13</v>
      </c>
      <c r="F2520">
        <v>11562</v>
      </c>
      <c r="G2520" t="s">
        <v>45964</v>
      </c>
      <c r="H2520">
        <v>5.5413316781540001</v>
      </c>
      <c r="I2520">
        <v>51.772171861381999</v>
      </c>
      <c r="J2520" t="s">
        <v>58205</v>
      </c>
    </row>
    <row r="2521" spans="1:10" x14ac:dyDescent="0.25">
      <c r="A2521" t="s">
        <v>45957</v>
      </c>
      <c r="B2521" t="s">
        <v>45958</v>
      </c>
      <c r="C2521" t="s">
        <v>45959</v>
      </c>
      <c r="D2521" t="s">
        <v>45945</v>
      </c>
      <c r="E2521" t="s">
        <v>13</v>
      </c>
      <c r="F2521">
        <v>11561</v>
      </c>
      <c r="G2521" t="s">
        <v>45960</v>
      </c>
      <c r="H2521">
        <v>5.5328700689429997</v>
      </c>
      <c r="I2521">
        <v>51.767719578531</v>
      </c>
      <c r="J2521" t="s">
        <v>58206</v>
      </c>
    </row>
    <row r="2522" spans="1:10" x14ac:dyDescent="0.25">
      <c r="A2522" t="s">
        <v>45953</v>
      </c>
      <c r="B2522" t="s">
        <v>45954</v>
      </c>
      <c r="C2522" t="s">
        <v>45955</v>
      </c>
      <c r="D2522" t="s">
        <v>45945</v>
      </c>
      <c r="E2522" t="s">
        <v>13</v>
      </c>
      <c r="F2522">
        <v>11560</v>
      </c>
      <c r="G2522" t="s">
        <v>45956</v>
      </c>
      <c r="H2522">
        <v>5.5319742420619997</v>
      </c>
      <c r="I2522">
        <v>51.772024917406</v>
      </c>
      <c r="J2522" t="s">
        <v>58207</v>
      </c>
    </row>
    <row r="2523" spans="1:10" x14ac:dyDescent="0.25">
      <c r="A2523" t="s">
        <v>45950</v>
      </c>
      <c r="B2523" t="s">
        <v>45951</v>
      </c>
      <c r="C2523" t="s">
        <v>17033</v>
      </c>
      <c r="D2523" t="s">
        <v>45945</v>
      </c>
      <c r="E2523" t="s">
        <v>13</v>
      </c>
      <c r="F2523">
        <v>11559</v>
      </c>
      <c r="G2523" t="s">
        <v>45952</v>
      </c>
      <c r="H2523">
        <v>5.5245378651920003</v>
      </c>
      <c r="I2523">
        <v>51.765878845456001</v>
      </c>
      <c r="J2523" t="s">
        <v>58208</v>
      </c>
    </row>
    <row r="2524" spans="1:10" x14ac:dyDescent="0.25">
      <c r="A2524" t="s">
        <v>45947</v>
      </c>
      <c r="B2524" t="s">
        <v>45948</v>
      </c>
      <c r="C2524" t="s">
        <v>17028</v>
      </c>
      <c r="D2524" t="s">
        <v>45945</v>
      </c>
      <c r="E2524" t="s">
        <v>13</v>
      </c>
      <c r="F2524">
        <v>11558</v>
      </c>
      <c r="G2524" t="s">
        <v>45949</v>
      </c>
      <c r="H2524">
        <v>5.5249395529559999</v>
      </c>
      <c r="I2524">
        <v>51.771123169775002</v>
      </c>
      <c r="J2524" t="s">
        <v>58209</v>
      </c>
    </row>
    <row r="2525" spans="1:10" x14ac:dyDescent="0.25">
      <c r="A2525" t="s">
        <v>45943</v>
      </c>
      <c r="B2525" t="s">
        <v>45944</v>
      </c>
      <c r="C2525" t="s">
        <v>21487</v>
      </c>
      <c r="D2525" t="s">
        <v>45945</v>
      </c>
      <c r="E2525" t="s">
        <v>13</v>
      </c>
      <c r="F2525">
        <v>11557</v>
      </c>
      <c r="G2525" t="s">
        <v>45946</v>
      </c>
      <c r="H2525">
        <v>5.5175790248699998</v>
      </c>
      <c r="I2525">
        <v>51.766844620047003</v>
      </c>
      <c r="J2525" t="s">
        <v>58210</v>
      </c>
    </row>
    <row r="2526" spans="1:10" x14ac:dyDescent="0.25">
      <c r="A2526" t="s">
        <v>45939</v>
      </c>
      <c r="B2526" t="s">
        <v>45940</v>
      </c>
      <c r="C2526" t="s">
        <v>45941</v>
      </c>
      <c r="D2526" t="s">
        <v>45762</v>
      </c>
      <c r="E2526" t="s">
        <v>13</v>
      </c>
      <c r="F2526">
        <v>11556</v>
      </c>
      <c r="G2526" t="s">
        <v>45942</v>
      </c>
      <c r="H2526">
        <v>4.686675173657</v>
      </c>
      <c r="I2526">
        <v>51.560594694357</v>
      </c>
      <c r="J2526" t="s">
        <v>58211</v>
      </c>
    </row>
    <row r="2527" spans="1:10" x14ac:dyDescent="0.25">
      <c r="A2527" t="s">
        <v>45935</v>
      </c>
      <c r="B2527" t="s">
        <v>45936</v>
      </c>
      <c r="C2527" t="s">
        <v>45937</v>
      </c>
      <c r="D2527" t="s">
        <v>45762</v>
      </c>
      <c r="E2527" t="s">
        <v>13</v>
      </c>
      <c r="F2527">
        <v>11555</v>
      </c>
      <c r="G2527" t="s">
        <v>45938</v>
      </c>
      <c r="H2527">
        <v>4.6717429237859998</v>
      </c>
      <c r="I2527">
        <v>51.557533901376999</v>
      </c>
      <c r="J2527" t="s">
        <v>58212</v>
      </c>
    </row>
    <row r="2528" spans="1:10" x14ac:dyDescent="0.25">
      <c r="A2528" t="s">
        <v>45931</v>
      </c>
      <c r="B2528" t="s">
        <v>45932</v>
      </c>
      <c r="C2528" t="s">
        <v>45933</v>
      </c>
      <c r="D2528" t="s">
        <v>45762</v>
      </c>
      <c r="E2528" t="s">
        <v>13</v>
      </c>
      <c r="F2528">
        <v>11554</v>
      </c>
      <c r="G2528" t="s">
        <v>45934</v>
      </c>
      <c r="H2528">
        <v>4.6614245040249997</v>
      </c>
      <c r="I2528">
        <v>51.543381286924003</v>
      </c>
      <c r="J2528" t="s">
        <v>58213</v>
      </c>
    </row>
    <row r="2529" spans="1:10" x14ac:dyDescent="0.25">
      <c r="A2529" t="s">
        <v>45927</v>
      </c>
      <c r="B2529" t="s">
        <v>45928</v>
      </c>
      <c r="C2529" t="s">
        <v>45929</v>
      </c>
      <c r="D2529" t="s">
        <v>45762</v>
      </c>
      <c r="E2529" t="s">
        <v>13</v>
      </c>
      <c r="F2529">
        <v>11553</v>
      </c>
      <c r="G2529" t="s">
        <v>45930</v>
      </c>
      <c r="H2529">
        <v>4.643548721348</v>
      </c>
      <c r="I2529">
        <v>51.537397541396999</v>
      </c>
      <c r="J2529" t="s">
        <v>58214</v>
      </c>
    </row>
    <row r="2530" spans="1:10" x14ac:dyDescent="0.25">
      <c r="A2530" t="s">
        <v>45923</v>
      </c>
      <c r="B2530" t="s">
        <v>45924</v>
      </c>
      <c r="C2530" t="s">
        <v>45925</v>
      </c>
      <c r="D2530" t="s">
        <v>45762</v>
      </c>
      <c r="E2530" t="s">
        <v>13</v>
      </c>
      <c r="F2530">
        <v>11552</v>
      </c>
      <c r="G2530" t="s">
        <v>45926</v>
      </c>
      <c r="H2530">
        <v>4.6624936069089999</v>
      </c>
      <c r="I2530">
        <v>51.570617511744999</v>
      </c>
      <c r="J2530" t="s">
        <v>58215</v>
      </c>
    </row>
    <row r="2531" spans="1:10" x14ac:dyDescent="0.25">
      <c r="A2531" t="s">
        <v>45919</v>
      </c>
      <c r="B2531" t="s">
        <v>45920</v>
      </c>
      <c r="C2531" t="s">
        <v>45921</v>
      </c>
      <c r="D2531" t="s">
        <v>45762</v>
      </c>
      <c r="E2531" t="s">
        <v>13</v>
      </c>
      <c r="F2531">
        <v>11551</v>
      </c>
      <c r="G2531" t="s">
        <v>45922</v>
      </c>
      <c r="H2531">
        <v>4.6157620606860004</v>
      </c>
      <c r="I2531">
        <v>51.559368605831999</v>
      </c>
      <c r="J2531" t="s">
        <v>58216</v>
      </c>
    </row>
    <row r="2532" spans="1:10" x14ac:dyDescent="0.25">
      <c r="A2532" t="s">
        <v>45916</v>
      </c>
      <c r="B2532" t="s">
        <v>45917</v>
      </c>
      <c r="C2532" t="s">
        <v>29457</v>
      </c>
      <c r="D2532" t="s">
        <v>45762</v>
      </c>
      <c r="E2532" t="s">
        <v>13</v>
      </c>
      <c r="F2532">
        <v>11550</v>
      </c>
      <c r="G2532" t="s">
        <v>45918</v>
      </c>
      <c r="H2532">
        <v>4.640198233514</v>
      </c>
      <c r="I2532">
        <v>51.557079352852</v>
      </c>
      <c r="J2532" t="s">
        <v>58217</v>
      </c>
    </row>
    <row r="2533" spans="1:10" x14ac:dyDescent="0.25">
      <c r="A2533" t="s">
        <v>45912</v>
      </c>
      <c r="B2533" t="s">
        <v>45913</v>
      </c>
      <c r="C2533" t="s">
        <v>45914</v>
      </c>
      <c r="D2533" t="s">
        <v>45762</v>
      </c>
      <c r="E2533" t="s">
        <v>13</v>
      </c>
      <c r="F2533">
        <v>11549</v>
      </c>
      <c r="G2533" t="s">
        <v>45915</v>
      </c>
      <c r="H2533">
        <v>4.6394064268379998</v>
      </c>
      <c r="I2533">
        <v>51.568123909720001</v>
      </c>
      <c r="J2533" t="s">
        <v>58218</v>
      </c>
    </row>
    <row r="2534" spans="1:10" x14ac:dyDescent="0.25">
      <c r="A2534" t="s">
        <v>45908</v>
      </c>
      <c r="B2534" t="s">
        <v>45909</v>
      </c>
      <c r="C2534" t="s">
        <v>45910</v>
      </c>
      <c r="D2534" t="s">
        <v>45762</v>
      </c>
      <c r="E2534" t="s">
        <v>13</v>
      </c>
      <c r="F2534">
        <v>11548</v>
      </c>
      <c r="G2534" t="s">
        <v>45911</v>
      </c>
      <c r="H2534">
        <v>4.655854452192</v>
      </c>
      <c r="I2534">
        <v>51.566966794879001</v>
      </c>
      <c r="J2534" t="s">
        <v>58219</v>
      </c>
    </row>
    <row r="2535" spans="1:10" x14ac:dyDescent="0.25">
      <c r="A2535" t="s">
        <v>45904</v>
      </c>
      <c r="B2535" t="s">
        <v>45905</v>
      </c>
      <c r="C2535" t="s">
        <v>45906</v>
      </c>
      <c r="D2535" t="s">
        <v>45762</v>
      </c>
      <c r="E2535" t="s">
        <v>13</v>
      </c>
      <c r="F2535">
        <v>11547</v>
      </c>
      <c r="G2535" t="s">
        <v>45907</v>
      </c>
      <c r="H2535">
        <v>4.6405057908589997</v>
      </c>
      <c r="I2535">
        <v>51.561716557334002</v>
      </c>
      <c r="J2535" t="s">
        <v>58220</v>
      </c>
    </row>
    <row r="2536" spans="1:10" x14ac:dyDescent="0.25">
      <c r="A2536" t="s">
        <v>45900</v>
      </c>
      <c r="B2536" t="s">
        <v>45901</v>
      </c>
      <c r="C2536" t="s">
        <v>45902</v>
      </c>
      <c r="D2536" t="s">
        <v>45762</v>
      </c>
      <c r="E2536" t="s">
        <v>13</v>
      </c>
      <c r="F2536">
        <v>11546</v>
      </c>
      <c r="G2536" t="s">
        <v>45903</v>
      </c>
      <c r="H2536">
        <v>4.6332976363949996</v>
      </c>
      <c r="I2536">
        <v>51.558202015805001</v>
      </c>
      <c r="J2536" t="s">
        <v>58221</v>
      </c>
    </row>
    <row r="2537" spans="1:10" x14ac:dyDescent="0.25">
      <c r="A2537" t="s">
        <v>45896</v>
      </c>
      <c r="B2537" t="s">
        <v>45897</v>
      </c>
      <c r="C2537" t="s">
        <v>45898</v>
      </c>
      <c r="D2537" t="s">
        <v>45762</v>
      </c>
      <c r="E2537" t="s">
        <v>13</v>
      </c>
      <c r="F2537">
        <v>11545</v>
      </c>
      <c r="G2537" t="s">
        <v>45899</v>
      </c>
      <c r="H2537">
        <v>4.6323264580280004</v>
      </c>
      <c r="I2537">
        <v>51.562578886144998</v>
      </c>
      <c r="J2537" t="s">
        <v>58222</v>
      </c>
    </row>
    <row r="2538" spans="1:10" x14ac:dyDescent="0.25">
      <c r="A2538" t="s">
        <v>45892</v>
      </c>
      <c r="B2538" t="s">
        <v>45893</v>
      </c>
      <c r="C2538" t="s">
        <v>45894</v>
      </c>
      <c r="D2538" t="s">
        <v>45762</v>
      </c>
      <c r="E2538" t="s">
        <v>13</v>
      </c>
      <c r="F2538">
        <v>11544</v>
      </c>
      <c r="G2538" t="s">
        <v>45895</v>
      </c>
      <c r="H2538">
        <v>4.6283269086010002</v>
      </c>
      <c r="I2538">
        <v>51.566139403186</v>
      </c>
      <c r="J2538" t="s">
        <v>58223</v>
      </c>
    </row>
    <row r="2539" spans="1:10" x14ac:dyDescent="0.25">
      <c r="A2539" t="s">
        <v>45888</v>
      </c>
      <c r="B2539" t="s">
        <v>45889</v>
      </c>
      <c r="C2539" t="s">
        <v>45890</v>
      </c>
      <c r="D2539" t="s">
        <v>45762</v>
      </c>
      <c r="E2539" t="s">
        <v>13</v>
      </c>
      <c r="F2539">
        <v>11543</v>
      </c>
      <c r="G2539" t="s">
        <v>45891</v>
      </c>
      <c r="H2539">
        <v>4.633329564836</v>
      </c>
      <c r="I2539">
        <v>51.566492545240997</v>
      </c>
      <c r="J2539" t="s">
        <v>58224</v>
      </c>
    </row>
    <row r="2540" spans="1:10" x14ac:dyDescent="0.25">
      <c r="A2540" t="s">
        <v>45884</v>
      </c>
      <c r="B2540" t="s">
        <v>45885</v>
      </c>
      <c r="C2540" t="s">
        <v>45886</v>
      </c>
      <c r="D2540" t="s">
        <v>45762</v>
      </c>
      <c r="E2540" t="s">
        <v>13</v>
      </c>
      <c r="F2540">
        <v>11542</v>
      </c>
      <c r="G2540" t="s">
        <v>45887</v>
      </c>
      <c r="H2540">
        <v>4.649727707067</v>
      </c>
      <c r="I2540">
        <v>51.560098709851999</v>
      </c>
      <c r="J2540" t="s">
        <v>58225</v>
      </c>
    </row>
    <row r="2541" spans="1:10" x14ac:dyDescent="0.25">
      <c r="A2541" t="s">
        <v>45880</v>
      </c>
      <c r="B2541" t="s">
        <v>45881</v>
      </c>
      <c r="C2541" t="s">
        <v>45882</v>
      </c>
      <c r="D2541" t="s">
        <v>45762</v>
      </c>
      <c r="E2541" t="s">
        <v>13</v>
      </c>
      <c r="F2541">
        <v>11541</v>
      </c>
      <c r="G2541" t="s">
        <v>45883</v>
      </c>
      <c r="H2541">
        <v>4.6486623872540003</v>
      </c>
      <c r="I2541">
        <v>51.564548725877003</v>
      </c>
      <c r="J2541" t="s">
        <v>58226</v>
      </c>
    </row>
    <row r="2542" spans="1:10" x14ac:dyDescent="0.25">
      <c r="A2542" t="s">
        <v>45876</v>
      </c>
      <c r="B2542" t="s">
        <v>45877</v>
      </c>
      <c r="C2542" t="s">
        <v>45878</v>
      </c>
      <c r="D2542" t="s">
        <v>45762</v>
      </c>
      <c r="E2542" t="s">
        <v>13</v>
      </c>
      <c r="F2542">
        <v>11540</v>
      </c>
      <c r="G2542" t="s">
        <v>45879</v>
      </c>
      <c r="H2542">
        <v>4.6459291942609999</v>
      </c>
      <c r="I2542">
        <v>51.567577716934998</v>
      </c>
      <c r="J2542" t="s">
        <v>58227</v>
      </c>
    </row>
    <row r="2543" spans="1:10" x14ac:dyDescent="0.25">
      <c r="A2543" t="s">
        <v>45872</v>
      </c>
      <c r="B2543" t="s">
        <v>45873</v>
      </c>
      <c r="C2543" t="s">
        <v>45874</v>
      </c>
      <c r="D2543" t="s">
        <v>45762</v>
      </c>
      <c r="E2543" t="s">
        <v>13</v>
      </c>
      <c r="F2543">
        <v>11539</v>
      </c>
      <c r="G2543" t="s">
        <v>45875</v>
      </c>
      <c r="H2543">
        <v>4.6406317230059999</v>
      </c>
      <c r="I2543">
        <v>51.565659354236999</v>
      </c>
      <c r="J2543" t="s">
        <v>58228</v>
      </c>
    </row>
    <row r="2544" spans="1:10" x14ac:dyDescent="0.25">
      <c r="A2544" t="s">
        <v>45868</v>
      </c>
      <c r="B2544" t="s">
        <v>45869</v>
      </c>
      <c r="C2544" t="s">
        <v>45870</v>
      </c>
      <c r="D2544" t="s">
        <v>45762</v>
      </c>
      <c r="E2544" t="s">
        <v>13</v>
      </c>
      <c r="F2544">
        <v>11538</v>
      </c>
      <c r="G2544" t="s">
        <v>45871</v>
      </c>
      <c r="H2544">
        <v>4.6559865947299999</v>
      </c>
      <c r="I2544">
        <v>51.611977049601002</v>
      </c>
      <c r="J2544" t="s">
        <v>58229</v>
      </c>
    </row>
    <row r="2545" spans="1:10" x14ac:dyDescent="0.25">
      <c r="A2545" t="s">
        <v>45864</v>
      </c>
      <c r="B2545" t="s">
        <v>45865</v>
      </c>
      <c r="C2545" t="s">
        <v>45866</v>
      </c>
      <c r="D2545" t="s">
        <v>45762</v>
      </c>
      <c r="E2545" t="s">
        <v>13</v>
      </c>
      <c r="F2545">
        <v>11537</v>
      </c>
      <c r="G2545" t="s">
        <v>45867</v>
      </c>
      <c r="H2545">
        <v>4.6405353836219998</v>
      </c>
      <c r="I2545">
        <v>51.601702254064001</v>
      </c>
      <c r="J2545" t="s">
        <v>58230</v>
      </c>
    </row>
    <row r="2546" spans="1:10" x14ac:dyDescent="0.25">
      <c r="A2546" t="s">
        <v>45860</v>
      </c>
      <c r="B2546" t="s">
        <v>45861</v>
      </c>
      <c r="C2546" t="s">
        <v>45862</v>
      </c>
      <c r="D2546" t="s">
        <v>45762</v>
      </c>
      <c r="E2546" t="s">
        <v>13</v>
      </c>
      <c r="F2546">
        <v>11536</v>
      </c>
      <c r="G2546" t="s">
        <v>45863</v>
      </c>
      <c r="H2546">
        <v>4.6159799075369996</v>
      </c>
      <c r="I2546">
        <v>51.604130028904002</v>
      </c>
      <c r="J2546" t="s">
        <v>58231</v>
      </c>
    </row>
    <row r="2547" spans="1:10" x14ac:dyDescent="0.25">
      <c r="A2547" t="s">
        <v>45856</v>
      </c>
      <c r="B2547" t="s">
        <v>45857</v>
      </c>
      <c r="C2547" t="s">
        <v>45858</v>
      </c>
      <c r="D2547" t="s">
        <v>45762</v>
      </c>
      <c r="E2547" t="s">
        <v>13</v>
      </c>
      <c r="F2547">
        <v>11535</v>
      </c>
      <c r="G2547" t="s">
        <v>45859</v>
      </c>
      <c r="H2547">
        <v>4.6108826222820003</v>
      </c>
      <c r="I2547">
        <v>51.578551276405001</v>
      </c>
      <c r="J2547" t="s">
        <v>58232</v>
      </c>
    </row>
    <row r="2548" spans="1:10" x14ac:dyDescent="0.25">
      <c r="A2548" t="s">
        <v>45852</v>
      </c>
      <c r="B2548" t="s">
        <v>45853</v>
      </c>
      <c r="C2548" t="s">
        <v>45854</v>
      </c>
      <c r="D2548" t="s">
        <v>45762</v>
      </c>
      <c r="E2548" t="s">
        <v>13</v>
      </c>
      <c r="F2548">
        <v>11534</v>
      </c>
      <c r="G2548" t="s">
        <v>45855</v>
      </c>
      <c r="H2548">
        <v>4.613375386675</v>
      </c>
      <c r="I2548">
        <v>51.572574930403</v>
      </c>
      <c r="J2548" t="s">
        <v>58233</v>
      </c>
    </row>
    <row r="2549" spans="1:10" x14ac:dyDescent="0.25">
      <c r="A2549" t="s">
        <v>45848</v>
      </c>
      <c r="B2549" t="s">
        <v>45849</v>
      </c>
      <c r="C2549" t="s">
        <v>45850</v>
      </c>
      <c r="D2549" t="s">
        <v>45762</v>
      </c>
      <c r="E2549" t="s">
        <v>13</v>
      </c>
      <c r="F2549">
        <v>11533</v>
      </c>
      <c r="G2549" t="s">
        <v>45851</v>
      </c>
      <c r="H2549">
        <v>4.6610020346030003</v>
      </c>
      <c r="I2549">
        <v>51.590764821405003</v>
      </c>
      <c r="J2549" t="s">
        <v>58234</v>
      </c>
    </row>
    <row r="2550" spans="1:10" x14ac:dyDescent="0.25">
      <c r="A2550" t="s">
        <v>45844</v>
      </c>
      <c r="B2550" t="s">
        <v>45845</v>
      </c>
      <c r="C2550" t="s">
        <v>45846</v>
      </c>
      <c r="D2550" t="s">
        <v>45762</v>
      </c>
      <c r="E2550" t="s">
        <v>13</v>
      </c>
      <c r="F2550">
        <v>11532</v>
      </c>
      <c r="G2550" t="s">
        <v>45847</v>
      </c>
      <c r="H2550">
        <v>4.6646884723859996</v>
      </c>
      <c r="I2550">
        <v>51.584223842576002</v>
      </c>
      <c r="J2550" t="s">
        <v>58235</v>
      </c>
    </row>
    <row r="2551" spans="1:10" x14ac:dyDescent="0.25">
      <c r="A2551" t="s">
        <v>45840</v>
      </c>
      <c r="B2551" t="s">
        <v>45841</v>
      </c>
      <c r="C2551" t="s">
        <v>45842</v>
      </c>
      <c r="D2551" t="s">
        <v>45762</v>
      </c>
      <c r="E2551" t="s">
        <v>13</v>
      </c>
      <c r="F2551">
        <v>11531</v>
      </c>
      <c r="G2551" t="s">
        <v>45843</v>
      </c>
      <c r="H2551">
        <v>4.6501165930199999</v>
      </c>
      <c r="I2551">
        <v>51.589506530087</v>
      </c>
      <c r="J2551" t="s">
        <v>58236</v>
      </c>
    </row>
    <row r="2552" spans="1:10" x14ac:dyDescent="0.25">
      <c r="A2552" t="s">
        <v>45836</v>
      </c>
      <c r="B2552" t="s">
        <v>45837</v>
      </c>
      <c r="C2552" t="s">
        <v>45838</v>
      </c>
      <c r="D2552" t="s">
        <v>45762</v>
      </c>
      <c r="E2552" t="s">
        <v>13</v>
      </c>
      <c r="F2552">
        <v>11530</v>
      </c>
      <c r="G2552" t="s">
        <v>45839</v>
      </c>
      <c r="H2552">
        <v>4.6256048343089997</v>
      </c>
      <c r="I2552">
        <v>51.574163283404999</v>
      </c>
      <c r="J2552" t="s">
        <v>58237</v>
      </c>
    </row>
    <row r="2553" spans="1:10" x14ac:dyDescent="0.25">
      <c r="A2553" t="s">
        <v>45832</v>
      </c>
      <c r="B2553" t="s">
        <v>45833</v>
      </c>
      <c r="C2553" t="s">
        <v>45834</v>
      </c>
      <c r="D2553" t="s">
        <v>45762</v>
      </c>
      <c r="E2553" t="s">
        <v>13</v>
      </c>
      <c r="F2553">
        <v>11529</v>
      </c>
      <c r="G2553" t="s">
        <v>45835</v>
      </c>
      <c r="H2553">
        <v>4.6374535427470001</v>
      </c>
      <c r="I2553">
        <v>51.579316163256003</v>
      </c>
      <c r="J2553" t="s">
        <v>58238</v>
      </c>
    </row>
    <row r="2554" spans="1:10" x14ac:dyDescent="0.25">
      <c r="A2554" t="s">
        <v>45828</v>
      </c>
      <c r="B2554" t="s">
        <v>45829</v>
      </c>
      <c r="C2554" t="s">
        <v>45830</v>
      </c>
      <c r="D2554" t="s">
        <v>45762</v>
      </c>
      <c r="E2554" t="s">
        <v>13</v>
      </c>
      <c r="F2554">
        <v>11528</v>
      </c>
      <c r="G2554" t="s">
        <v>45831</v>
      </c>
      <c r="H2554">
        <v>4.637554238621</v>
      </c>
      <c r="I2554">
        <v>51.585319331793997</v>
      </c>
      <c r="J2554" t="s">
        <v>58239</v>
      </c>
    </row>
    <row r="2555" spans="1:10" x14ac:dyDescent="0.25">
      <c r="A2555" t="s">
        <v>45824</v>
      </c>
      <c r="B2555" t="s">
        <v>45825</v>
      </c>
      <c r="C2555" t="s">
        <v>45826</v>
      </c>
      <c r="D2555" t="s">
        <v>45762</v>
      </c>
      <c r="E2555" t="s">
        <v>13</v>
      </c>
      <c r="F2555">
        <v>11527</v>
      </c>
      <c r="G2555" t="s">
        <v>45827</v>
      </c>
      <c r="H2555">
        <v>4.6317905175830001</v>
      </c>
      <c r="I2555">
        <v>51.578224922364001</v>
      </c>
      <c r="J2555" t="s">
        <v>58240</v>
      </c>
    </row>
    <row r="2556" spans="1:10" x14ac:dyDescent="0.25">
      <c r="A2556" t="s">
        <v>45820</v>
      </c>
      <c r="B2556" t="s">
        <v>45821</v>
      </c>
      <c r="C2556" t="s">
        <v>45822</v>
      </c>
      <c r="D2556" t="s">
        <v>45762</v>
      </c>
      <c r="E2556" t="s">
        <v>13</v>
      </c>
      <c r="F2556">
        <v>11526</v>
      </c>
      <c r="G2556" t="s">
        <v>45823</v>
      </c>
      <c r="H2556">
        <v>4.6344993529199998</v>
      </c>
      <c r="I2556">
        <v>51.57605687273</v>
      </c>
      <c r="J2556" t="s">
        <v>58241</v>
      </c>
    </row>
    <row r="2557" spans="1:10" x14ac:dyDescent="0.25">
      <c r="A2557" t="s">
        <v>45816</v>
      </c>
      <c r="B2557" t="s">
        <v>45817</v>
      </c>
      <c r="C2557" t="s">
        <v>45818</v>
      </c>
      <c r="D2557" t="s">
        <v>45762</v>
      </c>
      <c r="E2557" t="s">
        <v>13</v>
      </c>
      <c r="F2557">
        <v>11525</v>
      </c>
      <c r="G2557" t="s">
        <v>45819</v>
      </c>
      <c r="H2557">
        <v>4.6424885632670003</v>
      </c>
      <c r="I2557">
        <v>51.581965096542</v>
      </c>
      <c r="J2557" t="s">
        <v>58242</v>
      </c>
    </row>
    <row r="2558" spans="1:10" x14ac:dyDescent="0.25">
      <c r="A2558" t="s">
        <v>45812</v>
      </c>
      <c r="B2558" t="s">
        <v>45813</v>
      </c>
      <c r="C2558" t="s">
        <v>45814</v>
      </c>
      <c r="D2558" t="s">
        <v>45762</v>
      </c>
      <c r="E2558" t="s">
        <v>13</v>
      </c>
      <c r="F2558">
        <v>11524</v>
      </c>
      <c r="G2558" t="s">
        <v>45815</v>
      </c>
      <c r="H2558">
        <v>4.6441509452430001</v>
      </c>
      <c r="I2558">
        <v>51.579153709035999</v>
      </c>
      <c r="J2558" t="s">
        <v>58243</v>
      </c>
    </row>
    <row r="2559" spans="1:10" x14ac:dyDescent="0.25">
      <c r="A2559" t="s">
        <v>45808</v>
      </c>
      <c r="B2559" t="s">
        <v>45809</v>
      </c>
      <c r="C2559" t="s">
        <v>45810</v>
      </c>
      <c r="D2559" t="s">
        <v>45762</v>
      </c>
      <c r="E2559" t="s">
        <v>13</v>
      </c>
      <c r="F2559">
        <v>11523</v>
      </c>
      <c r="G2559" t="s">
        <v>45811</v>
      </c>
      <c r="H2559">
        <v>4.6504612681299999</v>
      </c>
      <c r="I2559">
        <v>51.580438933596</v>
      </c>
      <c r="J2559" t="s">
        <v>58244</v>
      </c>
    </row>
    <row r="2560" spans="1:10" x14ac:dyDescent="0.25">
      <c r="A2560" t="s">
        <v>45804</v>
      </c>
      <c r="B2560" t="s">
        <v>45805</v>
      </c>
      <c r="C2560" t="s">
        <v>45806</v>
      </c>
      <c r="D2560" t="s">
        <v>45762</v>
      </c>
      <c r="E2560" t="s">
        <v>13</v>
      </c>
      <c r="F2560">
        <v>11522</v>
      </c>
      <c r="G2560" t="s">
        <v>45807</v>
      </c>
      <c r="H2560">
        <v>4.6486960356019997</v>
      </c>
      <c r="I2560">
        <v>51.583584429582999</v>
      </c>
      <c r="J2560" t="s">
        <v>58245</v>
      </c>
    </row>
    <row r="2561" spans="1:10" x14ac:dyDescent="0.25">
      <c r="A2561" t="s">
        <v>45801</v>
      </c>
      <c r="B2561" t="s">
        <v>45802</v>
      </c>
      <c r="C2561" t="s">
        <v>154</v>
      </c>
      <c r="D2561" t="s">
        <v>45762</v>
      </c>
      <c r="E2561" t="s">
        <v>13</v>
      </c>
      <c r="F2561">
        <v>11521</v>
      </c>
      <c r="G2561" t="s">
        <v>45803</v>
      </c>
      <c r="H2561">
        <v>4.6587188460529996</v>
      </c>
      <c r="I2561">
        <v>51.583739206647998</v>
      </c>
      <c r="J2561" t="s">
        <v>58246</v>
      </c>
    </row>
    <row r="2562" spans="1:10" x14ac:dyDescent="0.25">
      <c r="A2562" t="s">
        <v>45798</v>
      </c>
      <c r="B2562" t="s">
        <v>45799</v>
      </c>
      <c r="C2562" t="s">
        <v>150</v>
      </c>
      <c r="D2562" t="s">
        <v>45762</v>
      </c>
      <c r="E2562" t="s">
        <v>13</v>
      </c>
      <c r="F2562">
        <v>11520</v>
      </c>
      <c r="G2562" t="s">
        <v>45800</v>
      </c>
      <c r="H2562">
        <v>4.6547849352649999</v>
      </c>
      <c r="I2562">
        <v>51.581657125546002</v>
      </c>
      <c r="J2562" t="s">
        <v>58247</v>
      </c>
    </row>
    <row r="2563" spans="1:10" x14ac:dyDescent="0.25">
      <c r="A2563" t="s">
        <v>45795</v>
      </c>
      <c r="B2563" t="s">
        <v>45796</v>
      </c>
      <c r="C2563" t="s">
        <v>146</v>
      </c>
      <c r="D2563" t="s">
        <v>45762</v>
      </c>
      <c r="E2563" t="s">
        <v>13</v>
      </c>
      <c r="F2563">
        <v>11519</v>
      </c>
      <c r="G2563" t="s">
        <v>45797</v>
      </c>
      <c r="H2563">
        <v>4.654602311503</v>
      </c>
      <c r="I2563">
        <v>51.584338588297001</v>
      </c>
      <c r="J2563" t="s">
        <v>58248</v>
      </c>
    </row>
    <row r="2564" spans="1:10" x14ac:dyDescent="0.25">
      <c r="A2564" t="s">
        <v>45792</v>
      </c>
      <c r="B2564" t="s">
        <v>45793</v>
      </c>
      <c r="C2564" t="s">
        <v>142</v>
      </c>
      <c r="D2564" t="s">
        <v>45762</v>
      </c>
      <c r="E2564" t="s">
        <v>13</v>
      </c>
      <c r="F2564">
        <v>11518</v>
      </c>
      <c r="G2564" t="s">
        <v>45794</v>
      </c>
      <c r="H2564">
        <v>4.6604435876360002</v>
      </c>
      <c r="I2564">
        <v>51.586313518899999</v>
      </c>
      <c r="J2564" t="s">
        <v>58249</v>
      </c>
    </row>
    <row r="2565" spans="1:10" x14ac:dyDescent="0.25">
      <c r="A2565" t="s">
        <v>45788</v>
      </c>
      <c r="B2565" t="s">
        <v>45789</v>
      </c>
      <c r="C2565" t="s">
        <v>45790</v>
      </c>
      <c r="D2565" t="s">
        <v>45762</v>
      </c>
      <c r="E2565" t="s">
        <v>13</v>
      </c>
      <c r="F2565">
        <v>11517</v>
      </c>
      <c r="G2565" t="s">
        <v>45791</v>
      </c>
      <c r="H2565">
        <v>4.6758661944210003</v>
      </c>
      <c r="I2565">
        <v>51.578890726650997</v>
      </c>
      <c r="J2565" t="s">
        <v>58250</v>
      </c>
    </row>
    <row r="2566" spans="1:10" x14ac:dyDescent="0.25">
      <c r="A2566" t="s">
        <v>45784</v>
      </c>
      <c r="B2566" t="s">
        <v>45785</v>
      </c>
      <c r="C2566" t="s">
        <v>45786</v>
      </c>
      <c r="D2566" t="s">
        <v>45762</v>
      </c>
      <c r="E2566" t="s">
        <v>13</v>
      </c>
      <c r="F2566">
        <v>11516</v>
      </c>
      <c r="G2566" t="s">
        <v>45787</v>
      </c>
      <c r="H2566">
        <v>4.6075637102469997</v>
      </c>
      <c r="I2566">
        <v>51.566320585969997</v>
      </c>
      <c r="J2566" t="s">
        <v>58251</v>
      </c>
    </row>
    <row r="2567" spans="1:10" x14ac:dyDescent="0.25">
      <c r="A2567" t="s">
        <v>45780</v>
      </c>
      <c r="B2567" t="s">
        <v>45781</v>
      </c>
      <c r="C2567" t="s">
        <v>45782</v>
      </c>
      <c r="D2567" t="s">
        <v>45762</v>
      </c>
      <c r="E2567" t="s">
        <v>13</v>
      </c>
      <c r="F2567">
        <v>11515</v>
      </c>
      <c r="G2567" t="s">
        <v>45783</v>
      </c>
      <c r="H2567">
        <v>4.6554604934419999</v>
      </c>
      <c r="I2567">
        <v>51.575091409091002</v>
      </c>
      <c r="J2567" t="s">
        <v>58252</v>
      </c>
    </row>
    <row r="2568" spans="1:10" x14ac:dyDescent="0.25">
      <c r="A2568" t="s">
        <v>45776</v>
      </c>
      <c r="B2568" t="s">
        <v>45777</v>
      </c>
      <c r="C2568" t="s">
        <v>45778</v>
      </c>
      <c r="D2568" t="s">
        <v>45762</v>
      </c>
      <c r="E2568" t="s">
        <v>13</v>
      </c>
      <c r="F2568">
        <v>11514</v>
      </c>
      <c r="G2568" t="s">
        <v>45779</v>
      </c>
      <c r="H2568">
        <v>4.6273998249510004</v>
      </c>
      <c r="I2568">
        <v>51.570777131706002</v>
      </c>
      <c r="J2568" t="s">
        <v>58253</v>
      </c>
    </row>
    <row r="2569" spans="1:10" x14ac:dyDescent="0.25">
      <c r="A2569" t="s">
        <v>45772</v>
      </c>
      <c r="B2569" t="s">
        <v>45773</v>
      </c>
      <c r="C2569" t="s">
        <v>45774</v>
      </c>
      <c r="D2569" t="s">
        <v>45762</v>
      </c>
      <c r="E2569" t="s">
        <v>13</v>
      </c>
      <c r="F2569">
        <v>11513</v>
      </c>
      <c r="G2569" t="s">
        <v>45775</v>
      </c>
      <c r="H2569">
        <v>4.6322919335239998</v>
      </c>
      <c r="I2569">
        <v>51.570599004492998</v>
      </c>
      <c r="J2569" t="s">
        <v>58254</v>
      </c>
    </row>
    <row r="2570" spans="1:10" x14ac:dyDescent="0.25">
      <c r="A2570" t="s">
        <v>45768</v>
      </c>
      <c r="B2570" t="s">
        <v>45769</v>
      </c>
      <c r="C2570" t="s">
        <v>45770</v>
      </c>
      <c r="D2570" t="s">
        <v>45762</v>
      </c>
      <c r="E2570" t="s">
        <v>13</v>
      </c>
      <c r="F2570">
        <v>11512</v>
      </c>
      <c r="G2570" t="s">
        <v>45771</v>
      </c>
      <c r="H2570">
        <v>4.6468506933090001</v>
      </c>
      <c r="I2570">
        <v>51.574811659212997</v>
      </c>
      <c r="J2570" t="s">
        <v>58255</v>
      </c>
    </row>
    <row r="2571" spans="1:10" x14ac:dyDescent="0.25">
      <c r="A2571" t="s">
        <v>45764</v>
      </c>
      <c r="B2571" t="s">
        <v>45765</v>
      </c>
      <c r="C2571" t="s">
        <v>45766</v>
      </c>
      <c r="D2571" t="s">
        <v>45762</v>
      </c>
      <c r="E2571" t="s">
        <v>13</v>
      </c>
      <c r="F2571">
        <v>11511</v>
      </c>
      <c r="G2571" t="s">
        <v>45767</v>
      </c>
      <c r="H2571">
        <v>4.6384285530570004</v>
      </c>
      <c r="I2571">
        <v>51.574126182059999</v>
      </c>
      <c r="J2571" t="s">
        <v>58256</v>
      </c>
    </row>
    <row r="2572" spans="1:10" x14ac:dyDescent="0.25">
      <c r="A2572" t="s">
        <v>45759</v>
      </c>
      <c r="B2572" t="s">
        <v>45760</v>
      </c>
      <c r="C2572" t="s">
        <v>45761</v>
      </c>
      <c r="D2572" t="s">
        <v>45762</v>
      </c>
      <c r="E2572" t="s">
        <v>13</v>
      </c>
      <c r="F2572">
        <v>11510</v>
      </c>
      <c r="G2572" t="s">
        <v>45763</v>
      </c>
      <c r="H2572">
        <v>4.6416458013410002</v>
      </c>
      <c r="I2572">
        <v>51.57111761446</v>
      </c>
      <c r="J2572" t="s">
        <v>58257</v>
      </c>
    </row>
    <row r="2573" spans="1:10" x14ac:dyDescent="0.25">
      <c r="A2573" t="s">
        <v>45755</v>
      </c>
      <c r="B2573" t="s">
        <v>45756</v>
      </c>
      <c r="C2573" t="s">
        <v>45757</v>
      </c>
      <c r="D2573" t="s">
        <v>45545</v>
      </c>
      <c r="E2573" t="s">
        <v>13</v>
      </c>
      <c r="F2573">
        <v>11509</v>
      </c>
      <c r="G2573" t="s">
        <v>45758</v>
      </c>
      <c r="H2573">
        <v>4.8323247076379996</v>
      </c>
      <c r="I2573">
        <v>51.612080154319997</v>
      </c>
      <c r="J2573" t="s">
        <v>58258</v>
      </c>
    </row>
    <row r="2574" spans="1:10" x14ac:dyDescent="0.25">
      <c r="A2574" t="s">
        <v>45751</v>
      </c>
      <c r="B2574" t="s">
        <v>45752</v>
      </c>
      <c r="C2574" t="s">
        <v>45753</v>
      </c>
      <c r="D2574" t="s">
        <v>45545</v>
      </c>
      <c r="E2574" t="s">
        <v>13</v>
      </c>
      <c r="F2574">
        <v>11508</v>
      </c>
      <c r="G2574" t="s">
        <v>45754</v>
      </c>
      <c r="H2574">
        <v>4.7996694200309999</v>
      </c>
      <c r="I2574">
        <v>51.623134057267997</v>
      </c>
      <c r="J2574" t="s">
        <v>58259</v>
      </c>
    </row>
    <row r="2575" spans="1:10" x14ac:dyDescent="0.25">
      <c r="A2575" t="s">
        <v>45747</v>
      </c>
      <c r="B2575" t="s">
        <v>45748</v>
      </c>
      <c r="C2575" t="s">
        <v>45749</v>
      </c>
      <c r="D2575" t="s">
        <v>45545</v>
      </c>
      <c r="E2575" t="s">
        <v>13</v>
      </c>
      <c r="F2575">
        <v>11507</v>
      </c>
      <c r="G2575" t="s">
        <v>45750</v>
      </c>
      <c r="H2575">
        <v>4.8207213287190003</v>
      </c>
      <c r="I2575">
        <v>51.608731671899001</v>
      </c>
      <c r="J2575" t="s">
        <v>58260</v>
      </c>
    </row>
    <row r="2576" spans="1:10" x14ac:dyDescent="0.25">
      <c r="A2576" t="s">
        <v>45743</v>
      </c>
      <c r="B2576" t="s">
        <v>45744</v>
      </c>
      <c r="C2576" t="s">
        <v>45745</v>
      </c>
      <c r="D2576" t="s">
        <v>45545</v>
      </c>
      <c r="E2576" t="s">
        <v>13</v>
      </c>
      <c r="F2576">
        <v>11506</v>
      </c>
      <c r="G2576" t="s">
        <v>45746</v>
      </c>
      <c r="H2576">
        <v>4.6870838973059996</v>
      </c>
      <c r="I2576">
        <v>51.615022648660997</v>
      </c>
      <c r="J2576" t="s">
        <v>58261</v>
      </c>
    </row>
    <row r="2577" spans="1:10" x14ac:dyDescent="0.25">
      <c r="A2577" t="s">
        <v>45739</v>
      </c>
      <c r="B2577" t="s">
        <v>45740</v>
      </c>
      <c r="C2577" t="s">
        <v>45741</v>
      </c>
      <c r="D2577" t="s">
        <v>45545</v>
      </c>
      <c r="E2577" t="s">
        <v>13</v>
      </c>
      <c r="F2577">
        <v>11505</v>
      </c>
      <c r="G2577" t="s">
        <v>45742</v>
      </c>
      <c r="H2577">
        <v>4.7162312875619996</v>
      </c>
      <c r="I2577">
        <v>51.598814556731</v>
      </c>
      <c r="J2577" t="s">
        <v>58262</v>
      </c>
    </row>
    <row r="2578" spans="1:10" x14ac:dyDescent="0.25">
      <c r="A2578" t="s">
        <v>45735</v>
      </c>
      <c r="B2578" t="s">
        <v>45736</v>
      </c>
      <c r="C2578" t="s">
        <v>45737</v>
      </c>
      <c r="D2578" t="s">
        <v>45545</v>
      </c>
      <c r="E2578" t="s">
        <v>13</v>
      </c>
      <c r="F2578">
        <v>11504</v>
      </c>
      <c r="G2578" t="s">
        <v>45738</v>
      </c>
      <c r="H2578">
        <v>4.7993110526559999</v>
      </c>
      <c r="I2578">
        <v>51.544486904826002</v>
      </c>
      <c r="J2578" t="s">
        <v>58263</v>
      </c>
    </row>
    <row r="2579" spans="1:10" x14ac:dyDescent="0.25">
      <c r="A2579" t="s">
        <v>45731</v>
      </c>
      <c r="B2579" t="s">
        <v>45732</v>
      </c>
      <c r="C2579" t="s">
        <v>45733</v>
      </c>
      <c r="D2579" t="s">
        <v>45545</v>
      </c>
      <c r="E2579" t="s">
        <v>13</v>
      </c>
      <c r="F2579">
        <v>11503</v>
      </c>
      <c r="G2579" t="s">
        <v>45734</v>
      </c>
      <c r="H2579">
        <v>4.8002053048360001</v>
      </c>
      <c r="I2579">
        <v>51.548283240060002</v>
      </c>
      <c r="J2579" t="s">
        <v>58264</v>
      </c>
    </row>
    <row r="2580" spans="1:10" x14ac:dyDescent="0.25">
      <c r="A2580" t="s">
        <v>45727</v>
      </c>
      <c r="B2580" t="s">
        <v>45728</v>
      </c>
      <c r="C2580" t="s">
        <v>45729</v>
      </c>
      <c r="D2580" t="s">
        <v>45545</v>
      </c>
      <c r="E2580" t="s">
        <v>13</v>
      </c>
      <c r="F2580">
        <v>11502</v>
      </c>
      <c r="G2580" t="s">
        <v>45730</v>
      </c>
      <c r="H2580">
        <v>4.8430583058929999</v>
      </c>
      <c r="I2580">
        <v>51.566668830769999</v>
      </c>
      <c r="J2580" t="s">
        <v>58265</v>
      </c>
    </row>
    <row r="2581" spans="1:10" x14ac:dyDescent="0.25">
      <c r="A2581" t="s">
        <v>45723</v>
      </c>
      <c r="B2581" t="s">
        <v>45724</v>
      </c>
      <c r="C2581" t="s">
        <v>45725</v>
      </c>
      <c r="D2581" t="s">
        <v>45545</v>
      </c>
      <c r="E2581" t="s">
        <v>13</v>
      </c>
      <c r="F2581">
        <v>11501</v>
      </c>
      <c r="G2581" t="s">
        <v>45726</v>
      </c>
      <c r="H2581">
        <v>4.8160632294010002</v>
      </c>
      <c r="I2581">
        <v>51.565457460049998</v>
      </c>
      <c r="J2581" t="s">
        <v>58266</v>
      </c>
    </row>
    <row r="2582" spans="1:10" x14ac:dyDescent="0.25">
      <c r="A2582" t="s">
        <v>45719</v>
      </c>
      <c r="B2582" t="s">
        <v>45720</v>
      </c>
      <c r="C2582" t="s">
        <v>45721</v>
      </c>
      <c r="D2582" t="s">
        <v>45545</v>
      </c>
      <c r="E2582" t="s">
        <v>13</v>
      </c>
      <c r="F2582">
        <v>11500</v>
      </c>
      <c r="G2582" t="s">
        <v>45722</v>
      </c>
      <c r="H2582">
        <v>4.829580478794</v>
      </c>
      <c r="I2582">
        <v>51.565534785305999</v>
      </c>
      <c r="J2582" t="s">
        <v>58267</v>
      </c>
    </row>
    <row r="2583" spans="1:10" x14ac:dyDescent="0.25">
      <c r="A2583" t="s">
        <v>45715</v>
      </c>
      <c r="B2583" t="s">
        <v>45716</v>
      </c>
      <c r="C2583" t="s">
        <v>45717</v>
      </c>
      <c r="D2583" t="s">
        <v>45545</v>
      </c>
      <c r="E2583" t="s">
        <v>13</v>
      </c>
      <c r="F2583">
        <v>11499</v>
      </c>
      <c r="G2583" t="s">
        <v>45718</v>
      </c>
      <c r="H2583">
        <v>4.7332981804859999</v>
      </c>
      <c r="I2583">
        <v>51.629098532855998</v>
      </c>
      <c r="J2583" t="s">
        <v>58268</v>
      </c>
    </row>
    <row r="2584" spans="1:10" x14ac:dyDescent="0.25">
      <c r="A2584" t="s">
        <v>45711</v>
      </c>
      <c r="B2584" t="s">
        <v>45712</v>
      </c>
      <c r="C2584" t="s">
        <v>45713</v>
      </c>
      <c r="D2584" t="s">
        <v>45545</v>
      </c>
      <c r="E2584" t="s">
        <v>13</v>
      </c>
      <c r="F2584">
        <v>11498</v>
      </c>
      <c r="G2584" t="s">
        <v>45714</v>
      </c>
      <c r="H2584">
        <v>4.7562735270310004</v>
      </c>
      <c r="I2584">
        <v>51.603454056753002</v>
      </c>
      <c r="J2584" t="s">
        <v>58269</v>
      </c>
    </row>
    <row r="2585" spans="1:10" x14ac:dyDescent="0.25">
      <c r="A2585" t="s">
        <v>45707</v>
      </c>
      <c r="B2585" t="s">
        <v>45708</v>
      </c>
      <c r="C2585" t="s">
        <v>45709</v>
      </c>
      <c r="D2585" t="s">
        <v>45545</v>
      </c>
      <c r="E2585" t="s">
        <v>13</v>
      </c>
      <c r="F2585">
        <v>11497</v>
      </c>
      <c r="G2585" t="s">
        <v>45710</v>
      </c>
      <c r="H2585">
        <v>4.728862992252</v>
      </c>
      <c r="I2585">
        <v>51.620961401785003</v>
      </c>
      <c r="J2585" t="s">
        <v>58270</v>
      </c>
    </row>
    <row r="2586" spans="1:10" x14ac:dyDescent="0.25">
      <c r="A2586" t="s">
        <v>45703</v>
      </c>
      <c r="B2586" t="s">
        <v>45704</v>
      </c>
      <c r="C2586" t="s">
        <v>45705</v>
      </c>
      <c r="D2586" t="s">
        <v>45545</v>
      </c>
      <c r="E2586" t="s">
        <v>13</v>
      </c>
      <c r="F2586">
        <v>11496</v>
      </c>
      <c r="G2586" t="s">
        <v>45706</v>
      </c>
      <c r="H2586">
        <v>4.7369214746440003</v>
      </c>
      <c r="I2586">
        <v>51.625201434125998</v>
      </c>
      <c r="J2586" t="s">
        <v>58271</v>
      </c>
    </row>
    <row r="2587" spans="1:10" x14ac:dyDescent="0.25">
      <c r="A2587" t="s">
        <v>45699</v>
      </c>
      <c r="B2587" t="s">
        <v>45700</v>
      </c>
      <c r="C2587" t="s">
        <v>45701</v>
      </c>
      <c r="D2587" t="s">
        <v>45545</v>
      </c>
      <c r="E2587" t="s">
        <v>13</v>
      </c>
      <c r="F2587">
        <v>11495</v>
      </c>
      <c r="G2587" t="s">
        <v>45702</v>
      </c>
      <c r="H2587">
        <v>4.7464039095750001</v>
      </c>
      <c r="I2587">
        <v>51.623196156779002</v>
      </c>
      <c r="J2587" t="s">
        <v>58272</v>
      </c>
    </row>
    <row r="2588" spans="1:10" x14ac:dyDescent="0.25">
      <c r="A2588" t="s">
        <v>45695</v>
      </c>
      <c r="B2588" t="s">
        <v>45696</v>
      </c>
      <c r="C2588" t="s">
        <v>45697</v>
      </c>
      <c r="D2588" t="s">
        <v>45545</v>
      </c>
      <c r="E2588" t="s">
        <v>13</v>
      </c>
      <c r="F2588">
        <v>11494</v>
      </c>
      <c r="G2588" t="s">
        <v>45698</v>
      </c>
      <c r="H2588">
        <v>4.7258152632239998</v>
      </c>
      <c r="I2588">
        <v>51.615637565016002</v>
      </c>
      <c r="J2588" t="s">
        <v>58273</v>
      </c>
    </row>
    <row r="2589" spans="1:10" x14ac:dyDescent="0.25">
      <c r="A2589" t="s">
        <v>45692</v>
      </c>
      <c r="B2589" t="s">
        <v>45693</v>
      </c>
      <c r="C2589" t="s">
        <v>36168</v>
      </c>
      <c r="D2589" t="s">
        <v>45545</v>
      </c>
      <c r="E2589" t="s">
        <v>13</v>
      </c>
      <c r="F2589">
        <v>11493</v>
      </c>
      <c r="G2589" t="s">
        <v>45694</v>
      </c>
      <c r="H2589">
        <v>4.7257414980989996</v>
      </c>
      <c r="I2589">
        <v>51.607411585333999</v>
      </c>
      <c r="J2589" t="s">
        <v>58274</v>
      </c>
    </row>
    <row r="2590" spans="1:10" x14ac:dyDescent="0.25">
      <c r="A2590" t="s">
        <v>45688</v>
      </c>
      <c r="B2590" t="s">
        <v>45689</v>
      </c>
      <c r="C2590" t="s">
        <v>45690</v>
      </c>
      <c r="D2590" t="s">
        <v>45545</v>
      </c>
      <c r="E2590" t="s">
        <v>13</v>
      </c>
      <c r="F2590">
        <v>11492</v>
      </c>
      <c r="G2590" t="s">
        <v>45691</v>
      </c>
      <c r="H2590">
        <v>4.7478151667799997</v>
      </c>
      <c r="I2590">
        <v>51.612963066573997</v>
      </c>
      <c r="J2590" t="s">
        <v>58275</v>
      </c>
    </row>
    <row r="2591" spans="1:10" x14ac:dyDescent="0.25">
      <c r="A2591" t="s">
        <v>45684</v>
      </c>
      <c r="B2591" t="s">
        <v>45685</v>
      </c>
      <c r="C2591" t="s">
        <v>45686</v>
      </c>
      <c r="D2591" t="s">
        <v>45545</v>
      </c>
      <c r="E2591" t="s">
        <v>13</v>
      </c>
      <c r="F2591">
        <v>11491</v>
      </c>
      <c r="G2591" t="s">
        <v>45687</v>
      </c>
      <c r="H2591">
        <v>4.7425490168020001</v>
      </c>
      <c r="I2591">
        <v>51.604752037799997</v>
      </c>
      <c r="J2591" t="s">
        <v>58276</v>
      </c>
    </row>
    <row r="2592" spans="1:10" x14ac:dyDescent="0.25">
      <c r="A2592" t="s">
        <v>45680</v>
      </c>
      <c r="B2592" t="s">
        <v>45681</v>
      </c>
      <c r="C2592" t="s">
        <v>45682</v>
      </c>
      <c r="D2592" t="s">
        <v>45545</v>
      </c>
      <c r="E2592" t="s">
        <v>13</v>
      </c>
      <c r="F2592">
        <v>11490</v>
      </c>
      <c r="G2592" t="s">
        <v>45683</v>
      </c>
      <c r="H2592">
        <v>4.7060582100949997</v>
      </c>
      <c r="I2592">
        <v>51.579099969853999</v>
      </c>
      <c r="J2592" t="s">
        <v>58277</v>
      </c>
    </row>
    <row r="2593" spans="1:10" x14ac:dyDescent="0.25">
      <c r="A2593" t="s">
        <v>45676</v>
      </c>
      <c r="B2593" t="s">
        <v>45677</v>
      </c>
      <c r="C2593" t="s">
        <v>45678</v>
      </c>
      <c r="D2593" t="s">
        <v>45545</v>
      </c>
      <c r="E2593" t="s">
        <v>13</v>
      </c>
      <c r="F2593">
        <v>11489</v>
      </c>
      <c r="G2593" t="s">
        <v>45679</v>
      </c>
      <c r="H2593">
        <v>4.7197165303690003</v>
      </c>
      <c r="I2593">
        <v>51.554221876619003</v>
      </c>
      <c r="J2593" t="s">
        <v>58278</v>
      </c>
    </row>
    <row r="2594" spans="1:10" x14ac:dyDescent="0.25">
      <c r="A2594" t="s">
        <v>45672</v>
      </c>
      <c r="B2594" t="s">
        <v>45673</v>
      </c>
      <c r="C2594" t="s">
        <v>45674</v>
      </c>
      <c r="D2594" t="s">
        <v>45545</v>
      </c>
      <c r="E2594" t="s">
        <v>13</v>
      </c>
      <c r="F2594">
        <v>11488</v>
      </c>
      <c r="G2594" t="s">
        <v>45675</v>
      </c>
      <c r="H2594">
        <v>4.7397433833229998</v>
      </c>
      <c r="I2594">
        <v>51.597452347725998</v>
      </c>
      <c r="J2594" t="s">
        <v>58279</v>
      </c>
    </row>
    <row r="2595" spans="1:10" x14ac:dyDescent="0.25">
      <c r="A2595" t="s">
        <v>45669</v>
      </c>
      <c r="B2595" t="s">
        <v>45670</v>
      </c>
      <c r="C2595" t="s">
        <v>45446</v>
      </c>
      <c r="D2595" t="s">
        <v>45545</v>
      </c>
      <c r="E2595" t="s">
        <v>13</v>
      </c>
      <c r="F2595">
        <v>11487</v>
      </c>
      <c r="G2595" t="s">
        <v>45671</v>
      </c>
      <c r="H2595">
        <v>4.7456175679730004</v>
      </c>
      <c r="I2595">
        <v>51.505112262181001</v>
      </c>
      <c r="J2595" t="s">
        <v>58280</v>
      </c>
    </row>
    <row r="2596" spans="1:10" x14ac:dyDescent="0.25">
      <c r="A2596" t="s">
        <v>45665</v>
      </c>
      <c r="B2596" t="s">
        <v>45666</v>
      </c>
      <c r="C2596" t="s">
        <v>45667</v>
      </c>
      <c r="D2596" t="s">
        <v>45545</v>
      </c>
      <c r="E2596" t="s">
        <v>13</v>
      </c>
      <c r="F2596">
        <v>11486</v>
      </c>
      <c r="G2596" t="s">
        <v>45668</v>
      </c>
      <c r="H2596">
        <v>4.732607808149</v>
      </c>
      <c r="I2596">
        <v>51.586267579476001</v>
      </c>
      <c r="J2596" t="s">
        <v>58281</v>
      </c>
    </row>
    <row r="2597" spans="1:10" x14ac:dyDescent="0.25">
      <c r="A2597" t="s">
        <v>45662</v>
      </c>
      <c r="B2597" t="s">
        <v>45663</v>
      </c>
      <c r="C2597" t="s">
        <v>6695</v>
      </c>
      <c r="D2597" t="s">
        <v>45545</v>
      </c>
      <c r="E2597" t="s">
        <v>13</v>
      </c>
      <c r="F2597">
        <v>11485</v>
      </c>
      <c r="G2597" t="s">
        <v>45664</v>
      </c>
      <c r="H2597">
        <v>4.7460041025860003</v>
      </c>
      <c r="I2597">
        <v>51.588119690219003</v>
      </c>
      <c r="J2597" t="s">
        <v>58282</v>
      </c>
    </row>
    <row r="2598" spans="1:10" x14ac:dyDescent="0.25">
      <c r="A2598" t="s">
        <v>45658</v>
      </c>
      <c r="B2598" t="s">
        <v>45659</v>
      </c>
      <c r="C2598" t="s">
        <v>45660</v>
      </c>
      <c r="D2598" t="s">
        <v>45545</v>
      </c>
      <c r="E2598" t="s">
        <v>13</v>
      </c>
      <c r="F2598">
        <v>11484</v>
      </c>
      <c r="G2598" t="s">
        <v>45661</v>
      </c>
      <c r="H2598">
        <v>4.7386705741439998</v>
      </c>
      <c r="I2598">
        <v>51.573569862771002</v>
      </c>
      <c r="J2598" t="s">
        <v>58283</v>
      </c>
    </row>
    <row r="2599" spans="1:10" x14ac:dyDescent="0.25">
      <c r="A2599" t="s">
        <v>45654</v>
      </c>
      <c r="B2599" t="s">
        <v>45655</v>
      </c>
      <c r="C2599" t="s">
        <v>45656</v>
      </c>
      <c r="D2599" t="s">
        <v>45545</v>
      </c>
      <c r="E2599" t="s">
        <v>13</v>
      </c>
      <c r="F2599">
        <v>11483</v>
      </c>
      <c r="G2599" t="s">
        <v>45657</v>
      </c>
      <c r="H2599">
        <v>4.7575750149860001</v>
      </c>
      <c r="I2599">
        <v>51.587603964895003</v>
      </c>
      <c r="J2599" t="s">
        <v>58284</v>
      </c>
    </row>
    <row r="2600" spans="1:10" x14ac:dyDescent="0.25">
      <c r="A2600" t="s">
        <v>45651</v>
      </c>
      <c r="B2600" t="s">
        <v>45652</v>
      </c>
      <c r="C2600" t="s">
        <v>35415</v>
      </c>
      <c r="D2600" t="s">
        <v>45545</v>
      </c>
      <c r="E2600" t="s">
        <v>13</v>
      </c>
      <c r="F2600">
        <v>11482</v>
      </c>
      <c r="G2600" t="s">
        <v>45653</v>
      </c>
      <c r="H2600">
        <v>4.752592459723</v>
      </c>
      <c r="I2600">
        <v>51.574128365996003</v>
      </c>
      <c r="J2600" t="s">
        <v>58285</v>
      </c>
    </row>
    <row r="2601" spans="1:10" x14ac:dyDescent="0.25">
      <c r="A2601" t="s">
        <v>45647</v>
      </c>
      <c r="B2601" t="s">
        <v>45648</v>
      </c>
      <c r="C2601" t="s">
        <v>45649</v>
      </c>
      <c r="D2601" t="s">
        <v>45545</v>
      </c>
      <c r="E2601" t="s">
        <v>13</v>
      </c>
      <c r="F2601">
        <v>11481</v>
      </c>
      <c r="G2601" t="s">
        <v>45650</v>
      </c>
      <c r="H2601">
        <v>4.7616313588369996</v>
      </c>
      <c r="I2601">
        <v>51.582085867475001</v>
      </c>
      <c r="J2601" t="s">
        <v>58286</v>
      </c>
    </row>
    <row r="2602" spans="1:10" x14ac:dyDescent="0.25">
      <c r="A2602" t="s">
        <v>45643</v>
      </c>
      <c r="B2602" t="s">
        <v>45644</v>
      </c>
      <c r="C2602" t="s">
        <v>45645</v>
      </c>
      <c r="D2602" t="s">
        <v>45545</v>
      </c>
      <c r="E2602" t="s">
        <v>13</v>
      </c>
      <c r="F2602">
        <v>11480</v>
      </c>
      <c r="G2602" t="s">
        <v>45646</v>
      </c>
      <c r="H2602">
        <v>4.7618119160639996</v>
      </c>
      <c r="I2602">
        <v>51.567350155363002</v>
      </c>
      <c r="J2602" t="s">
        <v>58287</v>
      </c>
    </row>
    <row r="2603" spans="1:10" x14ac:dyDescent="0.25">
      <c r="A2603" t="s">
        <v>45639</v>
      </c>
      <c r="B2603" t="s">
        <v>45640</v>
      </c>
      <c r="C2603" t="s">
        <v>45641</v>
      </c>
      <c r="D2603" t="s">
        <v>45545</v>
      </c>
      <c r="E2603" t="s">
        <v>13</v>
      </c>
      <c r="F2603">
        <v>11479</v>
      </c>
      <c r="G2603" t="s">
        <v>45642</v>
      </c>
      <c r="H2603">
        <v>4.7684271959669999</v>
      </c>
      <c r="I2603">
        <v>51.576630344042997</v>
      </c>
      <c r="J2603" t="s">
        <v>58288</v>
      </c>
    </row>
    <row r="2604" spans="1:10" x14ac:dyDescent="0.25">
      <c r="A2604" t="s">
        <v>45635</v>
      </c>
      <c r="B2604" t="s">
        <v>45636</v>
      </c>
      <c r="C2604" t="s">
        <v>45637</v>
      </c>
      <c r="D2604" t="s">
        <v>45545</v>
      </c>
      <c r="E2604" t="s">
        <v>13</v>
      </c>
      <c r="F2604">
        <v>11478</v>
      </c>
      <c r="G2604" t="s">
        <v>45638</v>
      </c>
      <c r="H2604">
        <v>4.7620236574110004</v>
      </c>
      <c r="I2604">
        <v>51.545688582079997</v>
      </c>
      <c r="J2604" t="s">
        <v>58289</v>
      </c>
    </row>
    <row r="2605" spans="1:10" x14ac:dyDescent="0.25">
      <c r="A2605" t="s">
        <v>45631</v>
      </c>
      <c r="B2605" t="s">
        <v>45632</v>
      </c>
      <c r="C2605" t="s">
        <v>45633</v>
      </c>
      <c r="D2605" t="s">
        <v>45545</v>
      </c>
      <c r="E2605" t="s">
        <v>13</v>
      </c>
      <c r="F2605">
        <v>11477</v>
      </c>
      <c r="G2605" t="s">
        <v>45634</v>
      </c>
      <c r="H2605">
        <v>4.7872377065479998</v>
      </c>
      <c r="I2605">
        <v>51.565080266197</v>
      </c>
      <c r="J2605" t="s">
        <v>58290</v>
      </c>
    </row>
    <row r="2606" spans="1:10" x14ac:dyDescent="0.25">
      <c r="A2606" t="s">
        <v>45627</v>
      </c>
      <c r="B2606" t="s">
        <v>45628</v>
      </c>
      <c r="C2606" t="s">
        <v>45629</v>
      </c>
      <c r="D2606" t="s">
        <v>45545</v>
      </c>
      <c r="E2606" t="s">
        <v>13</v>
      </c>
      <c r="F2606">
        <v>11476</v>
      </c>
      <c r="G2606" t="s">
        <v>45630</v>
      </c>
      <c r="H2606">
        <v>4.7998787840629999</v>
      </c>
      <c r="I2606">
        <v>51.563315736405997</v>
      </c>
      <c r="J2606" t="s">
        <v>58291</v>
      </c>
    </row>
    <row r="2607" spans="1:10" x14ac:dyDescent="0.25">
      <c r="A2607" t="s">
        <v>45623</v>
      </c>
      <c r="B2607" t="s">
        <v>45624</v>
      </c>
      <c r="C2607" t="s">
        <v>45625</v>
      </c>
      <c r="D2607" t="s">
        <v>45545</v>
      </c>
      <c r="E2607" t="s">
        <v>13</v>
      </c>
      <c r="F2607">
        <v>11475</v>
      </c>
      <c r="G2607" t="s">
        <v>45626</v>
      </c>
      <c r="H2607">
        <v>4.8075935193539996</v>
      </c>
      <c r="I2607">
        <v>51.572092121023999</v>
      </c>
      <c r="J2607" t="s">
        <v>58292</v>
      </c>
    </row>
    <row r="2608" spans="1:10" x14ac:dyDescent="0.25">
      <c r="A2608" t="s">
        <v>45619</v>
      </c>
      <c r="B2608" t="s">
        <v>45620</v>
      </c>
      <c r="C2608" t="s">
        <v>45621</v>
      </c>
      <c r="D2608" t="s">
        <v>45545</v>
      </c>
      <c r="E2608" t="s">
        <v>13</v>
      </c>
      <c r="F2608">
        <v>11474</v>
      </c>
      <c r="G2608" t="s">
        <v>45622</v>
      </c>
      <c r="H2608">
        <v>4.795608384646</v>
      </c>
      <c r="I2608">
        <v>51.574867427527003</v>
      </c>
      <c r="J2608" t="s">
        <v>58293</v>
      </c>
    </row>
    <row r="2609" spans="1:10" x14ac:dyDescent="0.25">
      <c r="A2609" t="s">
        <v>45616</v>
      </c>
      <c r="B2609" t="s">
        <v>45617</v>
      </c>
      <c r="C2609" t="s">
        <v>27015</v>
      </c>
      <c r="D2609" t="s">
        <v>45545</v>
      </c>
      <c r="E2609" t="s">
        <v>13</v>
      </c>
      <c r="F2609">
        <v>11473</v>
      </c>
      <c r="G2609" t="s">
        <v>45618</v>
      </c>
      <c r="H2609">
        <v>4.8344664479609998</v>
      </c>
      <c r="I2609">
        <v>51.586674057407002</v>
      </c>
      <c r="J2609" t="s">
        <v>58294</v>
      </c>
    </row>
    <row r="2610" spans="1:10" x14ac:dyDescent="0.25">
      <c r="A2610" t="s">
        <v>45612</v>
      </c>
      <c r="B2610" t="s">
        <v>45613</v>
      </c>
      <c r="C2610" t="s">
        <v>45614</v>
      </c>
      <c r="D2610" t="s">
        <v>45545</v>
      </c>
      <c r="E2610" t="s">
        <v>13</v>
      </c>
      <c r="F2610">
        <v>11472</v>
      </c>
      <c r="G2610" t="s">
        <v>45615</v>
      </c>
      <c r="H2610">
        <v>4.825844402555</v>
      </c>
      <c r="I2610">
        <v>51.595378386652001</v>
      </c>
      <c r="J2610" t="s">
        <v>58295</v>
      </c>
    </row>
    <row r="2611" spans="1:10" x14ac:dyDescent="0.25">
      <c r="A2611" t="s">
        <v>45608</v>
      </c>
      <c r="B2611" t="s">
        <v>45609</v>
      </c>
      <c r="C2611" t="s">
        <v>45610</v>
      </c>
      <c r="D2611" t="s">
        <v>45545</v>
      </c>
      <c r="E2611" t="s">
        <v>13</v>
      </c>
      <c r="F2611">
        <v>11471</v>
      </c>
      <c r="G2611" t="s">
        <v>45611</v>
      </c>
      <c r="H2611">
        <v>4.8180043961000001</v>
      </c>
      <c r="I2611">
        <v>51.586944022125998</v>
      </c>
      <c r="J2611" t="s">
        <v>58296</v>
      </c>
    </row>
    <row r="2612" spans="1:10" x14ac:dyDescent="0.25">
      <c r="A2612" t="s">
        <v>45604</v>
      </c>
      <c r="B2612" t="s">
        <v>45605</v>
      </c>
      <c r="C2612" t="s">
        <v>45606</v>
      </c>
      <c r="D2612" t="s">
        <v>45545</v>
      </c>
      <c r="E2612" t="s">
        <v>13</v>
      </c>
      <c r="F2612">
        <v>11470</v>
      </c>
      <c r="G2612" t="s">
        <v>45607</v>
      </c>
      <c r="H2612">
        <v>4.7822215421110004</v>
      </c>
      <c r="I2612">
        <v>51.577051754064001</v>
      </c>
      <c r="J2612" t="s">
        <v>58297</v>
      </c>
    </row>
    <row r="2613" spans="1:10" x14ac:dyDescent="0.25">
      <c r="A2613" t="s">
        <v>45601</v>
      </c>
      <c r="B2613" t="s">
        <v>45602</v>
      </c>
      <c r="C2613" t="s">
        <v>1144</v>
      </c>
      <c r="D2613" t="s">
        <v>45545</v>
      </c>
      <c r="E2613" t="s">
        <v>13</v>
      </c>
      <c r="F2613">
        <v>11469</v>
      </c>
      <c r="G2613" t="s">
        <v>45603</v>
      </c>
      <c r="H2613">
        <v>4.7933056446320004</v>
      </c>
      <c r="I2613">
        <v>51.582061661594999</v>
      </c>
      <c r="J2613" t="s">
        <v>58298</v>
      </c>
    </row>
    <row r="2614" spans="1:10" x14ac:dyDescent="0.25">
      <c r="A2614" t="s">
        <v>45597</v>
      </c>
      <c r="B2614" t="s">
        <v>45598</v>
      </c>
      <c r="C2614" t="s">
        <v>45599</v>
      </c>
      <c r="D2614" t="s">
        <v>45545</v>
      </c>
      <c r="E2614" t="s">
        <v>13</v>
      </c>
      <c r="F2614">
        <v>11468</v>
      </c>
      <c r="G2614" t="s">
        <v>45600</v>
      </c>
      <c r="H2614">
        <v>4.8024763097180001</v>
      </c>
      <c r="I2614">
        <v>51.590455210186001</v>
      </c>
      <c r="J2614" t="s">
        <v>58299</v>
      </c>
    </row>
    <row r="2615" spans="1:10" x14ac:dyDescent="0.25">
      <c r="A2615" t="s">
        <v>45593</v>
      </c>
      <c r="B2615" t="s">
        <v>45594</v>
      </c>
      <c r="C2615" t="s">
        <v>45595</v>
      </c>
      <c r="D2615" t="s">
        <v>45545</v>
      </c>
      <c r="E2615" t="s">
        <v>13</v>
      </c>
      <c r="F2615">
        <v>11467</v>
      </c>
      <c r="G2615" t="s">
        <v>45596</v>
      </c>
      <c r="H2615">
        <v>4.8044360345510002</v>
      </c>
      <c r="I2615">
        <v>51.609129042686</v>
      </c>
      <c r="J2615" t="s">
        <v>58300</v>
      </c>
    </row>
    <row r="2616" spans="1:10" x14ac:dyDescent="0.25">
      <c r="A2616" t="s">
        <v>45589</v>
      </c>
      <c r="B2616" t="s">
        <v>45590</v>
      </c>
      <c r="C2616" t="s">
        <v>45591</v>
      </c>
      <c r="D2616" t="s">
        <v>45545</v>
      </c>
      <c r="E2616" t="s">
        <v>13</v>
      </c>
      <c r="F2616">
        <v>11466</v>
      </c>
      <c r="G2616" t="s">
        <v>45592</v>
      </c>
      <c r="H2616">
        <v>4.7964168037809998</v>
      </c>
      <c r="I2616">
        <v>51.610655877199001</v>
      </c>
      <c r="J2616" t="s">
        <v>58301</v>
      </c>
    </row>
    <row r="2617" spans="1:10" x14ac:dyDescent="0.25">
      <c r="A2617" t="s">
        <v>45585</v>
      </c>
      <c r="B2617" t="s">
        <v>45586</v>
      </c>
      <c r="C2617" t="s">
        <v>45587</v>
      </c>
      <c r="D2617" t="s">
        <v>45545</v>
      </c>
      <c r="E2617" t="s">
        <v>13</v>
      </c>
      <c r="F2617">
        <v>11465</v>
      </c>
      <c r="G2617" t="s">
        <v>45588</v>
      </c>
      <c r="H2617">
        <v>4.7714683694120001</v>
      </c>
      <c r="I2617">
        <v>51.615496180157997</v>
      </c>
      <c r="J2617" t="s">
        <v>58302</v>
      </c>
    </row>
    <row r="2618" spans="1:10" x14ac:dyDescent="0.25">
      <c r="A2618" t="s">
        <v>45581</v>
      </c>
      <c r="B2618" t="s">
        <v>45582</v>
      </c>
      <c r="C2618" t="s">
        <v>45583</v>
      </c>
      <c r="D2618" t="s">
        <v>45545</v>
      </c>
      <c r="E2618" t="s">
        <v>13</v>
      </c>
      <c r="F2618">
        <v>11464</v>
      </c>
      <c r="G2618" t="s">
        <v>45584</v>
      </c>
      <c r="H2618">
        <v>4.7832444303520001</v>
      </c>
      <c r="I2618">
        <v>51.613230792167002</v>
      </c>
      <c r="J2618" t="s">
        <v>58303</v>
      </c>
    </row>
    <row r="2619" spans="1:10" x14ac:dyDescent="0.25">
      <c r="A2619" t="s">
        <v>45577</v>
      </c>
      <c r="B2619" t="s">
        <v>45578</v>
      </c>
      <c r="C2619" t="s">
        <v>45579</v>
      </c>
      <c r="D2619" t="s">
        <v>45545</v>
      </c>
      <c r="E2619" t="s">
        <v>13</v>
      </c>
      <c r="F2619">
        <v>11463</v>
      </c>
      <c r="G2619" t="s">
        <v>45580</v>
      </c>
      <c r="H2619">
        <v>4.7987285354819997</v>
      </c>
      <c r="I2619">
        <v>51.604420830125001</v>
      </c>
      <c r="J2619" t="s">
        <v>58304</v>
      </c>
    </row>
    <row r="2620" spans="1:10" x14ac:dyDescent="0.25">
      <c r="A2620" t="s">
        <v>45573</v>
      </c>
      <c r="B2620" t="s">
        <v>45574</v>
      </c>
      <c r="C2620" t="s">
        <v>45575</v>
      </c>
      <c r="D2620" t="s">
        <v>45545</v>
      </c>
      <c r="E2620" t="s">
        <v>13</v>
      </c>
      <c r="F2620">
        <v>11462</v>
      </c>
      <c r="G2620" t="s">
        <v>45576</v>
      </c>
      <c r="H2620">
        <v>4.784340245169</v>
      </c>
      <c r="I2620">
        <v>51.605824891344</v>
      </c>
      <c r="J2620" t="s">
        <v>58305</v>
      </c>
    </row>
    <row r="2621" spans="1:10" x14ac:dyDescent="0.25">
      <c r="A2621" t="s">
        <v>45569</v>
      </c>
      <c r="B2621" t="s">
        <v>45570</v>
      </c>
      <c r="C2621" t="s">
        <v>45571</v>
      </c>
      <c r="D2621" t="s">
        <v>45545</v>
      </c>
      <c r="E2621" t="s">
        <v>13</v>
      </c>
      <c r="F2621">
        <v>11461</v>
      </c>
      <c r="G2621" t="s">
        <v>45572</v>
      </c>
      <c r="H2621">
        <v>4.795516112844</v>
      </c>
      <c r="I2621">
        <v>51.598816501782999</v>
      </c>
      <c r="J2621" t="s">
        <v>58306</v>
      </c>
    </row>
    <row r="2622" spans="1:10" x14ac:dyDescent="0.25">
      <c r="A2622" t="s">
        <v>45565</v>
      </c>
      <c r="B2622" t="s">
        <v>45566</v>
      </c>
      <c r="C2622" t="s">
        <v>45567</v>
      </c>
      <c r="D2622" t="s">
        <v>45545</v>
      </c>
      <c r="E2622" t="s">
        <v>13</v>
      </c>
      <c r="F2622">
        <v>11460</v>
      </c>
      <c r="G2622" t="s">
        <v>45568</v>
      </c>
      <c r="H2622">
        <v>4.7759399297750003</v>
      </c>
      <c r="I2622">
        <v>51.597536977560999</v>
      </c>
      <c r="J2622" t="s">
        <v>58307</v>
      </c>
    </row>
    <row r="2623" spans="1:10" x14ac:dyDescent="0.25">
      <c r="A2623" t="s">
        <v>45562</v>
      </c>
      <c r="B2623" t="s">
        <v>45563</v>
      </c>
      <c r="C2623" t="s">
        <v>8067</v>
      </c>
      <c r="D2623" t="s">
        <v>45545</v>
      </c>
      <c r="E2623" t="s">
        <v>13</v>
      </c>
      <c r="F2623">
        <v>11459</v>
      </c>
      <c r="G2623" t="s">
        <v>45564</v>
      </c>
      <c r="H2623">
        <v>4.7756752820450004</v>
      </c>
      <c r="I2623">
        <v>51.589094218405997</v>
      </c>
      <c r="J2623" t="s">
        <v>58308</v>
      </c>
    </row>
    <row r="2624" spans="1:10" x14ac:dyDescent="0.25">
      <c r="A2624" t="s">
        <v>45558</v>
      </c>
      <c r="B2624" t="s">
        <v>45559</v>
      </c>
      <c r="C2624" t="s">
        <v>45560</v>
      </c>
      <c r="D2624" t="s">
        <v>45545</v>
      </c>
      <c r="E2624" t="s">
        <v>13</v>
      </c>
      <c r="F2624">
        <v>11458</v>
      </c>
      <c r="G2624" t="s">
        <v>45561</v>
      </c>
      <c r="H2624">
        <v>4.7813977854890002</v>
      </c>
      <c r="I2624">
        <v>51.594129390488</v>
      </c>
      <c r="J2624" t="s">
        <v>58309</v>
      </c>
    </row>
    <row r="2625" spans="1:10" x14ac:dyDescent="0.25">
      <c r="A2625" t="s">
        <v>45554</v>
      </c>
      <c r="B2625" t="s">
        <v>45555</v>
      </c>
      <c r="C2625" t="s">
        <v>45556</v>
      </c>
      <c r="D2625" t="s">
        <v>45545</v>
      </c>
      <c r="E2625" t="s">
        <v>13</v>
      </c>
      <c r="F2625">
        <v>11457</v>
      </c>
      <c r="G2625" t="s">
        <v>45557</v>
      </c>
      <c r="H2625">
        <v>4.7674367328559999</v>
      </c>
      <c r="I2625">
        <v>51.588821776430002</v>
      </c>
      <c r="J2625" t="s">
        <v>58310</v>
      </c>
    </row>
    <row r="2626" spans="1:10" x14ac:dyDescent="0.25">
      <c r="A2626" t="s">
        <v>45551</v>
      </c>
      <c r="B2626" t="s">
        <v>45552</v>
      </c>
      <c r="C2626" t="s">
        <v>26448</v>
      </c>
      <c r="D2626" t="s">
        <v>45545</v>
      </c>
      <c r="E2626" t="s">
        <v>13</v>
      </c>
      <c r="F2626">
        <v>11456</v>
      </c>
      <c r="G2626" t="s">
        <v>45553</v>
      </c>
      <c r="H2626">
        <v>4.7694412141060001</v>
      </c>
      <c r="I2626">
        <v>51.584910110689002</v>
      </c>
      <c r="J2626" t="s">
        <v>58311</v>
      </c>
    </row>
    <row r="2627" spans="1:10" x14ac:dyDescent="0.25">
      <c r="A2627" t="s">
        <v>45547</v>
      </c>
      <c r="B2627" t="s">
        <v>45548</v>
      </c>
      <c r="C2627" t="s">
        <v>45549</v>
      </c>
      <c r="D2627" t="s">
        <v>45545</v>
      </c>
      <c r="E2627" t="s">
        <v>13</v>
      </c>
      <c r="F2627">
        <v>11455</v>
      </c>
      <c r="G2627" t="s">
        <v>45550</v>
      </c>
      <c r="H2627">
        <v>4.7790486895889996</v>
      </c>
      <c r="I2627">
        <v>51.584282644855001</v>
      </c>
      <c r="J2627" t="s">
        <v>58312</v>
      </c>
    </row>
    <row r="2628" spans="1:10" x14ac:dyDescent="0.25">
      <c r="A2628" t="s">
        <v>45543</v>
      </c>
      <c r="B2628" t="s">
        <v>45544</v>
      </c>
      <c r="C2628" t="s">
        <v>11423</v>
      </c>
      <c r="D2628" t="s">
        <v>45545</v>
      </c>
      <c r="E2628" t="s">
        <v>13</v>
      </c>
      <c r="F2628">
        <v>11454</v>
      </c>
      <c r="G2628" t="s">
        <v>45546</v>
      </c>
      <c r="H2628">
        <v>4.7834362921320004</v>
      </c>
      <c r="I2628">
        <v>51.590736984941998</v>
      </c>
      <c r="J2628" t="s">
        <v>58313</v>
      </c>
    </row>
    <row r="2629" spans="1:10" x14ac:dyDescent="0.25">
      <c r="A2629" t="s">
        <v>45539</v>
      </c>
      <c r="B2629" t="s">
        <v>45540</v>
      </c>
      <c r="C2629" t="s">
        <v>45541</v>
      </c>
      <c r="D2629" t="s">
        <v>45474</v>
      </c>
      <c r="E2629" t="s">
        <v>13</v>
      </c>
      <c r="F2629">
        <v>11453</v>
      </c>
      <c r="G2629" t="s">
        <v>45542</v>
      </c>
      <c r="H2629">
        <v>5.3723349706050003</v>
      </c>
      <c r="I2629">
        <v>51.514160334141003</v>
      </c>
      <c r="J2629" t="s">
        <v>58314</v>
      </c>
    </row>
    <row r="2630" spans="1:10" x14ac:dyDescent="0.25">
      <c r="A2630" t="s">
        <v>45535</v>
      </c>
      <c r="B2630" t="s">
        <v>45536</v>
      </c>
      <c r="C2630" t="s">
        <v>45537</v>
      </c>
      <c r="D2630" t="s">
        <v>45474</v>
      </c>
      <c r="E2630" t="s">
        <v>13</v>
      </c>
      <c r="F2630">
        <v>11452</v>
      </c>
      <c r="G2630" t="s">
        <v>45538</v>
      </c>
      <c r="H2630">
        <v>5.385602779289</v>
      </c>
      <c r="I2630">
        <v>51.521315593773998</v>
      </c>
      <c r="J2630" t="s">
        <v>58315</v>
      </c>
    </row>
    <row r="2631" spans="1:10" x14ac:dyDescent="0.25">
      <c r="A2631" t="s">
        <v>45531</v>
      </c>
      <c r="B2631" t="s">
        <v>45532</v>
      </c>
      <c r="C2631" t="s">
        <v>45533</v>
      </c>
      <c r="D2631" t="s">
        <v>45474</v>
      </c>
      <c r="E2631" t="s">
        <v>13</v>
      </c>
      <c r="F2631">
        <v>11451</v>
      </c>
      <c r="G2631" t="s">
        <v>45534</v>
      </c>
      <c r="H2631">
        <v>5.3889978659329998</v>
      </c>
      <c r="I2631">
        <v>51.495156184820999</v>
      </c>
      <c r="J2631" t="s">
        <v>58316</v>
      </c>
    </row>
    <row r="2632" spans="1:10" x14ac:dyDescent="0.25">
      <c r="A2632" t="s">
        <v>45527</v>
      </c>
      <c r="B2632" t="s">
        <v>45528</v>
      </c>
      <c r="C2632" t="s">
        <v>45529</v>
      </c>
      <c r="D2632" t="s">
        <v>45474</v>
      </c>
      <c r="E2632" t="s">
        <v>13</v>
      </c>
      <c r="F2632">
        <v>11450</v>
      </c>
      <c r="G2632" t="s">
        <v>45530</v>
      </c>
      <c r="H2632">
        <v>5.3822064967519996</v>
      </c>
      <c r="I2632">
        <v>51.512353204603002</v>
      </c>
      <c r="J2632" t="s">
        <v>58317</v>
      </c>
    </row>
    <row r="2633" spans="1:10" x14ac:dyDescent="0.25">
      <c r="A2633" t="s">
        <v>45524</v>
      </c>
      <c r="B2633" t="s">
        <v>45525</v>
      </c>
      <c r="C2633" t="s">
        <v>9799</v>
      </c>
      <c r="D2633" t="s">
        <v>45474</v>
      </c>
      <c r="E2633" t="s">
        <v>13</v>
      </c>
      <c r="F2633">
        <v>11449</v>
      </c>
      <c r="G2633" t="s">
        <v>45526</v>
      </c>
      <c r="H2633">
        <v>5.399967021418</v>
      </c>
      <c r="I2633">
        <v>51.518933877799</v>
      </c>
      <c r="J2633" t="s">
        <v>58318</v>
      </c>
    </row>
    <row r="2634" spans="1:10" x14ac:dyDescent="0.25">
      <c r="A2634" t="s">
        <v>45520</v>
      </c>
      <c r="B2634" t="s">
        <v>45521</v>
      </c>
      <c r="C2634" t="s">
        <v>45522</v>
      </c>
      <c r="D2634" t="s">
        <v>45474</v>
      </c>
      <c r="E2634" t="s">
        <v>13</v>
      </c>
      <c r="F2634">
        <v>11448</v>
      </c>
      <c r="G2634" t="s">
        <v>45523</v>
      </c>
      <c r="H2634">
        <v>5.3700665001630004</v>
      </c>
      <c r="I2634">
        <v>51.504085559709999</v>
      </c>
      <c r="J2634" t="s">
        <v>58319</v>
      </c>
    </row>
    <row r="2635" spans="1:10" x14ac:dyDescent="0.25">
      <c r="A2635" t="s">
        <v>45516</v>
      </c>
      <c r="B2635" t="s">
        <v>45517</v>
      </c>
      <c r="C2635" t="s">
        <v>45518</v>
      </c>
      <c r="D2635" t="s">
        <v>45474</v>
      </c>
      <c r="E2635" t="s">
        <v>13</v>
      </c>
      <c r="F2635">
        <v>11447</v>
      </c>
      <c r="G2635" t="s">
        <v>45519</v>
      </c>
      <c r="H2635">
        <v>5.3763165341050003</v>
      </c>
      <c r="I2635">
        <v>51.497648175580998</v>
      </c>
      <c r="J2635" t="s">
        <v>58320</v>
      </c>
    </row>
    <row r="2636" spans="1:10" x14ac:dyDescent="0.25">
      <c r="A2636" t="s">
        <v>45513</v>
      </c>
      <c r="B2636" t="s">
        <v>45514</v>
      </c>
      <c r="C2636" t="s">
        <v>30373</v>
      </c>
      <c r="D2636" t="s">
        <v>45474</v>
      </c>
      <c r="E2636" t="s">
        <v>13</v>
      </c>
      <c r="F2636">
        <v>11446</v>
      </c>
      <c r="G2636" t="s">
        <v>45515</v>
      </c>
      <c r="H2636">
        <v>5.383369977309</v>
      </c>
      <c r="I2636">
        <v>51.490449475641</v>
      </c>
      <c r="J2636" t="s">
        <v>58321</v>
      </c>
    </row>
    <row r="2637" spans="1:10" x14ac:dyDescent="0.25">
      <c r="A2637" t="s">
        <v>45509</v>
      </c>
      <c r="B2637" t="s">
        <v>45510</v>
      </c>
      <c r="C2637" t="s">
        <v>45511</v>
      </c>
      <c r="D2637" t="s">
        <v>45474</v>
      </c>
      <c r="E2637" t="s">
        <v>13</v>
      </c>
      <c r="F2637">
        <v>11445</v>
      </c>
      <c r="G2637" t="s">
        <v>45512</v>
      </c>
      <c r="H2637">
        <v>5.40083500149</v>
      </c>
      <c r="I2637">
        <v>51.488412165888001</v>
      </c>
      <c r="J2637" t="s">
        <v>58322</v>
      </c>
    </row>
    <row r="2638" spans="1:10" x14ac:dyDescent="0.25">
      <c r="A2638" t="s">
        <v>45506</v>
      </c>
      <c r="B2638" t="s">
        <v>45507</v>
      </c>
      <c r="C2638" t="s">
        <v>28483</v>
      </c>
      <c r="D2638" t="s">
        <v>45474</v>
      </c>
      <c r="E2638" t="s">
        <v>13</v>
      </c>
      <c r="F2638">
        <v>11444</v>
      </c>
      <c r="G2638" t="s">
        <v>45508</v>
      </c>
      <c r="H2638">
        <v>5.4060594885270001</v>
      </c>
      <c r="I2638">
        <v>51.501638764959999</v>
      </c>
      <c r="J2638" t="s">
        <v>58323</v>
      </c>
    </row>
    <row r="2639" spans="1:10" x14ac:dyDescent="0.25">
      <c r="A2639" t="s">
        <v>45502</v>
      </c>
      <c r="B2639" t="s">
        <v>45503</v>
      </c>
      <c r="C2639" t="s">
        <v>45504</v>
      </c>
      <c r="D2639" t="s">
        <v>45474</v>
      </c>
      <c r="E2639" t="s">
        <v>13</v>
      </c>
      <c r="F2639">
        <v>11443</v>
      </c>
      <c r="G2639" t="s">
        <v>45505</v>
      </c>
      <c r="H2639">
        <v>5.3851256366279996</v>
      </c>
      <c r="I2639">
        <v>51.505335712429002</v>
      </c>
      <c r="J2639" t="s">
        <v>58324</v>
      </c>
    </row>
    <row r="2640" spans="1:10" x14ac:dyDescent="0.25">
      <c r="A2640" t="s">
        <v>45499</v>
      </c>
      <c r="B2640" t="s">
        <v>45500</v>
      </c>
      <c r="C2640" t="s">
        <v>24800</v>
      </c>
      <c r="D2640" t="s">
        <v>45474</v>
      </c>
      <c r="E2640" t="s">
        <v>13</v>
      </c>
      <c r="F2640">
        <v>11442</v>
      </c>
      <c r="G2640" t="s">
        <v>45501</v>
      </c>
      <c r="H2640">
        <v>5.3926502524429996</v>
      </c>
      <c r="I2640">
        <v>51.498334376277001</v>
      </c>
      <c r="J2640" t="s">
        <v>58325</v>
      </c>
    </row>
    <row r="2641" spans="1:10" x14ac:dyDescent="0.25">
      <c r="A2641" t="s">
        <v>45495</v>
      </c>
      <c r="B2641" t="s">
        <v>45496</v>
      </c>
      <c r="C2641" t="s">
        <v>45497</v>
      </c>
      <c r="D2641" t="s">
        <v>45474</v>
      </c>
      <c r="E2641" t="s">
        <v>13</v>
      </c>
      <c r="F2641">
        <v>11441</v>
      </c>
      <c r="G2641" t="s">
        <v>45498</v>
      </c>
      <c r="H2641">
        <v>5.3910801138110003</v>
      </c>
      <c r="I2641">
        <v>51.516668066355003</v>
      </c>
      <c r="J2641" t="s">
        <v>58326</v>
      </c>
    </row>
    <row r="2642" spans="1:10" x14ac:dyDescent="0.25">
      <c r="A2642" t="s">
        <v>45491</v>
      </c>
      <c r="B2642" t="s">
        <v>45492</v>
      </c>
      <c r="C2642" t="s">
        <v>45493</v>
      </c>
      <c r="D2642" t="s">
        <v>45474</v>
      </c>
      <c r="E2642" t="s">
        <v>13</v>
      </c>
      <c r="F2642">
        <v>11440</v>
      </c>
      <c r="G2642" t="s">
        <v>45494</v>
      </c>
      <c r="H2642">
        <v>5.3955826229510002</v>
      </c>
      <c r="I2642">
        <v>51.491224349169002</v>
      </c>
      <c r="J2642" t="s">
        <v>58327</v>
      </c>
    </row>
    <row r="2643" spans="1:10" x14ac:dyDescent="0.25">
      <c r="A2643" t="s">
        <v>45487</v>
      </c>
      <c r="B2643" t="s">
        <v>45488</v>
      </c>
      <c r="C2643" t="s">
        <v>45489</v>
      </c>
      <c r="D2643" t="s">
        <v>45474</v>
      </c>
      <c r="E2643" t="s">
        <v>13</v>
      </c>
      <c r="F2643">
        <v>11439</v>
      </c>
      <c r="G2643" t="s">
        <v>45490</v>
      </c>
      <c r="H2643">
        <v>5.4118478804599999</v>
      </c>
      <c r="I2643">
        <v>51.494441379685</v>
      </c>
      <c r="J2643" t="s">
        <v>58328</v>
      </c>
    </row>
    <row r="2644" spans="1:10" x14ac:dyDescent="0.25">
      <c r="A2644" t="s">
        <v>45483</v>
      </c>
      <c r="B2644" t="s">
        <v>45484</v>
      </c>
      <c r="C2644" t="s">
        <v>45485</v>
      </c>
      <c r="D2644" t="s">
        <v>45474</v>
      </c>
      <c r="E2644" t="s">
        <v>13</v>
      </c>
      <c r="F2644">
        <v>11438</v>
      </c>
      <c r="G2644" t="s">
        <v>45486</v>
      </c>
      <c r="H2644">
        <v>5.3962993910849999</v>
      </c>
      <c r="I2644">
        <v>51.507268714113998</v>
      </c>
      <c r="J2644" t="s">
        <v>58329</v>
      </c>
    </row>
    <row r="2645" spans="1:10" x14ac:dyDescent="0.25">
      <c r="A2645" t="s">
        <v>45479</v>
      </c>
      <c r="B2645" t="s">
        <v>45480</v>
      </c>
      <c r="C2645" t="s">
        <v>45481</v>
      </c>
      <c r="D2645" t="s">
        <v>45474</v>
      </c>
      <c r="E2645" t="s">
        <v>13</v>
      </c>
      <c r="F2645">
        <v>11437</v>
      </c>
      <c r="G2645" t="s">
        <v>45482</v>
      </c>
      <c r="H2645">
        <v>5.4057913513890004</v>
      </c>
      <c r="I2645">
        <v>51.506927916366003</v>
      </c>
      <c r="J2645" t="s">
        <v>58330</v>
      </c>
    </row>
    <row r="2646" spans="1:10" x14ac:dyDescent="0.25">
      <c r="A2646" t="s">
        <v>45476</v>
      </c>
      <c r="B2646" t="s">
        <v>45477</v>
      </c>
      <c r="C2646" t="s">
        <v>26299</v>
      </c>
      <c r="D2646" t="s">
        <v>45474</v>
      </c>
      <c r="E2646" t="s">
        <v>13</v>
      </c>
      <c r="F2646">
        <v>11436</v>
      </c>
      <c r="G2646" t="s">
        <v>45478</v>
      </c>
      <c r="H2646">
        <v>5.4016957663690004</v>
      </c>
      <c r="I2646">
        <v>51.511468984467001</v>
      </c>
      <c r="J2646" t="s">
        <v>58331</v>
      </c>
    </row>
    <row r="2647" spans="1:10" x14ac:dyDescent="0.25">
      <c r="A2647" t="s">
        <v>45472</v>
      </c>
      <c r="B2647" t="s">
        <v>45473</v>
      </c>
      <c r="C2647" t="s">
        <v>129</v>
      </c>
      <c r="D2647" t="s">
        <v>45474</v>
      </c>
      <c r="E2647" t="s">
        <v>13</v>
      </c>
      <c r="F2647">
        <v>11435</v>
      </c>
      <c r="G2647" t="s">
        <v>45475</v>
      </c>
      <c r="H2647">
        <v>5.3941125325049999</v>
      </c>
      <c r="I2647">
        <v>51.511979410461002</v>
      </c>
      <c r="J2647" t="s">
        <v>58332</v>
      </c>
    </row>
    <row r="2648" spans="1:10" x14ac:dyDescent="0.25">
      <c r="A2648" t="s">
        <v>45468</v>
      </c>
      <c r="B2648" t="s">
        <v>45469</v>
      </c>
      <c r="C2648" t="s">
        <v>45470</v>
      </c>
      <c r="D2648" t="s">
        <v>45369</v>
      </c>
      <c r="E2648" t="s">
        <v>13</v>
      </c>
      <c r="F2648">
        <v>11434</v>
      </c>
      <c r="G2648" t="s">
        <v>45471</v>
      </c>
      <c r="H2648">
        <v>5.7355389718990004</v>
      </c>
      <c r="I2648">
        <v>51.426327028769997</v>
      </c>
      <c r="J2648" t="s">
        <v>58333</v>
      </c>
    </row>
    <row r="2649" spans="1:10" x14ac:dyDescent="0.25">
      <c r="A2649" t="s">
        <v>45464</v>
      </c>
      <c r="B2649" t="s">
        <v>45465</v>
      </c>
      <c r="C2649" t="s">
        <v>45466</v>
      </c>
      <c r="D2649" t="s">
        <v>45369</v>
      </c>
      <c r="E2649" t="s">
        <v>13</v>
      </c>
      <c r="F2649">
        <v>11433</v>
      </c>
      <c r="G2649" t="s">
        <v>45467</v>
      </c>
      <c r="H2649">
        <v>5.7332801235159998</v>
      </c>
      <c r="I2649">
        <v>51.428069704157998</v>
      </c>
      <c r="J2649" t="s">
        <v>58334</v>
      </c>
    </row>
    <row r="2650" spans="1:10" x14ac:dyDescent="0.25">
      <c r="A2650" t="s">
        <v>45460</v>
      </c>
      <c r="B2650" t="s">
        <v>45461</v>
      </c>
      <c r="C2650" t="s">
        <v>45462</v>
      </c>
      <c r="D2650" t="s">
        <v>45369</v>
      </c>
      <c r="E2650" t="s">
        <v>13</v>
      </c>
      <c r="F2650">
        <v>11432</v>
      </c>
      <c r="G2650" t="s">
        <v>45463</v>
      </c>
      <c r="H2650">
        <v>5.7466125990280004</v>
      </c>
      <c r="I2650">
        <v>51.422962563916997</v>
      </c>
      <c r="J2650" t="s">
        <v>58335</v>
      </c>
    </row>
    <row r="2651" spans="1:10" x14ac:dyDescent="0.25">
      <c r="A2651" t="s">
        <v>45456</v>
      </c>
      <c r="B2651" t="s">
        <v>45457</v>
      </c>
      <c r="C2651" t="s">
        <v>45458</v>
      </c>
      <c r="D2651" t="s">
        <v>45369</v>
      </c>
      <c r="E2651" t="s">
        <v>13</v>
      </c>
      <c r="F2651">
        <v>11431</v>
      </c>
      <c r="G2651" t="s">
        <v>45459</v>
      </c>
      <c r="H2651">
        <v>5.8184314837770001</v>
      </c>
      <c r="I2651">
        <v>51.351864530114</v>
      </c>
      <c r="J2651" t="s">
        <v>58336</v>
      </c>
    </row>
    <row r="2652" spans="1:10" x14ac:dyDescent="0.25">
      <c r="A2652" t="s">
        <v>45452</v>
      </c>
      <c r="B2652" t="s">
        <v>45453</v>
      </c>
      <c r="C2652" t="s">
        <v>45454</v>
      </c>
      <c r="D2652" t="s">
        <v>45369</v>
      </c>
      <c r="E2652" t="s">
        <v>13</v>
      </c>
      <c r="F2652">
        <v>11430</v>
      </c>
      <c r="G2652" t="s">
        <v>45455</v>
      </c>
      <c r="H2652">
        <v>5.7869049856489996</v>
      </c>
      <c r="I2652">
        <v>51.369151695044998</v>
      </c>
      <c r="J2652" t="s">
        <v>58337</v>
      </c>
    </row>
    <row r="2653" spans="1:10" x14ac:dyDescent="0.25">
      <c r="A2653" t="s">
        <v>45448</v>
      </c>
      <c r="B2653" t="s">
        <v>45449</v>
      </c>
      <c r="C2653" t="s">
        <v>45450</v>
      </c>
      <c r="D2653" t="s">
        <v>45369</v>
      </c>
      <c r="E2653" t="s">
        <v>13</v>
      </c>
      <c r="F2653">
        <v>11429</v>
      </c>
      <c r="G2653" t="s">
        <v>45451</v>
      </c>
      <c r="H2653">
        <v>5.7630527971149998</v>
      </c>
      <c r="I2653">
        <v>51.383961096061</v>
      </c>
      <c r="J2653" t="s">
        <v>58338</v>
      </c>
    </row>
    <row r="2654" spans="1:10" x14ac:dyDescent="0.25">
      <c r="A2654" t="s">
        <v>45444</v>
      </c>
      <c r="B2654" t="s">
        <v>45445</v>
      </c>
      <c r="C2654" t="s">
        <v>45446</v>
      </c>
      <c r="D2654" t="s">
        <v>45369</v>
      </c>
      <c r="E2654" t="s">
        <v>13</v>
      </c>
      <c r="F2654">
        <v>11428</v>
      </c>
      <c r="G2654" t="s">
        <v>45447</v>
      </c>
      <c r="H2654">
        <v>5.7437245016669998</v>
      </c>
      <c r="I2654">
        <v>51.395046136711002</v>
      </c>
      <c r="J2654" t="s">
        <v>58339</v>
      </c>
    </row>
    <row r="2655" spans="1:10" x14ac:dyDescent="0.25">
      <c r="A2655" t="s">
        <v>45440</v>
      </c>
      <c r="B2655" t="s">
        <v>45441</v>
      </c>
      <c r="C2655" t="s">
        <v>45442</v>
      </c>
      <c r="D2655" t="s">
        <v>45369</v>
      </c>
      <c r="E2655" t="s">
        <v>13</v>
      </c>
      <c r="F2655">
        <v>11427</v>
      </c>
      <c r="G2655" t="s">
        <v>45443</v>
      </c>
      <c r="H2655">
        <v>5.7250634545220001</v>
      </c>
      <c r="I2655">
        <v>51.406821985659001</v>
      </c>
      <c r="J2655" t="s">
        <v>58340</v>
      </c>
    </row>
    <row r="2656" spans="1:10" x14ac:dyDescent="0.25">
      <c r="A2656" t="s">
        <v>45437</v>
      </c>
      <c r="B2656" t="s">
        <v>45438</v>
      </c>
      <c r="C2656" t="s">
        <v>129</v>
      </c>
      <c r="D2656" t="s">
        <v>45369</v>
      </c>
      <c r="E2656" t="s">
        <v>13</v>
      </c>
      <c r="F2656">
        <v>11426</v>
      </c>
      <c r="G2656" t="s">
        <v>45439</v>
      </c>
      <c r="H2656">
        <v>5.7473731109389998</v>
      </c>
      <c r="I2656">
        <v>51.404261692483999</v>
      </c>
      <c r="J2656" t="s">
        <v>58341</v>
      </c>
    </row>
    <row r="2657" spans="1:10" x14ac:dyDescent="0.25">
      <c r="A2657" t="s">
        <v>45433</v>
      </c>
      <c r="B2657" t="s">
        <v>45434</v>
      </c>
      <c r="C2657" t="s">
        <v>45435</v>
      </c>
      <c r="D2657" t="s">
        <v>45369</v>
      </c>
      <c r="E2657" t="s">
        <v>13</v>
      </c>
      <c r="F2657">
        <v>11425</v>
      </c>
      <c r="G2657" t="s">
        <v>45436</v>
      </c>
      <c r="H2657">
        <v>5.7395689223220003</v>
      </c>
      <c r="I2657">
        <v>51.407787852313</v>
      </c>
      <c r="J2657" t="s">
        <v>58342</v>
      </c>
    </row>
    <row r="2658" spans="1:10" x14ac:dyDescent="0.25">
      <c r="A2658" t="s">
        <v>45429</v>
      </c>
      <c r="B2658" t="s">
        <v>45430</v>
      </c>
      <c r="C2658" t="s">
        <v>45431</v>
      </c>
      <c r="D2658" t="s">
        <v>45369</v>
      </c>
      <c r="E2658" t="s">
        <v>13</v>
      </c>
      <c r="F2658">
        <v>11424</v>
      </c>
      <c r="G2658" t="s">
        <v>45432</v>
      </c>
      <c r="H2658">
        <v>5.7365442299850002</v>
      </c>
      <c r="I2658">
        <v>51.401813110107</v>
      </c>
      <c r="J2658" t="s">
        <v>58343</v>
      </c>
    </row>
    <row r="2659" spans="1:10" x14ac:dyDescent="0.25">
      <c r="A2659" t="s">
        <v>45425</v>
      </c>
      <c r="B2659" t="s">
        <v>45426</v>
      </c>
      <c r="C2659" t="s">
        <v>45427</v>
      </c>
      <c r="D2659" t="s">
        <v>45369</v>
      </c>
      <c r="E2659" t="s">
        <v>13</v>
      </c>
      <c r="F2659">
        <v>11423</v>
      </c>
      <c r="G2659" t="s">
        <v>45428</v>
      </c>
      <c r="H2659">
        <v>5.7573682178750003</v>
      </c>
      <c r="I2659">
        <v>51.396849791027002</v>
      </c>
      <c r="J2659" t="s">
        <v>58344</v>
      </c>
    </row>
    <row r="2660" spans="1:10" x14ac:dyDescent="0.25">
      <c r="A2660" t="s">
        <v>45422</v>
      </c>
      <c r="B2660" t="s">
        <v>45423</v>
      </c>
      <c r="C2660" t="s">
        <v>4828</v>
      </c>
      <c r="D2660" t="s">
        <v>45369</v>
      </c>
      <c r="E2660" t="s">
        <v>13</v>
      </c>
      <c r="F2660">
        <v>11422</v>
      </c>
      <c r="G2660" t="s">
        <v>45424</v>
      </c>
      <c r="H2660">
        <v>5.7623840265990003</v>
      </c>
      <c r="I2660">
        <v>51.401169227186003</v>
      </c>
      <c r="J2660" t="s">
        <v>58345</v>
      </c>
    </row>
    <row r="2661" spans="1:10" x14ac:dyDescent="0.25">
      <c r="A2661" t="s">
        <v>45418</v>
      </c>
      <c r="B2661" t="s">
        <v>45419</v>
      </c>
      <c r="C2661" t="s">
        <v>45420</v>
      </c>
      <c r="D2661" t="s">
        <v>45369</v>
      </c>
      <c r="E2661" t="s">
        <v>13</v>
      </c>
      <c r="F2661">
        <v>11421</v>
      </c>
      <c r="G2661" t="s">
        <v>45421</v>
      </c>
      <c r="H2661">
        <v>5.7476638516609997</v>
      </c>
      <c r="I2661">
        <v>51.399748160653999</v>
      </c>
      <c r="J2661" t="s">
        <v>58346</v>
      </c>
    </row>
    <row r="2662" spans="1:10" x14ac:dyDescent="0.25">
      <c r="A2662" t="s">
        <v>45414</v>
      </c>
      <c r="B2662" t="s">
        <v>45415</v>
      </c>
      <c r="C2662" t="s">
        <v>45416</v>
      </c>
      <c r="D2662" t="s">
        <v>45369</v>
      </c>
      <c r="E2662" t="s">
        <v>13</v>
      </c>
      <c r="F2662">
        <v>11420</v>
      </c>
      <c r="G2662" t="s">
        <v>45417</v>
      </c>
      <c r="H2662">
        <v>5.7563604970439997</v>
      </c>
      <c r="I2662">
        <v>51.400705281996999</v>
      </c>
      <c r="J2662" t="s">
        <v>58347</v>
      </c>
    </row>
    <row r="2663" spans="1:10" x14ac:dyDescent="0.25">
      <c r="A2663" t="s">
        <v>45410</v>
      </c>
      <c r="B2663" t="s">
        <v>45411</v>
      </c>
      <c r="C2663" t="s">
        <v>45412</v>
      </c>
      <c r="D2663" t="s">
        <v>45369</v>
      </c>
      <c r="E2663" t="s">
        <v>13</v>
      </c>
      <c r="F2663">
        <v>11419</v>
      </c>
      <c r="G2663" t="s">
        <v>45413</v>
      </c>
      <c r="H2663">
        <v>5.7616630090329997</v>
      </c>
      <c r="I2663">
        <v>51.408724483290001</v>
      </c>
      <c r="J2663" t="s">
        <v>58348</v>
      </c>
    </row>
    <row r="2664" spans="1:10" x14ac:dyDescent="0.25">
      <c r="A2664" t="s">
        <v>45407</v>
      </c>
      <c r="B2664" t="s">
        <v>45408</v>
      </c>
      <c r="C2664" t="s">
        <v>14681</v>
      </c>
      <c r="D2664" t="s">
        <v>45369</v>
      </c>
      <c r="E2664" t="s">
        <v>13</v>
      </c>
      <c r="F2664">
        <v>11418</v>
      </c>
      <c r="G2664" t="s">
        <v>45409</v>
      </c>
      <c r="H2664">
        <v>5.7619807474569997</v>
      </c>
      <c r="I2664">
        <v>51.403123431281003</v>
      </c>
      <c r="J2664" t="s">
        <v>58349</v>
      </c>
    </row>
    <row r="2665" spans="1:10" x14ac:dyDescent="0.25">
      <c r="A2665" t="s">
        <v>45404</v>
      </c>
      <c r="B2665" t="s">
        <v>45405</v>
      </c>
      <c r="C2665" t="s">
        <v>7792</v>
      </c>
      <c r="D2665" t="s">
        <v>45369</v>
      </c>
      <c r="E2665" t="s">
        <v>13</v>
      </c>
      <c r="F2665">
        <v>11417</v>
      </c>
      <c r="G2665" t="s">
        <v>45406</v>
      </c>
      <c r="H2665">
        <v>5.7622605022290001</v>
      </c>
      <c r="I2665">
        <v>51.405622848602</v>
      </c>
      <c r="J2665" t="s">
        <v>58350</v>
      </c>
    </row>
    <row r="2666" spans="1:10" x14ac:dyDescent="0.25">
      <c r="A2666" t="s">
        <v>45400</v>
      </c>
      <c r="B2666" t="s">
        <v>45401</v>
      </c>
      <c r="C2666" t="s">
        <v>45402</v>
      </c>
      <c r="D2666" t="s">
        <v>45369</v>
      </c>
      <c r="E2666" t="s">
        <v>13</v>
      </c>
      <c r="F2666">
        <v>11416</v>
      </c>
      <c r="G2666" t="s">
        <v>45403</v>
      </c>
      <c r="H2666">
        <v>5.7545747297769996</v>
      </c>
      <c r="I2666">
        <v>51.404063668269004</v>
      </c>
      <c r="J2666" t="s">
        <v>58351</v>
      </c>
    </row>
    <row r="2667" spans="1:10" x14ac:dyDescent="0.25">
      <c r="A2667" t="s">
        <v>45396</v>
      </c>
      <c r="B2667" t="s">
        <v>45397</v>
      </c>
      <c r="C2667" t="s">
        <v>45398</v>
      </c>
      <c r="D2667" t="s">
        <v>45369</v>
      </c>
      <c r="E2667" t="s">
        <v>13</v>
      </c>
      <c r="F2667">
        <v>11415</v>
      </c>
      <c r="G2667" t="s">
        <v>45399</v>
      </c>
      <c r="H2667">
        <v>5.7571853074770001</v>
      </c>
      <c r="I2667">
        <v>51.406280843707002</v>
      </c>
      <c r="J2667" t="s">
        <v>58352</v>
      </c>
    </row>
    <row r="2668" spans="1:10" x14ac:dyDescent="0.25">
      <c r="A2668" t="s">
        <v>45392</v>
      </c>
      <c r="B2668" t="s">
        <v>45393</v>
      </c>
      <c r="C2668" t="s">
        <v>45394</v>
      </c>
      <c r="D2668" t="s">
        <v>45369</v>
      </c>
      <c r="E2668" t="s">
        <v>13</v>
      </c>
      <c r="F2668">
        <v>11414</v>
      </c>
      <c r="G2668" t="s">
        <v>45395</v>
      </c>
      <c r="H2668">
        <v>5.7496224320789997</v>
      </c>
      <c r="I2668">
        <v>51.406585558038003</v>
      </c>
      <c r="J2668" t="s">
        <v>58353</v>
      </c>
    </row>
    <row r="2669" spans="1:10" x14ac:dyDescent="0.25">
      <c r="A2669" t="s">
        <v>45389</v>
      </c>
      <c r="B2669" t="s">
        <v>45390</v>
      </c>
      <c r="C2669" t="s">
        <v>17625</v>
      </c>
      <c r="D2669" t="s">
        <v>45369</v>
      </c>
      <c r="E2669" t="s">
        <v>13</v>
      </c>
      <c r="F2669">
        <v>11413</v>
      </c>
      <c r="G2669" t="s">
        <v>45391</v>
      </c>
      <c r="H2669">
        <v>5.7521295035879998</v>
      </c>
      <c r="I2669">
        <v>51.409640635583997</v>
      </c>
      <c r="J2669" t="s">
        <v>58354</v>
      </c>
    </row>
    <row r="2670" spans="1:10" x14ac:dyDescent="0.25">
      <c r="A2670" t="s">
        <v>45386</v>
      </c>
      <c r="B2670" t="s">
        <v>45387</v>
      </c>
      <c r="C2670" t="s">
        <v>21000</v>
      </c>
      <c r="D2670" t="s">
        <v>45369</v>
      </c>
      <c r="E2670" t="s">
        <v>13</v>
      </c>
      <c r="F2670">
        <v>11412</v>
      </c>
      <c r="G2670" t="s">
        <v>45388</v>
      </c>
      <c r="H2670">
        <v>5.7533238024160003</v>
      </c>
      <c r="I2670">
        <v>51.412595704929998</v>
      </c>
      <c r="J2670" t="s">
        <v>58355</v>
      </c>
    </row>
    <row r="2671" spans="1:10" x14ac:dyDescent="0.25">
      <c r="A2671" t="s">
        <v>45382</v>
      </c>
      <c r="B2671" t="s">
        <v>45383</v>
      </c>
      <c r="C2671" t="s">
        <v>45384</v>
      </c>
      <c r="D2671" t="s">
        <v>45369</v>
      </c>
      <c r="E2671" t="s">
        <v>13</v>
      </c>
      <c r="F2671">
        <v>11411</v>
      </c>
      <c r="G2671" t="s">
        <v>45385</v>
      </c>
      <c r="H2671">
        <v>5.7883741521449998</v>
      </c>
      <c r="I2671">
        <v>51.400249711310003</v>
      </c>
      <c r="J2671" t="s">
        <v>58356</v>
      </c>
    </row>
    <row r="2672" spans="1:10" x14ac:dyDescent="0.25">
      <c r="A2672" t="s">
        <v>45378</v>
      </c>
      <c r="B2672" t="s">
        <v>45379</v>
      </c>
      <c r="C2672" t="s">
        <v>45380</v>
      </c>
      <c r="D2672" t="s">
        <v>45369</v>
      </c>
      <c r="E2672" t="s">
        <v>13</v>
      </c>
      <c r="F2672">
        <v>11410</v>
      </c>
      <c r="G2672" t="s">
        <v>45381</v>
      </c>
      <c r="H2672">
        <v>5.8421149737890001</v>
      </c>
      <c r="I2672">
        <v>51.376413895855997</v>
      </c>
      <c r="J2672" t="s">
        <v>58357</v>
      </c>
    </row>
    <row r="2673" spans="1:10" x14ac:dyDescent="0.25">
      <c r="A2673" t="s">
        <v>45375</v>
      </c>
      <c r="B2673" t="s">
        <v>45376</v>
      </c>
      <c r="C2673" t="s">
        <v>17384</v>
      </c>
      <c r="D2673" t="s">
        <v>45369</v>
      </c>
      <c r="E2673" t="s">
        <v>13</v>
      </c>
      <c r="F2673">
        <v>11409</v>
      </c>
      <c r="G2673" t="s">
        <v>45377</v>
      </c>
      <c r="H2673">
        <v>5.7621836277840002</v>
      </c>
      <c r="I2673">
        <v>51.414616018486001</v>
      </c>
      <c r="J2673" t="s">
        <v>58358</v>
      </c>
    </row>
    <row r="2674" spans="1:10" x14ac:dyDescent="0.25">
      <c r="A2674" t="s">
        <v>45371</v>
      </c>
      <c r="B2674" t="s">
        <v>45372</v>
      </c>
      <c r="C2674" t="s">
        <v>45373</v>
      </c>
      <c r="D2674" t="s">
        <v>45369</v>
      </c>
      <c r="E2674" t="s">
        <v>13</v>
      </c>
      <c r="F2674">
        <v>11408</v>
      </c>
      <c r="G2674" t="s">
        <v>45374</v>
      </c>
      <c r="H2674">
        <v>5.7548385271460001</v>
      </c>
      <c r="I2674">
        <v>51.415906171525002</v>
      </c>
      <c r="J2674" t="s">
        <v>58359</v>
      </c>
    </row>
    <row r="2675" spans="1:10" x14ac:dyDescent="0.25">
      <c r="A2675" t="s">
        <v>45367</v>
      </c>
      <c r="B2675" t="s">
        <v>45368</v>
      </c>
      <c r="C2675" t="s">
        <v>31520</v>
      </c>
      <c r="D2675" t="s">
        <v>45369</v>
      </c>
      <c r="E2675" t="s">
        <v>13</v>
      </c>
      <c r="F2675">
        <v>11407</v>
      </c>
      <c r="G2675" t="s">
        <v>45370</v>
      </c>
      <c r="H2675">
        <v>5.7458370079650001</v>
      </c>
      <c r="I2675">
        <v>51.412385704118002</v>
      </c>
      <c r="J2675" t="s">
        <v>58360</v>
      </c>
    </row>
    <row r="2676" spans="1:10" x14ac:dyDescent="0.25">
      <c r="A2676" t="s">
        <v>45364</v>
      </c>
      <c r="B2676" t="s">
        <v>45365</v>
      </c>
      <c r="C2676" t="s">
        <v>9799</v>
      </c>
      <c r="D2676" t="s">
        <v>45088</v>
      </c>
      <c r="E2676" t="s">
        <v>13</v>
      </c>
      <c r="F2676">
        <v>11406</v>
      </c>
      <c r="G2676" t="s">
        <v>45366</v>
      </c>
      <c r="H2676">
        <v>3.687861188077</v>
      </c>
      <c r="I2676">
        <v>51.511145761716001</v>
      </c>
      <c r="J2676" t="s">
        <v>58361</v>
      </c>
    </row>
    <row r="2677" spans="1:10" x14ac:dyDescent="0.25">
      <c r="A2677" t="s">
        <v>45360</v>
      </c>
      <c r="B2677" t="s">
        <v>45361</v>
      </c>
      <c r="C2677" t="s">
        <v>45362</v>
      </c>
      <c r="D2677" t="s">
        <v>45088</v>
      </c>
      <c r="E2677" t="s">
        <v>13</v>
      </c>
      <c r="F2677">
        <v>11405</v>
      </c>
      <c r="G2677" t="s">
        <v>45363</v>
      </c>
      <c r="H2677">
        <v>3.706822508928</v>
      </c>
      <c r="I2677">
        <v>51.526698097870003</v>
      </c>
      <c r="J2677" t="s">
        <v>58362</v>
      </c>
    </row>
    <row r="2678" spans="1:10" x14ac:dyDescent="0.25">
      <c r="A2678" t="s">
        <v>45356</v>
      </c>
      <c r="B2678" t="s">
        <v>45357</v>
      </c>
      <c r="C2678" t="s">
        <v>45358</v>
      </c>
      <c r="D2678" t="s">
        <v>45088</v>
      </c>
      <c r="E2678" t="s">
        <v>13</v>
      </c>
      <c r="F2678">
        <v>11404</v>
      </c>
      <c r="G2678" t="s">
        <v>45359</v>
      </c>
      <c r="H2678">
        <v>3.7110832335000001</v>
      </c>
      <c r="I2678">
        <v>51.512671478973999</v>
      </c>
      <c r="J2678" t="s">
        <v>58363</v>
      </c>
    </row>
    <row r="2679" spans="1:10" x14ac:dyDescent="0.25">
      <c r="A2679" t="s">
        <v>45352</v>
      </c>
      <c r="B2679" t="s">
        <v>45353</v>
      </c>
      <c r="C2679" t="s">
        <v>45354</v>
      </c>
      <c r="D2679" t="s">
        <v>45088</v>
      </c>
      <c r="E2679" t="s">
        <v>13</v>
      </c>
      <c r="F2679">
        <v>11403</v>
      </c>
      <c r="G2679" t="s">
        <v>45355</v>
      </c>
      <c r="H2679">
        <v>3.6650726478019999</v>
      </c>
      <c r="I2679">
        <v>51.519551519069999</v>
      </c>
      <c r="J2679" t="s">
        <v>58364</v>
      </c>
    </row>
    <row r="2680" spans="1:10" x14ac:dyDescent="0.25">
      <c r="A2680" t="s">
        <v>45348</v>
      </c>
      <c r="B2680" t="s">
        <v>45349</v>
      </c>
      <c r="C2680" t="s">
        <v>45350</v>
      </c>
      <c r="D2680" t="s">
        <v>45088</v>
      </c>
      <c r="E2680" t="s">
        <v>13</v>
      </c>
      <c r="F2680">
        <v>11402</v>
      </c>
      <c r="G2680" t="s">
        <v>45351</v>
      </c>
      <c r="H2680">
        <v>3.6690926096449998</v>
      </c>
      <c r="I2680">
        <v>51.509315354694998</v>
      </c>
      <c r="J2680" t="s">
        <v>58365</v>
      </c>
    </row>
    <row r="2681" spans="1:10" x14ac:dyDescent="0.25">
      <c r="A2681" t="s">
        <v>45344</v>
      </c>
      <c r="B2681" t="s">
        <v>45345</v>
      </c>
      <c r="C2681" t="s">
        <v>45346</v>
      </c>
      <c r="D2681" t="s">
        <v>45088</v>
      </c>
      <c r="E2681" t="s">
        <v>13</v>
      </c>
      <c r="F2681">
        <v>11401</v>
      </c>
      <c r="G2681" t="s">
        <v>45347</v>
      </c>
      <c r="H2681">
        <v>3.6791742656020001</v>
      </c>
      <c r="I2681">
        <v>51.509436388475002</v>
      </c>
      <c r="J2681" t="s">
        <v>58366</v>
      </c>
    </row>
    <row r="2682" spans="1:10" x14ac:dyDescent="0.25">
      <c r="A2682" t="s">
        <v>45340</v>
      </c>
      <c r="B2682" t="s">
        <v>45341</v>
      </c>
      <c r="C2682" t="s">
        <v>45342</v>
      </c>
      <c r="D2682" t="s">
        <v>45088</v>
      </c>
      <c r="E2682" t="s">
        <v>13</v>
      </c>
      <c r="F2682">
        <v>11400</v>
      </c>
      <c r="G2682" t="s">
        <v>45343</v>
      </c>
      <c r="H2682">
        <v>3.6680123119450001</v>
      </c>
      <c r="I2682">
        <v>51.505715149681997</v>
      </c>
      <c r="J2682" t="s">
        <v>58367</v>
      </c>
    </row>
    <row r="2683" spans="1:10" x14ac:dyDescent="0.25">
      <c r="A2683" t="s">
        <v>45336</v>
      </c>
      <c r="B2683" t="s">
        <v>45337</v>
      </c>
      <c r="C2683" t="s">
        <v>45338</v>
      </c>
      <c r="D2683" t="s">
        <v>45088</v>
      </c>
      <c r="E2683" t="s">
        <v>13</v>
      </c>
      <c r="F2683">
        <v>11399</v>
      </c>
      <c r="G2683" t="s">
        <v>45339</v>
      </c>
      <c r="H2683">
        <v>3.6697873115920001</v>
      </c>
      <c r="I2683">
        <v>51.503452227137998</v>
      </c>
      <c r="J2683" t="s">
        <v>58368</v>
      </c>
    </row>
    <row r="2684" spans="1:10" x14ac:dyDescent="0.25">
      <c r="A2684" t="s">
        <v>45332</v>
      </c>
      <c r="B2684" t="s">
        <v>45333</v>
      </c>
      <c r="C2684" t="s">
        <v>45334</v>
      </c>
      <c r="D2684" t="s">
        <v>45088</v>
      </c>
      <c r="E2684" t="s">
        <v>13</v>
      </c>
      <c r="F2684">
        <v>11398</v>
      </c>
      <c r="G2684" t="s">
        <v>45335</v>
      </c>
      <c r="H2684">
        <v>3.673664657187</v>
      </c>
      <c r="I2684">
        <v>51.5080683447</v>
      </c>
      <c r="J2684" t="s">
        <v>58369</v>
      </c>
    </row>
    <row r="2685" spans="1:10" x14ac:dyDescent="0.25">
      <c r="A2685" t="s">
        <v>45328</v>
      </c>
      <c r="B2685" t="s">
        <v>45329</v>
      </c>
      <c r="C2685" t="s">
        <v>45330</v>
      </c>
      <c r="D2685" t="s">
        <v>45088</v>
      </c>
      <c r="E2685" t="s">
        <v>13</v>
      </c>
      <c r="F2685">
        <v>11397</v>
      </c>
      <c r="G2685" t="s">
        <v>45331</v>
      </c>
      <c r="H2685">
        <v>3.6753302378239998</v>
      </c>
      <c r="I2685">
        <v>51.503846068968997</v>
      </c>
      <c r="J2685" t="s">
        <v>58370</v>
      </c>
    </row>
    <row r="2686" spans="1:10" x14ac:dyDescent="0.25">
      <c r="A2686" t="s">
        <v>45324</v>
      </c>
      <c r="B2686" t="s">
        <v>45325</v>
      </c>
      <c r="C2686" t="s">
        <v>45326</v>
      </c>
      <c r="D2686" t="s">
        <v>45088</v>
      </c>
      <c r="E2686" t="s">
        <v>13</v>
      </c>
      <c r="F2686">
        <v>11396</v>
      </c>
      <c r="G2686" t="s">
        <v>45327</v>
      </c>
      <c r="H2686">
        <v>3.6812874120869998</v>
      </c>
      <c r="I2686">
        <v>51.501191124252998</v>
      </c>
      <c r="J2686" t="s">
        <v>58371</v>
      </c>
    </row>
    <row r="2687" spans="1:10" x14ac:dyDescent="0.25">
      <c r="A2687" t="s">
        <v>45321</v>
      </c>
      <c r="B2687" t="s">
        <v>45322</v>
      </c>
      <c r="C2687" t="s">
        <v>872</v>
      </c>
      <c r="D2687" t="s">
        <v>45088</v>
      </c>
      <c r="E2687" t="s">
        <v>13</v>
      </c>
      <c r="F2687">
        <v>11395</v>
      </c>
      <c r="G2687" t="s">
        <v>45323</v>
      </c>
      <c r="H2687">
        <v>3.6723294385880001</v>
      </c>
      <c r="I2687">
        <v>51.500355382488998</v>
      </c>
      <c r="J2687" t="s">
        <v>58372</v>
      </c>
    </row>
    <row r="2688" spans="1:10" x14ac:dyDescent="0.25">
      <c r="A2688" t="s">
        <v>45317</v>
      </c>
      <c r="B2688" t="s">
        <v>45318</v>
      </c>
      <c r="C2688" t="s">
        <v>45319</v>
      </c>
      <c r="D2688" t="s">
        <v>45088</v>
      </c>
      <c r="E2688" t="s">
        <v>13</v>
      </c>
      <c r="F2688">
        <v>11394</v>
      </c>
      <c r="G2688" t="s">
        <v>45320</v>
      </c>
      <c r="H2688">
        <v>3.689426535235</v>
      </c>
      <c r="I2688">
        <v>51.485127510174003</v>
      </c>
      <c r="J2688" t="s">
        <v>58373</v>
      </c>
    </row>
    <row r="2689" spans="1:10" x14ac:dyDescent="0.25">
      <c r="A2689" t="s">
        <v>45313</v>
      </c>
      <c r="B2689" t="s">
        <v>45314</v>
      </c>
      <c r="C2689" t="s">
        <v>45315</v>
      </c>
      <c r="D2689" t="s">
        <v>45088</v>
      </c>
      <c r="E2689" t="s">
        <v>13</v>
      </c>
      <c r="F2689">
        <v>11393</v>
      </c>
      <c r="G2689" t="s">
        <v>45316</v>
      </c>
      <c r="H2689">
        <v>3.670908927752</v>
      </c>
      <c r="I2689">
        <v>51.475486279412003</v>
      </c>
      <c r="J2689" t="s">
        <v>58374</v>
      </c>
    </row>
    <row r="2690" spans="1:10" x14ac:dyDescent="0.25">
      <c r="A2690" t="s">
        <v>45309</v>
      </c>
      <c r="B2690" t="s">
        <v>45310</v>
      </c>
      <c r="C2690" t="s">
        <v>45311</v>
      </c>
      <c r="D2690" t="s">
        <v>45088</v>
      </c>
      <c r="E2690" t="s">
        <v>13</v>
      </c>
      <c r="F2690">
        <v>11392</v>
      </c>
      <c r="G2690" t="s">
        <v>45312</v>
      </c>
      <c r="H2690">
        <v>3.6509881053709998</v>
      </c>
      <c r="I2690">
        <v>51.474768339611998</v>
      </c>
      <c r="J2690" t="s">
        <v>58375</v>
      </c>
    </row>
    <row r="2691" spans="1:10" x14ac:dyDescent="0.25">
      <c r="A2691" t="s">
        <v>45305</v>
      </c>
      <c r="B2691" t="s">
        <v>45306</v>
      </c>
      <c r="C2691" t="s">
        <v>45307</v>
      </c>
      <c r="D2691" t="s">
        <v>45088</v>
      </c>
      <c r="E2691" t="s">
        <v>13</v>
      </c>
      <c r="F2691">
        <v>11391</v>
      </c>
      <c r="G2691" t="s">
        <v>45308</v>
      </c>
      <c r="H2691">
        <v>3.6771343141420001</v>
      </c>
      <c r="I2691">
        <v>51.491048828173</v>
      </c>
      <c r="J2691" t="s">
        <v>58376</v>
      </c>
    </row>
    <row r="2692" spans="1:10" x14ac:dyDescent="0.25">
      <c r="A2692" t="s">
        <v>45301</v>
      </c>
      <c r="B2692" t="s">
        <v>45302</v>
      </c>
      <c r="C2692" t="s">
        <v>45303</v>
      </c>
      <c r="D2692" t="s">
        <v>45088</v>
      </c>
      <c r="E2692" t="s">
        <v>13</v>
      </c>
      <c r="F2692">
        <v>11390</v>
      </c>
      <c r="G2692" t="s">
        <v>45304</v>
      </c>
      <c r="H2692">
        <v>3.6678860749800002</v>
      </c>
      <c r="I2692">
        <v>51.484054535169001</v>
      </c>
      <c r="J2692" t="s">
        <v>58377</v>
      </c>
    </row>
    <row r="2693" spans="1:10" x14ac:dyDescent="0.25">
      <c r="A2693" t="s">
        <v>45297</v>
      </c>
      <c r="B2693" t="s">
        <v>45298</v>
      </c>
      <c r="C2693" t="s">
        <v>45299</v>
      </c>
      <c r="D2693" t="s">
        <v>45088</v>
      </c>
      <c r="E2693" t="s">
        <v>13</v>
      </c>
      <c r="F2693">
        <v>11389</v>
      </c>
      <c r="G2693" t="s">
        <v>45300</v>
      </c>
      <c r="H2693">
        <v>3.6613038439259999</v>
      </c>
      <c r="I2693">
        <v>51.491855082858002</v>
      </c>
      <c r="J2693" t="s">
        <v>58378</v>
      </c>
    </row>
    <row r="2694" spans="1:10" x14ac:dyDescent="0.25">
      <c r="A2694" t="s">
        <v>45293</v>
      </c>
      <c r="B2694" t="s">
        <v>45294</v>
      </c>
      <c r="C2694" t="s">
        <v>45295</v>
      </c>
      <c r="D2694" t="s">
        <v>45088</v>
      </c>
      <c r="E2694" t="s">
        <v>13</v>
      </c>
      <c r="F2694">
        <v>11388</v>
      </c>
      <c r="G2694" t="s">
        <v>45296</v>
      </c>
      <c r="H2694">
        <v>3.6575880441969999</v>
      </c>
      <c r="I2694">
        <v>51.482489462646001</v>
      </c>
      <c r="J2694" t="s">
        <v>58379</v>
      </c>
    </row>
    <row r="2695" spans="1:10" x14ac:dyDescent="0.25">
      <c r="A2695" t="s">
        <v>45289</v>
      </c>
      <c r="B2695" t="s">
        <v>45290</v>
      </c>
      <c r="C2695" t="s">
        <v>45291</v>
      </c>
      <c r="D2695" t="s">
        <v>45088</v>
      </c>
      <c r="E2695" t="s">
        <v>13</v>
      </c>
      <c r="F2695">
        <v>11387</v>
      </c>
      <c r="G2695" t="s">
        <v>45292</v>
      </c>
      <c r="H2695">
        <v>3.6233003772710002</v>
      </c>
      <c r="I2695">
        <v>51.479571995084001</v>
      </c>
      <c r="J2695" t="s">
        <v>58380</v>
      </c>
    </row>
    <row r="2696" spans="1:10" x14ac:dyDescent="0.25">
      <c r="A2696" t="s">
        <v>45285</v>
      </c>
      <c r="B2696" t="s">
        <v>45286</v>
      </c>
      <c r="C2696" t="s">
        <v>45287</v>
      </c>
      <c r="D2696" t="s">
        <v>45088</v>
      </c>
      <c r="E2696" t="s">
        <v>13</v>
      </c>
      <c r="F2696">
        <v>11386</v>
      </c>
      <c r="G2696" t="s">
        <v>45288</v>
      </c>
      <c r="H2696">
        <v>3.6411438817259998</v>
      </c>
      <c r="I2696">
        <v>51.482714587791001</v>
      </c>
      <c r="J2696" t="s">
        <v>58381</v>
      </c>
    </row>
    <row r="2697" spans="1:10" x14ac:dyDescent="0.25">
      <c r="A2697" t="s">
        <v>45281</v>
      </c>
      <c r="B2697" t="s">
        <v>45282</v>
      </c>
      <c r="C2697" t="s">
        <v>45283</v>
      </c>
      <c r="D2697" t="s">
        <v>45088</v>
      </c>
      <c r="E2697" t="s">
        <v>13</v>
      </c>
      <c r="F2697">
        <v>11385</v>
      </c>
      <c r="G2697" t="s">
        <v>45284</v>
      </c>
      <c r="H2697">
        <v>3.6337548868930001</v>
      </c>
      <c r="I2697">
        <v>51.486854314467998</v>
      </c>
      <c r="J2697" t="s">
        <v>58382</v>
      </c>
    </row>
    <row r="2698" spans="1:10" x14ac:dyDescent="0.25">
      <c r="A2698" t="s">
        <v>45277</v>
      </c>
      <c r="B2698" t="s">
        <v>45278</v>
      </c>
      <c r="C2698" t="s">
        <v>45279</v>
      </c>
      <c r="D2698" t="s">
        <v>45088</v>
      </c>
      <c r="E2698" t="s">
        <v>13</v>
      </c>
      <c r="F2698">
        <v>11384</v>
      </c>
      <c r="G2698" t="s">
        <v>45280</v>
      </c>
      <c r="H2698">
        <v>3.6388759680430001</v>
      </c>
      <c r="I2698">
        <v>51.501294802430003</v>
      </c>
      <c r="J2698" t="s">
        <v>58383</v>
      </c>
    </row>
    <row r="2699" spans="1:10" x14ac:dyDescent="0.25">
      <c r="A2699" t="s">
        <v>45273</v>
      </c>
      <c r="B2699" t="s">
        <v>45274</v>
      </c>
      <c r="C2699" t="s">
        <v>45275</v>
      </c>
      <c r="D2699" t="s">
        <v>45088</v>
      </c>
      <c r="E2699" t="s">
        <v>13</v>
      </c>
      <c r="F2699">
        <v>11383</v>
      </c>
      <c r="G2699" t="s">
        <v>45276</v>
      </c>
      <c r="H2699">
        <v>3.645890408988</v>
      </c>
      <c r="I2699">
        <v>51.494613386862</v>
      </c>
      <c r="J2699" t="s">
        <v>58384</v>
      </c>
    </row>
    <row r="2700" spans="1:10" x14ac:dyDescent="0.25">
      <c r="A2700" t="s">
        <v>45270</v>
      </c>
      <c r="B2700" t="s">
        <v>45271</v>
      </c>
      <c r="C2700" t="s">
        <v>20794</v>
      </c>
      <c r="D2700" t="s">
        <v>45088</v>
      </c>
      <c r="E2700" t="s">
        <v>13</v>
      </c>
      <c r="F2700">
        <v>11382</v>
      </c>
      <c r="G2700" t="s">
        <v>45272</v>
      </c>
      <c r="H2700">
        <v>3.6202264092530001</v>
      </c>
      <c r="I2700">
        <v>51.494643212248</v>
      </c>
      <c r="J2700" t="s">
        <v>58385</v>
      </c>
    </row>
    <row r="2701" spans="1:10" x14ac:dyDescent="0.25">
      <c r="A2701" t="s">
        <v>45266</v>
      </c>
      <c r="B2701" t="s">
        <v>45267</v>
      </c>
      <c r="C2701" t="s">
        <v>45268</v>
      </c>
      <c r="D2701" t="s">
        <v>45088</v>
      </c>
      <c r="E2701" t="s">
        <v>13</v>
      </c>
      <c r="F2701">
        <v>11381</v>
      </c>
      <c r="G2701" t="s">
        <v>45269</v>
      </c>
      <c r="H2701">
        <v>3.6242930499420001</v>
      </c>
      <c r="I2701">
        <v>51.488663326386003</v>
      </c>
      <c r="J2701" t="s">
        <v>58386</v>
      </c>
    </row>
    <row r="2702" spans="1:10" x14ac:dyDescent="0.25">
      <c r="A2702" t="s">
        <v>45262</v>
      </c>
      <c r="B2702" t="s">
        <v>45263</v>
      </c>
      <c r="C2702" t="s">
        <v>45264</v>
      </c>
      <c r="D2702" t="s">
        <v>45088</v>
      </c>
      <c r="E2702" t="s">
        <v>13</v>
      </c>
      <c r="F2702">
        <v>11380</v>
      </c>
      <c r="G2702" t="s">
        <v>45265</v>
      </c>
      <c r="H2702">
        <v>3.6286395366390001</v>
      </c>
      <c r="I2702">
        <v>51.491722071524997</v>
      </c>
      <c r="J2702" t="s">
        <v>58387</v>
      </c>
    </row>
    <row r="2703" spans="1:10" x14ac:dyDescent="0.25">
      <c r="A2703" t="s">
        <v>45258</v>
      </c>
      <c r="B2703" t="s">
        <v>45259</v>
      </c>
      <c r="C2703" t="s">
        <v>45260</v>
      </c>
      <c r="D2703" t="s">
        <v>45088</v>
      </c>
      <c r="E2703" t="s">
        <v>13</v>
      </c>
      <c r="F2703">
        <v>11379</v>
      </c>
      <c r="G2703" t="s">
        <v>45261</v>
      </c>
      <c r="H2703">
        <v>3.6316407250229998</v>
      </c>
      <c r="I2703">
        <v>51.494489239761002</v>
      </c>
      <c r="J2703" t="s">
        <v>58388</v>
      </c>
    </row>
    <row r="2704" spans="1:10" x14ac:dyDescent="0.25">
      <c r="A2704" t="s">
        <v>45254</v>
      </c>
      <c r="B2704" t="s">
        <v>45255</v>
      </c>
      <c r="C2704" t="s">
        <v>45256</v>
      </c>
      <c r="D2704" t="s">
        <v>45088</v>
      </c>
      <c r="E2704" t="s">
        <v>13</v>
      </c>
      <c r="F2704">
        <v>11378</v>
      </c>
      <c r="G2704" t="s">
        <v>45257</v>
      </c>
      <c r="H2704">
        <v>3.608845223296</v>
      </c>
      <c r="I2704">
        <v>51.479509560346997</v>
      </c>
      <c r="J2704" t="s">
        <v>58389</v>
      </c>
    </row>
    <row r="2705" spans="1:10" x14ac:dyDescent="0.25">
      <c r="A2705" t="s">
        <v>45251</v>
      </c>
      <c r="B2705" t="s">
        <v>45252</v>
      </c>
      <c r="C2705" t="s">
        <v>17446</v>
      </c>
      <c r="D2705" t="s">
        <v>45088</v>
      </c>
      <c r="E2705" t="s">
        <v>13</v>
      </c>
      <c r="F2705">
        <v>11377</v>
      </c>
      <c r="G2705" t="s">
        <v>45253</v>
      </c>
      <c r="H2705">
        <v>3.6132790076200001</v>
      </c>
      <c r="I2705">
        <v>51.491750639016999</v>
      </c>
      <c r="J2705" t="s">
        <v>58390</v>
      </c>
    </row>
    <row r="2706" spans="1:10" x14ac:dyDescent="0.25">
      <c r="A2706" t="s">
        <v>45247</v>
      </c>
      <c r="B2706" t="s">
        <v>45248</v>
      </c>
      <c r="C2706" t="s">
        <v>45249</v>
      </c>
      <c r="D2706" t="s">
        <v>45088</v>
      </c>
      <c r="E2706" t="s">
        <v>13</v>
      </c>
      <c r="F2706">
        <v>11376</v>
      </c>
      <c r="G2706" t="s">
        <v>45250</v>
      </c>
      <c r="H2706">
        <v>3.6161435646119999</v>
      </c>
      <c r="I2706">
        <v>51.480888917168002</v>
      </c>
      <c r="J2706" t="s">
        <v>58391</v>
      </c>
    </row>
    <row r="2707" spans="1:10" x14ac:dyDescent="0.25">
      <c r="A2707" t="s">
        <v>45243</v>
      </c>
      <c r="B2707" t="s">
        <v>45244</v>
      </c>
      <c r="C2707" t="s">
        <v>45245</v>
      </c>
      <c r="D2707" t="s">
        <v>45088</v>
      </c>
      <c r="E2707" t="s">
        <v>13</v>
      </c>
      <c r="F2707">
        <v>11375</v>
      </c>
      <c r="G2707" t="s">
        <v>45246</v>
      </c>
      <c r="H2707">
        <v>3.6219281479059999</v>
      </c>
      <c r="I2707">
        <v>51.483458689567001</v>
      </c>
      <c r="J2707" t="s">
        <v>58392</v>
      </c>
    </row>
    <row r="2708" spans="1:10" x14ac:dyDescent="0.25">
      <c r="A2708" t="s">
        <v>45239</v>
      </c>
      <c r="B2708" t="s">
        <v>45240</v>
      </c>
      <c r="C2708" t="s">
        <v>45241</v>
      </c>
      <c r="D2708" t="s">
        <v>45088</v>
      </c>
      <c r="E2708" t="s">
        <v>13</v>
      </c>
      <c r="F2708">
        <v>11374</v>
      </c>
      <c r="G2708" t="s">
        <v>45242</v>
      </c>
      <c r="H2708">
        <v>3.6085590793789999</v>
      </c>
      <c r="I2708">
        <v>51.486242410997001</v>
      </c>
      <c r="J2708" t="s">
        <v>58393</v>
      </c>
    </row>
    <row r="2709" spans="1:10" x14ac:dyDescent="0.25">
      <c r="A2709" t="s">
        <v>45235</v>
      </c>
      <c r="B2709" t="s">
        <v>45236</v>
      </c>
      <c r="C2709" t="s">
        <v>45237</v>
      </c>
      <c r="D2709" t="s">
        <v>45088</v>
      </c>
      <c r="E2709" t="s">
        <v>13</v>
      </c>
      <c r="F2709">
        <v>11373</v>
      </c>
      <c r="G2709" t="s">
        <v>45238</v>
      </c>
      <c r="H2709">
        <v>3.617709536</v>
      </c>
      <c r="I2709">
        <v>51.485954029132998</v>
      </c>
      <c r="J2709" t="s">
        <v>58394</v>
      </c>
    </row>
    <row r="2710" spans="1:10" x14ac:dyDescent="0.25">
      <c r="A2710" t="s">
        <v>45231</v>
      </c>
      <c r="B2710" t="s">
        <v>45232</v>
      </c>
      <c r="C2710" t="s">
        <v>45233</v>
      </c>
      <c r="D2710" t="s">
        <v>45088</v>
      </c>
      <c r="E2710" t="s">
        <v>13</v>
      </c>
      <c r="F2710">
        <v>11372</v>
      </c>
      <c r="G2710" t="s">
        <v>45234</v>
      </c>
      <c r="H2710">
        <v>3.613788802707</v>
      </c>
      <c r="I2710">
        <v>51.488046032823</v>
      </c>
      <c r="J2710" t="s">
        <v>58395</v>
      </c>
    </row>
    <row r="2711" spans="1:10" x14ac:dyDescent="0.25">
      <c r="A2711" t="s">
        <v>45227</v>
      </c>
      <c r="B2711" t="s">
        <v>45228</v>
      </c>
      <c r="C2711" t="s">
        <v>45229</v>
      </c>
      <c r="D2711" t="s">
        <v>45088</v>
      </c>
      <c r="E2711" t="s">
        <v>13</v>
      </c>
      <c r="F2711">
        <v>11371</v>
      </c>
      <c r="G2711" t="s">
        <v>45230</v>
      </c>
      <c r="H2711">
        <v>3.5965031571239998</v>
      </c>
      <c r="I2711">
        <v>51.479198493068999</v>
      </c>
      <c r="J2711" t="s">
        <v>58396</v>
      </c>
    </row>
    <row r="2712" spans="1:10" x14ac:dyDescent="0.25">
      <c r="A2712" t="s">
        <v>45223</v>
      </c>
      <c r="B2712" t="s">
        <v>45224</v>
      </c>
      <c r="C2712" t="s">
        <v>45225</v>
      </c>
      <c r="D2712" t="s">
        <v>45088</v>
      </c>
      <c r="E2712" t="s">
        <v>13</v>
      </c>
      <c r="F2712">
        <v>11370</v>
      </c>
      <c r="G2712" t="s">
        <v>45226</v>
      </c>
      <c r="H2712">
        <v>3.588625359096</v>
      </c>
      <c r="I2712">
        <v>51.483997258805999</v>
      </c>
      <c r="J2712" t="s">
        <v>58397</v>
      </c>
    </row>
    <row r="2713" spans="1:10" x14ac:dyDescent="0.25">
      <c r="A2713" t="s">
        <v>45219</v>
      </c>
      <c r="B2713" t="s">
        <v>45220</v>
      </c>
      <c r="C2713" t="s">
        <v>45221</v>
      </c>
      <c r="D2713" t="s">
        <v>45088</v>
      </c>
      <c r="E2713" t="s">
        <v>13</v>
      </c>
      <c r="F2713">
        <v>11369</v>
      </c>
      <c r="G2713" t="s">
        <v>45222</v>
      </c>
      <c r="H2713">
        <v>3.5873087872170002</v>
      </c>
      <c r="I2713">
        <v>51.490240205387003</v>
      </c>
      <c r="J2713" t="s">
        <v>58398</v>
      </c>
    </row>
    <row r="2714" spans="1:10" x14ac:dyDescent="0.25">
      <c r="A2714" t="s">
        <v>45215</v>
      </c>
      <c r="B2714" t="s">
        <v>45216</v>
      </c>
      <c r="C2714" t="s">
        <v>45217</v>
      </c>
      <c r="D2714" t="s">
        <v>45088</v>
      </c>
      <c r="E2714" t="s">
        <v>13</v>
      </c>
      <c r="F2714">
        <v>11368</v>
      </c>
      <c r="G2714" t="s">
        <v>45218</v>
      </c>
      <c r="H2714">
        <v>3.5869543478830002</v>
      </c>
      <c r="I2714">
        <v>51.497227056397001</v>
      </c>
      <c r="J2714" t="s">
        <v>58399</v>
      </c>
    </row>
    <row r="2715" spans="1:10" x14ac:dyDescent="0.25">
      <c r="A2715" t="s">
        <v>45211</v>
      </c>
      <c r="B2715" t="s">
        <v>45212</v>
      </c>
      <c r="C2715" t="s">
        <v>45213</v>
      </c>
      <c r="D2715" t="s">
        <v>45088</v>
      </c>
      <c r="E2715" t="s">
        <v>13</v>
      </c>
      <c r="F2715">
        <v>11367</v>
      </c>
      <c r="G2715" t="s">
        <v>45214</v>
      </c>
      <c r="H2715">
        <v>3.5946274739759998</v>
      </c>
      <c r="I2715">
        <v>51.495799611641999</v>
      </c>
      <c r="J2715" t="s">
        <v>58400</v>
      </c>
    </row>
    <row r="2716" spans="1:10" x14ac:dyDescent="0.25">
      <c r="A2716" t="s">
        <v>45207</v>
      </c>
      <c r="B2716" t="s">
        <v>45208</v>
      </c>
      <c r="C2716" t="s">
        <v>45209</v>
      </c>
      <c r="D2716" t="s">
        <v>45088</v>
      </c>
      <c r="E2716" t="s">
        <v>13</v>
      </c>
      <c r="F2716">
        <v>11366</v>
      </c>
      <c r="G2716" t="s">
        <v>45210</v>
      </c>
      <c r="H2716">
        <v>3.5960880152880002</v>
      </c>
      <c r="I2716">
        <v>51.487534968529999</v>
      </c>
      <c r="J2716" t="s">
        <v>58401</v>
      </c>
    </row>
    <row r="2717" spans="1:10" x14ac:dyDescent="0.25">
      <c r="A2717" t="s">
        <v>45203</v>
      </c>
      <c r="B2717" t="s">
        <v>45204</v>
      </c>
      <c r="C2717" t="s">
        <v>45205</v>
      </c>
      <c r="D2717" t="s">
        <v>45088</v>
      </c>
      <c r="E2717" t="s">
        <v>13</v>
      </c>
      <c r="F2717">
        <v>11365</v>
      </c>
      <c r="G2717" t="s">
        <v>45206</v>
      </c>
      <c r="H2717">
        <v>3.6019964541189999</v>
      </c>
      <c r="I2717">
        <v>51.486419655864999</v>
      </c>
      <c r="J2717" t="s">
        <v>58402</v>
      </c>
    </row>
    <row r="2718" spans="1:10" x14ac:dyDescent="0.25">
      <c r="A2718" t="s">
        <v>45200</v>
      </c>
      <c r="B2718" t="s">
        <v>45201</v>
      </c>
      <c r="C2718" t="s">
        <v>28483</v>
      </c>
      <c r="D2718" t="s">
        <v>45088</v>
      </c>
      <c r="E2718" t="s">
        <v>13</v>
      </c>
      <c r="F2718">
        <v>11364</v>
      </c>
      <c r="G2718" t="s">
        <v>45202</v>
      </c>
      <c r="H2718">
        <v>3.601335880788</v>
      </c>
      <c r="I2718">
        <v>51.496185029548997</v>
      </c>
      <c r="J2718" t="s">
        <v>58403</v>
      </c>
    </row>
    <row r="2719" spans="1:10" x14ac:dyDescent="0.25">
      <c r="A2719" t="s">
        <v>45196</v>
      </c>
      <c r="B2719" t="s">
        <v>45197</v>
      </c>
      <c r="C2719" t="s">
        <v>45198</v>
      </c>
      <c r="D2719" t="s">
        <v>45088</v>
      </c>
      <c r="E2719" t="s">
        <v>13</v>
      </c>
      <c r="F2719">
        <v>11363</v>
      </c>
      <c r="G2719" t="s">
        <v>45199</v>
      </c>
      <c r="H2719">
        <v>3.6067093524399998</v>
      </c>
      <c r="I2719">
        <v>51.492695726915002</v>
      </c>
      <c r="J2719" t="s">
        <v>58404</v>
      </c>
    </row>
    <row r="2720" spans="1:10" x14ac:dyDescent="0.25">
      <c r="A2720" t="s">
        <v>45192</v>
      </c>
      <c r="B2720" t="s">
        <v>45193</v>
      </c>
      <c r="C2720" t="s">
        <v>45194</v>
      </c>
      <c r="D2720" t="s">
        <v>45088</v>
      </c>
      <c r="E2720" t="s">
        <v>13</v>
      </c>
      <c r="F2720">
        <v>11362</v>
      </c>
      <c r="G2720" t="s">
        <v>45195</v>
      </c>
      <c r="H2720">
        <v>3.6441281744370002</v>
      </c>
      <c r="I2720">
        <v>51.51496842457</v>
      </c>
      <c r="J2720" t="s">
        <v>58405</v>
      </c>
    </row>
    <row r="2721" spans="1:10" x14ac:dyDescent="0.25">
      <c r="A2721" t="s">
        <v>45188</v>
      </c>
      <c r="B2721" t="s">
        <v>45189</v>
      </c>
      <c r="C2721" t="s">
        <v>45190</v>
      </c>
      <c r="D2721" t="s">
        <v>45088</v>
      </c>
      <c r="E2721" t="s">
        <v>13</v>
      </c>
      <c r="F2721">
        <v>11361</v>
      </c>
      <c r="G2721" t="s">
        <v>45191</v>
      </c>
      <c r="H2721">
        <v>3.6314333516500001</v>
      </c>
      <c r="I2721">
        <v>51.519536127286997</v>
      </c>
      <c r="J2721" t="s">
        <v>58406</v>
      </c>
    </row>
    <row r="2722" spans="1:10" x14ac:dyDescent="0.25">
      <c r="A2722" t="s">
        <v>45184</v>
      </c>
      <c r="B2722" t="s">
        <v>45185</v>
      </c>
      <c r="C2722" t="s">
        <v>45186</v>
      </c>
      <c r="D2722" t="s">
        <v>45088</v>
      </c>
      <c r="E2722" t="s">
        <v>13</v>
      </c>
      <c r="F2722">
        <v>11360</v>
      </c>
      <c r="G2722" t="s">
        <v>45187</v>
      </c>
      <c r="H2722">
        <v>3.5922100199210001</v>
      </c>
      <c r="I2722">
        <v>51.516947049690003</v>
      </c>
      <c r="J2722" t="s">
        <v>58407</v>
      </c>
    </row>
    <row r="2723" spans="1:10" x14ac:dyDescent="0.25">
      <c r="A2723" t="s">
        <v>45180</v>
      </c>
      <c r="B2723" t="s">
        <v>45181</v>
      </c>
      <c r="C2723" t="s">
        <v>45182</v>
      </c>
      <c r="D2723" t="s">
        <v>45088</v>
      </c>
      <c r="E2723" t="s">
        <v>13</v>
      </c>
      <c r="F2723">
        <v>11359</v>
      </c>
      <c r="G2723" t="s">
        <v>45183</v>
      </c>
      <c r="H2723">
        <v>3.5838369481719998</v>
      </c>
      <c r="I2723">
        <v>51.511803337654001</v>
      </c>
      <c r="J2723" t="s">
        <v>58408</v>
      </c>
    </row>
    <row r="2724" spans="1:10" x14ac:dyDescent="0.25">
      <c r="A2724" t="s">
        <v>45177</v>
      </c>
      <c r="B2724" t="s">
        <v>45178</v>
      </c>
      <c r="C2724" t="s">
        <v>12926</v>
      </c>
      <c r="D2724" t="s">
        <v>45088</v>
      </c>
      <c r="E2724" t="s">
        <v>13</v>
      </c>
      <c r="F2724">
        <v>11358</v>
      </c>
      <c r="G2724" t="s">
        <v>45179</v>
      </c>
      <c r="H2724">
        <v>3.5837839065699999</v>
      </c>
      <c r="I2724">
        <v>51.504178761867003</v>
      </c>
      <c r="J2724" t="s">
        <v>58409</v>
      </c>
    </row>
    <row r="2725" spans="1:10" x14ac:dyDescent="0.25">
      <c r="A2725" t="s">
        <v>45173</v>
      </c>
      <c r="B2725" t="s">
        <v>45174</v>
      </c>
      <c r="C2725" t="s">
        <v>45175</v>
      </c>
      <c r="D2725" t="s">
        <v>45088</v>
      </c>
      <c r="E2725" t="s">
        <v>13</v>
      </c>
      <c r="F2725">
        <v>11357</v>
      </c>
      <c r="G2725" t="s">
        <v>45176</v>
      </c>
      <c r="H2725">
        <v>3.6112001179590001</v>
      </c>
      <c r="I2725">
        <v>51.517378651855999</v>
      </c>
      <c r="J2725" t="s">
        <v>58410</v>
      </c>
    </row>
    <row r="2726" spans="1:10" x14ac:dyDescent="0.25">
      <c r="A2726" t="s">
        <v>45169</v>
      </c>
      <c r="B2726" t="s">
        <v>45170</v>
      </c>
      <c r="C2726" t="s">
        <v>45171</v>
      </c>
      <c r="D2726" t="s">
        <v>45088</v>
      </c>
      <c r="E2726" t="s">
        <v>13</v>
      </c>
      <c r="F2726">
        <v>11356</v>
      </c>
      <c r="G2726" t="s">
        <v>45172</v>
      </c>
      <c r="H2726">
        <v>3.621114262846</v>
      </c>
      <c r="I2726">
        <v>51.520568062328998</v>
      </c>
      <c r="J2726" t="s">
        <v>58411</v>
      </c>
    </row>
    <row r="2727" spans="1:10" x14ac:dyDescent="0.25">
      <c r="A2727" t="s">
        <v>45165</v>
      </c>
      <c r="B2727" t="s">
        <v>45166</v>
      </c>
      <c r="C2727" t="s">
        <v>45167</v>
      </c>
      <c r="D2727" t="s">
        <v>45088</v>
      </c>
      <c r="E2727" t="s">
        <v>13</v>
      </c>
      <c r="F2727">
        <v>11355</v>
      </c>
      <c r="G2727" t="s">
        <v>45168</v>
      </c>
      <c r="H2727">
        <v>3.6148636560049998</v>
      </c>
      <c r="I2727">
        <v>51.525790826692997</v>
      </c>
      <c r="J2727" t="s">
        <v>58412</v>
      </c>
    </row>
    <row r="2728" spans="1:10" x14ac:dyDescent="0.25">
      <c r="A2728" t="s">
        <v>45161</v>
      </c>
      <c r="B2728" t="s">
        <v>45162</v>
      </c>
      <c r="C2728" t="s">
        <v>45163</v>
      </c>
      <c r="D2728" t="s">
        <v>45088</v>
      </c>
      <c r="E2728" t="s">
        <v>13</v>
      </c>
      <c r="F2728">
        <v>11354</v>
      </c>
      <c r="G2728" t="s">
        <v>45164</v>
      </c>
      <c r="H2728">
        <v>3.6245397404380002</v>
      </c>
      <c r="I2728">
        <v>51.510605088024001</v>
      </c>
      <c r="J2728" t="s">
        <v>58413</v>
      </c>
    </row>
    <row r="2729" spans="1:10" x14ac:dyDescent="0.25">
      <c r="A2729" t="s">
        <v>45157</v>
      </c>
      <c r="B2729" t="s">
        <v>45158</v>
      </c>
      <c r="C2729" t="s">
        <v>45159</v>
      </c>
      <c r="D2729" t="s">
        <v>45088</v>
      </c>
      <c r="E2729" t="s">
        <v>13</v>
      </c>
      <c r="F2729">
        <v>11353</v>
      </c>
      <c r="G2729" t="s">
        <v>45160</v>
      </c>
      <c r="H2729">
        <v>3.6201258205419999</v>
      </c>
      <c r="I2729">
        <v>51.515516302568003</v>
      </c>
      <c r="J2729" t="s">
        <v>58414</v>
      </c>
    </row>
    <row r="2730" spans="1:10" x14ac:dyDescent="0.25">
      <c r="A2730" t="s">
        <v>45153</v>
      </c>
      <c r="B2730" t="s">
        <v>45154</v>
      </c>
      <c r="C2730" t="s">
        <v>45155</v>
      </c>
      <c r="D2730" t="s">
        <v>45088</v>
      </c>
      <c r="E2730" t="s">
        <v>13</v>
      </c>
      <c r="F2730">
        <v>11352</v>
      </c>
      <c r="G2730" t="s">
        <v>45156</v>
      </c>
      <c r="H2730">
        <v>3.6331009175209998</v>
      </c>
      <c r="I2730">
        <v>51.504483964808003</v>
      </c>
      <c r="J2730" t="s">
        <v>58415</v>
      </c>
    </row>
    <row r="2731" spans="1:10" x14ac:dyDescent="0.25">
      <c r="A2731" t="s">
        <v>45149</v>
      </c>
      <c r="B2731" t="s">
        <v>45150</v>
      </c>
      <c r="C2731" t="s">
        <v>45151</v>
      </c>
      <c r="D2731" t="s">
        <v>45088</v>
      </c>
      <c r="E2731" t="s">
        <v>13</v>
      </c>
      <c r="F2731">
        <v>11351</v>
      </c>
      <c r="G2731" t="s">
        <v>45152</v>
      </c>
      <c r="H2731">
        <v>3.6022364983499999</v>
      </c>
      <c r="I2731">
        <v>51.531350882658003</v>
      </c>
      <c r="J2731" t="s">
        <v>58416</v>
      </c>
    </row>
    <row r="2732" spans="1:10" x14ac:dyDescent="0.25">
      <c r="A2732" t="s">
        <v>45145</v>
      </c>
      <c r="B2732" t="s">
        <v>45146</v>
      </c>
      <c r="C2732" t="s">
        <v>45147</v>
      </c>
      <c r="D2732" t="s">
        <v>45088</v>
      </c>
      <c r="E2732" t="s">
        <v>13</v>
      </c>
      <c r="F2732">
        <v>11350</v>
      </c>
      <c r="G2732" t="s">
        <v>45148</v>
      </c>
      <c r="H2732">
        <v>3.5993535839219999</v>
      </c>
      <c r="I2732">
        <v>51.523646294521001</v>
      </c>
      <c r="J2732" t="s">
        <v>58417</v>
      </c>
    </row>
    <row r="2733" spans="1:10" x14ac:dyDescent="0.25">
      <c r="A2733" t="s">
        <v>45141</v>
      </c>
      <c r="B2733" t="s">
        <v>45142</v>
      </c>
      <c r="C2733" t="s">
        <v>45143</v>
      </c>
      <c r="D2733" t="s">
        <v>45088</v>
      </c>
      <c r="E2733" t="s">
        <v>13</v>
      </c>
      <c r="F2733">
        <v>11349</v>
      </c>
      <c r="G2733" t="s">
        <v>45144</v>
      </c>
      <c r="H2733">
        <v>3.6051928784189999</v>
      </c>
      <c r="I2733">
        <v>51.525376525143002</v>
      </c>
      <c r="J2733" t="s">
        <v>58418</v>
      </c>
    </row>
    <row r="2734" spans="1:10" x14ac:dyDescent="0.25">
      <c r="A2734" t="s">
        <v>45137</v>
      </c>
      <c r="B2734" t="s">
        <v>45138</v>
      </c>
      <c r="C2734" t="s">
        <v>45139</v>
      </c>
      <c r="D2734" t="s">
        <v>45088</v>
      </c>
      <c r="E2734" t="s">
        <v>13</v>
      </c>
      <c r="F2734">
        <v>11348</v>
      </c>
      <c r="G2734" t="s">
        <v>45140</v>
      </c>
      <c r="H2734">
        <v>3.6022587891310001</v>
      </c>
      <c r="I2734">
        <v>51.513764150050001</v>
      </c>
      <c r="J2734" t="s">
        <v>58419</v>
      </c>
    </row>
    <row r="2735" spans="1:10" x14ac:dyDescent="0.25">
      <c r="A2735" t="s">
        <v>45133</v>
      </c>
      <c r="B2735" t="s">
        <v>45134</v>
      </c>
      <c r="C2735" t="s">
        <v>45135</v>
      </c>
      <c r="D2735" t="s">
        <v>45088</v>
      </c>
      <c r="E2735" t="s">
        <v>13</v>
      </c>
      <c r="F2735">
        <v>11347</v>
      </c>
      <c r="G2735" t="s">
        <v>45136</v>
      </c>
      <c r="H2735">
        <v>3.6062371646960001</v>
      </c>
      <c r="I2735">
        <v>51.515639864823001</v>
      </c>
      <c r="J2735" t="s">
        <v>58420</v>
      </c>
    </row>
    <row r="2736" spans="1:10" x14ac:dyDescent="0.25">
      <c r="A2736" t="s">
        <v>45129</v>
      </c>
      <c r="B2736" t="s">
        <v>45130</v>
      </c>
      <c r="C2736" t="s">
        <v>45131</v>
      </c>
      <c r="D2736" t="s">
        <v>45088</v>
      </c>
      <c r="E2736" t="s">
        <v>13</v>
      </c>
      <c r="F2736">
        <v>11346</v>
      </c>
      <c r="G2736" t="s">
        <v>45132</v>
      </c>
      <c r="H2736">
        <v>3.625042719998</v>
      </c>
      <c r="I2736">
        <v>51.505914641392003</v>
      </c>
      <c r="J2736" t="s">
        <v>58421</v>
      </c>
    </row>
    <row r="2737" spans="1:10" x14ac:dyDescent="0.25">
      <c r="A2737" t="s">
        <v>45125</v>
      </c>
      <c r="B2737" t="s">
        <v>45126</v>
      </c>
      <c r="C2737" t="s">
        <v>45127</v>
      </c>
      <c r="D2737" t="s">
        <v>45088</v>
      </c>
      <c r="E2737" t="s">
        <v>13</v>
      </c>
      <c r="F2737">
        <v>11345</v>
      </c>
      <c r="G2737" t="s">
        <v>45128</v>
      </c>
      <c r="H2737">
        <v>3.61448435898</v>
      </c>
      <c r="I2737">
        <v>51.510488834077997</v>
      </c>
      <c r="J2737" t="s">
        <v>58422</v>
      </c>
    </row>
    <row r="2738" spans="1:10" x14ac:dyDescent="0.25">
      <c r="A2738" t="s">
        <v>45121</v>
      </c>
      <c r="B2738" t="s">
        <v>45122</v>
      </c>
      <c r="C2738" t="s">
        <v>45123</v>
      </c>
      <c r="D2738" t="s">
        <v>45088</v>
      </c>
      <c r="E2738" t="s">
        <v>13</v>
      </c>
      <c r="F2738">
        <v>11344</v>
      </c>
      <c r="G2738" t="s">
        <v>45124</v>
      </c>
      <c r="H2738">
        <v>3.6105095021409999</v>
      </c>
      <c r="I2738">
        <v>51.508396306527999</v>
      </c>
      <c r="J2738" t="s">
        <v>58423</v>
      </c>
    </row>
    <row r="2739" spans="1:10" x14ac:dyDescent="0.25">
      <c r="A2739" t="s">
        <v>45117</v>
      </c>
      <c r="B2739" t="s">
        <v>45118</v>
      </c>
      <c r="C2739" t="s">
        <v>45119</v>
      </c>
      <c r="D2739" t="s">
        <v>45088</v>
      </c>
      <c r="E2739" t="s">
        <v>13</v>
      </c>
      <c r="F2739">
        <v>11343</v>
      </c>
      <c r="G2739" t="s">
        <v>45120</v>
      </c>
      <c r="H2739">
        <v>3.6061562406409999</v>
      </c>
      <c r="I2739">
        <v>51.505326993978002</v>
      </c>
      <c r="J2739" t="s">
        <v>58424</v>
      </c>
    </row>
    <row r="2740" spans="1:10" x14ac:dyDescent="0.25">
      <c r="A2740" t="s">
        <v>45113</v>
      </c>
      <c r="B2740" t="s">
        <v>45114</v>
      </c>
      <c r="C2740" t="s">
        <v>45115</v>
      </c>
      <c r="D2740" t="s">
        <v>45088</v>
      </c>
      <c r="E2740" t="s">
        <v>13</v>
      </c>
      <c r="F2740">
        <v>11342</v>
      </c>
      <c r="G2740" t="s">
        <v>45116</v>
      </c>
      <c r="H2740">
        <v>3.594230671029</v>
      </c>
      <c r="I2740">
        <v>51.509570156591003</v>
      </c>
      <c r="J2740" t="s">
        <v>58425</v>
      </c>
    </row>
    <row r="2741" spans="1:10" x14ac:dyDescent="0.25">
      <c r="A2741" t="s">
        <v>45109</v>
      </c>
      <c r="B2741" t="s">
        <v>45110</v>
      </c>
      <c r="C2741" t="s">
        <v>45111</v>
      </c>
      <c r="D2741" t="s">
        <v>45088</v>
      </c>
      <c r="E2741" t="s">
        <v>13</v>
      </c>
      <c r="F2741">
        <v>11341</v>
      </c>
      <c r="G2741" t="s">
        <v>45112</v>
      </c>
      <c r="H2741">
        <v>3.5929308789830001</v>
      </c>
      <c r="I2741">
        <v>51.504215087612003</v>
      </c>
      <c r="J2741" t="s">
        <v>58426</v>
      </c>
    </row>
    <row r="2742" spans="1:10" x14ac:dyDescent="0.25">
      <c r="A2742" t="s">
        <v>45105</v>
      </c>
      <c r="B2742" t="s">
        <v>45106</v>
      </c>
      <c r="C2742" t="s">
        <v>45107</v>
      </c>
      <c r="D2742" t="s">
        <v>45088</v>
      </c>
      <c r="E2742" t="s">
        <v>13</v>
      </c>
      <c r="F2742">
        <v>11340</v>
      </c>
      <c r="G2742" t="s">
        <v>45108</v>
      </c>
      <c r="H2742">
        <v>3.5999378257719998</v>
      </c>
      <c r="I2742">
        <v>51.502371179203998</v>
      </c>
      <c r="J2742" t="s">
        <v>58427</v>
      </c>
    </row>
    <row r="2743" spans="1:10" x14ac:dyDescent="0.25">
      <c r="A2743" t="s">
        <v>45101</v>
      </c>
      <c r="B2743" t="s">
        <v>45102</v>
      </c>
      <c r="C2743" t="s">
        <v>45103</v>
      </c>
      <c r="D2743" t="s">
        <v>45088</v>
      </c>
      <c r="E2743" t="s">
        <v>13</v>
      </c>
      <c r="F2743">
        <v>11339</v>
      </c>
      <c r="G2743" t="s">
        <v>45104</v>
      </c>
      <c r="H2743">
        <v>3.625211403272</v>
      </c>
      <c r="I2743">
        <v>51.500955806821999</v>
      </c>
      <c r="J2743" t="s">
        <v>58428</v>
      </c>
    </row>
    <row r="2744" spans="1:10" x14ac:dyDescent="0.25">
      <c r="A2744" t="s">
        <v>45097</v>
      </c>
      <c r="B2744" t="s">
        <v>45098</v>
      </c>
      <c r="C2744" t="s">
        <v>45099</v>
      </c>
      <c r="D2744" t="s">
        <v>45088</v>
      </c>
      <c r="E2744" t="s">
        <v>13</v>
      </c>
      <c r="F2744">
        <v>11338</v>
      </c>
      <c r="G2744" t="s">
        <v>45100</v>
      </c>
      <c r="H2744">
        <v>3.6204784704100001</v>
      </c>
      <c r="I2744">
        <v>51.499346737579998</v>
      </c>
      <c r="J2744" t="s">
        <v>58429</v>
      </c>
    </row>
    <row r="2745" spans="1:10" x14ac:dyDescent="0.25">
      <c r="A2745" t="s">
        <v>45094</v>
      </c>
      <c r="B2745" t="s">
        <v>45095</v>
      </c>
      <c r="C2745" t="s">
        <v>3254</v>
      </c>
      <c r="D2745" t="s">
        <v>45088</v>
      </c>
      <c r="E2745" t="s">
        <v>13</v>
      </c>
      <c r="F2745">
        <v>11337</v>
      </c>
      <c r="G2745" t="s">
        <v>45096</v>
      </c>
      <c r="H2745">
        <v>3.6110537287210001</v>
      </c>
      <c r="I2745">
        <v>51.496377458437998</v>
      </c>
      <c r="J2745" t="s">
        <v>58430</v>
      </c>
    </row>
    <row r="2746" spans="1:10" x14ac:dyDescent="0.25">
      <c r="A2746" t="s">
        <v>45090</v>
      </c>
      <c r="B2746" t="s">
        <v>45091</v>
      </c>
      <c r="C2746" t="s">
        <v>45092</v>
      </c>
      <c r="D2746" t="s">
        <v>45088</v>
      </c>
      <c r="E2746" t="s">
        <v>13</v>
      </c>
      <c r="F2746">
        <v>11336</v>
      </c>
      <c r="G2746" t="s">
        <v>45093</v>
      </c>
      <c r="H2746">
        <v>3.607593935213</v>
      </c>
      <c r="I2746">
        <v>51.500120198973001</v>
      </c>
      <c r="J2746" t="s">
        <v>58431</v>
      </c>
    </row>
    <row r="2747" spans="1:10" x14ac:dyDescent="0.25">
      <c r="A2747" t="s">
        <v>45085</v>
      </c>
      <c r="B2747" t="s">
        <v>45086</v>
      </c>
      <c r="C2747" t="s">
        <v>45087</v>
      </c>
      <c r="D2747" t="s">
        <v>45088</v>
      </c>
      <c r="E2747" t="s">
        <v>13</v>
      </c>
      <c r="F2747">
        <v>11335</v>
      </c>
      <c r="G2747" t="s">
        <v>45089</v>
      </c>
      <c r="H2747">
        <v>3.6151003197440001</v>
      </c>
      <c r="I2747">
        <v>51.502469628248001</v>
      </c>
      <c r="J2747" t="s">
        <v>58432</v>
      </c>
    </row>
    <row r="2748" spans="1:10" x14ac:dyDescent="0.25">
      <c r="A2748" t="s">
        <v>45081</v>
      </c>
      <c r="B2748" t="s">
        <v>45082</v>
      </c>
      <c r="C2748" t="s">
        <v>45083</v>
      </c>
      <c r="D2748" t="s">
        <v>44779</v>
      </c>
      <c r="E2748" t="s">
        <v>13</v>
      </c>
      <c r="F2748">
        <v>11334</v>
      </c>
      <c r="G2748" t="s">
        <v>45084</v>
      </c>
      <c r="H2748">
        <v>4.8204379196540001</v>
      </c>
      <c r="I2748">
        <v>52.789083474875</v>
      </c>
      <c r="J2748" t="s">
        <v>58433</v>
      </c>
    </row>
    <row r="2749" spans="1:10" x14ac:dyDescent="0.25">
      <c r="A2749" t="s">
        <v>45077</v>
      </c>
      <c r="B2749" t="s">
        <v>45078</v>
      </c>
      <c r="C2749" t="s">
        <v>45079</v>
      </c>
      <c r="D2749" t="s">
        <v>44779</v>
      </c>
      <c r="E2749" t="s">
        <v>13</v>
      </c>
      <c r="F2749">
        <v>11333</v>
      </c>
      <c r="G2749" t="s">
        <v>45080</v>
      </c>
      <c r="H2749">
        <v>4.8056235357080004</v>
      </c>
      <c r="I2749">
        <v>52.803720532615003</v>
      </c>
      <c r="J2749" t="s">
        <v>58434</v>
      </c>
    </row>
    <row r="2750" spans="1:10" x14ac:dyDescent="0.25">
      <c r="A2750" t="s">
        <v>45073</v>
      </c>
      <c r="B2750" t="s">
        <v>45074</v>
      </c>
      <c r="C2750" t="s">
        <v>45075</v>
      </c>
      <c r="D2750" t="s">
        <v>44779</v>
      </c>
      <c r="E2750" t="s">
        <v>13</v>
      </c>
      <c r="F2750">
        <v>11332</v>
      </c>
      <c r="G2750" t="s">
        <v>45076</v>
      </c>
      <c r="H2750">
        <v>4.8114338642470003</v>
      </c>
      <c r="I2750">
        <v>52.777584792195</v>
      </c>
      <c r="J2750" t="s">
        <v>58435</v>
      </c>
    </row>
    <row r="2751" spans="1:10" x14ac:dyDescent="0.25">
      <c r="A2751" t="s">
        <v>45069</v>
      </c>
      <c r="B2751" t="s">
        <v>45070</v>
      </c>
      <c r="C2751" t="s">
        <v>45071</v>
      </c>
      <c r="D2751" t="s">
        <v>44779</v>
      </c>
      <c r="E2751" t="s">
        <v>13</v>
      </c>
      <c r="F2751">
        <v>11331</v>
      </c>
      <c r="G2751" t="s">
        <v>45072</v>
      </c>
      <c r="H2751">
        <v>4.8073404808640001</v>
      </c>
      <c r="I2751">
        <v>52.796283116323004</v>
      </c>
      <c r="J2751" t="s">
        <v>58436</v>
      </c>
    </row>
    <row r="2752" spans="1:10" x14ac:dyDescent="0.25">
      <c r="A2752" t="s">
        <v>45065</v>
      </c>
      <c r="B2752" t="s">
        <v>45066</v>
      </c>
      <c r="C2752" t="s">
        <v>45067</v>
      </c>
      <c r="D2752" t="s">
        <v>44779</v>
      </c>
      <c r="E2752" t="s">
        <v>13</v>
      </c>
      <c r="F2752">
        <v>11330</v>
      </c>
      <c r="G2752" t="s">
        <v>45068</v>
      </c>
      <c r="H2752">
        <v>4.808489486529</v>
      </c>
      <c r="I2752">
        <v>52.790829548513997</v>
      </c>
      <c r="J2752" t="s">
        <v>58437</v>
      </c>
    </row>
    <row r="2753" spans="1:10" x14ac:dyDescent="0.25">
      <c r="A2753" t="s">
        <v>45061</v>
      </c>
      <c r="B2753" t="s">
        <v>45062</v>
      </c>
      <c r="C2753" t="s">
        <v>45063</v>
      </c>
      <c r="D2753" t="s">
        <v>44779</v>
      </c>
      <c r="E2753" t="s">
        <v>13</v>
      </c>
      <c r="F2753">
        <v>11329</v>
      </c>
      <c r="G2753" t="s">
        <v>45064</v>
      </c>
      <c r="H2753">
        <v>4.8091575970960001</v>
      </c>
      <c r="I2753">
        <v>52.785437989675998</v>
      </c>
      <c r="J2753" t="s">
        <v>58438</v>
      </c>
    </row>
    <row r="2754" spans="1:10" x14ac:dyDescent="0.25">
      <c r="A2754" t="s">
        <v>45057</v>
      </c>
      <c r="B2754" t="s">
        <v>45058</v>
      </c>
      <c r="C2754" t="s">
        <v>45059</v>
      </c>
      <c r="D2754" t="s">
        <v>44779</v>
      </c>
      <c r="E2754" t="s">
        <v>13</v>
      </c>
      <c r="F2754">
        <v>11328</v>
      </c>
      <c r="G2754" t="s">
        <v>45060</v>
      </c>
      <c r="H2754">
        <v>4.7920920165179997</v>
      </c>
      <c r="I2754">
        <v>52.771609453148002</v>
      </c>
      <c r="J2754" t="s">
        <v>58439</v>
      </c>
    </row>
    <row r="2755" spans="1:10" x14ac:dyDescent="0.25">
      <c r="A2755" t="s">
        <v>45053</v>
      </c>
      <c r="B2755" t="s">
        <v>45054</v>
      </c>
      <c r="C2755" t="s">
        <v>45055</v>
      </c>
      <c r="D2755" t="s">
        <v>44779</v>
      </c>
      <c r="E2755" t="s">
        <v>13</v>
      </c>
      <c r="F2755">
        <v>11327</v>
      </c>
      <c r="G2755" t="s">
        <v>45056</v>
      </c>
      <c r="H2755">
        <v>4.762065723059</v>
      </c>
      <c r="I2755">
        <v>52.784591712595997</v>
      </c>
      <c r="J2755" t="s">
        <v>58440</v>
      </c>
    </row>
    <row r="2756" spans="1:10" x14ac:dyDescent="0.25">
      <c r="A2756" t="s">
        <v>45049</v>
      </c>
      <c r="B2756" t="s">
        <v>45050</v>
      </c>
      <c r="C2756" t="s">
        <v>45051</v>
      </c>
      <c r="D2756" t="s">
        <v>44779</v>
      </c>
      <c r="E2756" t="s">
        <v>13</v>
      </c>
      <c r="F2756">
        <v>11326</v>
      </c>
      <c r="G2756" t="s">
        <v>45052</v>
      </c>
      <c r="H2756">
        <v>4.7826755983749996</v>
      </c>
      <c r="I2756">
        <v>52.794049669435999</v>
      </c>
      <c r="J2756" t="s">
        <v>58441</v>
      </c>
    </row>
    <row r="2757" spans="1:10" x14ac:dyDescent="0.25">
      <c r="A2757" t="s">
        <v>45045</v>
      </c>
      <c r="B2757" t="s">
        <v>45046</v>
      </c>
      <c r="C2757" t="s">
        <v>45047</v>
      </c>
      <c r="D2757" t="s">
        <v>44779</v>
      </c>
      <c r="E2757" t="s">
        <v>13</v>
      </c>
      <c r="F2757">
        <v>11325</v>
      </c>
      <c r="G2757" t="s">
        <v>45048</v>
      </c>
      <c r="H2757">
        <v>4.7875909306109996</v>
      </c>
      <c r="I2757">
        <v>52.787031371319003</v>
      </c>
      <c r="J2757" t="s">
        <v>58442</v>
      </c>
    </row>
    <row r="2758" spans="1:10" x14ac:dyDescent="0.25">
      <c r="A2758" t="s">
        <v>45041</v>
      </c>
      <c r="B2758" t="s">
        <v>45042</v>
      </c>
      <c r="C2758" t="s">
        <v>45043</v>
      </c>
      <c r="D2758" t="s">
        <v>44779</v>
      </c>
      <c r="E2758" t="s">
        <v>13</v>
      </c>
      <c r="F2758">
        <v>11324</v>
      </c>
      <c r="G2758" t="s">
        <v>45044</v>
      </c>
      <c r="H2758">
        <v>4.7796937983829997</v>
      </c>
      <c r="I2758">
        <v>52.785398847762004</v>
      </c>
      <c r="J2758" t="s">
        <v>58443</v>
      </c>
    </row>
    <row r="2759" spans="1:10" x14ac:dyDescent="0.25">
      <c r="A2759" t="s">
        <v>45037</v>
      </c>
      <c r="B2759" t="s">
        <v>45038</v>
      </c>
      <c r="C2759" t="s">
        <v>45039</v>
      </c>
      <c r="D2759" t="s">
        <v>44779</v>
      </c>
      <c r="E2759" t="s">
        <v>13</v>
      </c>
      <c r="F2759">
        <v>11323</v>
      </c>
      <c r="G2759" t="s">
        <v>45040</v>
      </c>
      <c r="H2759">
        <v>4.7879406074539999</v>
      </c>
      <c r="I2759">
        <v>52.781962346082999</v>
      </c>
      <c r="J2759" t="s">
        <v>58444</v>
      </c>
    </row>
    <row r="2760" spans="1:10" x14ac:dyDescent="0.25">
      <c r="A2760" t="s">
        <v>45033</v>
      </c>
      <c r="B2760" t="s">
        <v>45034</v>
      </c>
      <c r="C2760" t="s">
        <v>45035</v>
      </c>
      <c r="D2760" t="s">
        <v>44779</v>
      </c>
      <c r="E2760" t="s">
        <v>13</v>
      </c>
      <c r="F2760">
        <v>11322</v>
      </c>
      <c r="G2760" t="s">
        <v>45036</v>
      </c>
      <c r="H2760">
        <v>4.738761127459</v>
      </c>
      <c r="I2760">
        <v>52.867770671568998</v>
      </c>
      <c r="J2760" t="s">
        <v>58445</v>
      </c>
    </row>
    <row r="2761" spans="1:10" x14ac:dyDescent="0.25">
      <c r="A2761" t="s">
        <v>45029</v>
      </c>
      <c r="B2761" t="s">
        <v>45030</v>
      </c>
      <c r="C2761" t="s">
        <v>45031</v>
      </c>
      <c r="D2761" t="s">
        <v>44779</v>
      </c>
      <c r="E2761" t="s">
        <v>13</v>
      </c>
      <c r="F2761">
        <v>11321</v>
      </c>
      <c r="G2761" t="s">
        <v>45032</v>
      </c>
      <c r="H2761">
        <v>4.7185312450190002</v>
      </c>
      <c r="I2761">
        <v>52.840096479872997</v>
      </c>
      <c r="J2761" t="s">
        <v>58446</v>
      </c>
    </row>
    <row r="2762" spans="1:10" x14ac:dyDescent="0.25">
      <c r="A2762" t="s">
        <v>45025</v>
      </c>
      <c r="B2762" t="s">
        <v>45026</v>
      </c>
      <c r="C2762" t="s">
        <v>45027</v>
      </c>
      <c r="D2762" t="s">
        <v>44779</v>
      </c>
      <c r="E2762" t="s">
        <v>13</v>
      </c>
      <c r="F2762">
        <v>11320</v>
      </c>
      <c r="G2762" t="s">
        <v>45028</v>
      </c>
      <c r="H2762">
        <v>4.7108095245569999</v>
      </c>
      <c r="I2762">
        <v>52.853967514581001</v>
      </c>
      <c r="J2762" t="s">
        <v>58447</v>
      </c>
    </row>
    <row r="2763" spans="1:10" x14ac:dyDescent="0.25">
      <c r="A2763" t="s">
        <v>45021</v>
      </c>
      <c r="B2763" t="s">
        <v>45022</v>
      </c>
      <c r="C2763" t="s">
        <v>45023</v>
      </c>
      <c r="D2763" t="s">
        <v>44779</v>
      </c>
      <c r="E2763" t="s">
        <v>13</v>
      </c>
      <c r="F2763">
        <v>11319</v>
      </c>
      <c r="G2763" t="s">
        <v>45024</v>
      </c>
      <c r="H2763">
        <v>4.692302770735</v>
      </c>
      <c r="I2763">
        <v>52.815478804154999</v>
      </c>
      <c r="J2763" t="s">
        <v>58448</v>
      </c>
    </row>
    <row r="2764" spans="1:10" x14ac:dyDescent="0.25">
      <c r="A2764" t="s">
        <v>45017</v>
      </c>
      <c r="B2764" t="s">
        <v>45018</v>
      </c>
      <c r="C2764" t="s">
        <v>45019</v>
      </c>
      <c r="D2764" t="s">
        <v>44779</v>
      </c>
      <c r="E2764" t="s">
        <v>13</v>
      </c>
      <c r="F2764">
        <v>11318</v>
      </c>
      <c r="G2764" t="s">
        <v>45020</v>
      </c>
      <c r="H2764">
        <v>4.7024121953130003</v>
      </c>
      <c r="I2764">
        <v>52.835071403905999</v>
      </c>
      <c r="J2764" t="s">
        <v>58449</v>
      </c>
    </row>
    <row r="2765" spans="1:10" x14ac:dyDescent="0.25">
      <c r="A2765" t="s">
        <v>45013</v>
      </c>
      <c r="B2765" t="s">
        <v>45014</v>
      </c>
      <c r="C2765" t="s">
        <v>45015</v>
      </c>
      <c r="D2765" t="s">
        <v>44779</v>
      </c>
      <c r="E2765" t="s">
        <v>13</v>
      </c>
      <c r="F2765">
        <v>11317</v>
      </c>
      <c r="G2765" t="s">
        <v>45016</v>
      </c>
      <c r="H2765">
        <v>4.6988809002869996</v>
      </c>
      <c r="I2765">
        <v>52.838696322121997</v>
      </c>
      <c r="J2765" t="s">
        <v>58450</v>
      </c>
    </row>
    <row r="2766" spans="1:10" x14ac:dyDescent="0.25">
      <c r="A2766" t="s">
        <v>45009</v>
      </c>
      <c r="B2766" t="s">
        <v>45010</v>
      </c>
      <c r="C2766" t="s">
        <v>45011</v>
      </c>
      <c r="D2766" t="s">
        <v>44779</v>
      </c>
      <c r="E2766" t="s">
        <v>13</v>
      </c>
      <c r="F2766">
        <v>11316</v>
      </c>
      <c r="G2766" t="s">
        <v>45012</v>
      </c>
      <c r="H2766">
        <v>4.6980844246690001</v>
      </c>
      <c r="I2766">
        <v>52.790319499749003</v>
      </c>
      <c r="J2766" t="s">
        <v>58451</v>
      </c>
    </row>
    <row r="2767" spans="1:10" x14ac:dyDescent="0.25">
      <c r="A2767" t="s">
        <v>45005</v>
      </c>
      <c r="B2767" t="s">
        <v>45006</v>
      </c>
      <c r="C2767" t="s">
        <v>45007</v>
      </c>
      <c r="D2767" t="s">
        <v>44779</v>
      </c>
      <c r="E2767" t="s">
        <v>13</v>
      </c>
      <c r="F2767">
        <v>11315</v>
      </c>
      <c r="G2767" t="s">
        <v>45008</v>
      </c>
      <c r="H2767">
        <v>4.6924296272400001</v>
      </c>
      <c r="I2767">
        <v>52.794049608934998</v>
      </c>
      <c r="J2767" t="s">
        <v>58452</v>
      </c>
    </row>
    <row r="2768" spans="1:10" x14ac:dyDescent="0.25">
      <c r="A2768" t="s">
        <v>45001</v>
      </c>
      <c r="B2768" t="s">
        <v>45002</v>
      </c>
      <c r="C2768" t="s">
        <v>45003</v>
      </c>
      <c r="D2768" t="s">
        <v>44779</v>
      </c>
      <c r="E2768" t="s">
        <v>13</v>
      </c>
      <c r="F2768">
        <v>11314</v>
      </c>
      <c r="G2768" t="s">
        <v>45004</v>
      </c>
      <c r="H2768">
        <v>4.6989789305130003</v>
      </c>
      <c r="I2768">
        <v>52.784900843715</v>
      </c>
      <c r="J2768" t="s">
        <v>58453</v>
      </c>
    </row>
    <row r="2769" spans="1:10" x14ac:dyDescent="0.25">
      <c r="A2769" t="s">
        <v>44997</v>
      </c>
      <c r="B2769" t="s">
        <v>44998</v>
      </c>
      <c r="C2769" t="s">
        <v>44999</v>
      </c>
      <c r="D2769" t="s">
        <v>44779</v>
      </c>
      <c r="E2769" t="s">
        <v>13</v>
      </c>
      <c r="F2769">
        <v>11313</v>
      </c>
      <c r="G2769" t="s">
        <v>45000</v>
      </c>
      <c r="H2769">
        <v>4.7112342591629996</v>
      </c>
      <c r="I2769">
        <v>52.784908801287997</v>
      </c>
      <c r="J2769" t="s">
        <v>58454</v>
      </c>
    </row>
    <row r="2770" spans="1:10" x14ac:dyDescent="0.25">
      <c r="A2770" t="s">
        <v>44993</v>
      </c>
      <c r="B2770" t="s">
        <v>44994</v>
      </c>
      <c r="C2770" t="s">
        <v>44995</v>
      </c>
      <c r="D2770" t="s">
        <v>44779</v>
      </c>
      <c r="E2770" t="s">
        <v>13</v>
      </c>
      <c r="F2770">
        <v>11312</v>
      </c>
      <c r="G2770" t="s">
        <v>44996</v>
      </c>
      <c r="H2770">
        <v>4.7344907558660001</v>
      </c>
      <c r="I2770">
        <v>52.832200177342003</v>
      </c>
      <c r="J2770" t="s">
        <v>58455</v>
      </c>
    </row>
    <row r="2771" spans="1:10" x14ac:dyDescent="0.25">
      <c r="A2771" t="s">
        <v>44989</v>
      </c>
      <c r="B2771" t="s">
        <v>44990</v>
      </c>
      <c r="C2771" t="s">
        <v>44991</v>
      </c>
      <c r="D2771" t="s">
        <v>44779</v>
      </c>
      <c r="E2771" t="s">
        <v>13</v>
      </c>
      <c r="F2771">
        <v>11311</v>
      </c>
      <c r="G2771" t="s">
        <v>44992</v>
      </c>
      <c r="H2771">
        <v>4.770524534792</v>
      </c>
      <c r="I2771">
        <v>52.834473214142001</v>
      </c>
      <c r="J2771" t="s">
        <v>58456</v>
      </c>
    </row>
    <row r="2772" spans="1:10" x14ac:dyDescent="0.25">
      <c r="A2772" t="s">
        <v>44985</v>
      </c>
      <c r="B2772" t="s">
        <v>44986</v>
      </c>
      <c r="C2772" t="s">
        <v>44987</v>
      </c>
      <c r="D2772" t="s">
        <v>44779</v>
      </c>
      <c r="E2772" t="s">
        <v>13</v>
      </c>
      <c r="F2772">
        <v>11310</v>
      </c>
      <c r="G2772" t="s">
        <v>44988</v>
      </c>
      <c r="H2772">
        <v>4.7603460341110004</v>
      </c>
      <c r="I2772">
        <v>52.844299930300998</v>
      </c>
      <c r="J2772" t="s">
        <v>58457</v>
      </c>
    </row>
    <row r="2773" spans="1:10" x14ac:dyDescent="0.25">
      <c r="A2773" t="s">
        <v>44981</v>
      </c>
      <c r="B2773" t="s">
        <v>44982</v>
      </c>
      <c r="C2773" t="s">
        <v>44983</v>
      </c>
      <c r="D2773" t="s">
        <v>44779</v>
      </c>
      <c r="E2773" t="s">
        <v>13</v>
      </c>
      <c r="F2773">
        <v>11309</v>
      </c>
      <c r="G2773" t="s">
        <v>44984</v>
      </c>
      <c r="H2773">
        <v>4.7594836708599999</v>
      </c>
      <c r="I2773">
        <v>52.838277597976003</v>
      </c>
      <c r="J2773" t="s">
        <v>58458</v>
      </c>
    </row>
    <row r="2774" spans="1:10" x14ac:dyDescent="0.25">
      <c r="A2774" t="s">
        <v>44977</v>
      </c>
      <c r="B2774" t="s">
        <v>44978</v>
      </c>
      <c r="C2774" t="s">
        <v>44979</v>
      </c>
      <c r="D2774" t="s">
        <v>44779</v>
      </c>
      <c r="E2774" t="s">
        <v>13</v>
      </c>
      <c r="F2774">
        <v>11308</v>
      </c>
      <c r="G2774" t="s">
        <v>44980</v>
      </c>
      <c r="H2774">
        <v>4.754411192079</v>
      </c>
      <c r="I2774">
        <v>52.836647118152001</v>
      </c>
      <c r="J2774" t="s">
        <v>58459</v>
      </c>
    </row>
    <row r="2775" spans="1:10" x14ac:dyDescent="0.25">
      <c r="A2775" t="s">
        <v>44973</v>
      </c>
      <c r="B2775" t="s">
        <v>44974</v>
      </c>
      <c r="C2775" t="s">
        <v>44975</v>
      </c>
      <c r="D2775" t="s">
        <v>44779</v>
      </c>
      <c r="E2775" t="s">
        <v>13</v>
      </c>
      <c r="F2775">
        <v>11307</v>
      </c>
      <c r="G2775" t="s">
        <v>44976</v>
      </c>
      <c r="H2775">
        <v>4.7239134357400001</v>
      </c>
      <c r="I2775">
        <v>52.781121661078998</v>
      </c>
      <c r="J2775" t="s">
        <v>58460</v>
      </c>
    </row>
    <row r="2776" spans="1:10" x14ac:dyDescent="0.25">
      <c r="A2776" t="s">
        <v>44969</v>
      </c>
      <c r="B2776" t="s">
        <v>44970</v>
      </c>
      <c r="C2776" t="s">
        <v>44971</v>
      </c>
      <c r="D2776" t="s">
        <v>44779</v>
      </c>
      <c r="E2776" t="s">
        <v>13</v>
      </c>
      <c r="F2776">
        <v>11306</v>
      </c>
      <c r="G2776" t="s">
        <v>44972</v>
      </c>
      <c r="H2776">
        <v>4.7264356804199998</v>
      </c>
      <c r="I2776">
        <v>52.780982040761998</v>
      </c>
      <c r="J2776" t="s">
        <v>58461</v>
      </c>
    </row>
    <row r="2777" spans="1:10" x14ac:dyDescent="0.25">
      <c r="A2777" t="s">
        <v>44965</v>
      </c>
      <c r="B2777" t="s">
        <v>44966</v>
      </c>
      <c r="C2777" t="s">
        <v>44967</v>
      </c>
      <c r="D2777" t="s">
        <v>44779</v>
      </c>
      <c r="E2777" t="s">
        <v>13</v>
      </c>
      <c r="F2777">
        <v>11305</v>
      </c>
      <c r="G2777" t="s">
        <v>44968</v>
      </c>
      <c r="H2777">
        <v>4.6642337441599997</v>
      </c>
      <c r="I2777">
        <v>52.763289965303002</v>
      </c>
      <c r="J2777" t="s">
        <v>58462</v>
      </c>
    </row>
    <row r="2778" spans="1:10" x14ac:dyDescent="0.25">
      <c r="A2778" t="s">
        <v>44961</v>
      </c>
      <c r="B2778" t="s">
        <v>44962</v>
      </c>
      <c r="C2778" t="s">
        <v>44963</v>
      </c>
      <c r="D2778" t="s">
        <v>44779</v>
      </c>
      <c r="E2778" t="s">
        <v>13</v>
      </c>
      <c r="F2778">
        <v>11304</v>
      </c>
      <c r="G2778" t="s">
        <v>44964</v>
      </c>
      <c r="H2778">
        <v>4.6783209612289998</v>
      </c>
      <c r="I2778">
        <v>52.786660073360999</v>
      </c>
      <c r="J2778" t="s">
        <v>58463</v>
      </c>
    </row>
    <row r="2779" spans="1:10" x14ac:dyDescent="0.25">
      <c r="A2779" t="s">
        <v>44957</v>
      </c>
      <c r="B2779" t="s">
        <v>44958</v>
      </c>
      <c r="C2779" t="s">
        <v>44959</v>
      </c>
      <c r="D2779" t="s">
        <v>44779</v>
      </c>
      <c r="E2779" t="s">
        <v>13</v>
      </c>
      <c r="F2779">
        <v>11303</v>
      </c>
      <c r="G2779" t="s">
        <v>44960</v>
      </c>
      <c r="H2779">
        <v>4.6731564069290004</v>
      </c>
      <c r="I2779">
        <v>52.786389876549997</v>
      </c>
      <c r="J2779" t="s">
        <v>58464</v>
      </c>
    </row>
    <row r="2780" spans="1:10" x14ac:dyDescent="0.25">
      <c r="A2780" t="s">
        <v>44953</v>
      </c>
      <c r="B2780" t="s">
        <v>44954</v>
      </c>
      <c r="C2780" t="s">
        <v>44955</v>
      </c>
      <c r="D2780" t="s">
        <v>44779</v>
      </c>
      <c r="E2780" t="s">
        <v>13</v>
      </c>
      <c r="F2780">
        <v>11302</v>
      </c>
      <c r="G2780" t="s">
        <v>44956</v>
      </c>
      <c r="H2780">
        <v>4.6584206878060002</v>
      </c>
      <c r="I2780">
        <v>52.763844914898002</v>
      </c>
      <c r="J2780" t="s">
        <v>58465</v>
      </c>
    </row>
    <row r="2781" spans="1:10" x14ac:dyDescent="0.25">
      <c r="A2781" t="s">
        <v>44949</v>
      </c>
      <c r="B2781" t="s">
        <v>44950</v>
      </c>
      <c r="C2781" t="s">
        <v>44951</v>
      </c>
      <c r="D2781" t="s">
        <v>44779</v>
      </c>
      <c r="E2781" t="s">
        <v>13</v>
      </c>
      <c r="F2781">
        <v>11301</v>
      </c>
      <c r="G2781" t="s">
        <v>44952</v>
      </c>
      <c r="H2781">
        <v>4.6585133395609999</v>
      </c>
      <c r="I2781">
        <v>52.766933348426001</v>
      </c>
      <c r="J2781" t="s">
        <v>58466</v>
      </c>
    </row>
    <row r="2782" spans="1:10" x14ac:dyDescent="0.25">
      <c r="A2782" t="s">
        <v>44945</v>
      </c>
      <c r="B2782" t="s">
        <v>44946</v>
      </c>
      <c r="C2782" t="s">
        <v>44947</v>
      </c>
      <c r="D2782" t="s">
        <v>44779</v>
      </c>
      <c r="E2782" t="s">
        <v>13</v>
      </c>
      <c r="F2782">
        <v>11300</v>
      </c>
      <c r="G2782" t="s">
        <v>44948</v>
      </c>
      <c r="H2782">
        <v>4.6639194390769996</v>
      </c>
      <c r="I2782">
        <v>52.770421611497</v>
      </c>
      <c r="J2782" t="s">
        <v>58467</v>
      </c>
    </row>
    <row r="2783" spans="1:10" x14ac:dyDescent="0.25">
      <c r="A2783" t="s">
        <v>44941</v>
      </c>
      <c r="B2783" t="s">
        <v>44942</v>
      </c>
      <c r="C2783" t="s">
        <v>44943</v>
      </c>
      <c r="D2783" t="s">
        <v>44779</v>
      </c>
      <c r="E2783" t="s">
        <v>13</v>
      </c>
      <c r="F2783">
        <v>11299</v>
      </c>
      <c r="G2783" t="s">
        <v>44944</v>
      </c>
      <c r="H2783">
        <v>4.8022888531300003</v>
      </c>
      <c r="I2783">
        <v>52.773286321843997</v>
      </c>
      <c r="J2783" t="s">
        <v>58468</v>
      </c>
    </row>
    <row r="2784" spans="1:10" x14ac:dyDescent="0.25">
      <c r="A2784" t="s">
        <v>44937</v>
      </c>
      <c r="B2784" t="s">
        <v>44938</v>
      </c>
      <c r="C2784" t="s">
        <v>44939</v>
      </c>
      <c r="D2784" t="s">
        <v>44779</v>
      </c>
      <c r="E2784" t="s">
        <v>13</v>
      </c>
      <c r="F2784">
        <v>11298</v>
      </c>
      <c r="G2784" t="s">
        <v>44940</v>
      </c>
      <c r="H2784">
        <v>4.8007317753340004</v>
      </c>
      <c r="I2784">
        <v>52.779092183761001</v>
      </c>
      <c r="J2784" t="s">
        <v>58469</v>
      </c>
    </row>
    <row r="2785" spans="1:10" x14ac:dyDescent="0.25">
      <c r="A2785" t="s">
        <v>44933</v>
      </c>
      <c r="B2785" t="s">
        <v>44934</v>
      </c>
      <c r="C2785" t="s">
        <v>44935</v>
      </c>
      <c r="D2785" t="s">
        <v>44779</v>
      </c>
      <c r="E2785" t="s">
        <v>13</v>
      </c>
      <c r="F2785">
        <v>11297</v>
      </c>
      <c r="G2785" t="s">
        <v>44936</v>
      </c>
      <c r="H2785">
        <v>4.7951207344859998</v>
      </c>
      <c r="I2785">
        <v>52.797549544634997</v>
      </c>
      <c r="J2785" t="s">
        <v>58470</v>
      </c>
    </row>
    <row r="2786" spans="1:10" x14ac:dyDescent="0.25">
      <c r="A2786" t="s">
        <v>44929</v>
      </c>
      <c r="B2786" t="s">
        <v>44930</v>
      </c>
      <c r="C2786" t="s">
        <v>44931</v>
      </c>
      <c r="D2786" t="s">
        <v>44779</v>
      </c>
      <c r="E2786" t="s">
        <v>13</v>
      </c>
      <c r="F2786">
        <v>11296</v>
      </c>
      <c r="G2786" t="s">
        <v>44932</v>
      </c>
      <c r="H2786">
        <v>4.7977283886290003</v>
      </c>
      <c r="I2786">
        <v>52.794895836275998</v>
      </c>
      <c r="J2786" t="s">
        <v>58471</v>
      </c>
    </row>
    <row r="2787" spans="1:10" x14ac:dyDescent="0.25">
      <c r="A2787" t="s">
        <v>44925</v>
      </c>
      <c r="B2787" t="s">
        <v>44926</v>
      </c>
      <c r="C2787" t="s">
        <v>44927</v>
      </c>
      <c r="D2787" t="s">
        <v>44779</v>
      </c>
      <c r="E2787" t="s">
        <v>13</v>
      </c>
      <c r="F2787">
        <v>11295</v>
      </c>
      <c r="G2787" t="s">
        <v>44928</v>
      </c>
      <c r="H2787">
        <v>4.7972698999779997</v>
      </c>
      <c r="I2787">
        <v>52.792012047998</v>
      </c>
      <c r="J2787" t="s">
        <v>58472</v>
      </c>
    </row>
    <row r="2788" spans="1:10" x14ac:dyDescent="0.25">
      <c r="A2788" t="s">
        <v>44921</v>
      </c>
      <c r="B2788" t="s">
        <v>44922</v>
      </c>
      <c r="C2788" t="s">
        <v>44923</v>
      </c>
      <c r="D2788" t="s">
        <v>44779</v>
      </c>
      <c r="E2788" t="s">
        <v>13</v>
      </c>
      <c r="F2788">
        <v>11294</v>
      </c>
      <c r="G2788" t="s">
        <v>44924</v>
      </c>
      <c r="H2788">
        <v>4.7993364631439999</v>
      </c>
      <c r="I2788">
        <v>52.783633475918002</v>
      </c>
      <c r="J2788" t="s">
        <v>58473</v>
      </c>
    </row>
    <row r="2789" spans="1:10" x14ac:dyDescent="0.25">
      <c r="A2789" t="s">
        <v>44917</v>
      </c>
      <c r="B2789" t="s">
        <v>44918</v>
      </c>
      <c r="C2789" t="s">
        <v>44919</v>
      </c>
      <c r="D2789" t="s">
        <v>44779</v>
      </c>
      <c r="E2789" t="s">
        <v>13</v>
      </c>
      <c r="F2789">
        <v>11293</v>
      </c>
      <c r="G2789" t="s">
        <v>44920</v>
      </c>
      <c r="H2789">
        <v>4.7979586594820001</v>
      </c>
      <c r="I2789">
        <v>52.787632333086002</v>
      </c>
      <c r="J2789" t="s">
        <v>58474</v>
      </c>
    </row>
    <row r="2790" spans="1:10" x14ac:dyDescent="0.25">
      <c r="A2790" t="s">
        <v>44913</v>
      </c>
      <c r="B2790" t="s">
        <v>44914</v>
      </c>
      <c r="C2790" t="s">
        <v>44915</v>
      </c>
      <c r="D2790" t="s">
        <v>44779</v>
      </c>
      <c r="E2790" t="s">
        <v>13</v>
      </c>
      <c r="F2790">
        <v>11292</v>
      </c>
      <c r="G2790" t="s">
        <v>44916</v>
      </c>
      <c r="H2790">
        <v>4.8035810186839996</v>
      </c>
      <c r="I2790">
        <v>52.821288955699998</v>
      </c>
      <c r="J2790" t="s">
        <v>58475</v>
      </c>
    </row>
    <row r="2791" spans="1:10" x14ac:dyDescent="0.25">
      <c r="A2791" t="s">
        <v>44909</v>
      </c>
      <c r="B2791" t="s">
        <v>44910</v>
      </c>
      <c r="C2791" t="s">
        <v>44911</v>
      </c>
      <c r="D2791" t="s">
        <v>44779</v>
      </c>
      <c r="E2791" t="s">
        <v>13</v>
      </c>
      <c r="F2791">
        <v>11291</v>
      </c>
      <c r="G2791" t="s">
        <v>44912</v>
      </c>
      <c r="H2791">
        <v>4.8076233462699998</v>
      </c>
      <c r="I2791">
        <v>52.834087390187001</v>
      </c>
      <c r="J2791" t="s">
        <v>58476</v>
      </c>
    </row>
    <row r="2792" spans="1:10" x14ac:dyDescent="0.25">
      <c r="A2792" t="s">
        <v>44905</v>
      </c>
      <c r="B2792" t="s">
        <v>44906</v>
      </c>
      <c r="C2792" t="s">
        <v>44907</v>
      </c>
      <c r="D2792" t="s">
        <v>44779</v>
      </c>
      <c r="E2792" t="s">
        <v>13</v>
      </c>
      <c r="F2792">
        <v>11290</v>
      </c>
      <c r="G2792" t="s">
        <v>44908</v>
      </c>
      <c r="H2792">
        <v>4.7931478395480003</v>
      </c>
      <c r="I2792">
        <v>52.746799557285001</v>
      </c>
      <c r="J2792" t="s">
        <v>58477</v>
      </c>
    </row>
    <row r="2793" spans="1:10" x14ac:dyDescent="0.25">
      <c r="A2793" t="s">
        <v>44901</v>
      </c>
      <c r="B2793" t="s">
        <v>44902</v>
      </c>
      <c r="C2793" t="s">
        <v>44903</v>
      </c>
      <c r="D2793" t="s">
        <v>44779</v>
      </c>
      <c r="E2793" t="s">
        <v>13</v>
      </c>
      <c r="F2793">
        <v>11289</v>
      </c>
      <c r="G2793" t="s">
        <v>44904</v>
      </c>
      <c r="H2793">
        <v>4.7779994673559996</v>
      </c>
      <c r="I2793">
        <v>52.734976643997001</v>
      </c>
      <c r="J2793" t="s">
        <v>58478</v>
      </c>
    </row>
    <row r="2794" spans="1:10" x14ac:dyDescent="0.25">
      <c r="A2794" t="s">
        <v>44897</v>
      </c>
      <c r="B2794" t="s">
        <v>44898</v>
      </c>
      <c r="C2794" t="s">
        <v>44899</v>
      </c>
      <c r="D2794" t="s">
        <v>44779</v>
      </c>
      <c r="E2794" t="s">
        <v>13</v>
      </c>
      <c r="F2794">
        <v>11288</v>
      </c>
      <c r="G2794" t="s">
        <v>44900</v>
      </c>
      <c r="H2794">
        <v>4.7763150141799997</v>
      </c>
      <c r="I2794">
        <v>52.747592228065997</v>
      </c>
      <c r="J2794" t="s">
        <v>58479</v>
      </c>
    </row>
    <row r="2795" spans="1:10" x14ac:dyDescent="0.25">
      <c r="A2795" t="s">
        <v>44893</v>
      </c>
      <c r="B2795" t="s">
        <v>44894</v>
      </c>
      <c r="C2795" t="s">
        <v>44895</v>
      </c>
      <c r="D2795" t="s">
        <v>44779</v>
      </c>
      <c r="E2795" t="s">
        <v>13</v>
      </c>
      <c r="F2795">
        <v>11287</v>
      </c>
      <c r="G2795" t="s">
        <v>44896</v>
      </c>
      <c r="H2795">
        <v>4.8176839888130001</v>
      </c>
      <c r="I2795">
        <v>52.731120958974998</v>
      </c>
      <c r="J2795" t="s">
        <v>58480</v>
      </c>
    </row>
    <row r="2796" spans="1:10" x14ac:dyDescent="0.25">
      <c r="A2796" t="s">
        <v>44889</v>
      </c>
      <c r="B2796" t="s">
        <v>44890</v>
      </c>
      <c r="C2796" t="s">
        <v>44891</v>
      </c>
      <c r="D2796" t="s">
        <v>44779</v>
      </c>
      <c r="E2796" t="s">
        <v>13</v>
      </c>
      <c r="F2796">
        <v>11286</v>
      </c>
      <c r="G2796" t="s">
        <v>44892</v>
      </c>
      <c r="H2796">
        <v>4.8332578953100001</v>
      </c>
      <c r="I2796">
        <v>52.726039148496</v>
      </c>
      <c r="J2796" t="s">
        <v>58481</v>
      </c>
    </row>
    <row r="2797" spans="1:10" x14ac:dyDescent="0.25">
      <c r="A2797" t="s">
        <v>44885</v>
      </c>
      <c r="B2797" t="s">
        <v>44886</v>
      </c>
      <c r="C2797" t="s">
        <v>44887</v>
      </c>
      <c r="D2797" t="s">
        <v>44779</v>
      </c>
      <c r="E2797" t="s">
        <v>13</v>
      </c>
      <c r="F2797">
        <v>11285</v>
      </c>
      <c r="G2797" t="s">
        <v>44888</v>
      </c>
      <c r="H2797">
        <v>4.7550841048860004</v>
      </c>
      <c r="I2797">
        <v>52.739032179501002</v>
      </c>
      <c r="J2797" t="s">
        <v>58482</v>
      </c>
    </row>
    <row r="2798" spans="1:10" x14ac:dyDescent="0.25">
      <c r="A2798" t="s">
        <v>44881</v>
      </c>
      <c r="B2798" t="s">
        <v>44882</v>
      </c>
      <c r="C2798" t="s">
        <v>44883</v>
      </c>
      <c r="D2798" t="s">
        <v>44779</v>
      </c>
      <c r="E2798" t="s">
        <v>13</v>
      </c>
      <c r="F2798">
        <v>11284</v>
      </c>
      <c r="G2798" t="s">
        <v>44884</v>
      </c>
      <c r="H2798">
        <v>4.7463495032359999</v>
      </c>
      <c r="I2798">
        <v>52.737031993442997</v>
      </c>
      <c r="J2798" t="s">
        <v>58483</v>
      </c>
    </row>
    <row r="2799" spans="1:10" x14ac:dyDescent="0.25">
      <c r="A2799" t="s">
        <v>44877</v>
      </c>
      <c r="B2799" t="s">
        <v>44878</v>
      </c>
      <c r="C2799" t="s">
        <v>44879</v>
      </c>
      <c r="D2799" t="s">
        <v>44779</v>
      </c>
      <c r="E2799" t="s">
        <v>13</v>
      </c>
      <c r="F2799">
        <v>11283</v>
      </c>
      <c r="G2799" t="s">
        <v>44880</v>
      </c>
      <c r="H2799">
        <v>4.7543213462629996</v>
      </c>
      <c r="I2799">
        <v>52.737910263928001</v>
      </c>
      <c r="J2799" t="s">
        <v>58484</v>
      </c>
    </row>
    <row r="2800" spans="1:10" x14ac:dyDescent="0.25">
      <c r="A2800" t="s">
        <v>44873</v>
      </c>
      <c r="B2800" t="s">
        <v>44874</v>
      </c>
      <c r="C2800" t="s">
        <v>44875</v>
      </c>
      <c r="D2800" t="s">
        <v>44779</v>
      </c>
      <c r="E2800" t="s">
        <v>13</v>
      </c>
      <c r="F2800">
        <v>11282</v>
      </c>
      <c r="G2800" t="s">
        <v>44876</v>
      </c>
      <c r="H2800">
        <v>4.770766113304</v>
      </c>
      <c r="I2800">
        <v>52.734244007614997</v>
      </c>
      <c r="J2800" t="s">
        <v>58485</v>
      </c>
    </row>
    <row r="2801" spans="1:10" x14ac:dyDescent="0.25">
      <c r="A2801" t="s">
        <v>44869</v>
      </c>
      <c r="B2801" t="s">
        <v>44870</v>
      </c>
      <c r="C2801" t="s">
        <v>44871</v>
      </c>
      <c r="D2801" t="s">
        <v>44779</v>
      </c>
      <c r="E2801" t="s">
        <v>13</v>
      </c>
      <c r="F2801">
        <v>11281</v>
      </c>
      <c r="G2801" t="s">
        <v>44872</v>
      </c>
      <c r="H2801">
        <v>4.7003964700290002</v>
      </c>
      <c r="I2801">
        <v>52.729559825635</v>
      </c>
      <c r="J2801" t="s">
        <v>58486</v>
      </c>
    </row>
    <row r="2802" spans="1:10" x14ac:dyDescent="0.25">
      <c r="A2802" t="s">
        <v>44865</v>
      </c>
      <c r="B2802" t="s">
        <v>44866</v>
      </c>
      <c r="C2802" t="s">
        <v>44867</v>
      </c>
      <c r="D2802" t="s">
        <v>44779</v>
      </c>
      <c r="E2802" t="s">
        <v>13</v>
      </c>
      <c r="F2802">
        <v>11280</v>
      </c>
      <c r="G2802" t="s">
        <v>44868</v>
      </c>
      <c r="H2802">
        <v>4.7412013550929997</v>
      </c>
      <c r="I2802">
        <v>52.714573213771999</v>
      </c>
      <c r="J2802" t="s">
        <v>58487</v>
      </c>
    </row>
    <row r="2803" spans="1:10" x14ac:dyDescent="0.25">
      <c r="A2803" t="s">
        <v>44861</v>
      </c>
      <c r="B2803" t="s">
        <v>44862</v>
      </c>
      <c r="C2803" t="s">
        <v>44863</v>
      </c>
      <c r="D2803" t="s">
        <v>44779</v>
      </c>
      <c r="E2803" t="s">
        <v>13</v>
      </c>
      <c r="F2803">
        <v>11279</v>
      </c>
      <c r="G2803" t="s">
        <v>44864</v>
      </c>
      <c r="H2803">
        <v>4.7319123973390003</v>
      </c>
      <c r="I2803">
        <v>52.716071443592</v>
      </c>
      <c r="J2803" t="s">
        <v>58488</v>
      </c>
    </row>
    <row r="2804" spans="1:10" x14ac:dyDescent="0.25">
      <c r="A2804" t="s">
        <v>44857</v>
      </c>
      <c r="B2804" t="s">
        <v>44858</v>
      </c>
      <c r="C2804" t="s">
        <v>44859</v>
      </c>
      <c r="D2804" t="s">
        <v>44779</v>
      </c>
      <c r="E2804" t="s">
        <v>13</v>
      </c>
      <c r="F2804">
        <v>11278</v>
      </c>
      <c r="G2804" t="s">
        <v>44860</v>
      </c>
      <c r="H2804">
        <v>4.7324547484290003</v>
      </c>
      <c r="I2804">
        <v>52.725195484041002</v>
      </c>
      <c r="J2804" t="s">
        <v>58489</v>
      </c>
    </row>
    <row r="2805" spans="1:10" x14ac:dyDescent="0.25">
      <c r="A2805" t="s">
        <v>44853</v>
      </c>
      <c r="B2805" t="s">
        <v>44854</v>
      </c>
      <c r="C2805" t="s">
        <v>44855</v>
      </c>
      <c r="D2805" t="s">
        <v>44779</v>
      </c>
      <c r="E2805" t="s">
        <v>13</v>
      </c>
      <c r="F2805">
        <v>11277</v>
      </c>
      <c r="G2805" t="s">
        <v>44856</v>
      </c>
      <c r="H2805">
        <v>4.7137667297580004</v>
      </c>
      <c r="I2805">
        <v>52.712704684849001</v>
      </c>
      <c r="J2805" t="s">
        <v>58490</v>
      </c>
    </row>
    <row r="2806" spans="1:10" x14ac:dyDescent="0.25">
      <c r="A2806" t="s">
        <v>44849</v>
      </c>
      <c r="B2806" t="s">
        <v>44850</v>
      </c>
      <c r="C2806" t="s">
        <v>44851</v>
      </c>
      <c r="D2806" t="s">
        <v>44779</v>
      </c>
      <c r="E2806" t="s">
        <v>13</v>
      </c>
      <c r="F2806">
        <v>11276</v>
      </c>
      <c r="G2806" t="s">
        <v>44852</v>
      </c>
      <c r="H2806">
        <v>4.7424402961650003</v>
      </c>
      <c r="I2806">
        <v>52.718019448302002</v>
      </c>
      <c r="J2806" t="s">
        <v>58491</v>
      </c>
    </row>
    <row r="2807" spans="1:10" x14ac:dyDescent="0.25">
      <c r="A2807" t="s">
        <v>44845</v>
      </c>
      <c r="B2807" t="s">
        <v>44846</v>
      </c>
      <c r="C2807" t="s">
        <v>44847</v>
      </c>
      <c r="D2807" t="s">
        <v>44779</v>
      </c>
      <c r="E2807" t="s">
        <v>13</v>
      </c>
      <c r="F2807">
        <v>11275</v>
      </c>
      <c r="G2807" t="s">
        <v>44848</v>
      </c>
      <c r="H2807">
        <v>4.7426929438189998</v>
      </c>
      <c r="I2807">
        <v>52.722340269617</v>
      </c>
      <c r="J2807" t="s">
        <v>58492</v>
      </c>
    </row>
    <row r="2808" spans="1:10" x14ac:dyDescent="0.25">
      <c r="A2808" t="s">
        <v>44841</v>
      </c>
      <c r="B2808" t="s">
        <v>44842</v>
      </c>
      <c r="C2808" t="s">
        <v>44843</v>
      </c>
      <c r="D2808" t="s">
        <v>44779</v>
      </c>
      <c r="E2808" t="s">
        <v>13</v>
      </c>
      <c r="F2808">
        <v>11274</v>
      </c>
      <c r="G2808" t="s">
        <v>44844</v>
      </c>
      <c r="H2808">
        <v>4.7447183363610002</v>
      </c>
      <c r="I2808">
        <v>52.727811085463003</v>
      </c>
      <c r="J2808" t="s">
        <v>58493</v>
      </c>
    </row>
    <row r="2809" spans="1:10" x14ac:dyDescent="0.25">
      <c r="A2809" t="s">
        <v>44837</v>
      </c>
      <c r="B2809" t="s">
        <v>44838</v>
      </c>
      <c r="C2809" t="s">
        <v>44839</v>
      </c>
      <c r="D2809" t="s">
        <v>44779</v>
      </c>
      <c r="E2809" t="s">
        <v>13</v>
      </c>
      <c r="F2809">
        <v>11273</v>
      </c>
      <c r="G2809" t="s">
        <v>44840</v>
      </c>
      <c r="H2809">
        <v>4.7298359735700002</v>
      </c>
      <c r="I2809">
        <v>52.720938137585001</v>
      </c>
      <c r="J2809" t="s">
        <v>58494</v>
      </c>
    </row>
    <row r="2810" spans="1:10" x14ac:dyDescent="0.25">
      <c r="A2810" t="s">
        <v>44833</v>
      </c>
      <c r="B2810" t="s">
        <v>44834</v>
      </c>
      <c r="C2810" t="s">
        <v>44835</v>
      </c>
      <c r="D2810" t="s">
        <v>44779</v>
      </c>
      <c r="E2810" t="s">
        <v>13</v>
      </c>
      <c r="F2810">
        <v>11272</v>
      </c>
      <c r="G2810" t="s">
        <v>44836</v>
      </c>
      <c r="H2810">
        <v>4.7379669989820004</v>
      </c>
      <c r="I2810">
        <v>52.725665880884002</v>
      </c>
      <c r="J2810" t="s">
        <v>58495</v>
      </c>
    </row>
    <row r="2811" spans="1:10" x14ac:dyDescent="0.25">
      <c r="A2811" t="s">
        <v>44829</v>
      </c>
      <c r="B2811" t="s">
        <v>44830</v>
      </c>
      <c r="C2811" t="s">
        <v>44831</v>
      </c>
      <c r="D2811" t="s">
        <v>44779</v>
      </c>
      <c r="E2811" t="s">
        <v>13</v>
      </c>
      <c r="F2811">
        <v>11271</v>
      </c>
      <c r="G2811" t="s">
        <v>44832</v>
      </c>
      <c r="H2811">
        <v>4.7262656402210004</v>
      </c>
      <c r="I2811">
        <v>52.744115905400001</v>
      </c>
      <c r="J2811" t="s">
        <v>58496</v>
      </c>
    </row>
    <row r="2812" spans="1:10" x14ac:dyDescent="0.25">
      <c r="A2812" t="s">
        <v>44825</v>
      </c>
      <c r="B2812" t="s">
        <v>44826</v>
      </c>
      <c r="C2812" t="s">
        <v>44827</v>
      </c>
      <c r="D2812" t="s">
        <v>44779</v>
      </c>
      <c r="E2812" t="s">
        <v>13</v>
      </c>
      <c r="F2812">
        <v>11270</v>
      </c>
      <c r="G2812" t="s">
        <v>44828</v>
      </c>
      <c r="H2812">
        <v>4.745875657479</v>
      </c>
      <c r="I2812">
        <v>52.752530693113002</v>
      </c>
      <c r="J2812" t="s">
        <v>58497</v>
      </c>
    </row>
    <row r="2813" spans="1:10" x14ac:dyDescent="0.25">
      <c r="A2813" t="s">
        <v>44821</v>
      </c>
      <c r="B2813" t="s">
        <v>44822</v>
      </c>
      <c r="C2813" t="s">
        <v>44823</v>
      </c>
      <c r="D2813" t="s">
        <v>44779</v>
      </c>
      <c r="E2813" t="s">
        <v>13</v>
      </c>
      <c r="F2813">
        <v>11269</v>
      </c>
      <c r="G2813" t="s">
        <v>44824</v>
      </c>
      <c r="H2813">
        <v>4.7695338792930002</v>
      </c>
      <c r="I2813">
        <v>52.762297307400999</v>
      </c>
      <c r="J2813" t="s">
        <v>58498</v>
      </c>
    </row>
    <row r="2814" spans="1:10" x14ac:dyDescent="0.25">
      <c r="A2814" t="s">
        <v>44817</v>
      </c>
      <c r="B2814" t="s">
        <v>44818</v>
      </c>
      <c r="C2814" t="s">
        <v>44819</v>
      </c>
      <c r="D2814" t="s">
        <v>44779</v>
      </c>
      <c r="E2814" t="s">
        <v>13</v>
      </c>
      <c r="F2814">
        <v>11268</v>
      </c>
      <c r="G2814" t="s">
        <v>44820</v>
      </c>
      <c r="H2814">
        <v>4.7658485598429996</v>
      </c>
      <c r="I2814">
        <v>52.772910446483003</v>
      </c>
      <c r="J2814" t="s">
        <v>58499</v>
      </c>
    </row>
    <row r="2815" spans="1:10" x14ac:dyDescent="0.25">
      <c r="A2815" t="s">
        <v>44813</v>
      </c>
      <c r="B2815" t="s">
        <v>44814</v>
      </c>
      <c r="C2815" t="s">
        <v>44815</v>
      </c>
      <c r="D2815" t="s">
        <v>44779</v>
      </c>
      <c r="E2815" t="s">
        <v>13</v>
      </c>
      <c r="F2815">
        <v>11267</v>
      </c>
      <c r="G2815" t="s">
        <v>44816</v>
      </c>
      <c r="H2815">
        <v>4.7415997043039999</v>
      </c>
      <c r="I2815">
        <v>52.761591648993999</v>
      </c>
      <c r="J2815" t="s">
        <v>58500</v>
      </c>
    </row>
    <row r="2816" spans="1:10" x14ac:dyDescent="0.25">
      <c r="A2816" t="s">
        <v>44809</v>
      </c>
      <c r="B2816" t="s">
        <v>44810</v>
      </c>
      <c r="C2816" t="s">
        <v>44811</v>
      </c>
      <c r="D2816" t="s">
        <v>44779</v>
      </c>
      <c r="E2816" t="s">
        <v>13</v>
      </c>
      <c r="F2816">
        <v>11266</v>
      </c>
      <c r="G2816" t="s">
        <v>44812</v>
      </c>
      <c r="H2816">
        <v>4.7570166731760004</v>
      </c>
      <c r="I2816">
        <v>52.756313331240001</v>
      </c>
      <c r="J2816" t="s">
        <v>58501</v>
      </c>
    </row>
    <row r="2817" spans="1:10" x14ac:dyDescent="0.25">
      <c r="A2817" t="s">
        <v>44805</v>
      </c>
      <c r="B2817" t="s">
        <v>44806</v>
      </c>
      <c r="C2817" t="s">
        <v>44807</v>
      </c>
      <c r="D2817" t="s">
        <v>44779</v>
      </c>
      <c r="E2817" t="s">
        <v>13</v>
      </c>
      <c r="F2817">
        <v>11265</v>
      </c>
      <c r="G2817" t="s">
        <v>44808</v>
      </c>
      <c r="H2817">
        <v>4.7463722933280001</v>
      </c>
      <c r="I2817">
        <v>52.771278645991003</v>
      </c>
      <c r="J2817" t="s">
        <v>58502</v>
      </c>
    </row>
    <row r="2818" spans="1:10" x14ac:dyDescent="0.25">
      <c r="A2818" t="s">
        <v>44801</v>
      </c>
      <c r="B2818" t="s">
        <v>44802</v>
      </c>
      <c r="C2818" t="s">
        <v>44803</v>
      </c>
      <c r="D2818" t="s">
        <v>44779</v>
      </c>
      <c r="E2818" t="s">
        <v>13</v>
      </c>
      <c r="F2818">
        <v>11264</v>
      </c>
      <c r="G2818" t="s">
        <v>44804</v>
      </c>
      <c r="H2818">
        <v>4.6794306981910001</v>
      </c>
      <c r="I2818">
        <v>52.753734989770997</v>
      </c>
      <c r="J2818" t="s">
        <v>58503</v>
      </c>
    </row>
    <row r="2819" spans="1:10" x14ac:dyDescent="0.25">
      <c r="A2819" t="s">
        <v>44797</v>
      </c>
      <c r="B2819" t="s">
        <v>44798</v>
      </c>
      <c r="C2819" t="s">
        <v>44799</v>
      </c>
      <c r="D2819" t="s">
        <v>44779</v>
      </c>
      <c r="E2819" t="s">
        <v>13</v>
      </c>
      <c r="F2819">
        <v>11263</v>
      </c>
      <c r="G2819" t="s">
        <v>44800</v>
      </c>
      <c r="H2819">
        <v>4.703076969744</v>
      </c>
      <c r="I2819">
        <v>52.752847497339999</v>
      </c>
      <c r="J2819" t="s">
        <v>58504</v>
      </c>
    </row>
    <row r="2820" spans="1:10" x14ac:dyDescent="0.25">
      <c r="A2820" t="s">
        <v>44793</v>
      </c>
      <c r="B2820" t="s">
        <v>44794</v>
      </c>
      <c r="C2820" t="s">
        <v>44795</v>
      </c>
      <c r="D2820" t="s">
        <v>44779</v>
      </c>
      <c r="E2820" t="s">
        <v>13</v>
      </c>
      <c r="F2820">
        <v>11262</v>
      </c>
      <c r="G2820" t="s">
        <v>44796</v>
      </c>
      <c r="H2820">
        <v>4.7025802271670001</v>
      </c>
      <c r="I2820">
        <v>52.748700929851999</v>
      </c>
      <c r="J2820" t="s">
        <v>58505</v>
      </c>
    </row>
    <row r="2821" spans="1:10" x14ac:dyDescent="0.25">
      <c r="A2821" t="s">
        <v>44789</v>
      </c>
      <c r="B2821" t="s">
        <v>44790</v>
      </c>
      <c r="C2821" t="s">
        <v>44791</v>
      </c>
      <c r="D2821" t="s">
        <v>44779</v>
      </c>
      <c r="E2821" t="s">
        <v>13</v>
      </c>
      <c r="F2821">
        <v>11261</v>
      </c>
      <c r="G2821" t="s">
        <v>44792</v>
      </c>
      <c r="H2821">
        <v>4.7711246770590003</v>
      </c>
      <c r="I2821">
        <v>52.812522197603002</v>
      </c>
      <c r="J2821" t="s">
        <v>58506</v>
      </c>
    </row>
    <row r="2822" spans="1:10" x14ac:dyDescent="0.25">
      <c r="A2822" t="s">
        <v>44785</v>
      </c>
      <c r="B2822" t="s">
        <v>44786</v>
      </c>
      <c r="C2822" t="s">
        <v>44787</v>
      </c>
      <c r="D2822" t="s">
        <v>44779</v>
      </c>
      <c r="E2822" t="s">
        <v>13</v>
      </c>
      <c r="F2822">
        <v>11260</v>
      </c>
      <c r="G2822" t="s">
        <v>44788</v>
      </c>
      <c r="H2822">
        <v>4.7222093104029996</v>
      </c>
      <c r="I2822">
        <v>52.812566665113998</v>
      </c>
      <c r="J2822" t="s">
        <v>58507</v>
      </c>
    </row>
    <row r="2823" spans="1:10" x14ac:dyDescent="0.25">
      <c r="A2823" t="s">
        <v>44781</v>
      </c>
      <c r="B2823" t="s">
        <v>44782</v>
      </c>
      <c r="C2823" t="s">
        <v>44783</v>
      </c>
      <c r="D2823" t="s">
        <v>44779</v>
      </c>
      <c r="E2823" t="s">
        <v>13</v>
      </c>
      <c r="F2823">
        <v>11259</v>
      </c>
      <c r="G2823" t="s">
        <v>44784</v>
      </c>
      <c r="H2823">
        <v>4.7469094426599998</v>
      </c>
      <c r="I2823">
        <v>52.800042870097997</v>
      </c>
      <c r="J2823" t="s">
        <v>58508</v>
      </c>
    </row>
    <row r="2824" spans="1:10" x14ac:dyDescent="0.25">
      <c r="A2824" t="s">
        <v>44776</v>
      </c>
      <c r="B2824" t="s">
        <v>44777</v>
      </c>
      <c r="C2824" t="s">
        <v>44778</v>
      </c>
      <c r="D2824" t="s">
        <v>44779</v>
      </c>
      <c r="E2824" t="s">
        <v>13</v>
      </c>
      <c r="F2824">
        <v>11258</v>
      </c>
      <c r="G2824" t="s">
        <v>44780</v>
      </c>
      <c r="H2824">
        <v>4.7596580658369998</v>
      </c>
      <c r="I2824">
        <v>52.801198309904997</v>
      </c>
      <c r="J2824" t="s">
        <v>58509</v>
      </c>
    </row>
    <row r="2825" spans="1:10" x14ac:dyDescent="0.25">
      <c r="A2825" t="s">
        <v>44772</v>
      </c>
      <c r="B2825" t="s">
        <v>44773</v>
      </c>
      <c r="C2825" t="s">
        <v>44774</v>
      </c>
      <c r="D2825" t="s">
        <v>44542</v>
      </c>
      <c r="E2825" t="s">
        <v>13</v>
      </c>
      <c r="F2825">
        <v>11257</v>
      </c>
      <c r="G2825" t="s">
        <v>44775</v>
      </c>
      <c r="H2825">
        <v>5.2221021314299998</v>
      </c>
      <c r="I2825">
        <v>51.983493573783001</v>
      </c>
      <c r="J2825" t="s">
        <v>58510</v>
      </c>
    </row>
    <row r="2826" spans="1:10" x14ac:dyDescent="0.25">
      <c r="A2826" t="s">
        <v>44768</v>
      </c>
      <c r="B2826" t="s">
        <v>44769</v>
      </c>
      <c r="C2826" t="s">
        <v>44770</v>
      </c>
      <c r="D2826" t="s">
        <v>44542</v>
      </c>
      <c r="E2826" t="s">
        <v>13</v>
      </c>
      <c r="F2826">
        <v>11256</v>
      </c>
      <c r="G2826" t="s">
        <v>44771</v>
      </c>
      <c r="H2826">
        <v>5.1728632783629998</v>
      </c>
      <c r="I2826">
        <v>51.987157207366003</v>
      </c>
      <c r="J2826" t="s">
        <v>58511</v>
      </c>
    </row>
    <row r="2827" spans="1:10" x14ac:dyDescent="0.25">
      <c r="A2827" t="s">
        <v>44764</v>
      </c>
      <c r="B2827" t="s">
        <v>44765</v>
      </c>
      <c r="C2827" t="s">
        <v>44766</v>
      </c>
      <c r="D2827" t="s">
        <v>44542</v>
      </c>
      <c r="E2827" t="s">
        <v>13</v>
      </c>
      <c r="F2827">
        <v>11255</v>
      </c>
      <c r="G2827" t="s">
        <v>44767</v>
      </c>
      <c r="H2827">
        <v>5.2124204178099998</v>
      </c>
      <c r="I2827">
        <v>51.985527404770998</v>
      </c>
      <c r="J2827" t="s">
        <v>58512</v>
      </c>
    </row>
    <row r="2828" spans="1:10" x14ac:dyDescent="0.25">
      <c r="A2828" t="s">
        <v>44760</v>
      </c>
      <c r="B2828" t="s">
        <v>44761</v>
      </c>
      <c r="C2828" t="s">
        <v>44762</v>
      </c>
      <c r="D2828" t="s">
        <v>44542</v>
      </c>
      <c r="E2828" t="s">
        <v>13</v>
      </c>
      <c r="F2828">
        <v>11254</v>
      </c>
      <c r="G2828" t="s">
        <v>44763</v>
      </c>
      <c r="H2828">
        <v>5.184592326392</v>
      </c>
      <c r="I2828">
        <v>51.994949696740001</v>
      </c>
      <c r="J2828" t="s">
        <v>58513</v>
      </c>
    </row>
    <row r="2829" spans="1:10" x14ac:dyDescent="0.25">
      <c r="A2829" t="s">
        <v>44756</v>
      </c>
      <c r="B2829" t="s">
        <v>44757</v>
      </c>
      <c r="C2829" t="s">
        <v>44758</v>
      </c>
      <c r="D2829" t="s">
        <v>44542</v>
      </c>
      <c r="E2829" t="s">
        <v>13</v>
      </c>
      <c r="F2829">
        <v>11253</v>
      </c>
      <c r="G2829" t="s">
        <v>44759</v>
      </c>
      <c r="H2829">
        <v>5.1447084474739997</v>
      </c>
      <c r="I2829">
        <v>51.998982896336003</v>
      </c>
      <c r="J2829" t="s">
        <v>58514</v>
      </c>
    </row>
    <row r="2830" spans="1:10" x14ac:dyDescent="0.25">
      <c r="A2830" t="s">
        <v>44752</v>
      </c>
      <c r="B2830" t="s">
        <v>44753</v>
      </c>
      <c r="C2830" t="s">
        <v>44754</v>
      </c>
      <c r="D2830" t="s">
        <v>44542</v>
      </c>
      <c r="E2830" t="s">
        <v>13</v>
      </c>
      <c r="F2830">
        <v>11252</v>
      </c>
      <c r="G2830" t="s">
        <v>44755</v>
      </c>
      <c r="H2830">
        <v>5.1626622219470004</v>
      </c>
      <c r="I2830">
        <v>51.990201829804001</v>
      </c>
      <c r="J2830" t="s">
        <v>58515</v>
      </c>
    </row>
    <row r="2831" spans="1:10" x14ac:dyDescent="0.25">
      <c r="A2831" t="s">
        <v>44748</v>
      </c>
      <c r="B2831" t="s">
        <v>44749</v>
      </c>
      <c r="C2831" t="s">
        <v>44750</v>
      </c>
      <c r="D2831" t="s">
        <v>44542</v>
      </c>
      <c r="E2831" t="s">
        <v>13</v>
      </c>
      <c r="F2831">
        <v>11251</v>
      </c>
      <c r="G2831" t="s">
        <v>44751</v>
      </c>
      <c r="H2831">
        <v>5.134738691121</v>
      </c>
      <c r="I2831">
        <v>52.001871947291001</v>
      </c>
      <c r="J2831" t="s">
        <v>58516</v>
      </c>
    </row>
    <row r="2832" spans="1:10" x14ac:dyDescent="0.25">
      <c r="A2832" t="s">
        <v>44744</v>
      </c>
      <c r="B2832" t="s">
        <v>44745</v>
      </c>
      <c r="C2832" t="s">
        <v>44746</v>
      </c>
      <c r="D2832" t="s">
        <v>44542</v>
      </c>
      <c r="E2832" t="s">
        <v>13</v>
      </c>
      <c r="F2832">
        <v>11250</v>
      </c>
      <c r="G2832" t="s">
        <v>44747</v>
      </c>
      <c r="H2832">
        <v>5.2210105805540001</v>
      </c>
      <c r="I2832">
        <v>52.003586061194</v>
      </c>
      <c r="J2832" t="s">
        <v>58517</v>
      </c>
    </row>
    <row r="2833" spans="1:10" x14ac:dyDescent="0.25">
      <c r="A2833" t="s">
        <v>44740</v>
      </c>
      <c r="B2833" t="s">
        <v>44741</v>
      </c>
      <c r="C2833" t="s">
        <v>44742</v>
      </c>
      <c r="D2833" t="s">
        <v>44542</v>
      </c>
      <c r="E2833" t="s">
        <v>13</v>
      </c>
      <c r="F2833">
        <v>11249</v>
      </c>
      <c r="G2833" t="s">
        <v>44743</v>
      </c>
      <c r="H2833">
        <v>5.2127592010250003</v>
      </c>
      <c r="I2833">
        <v>52.002582125627001</v>
      </c>
      <c r="J2833" t="s">
        <v>58518</v>
      </c>
    </row>
    <row r="2834" spans="1:10" x14ac:dyDescent="0.25">
      <c r="A2834" t="s">
        <v>44736</v>
      </c>
      <c r="B2834" t="s">
        <v>44737</v>
      </c>
      <c r="C2834" t="s">
        <v>44738</v>
      </c>
      <c r="D2834" t="s">
        <v>44542</v>
      </c>
      <c r="E2834" t="s">
        <v>13</v>
      </c>
      <c r="F2834">
        <v>11248</v>
      </c>
      <c r="G2834" t="s">
        <v>44739</v>
      </c>
      <c r="H2834">
        <v>5.2257518743729996</v>
      </c>
      <c r="I2834">
        <v>52.000802169967002</v>
      </c>
      <c r="J2834" t="s">
        <v>58519</v>
      </c>
    </row>
    <row r="2835" spans="1:10" x14ac:dyDescent="0.25">
      <c r="A2835" t="s">
        <v>44732</v>
      </c>
      <c r="B2835" t="s">
        <v>44733</v>
      </c>
      <c r="C2835" t="s">
        <v>44734</v>
      </c>
      <c r="D2835" t="s">
        <v>44542</v>
      </c>
      <c r="E2835" t="s">
        <v>13</v>
      </c>
      <c r="F2835">
        <v>11247</v>
      </c>
      <c r="G2835" t="s">
        <v>44735</v>
      </c>
      <c r="H2835">
        <v>5.188106495025</v>
      </c>
      <c r="I2835">
        <v>52.032998479356003</v>
      </c>
      <c r="J2835" t="s">
        <v>58520</v>
      </c>
    </row>
    <row r="2836" spans="1:10" x14ac:dyDescent="0.25">
      <c r="A2836" t="s">
        <v>44728</v>
      </c>
      <c r="B2836" t="s">
        <v>44729</v>
      </c>
      <c r="C2836" t="s">
        <v>44730</v>
      </c>
      <c r="D2836" t="s">
        <v>44542</v>
      </c>
      <c r="E2836" t="s">
        <v>13</v>
      </c>
      <c r="F2836">
        <v>11246</v>
      </c>
      <c r="G2836" t="s">
        <v>44731</v>
      </c>
      <c r="H2836">
        <v>5.1414826226969996</v>
      </c>
      <c r="I2836">
        <v>52.040515666741001</v>
      </c>
      <c r="J2836" t="s">
        <v>58521</v>
      </c>
    </row>
    <row r="2837" spans="1:10" x14ac:dyDescent="0.25">
      <c r="A2837" t="s">
        <v>44724</v>
      </c>
      <c r="B2837" t="s">
        <v>44725</v>
      </c>
      <c r="C2837" t="s">
        <v>44726</v>
      </c>
      <c r="D2837" t="s">
        <v>44542</v>
      </c>
      <c r="E2837" t="s">
        <v>13</v>
      </c>
      <c r="F2837">
        <v>11245</v>
      </c>
      <c r="G2837" t="s">
        <v>44727</v>
      </c>
      <c r="H2837">
        <v>5.1863892489910004</v>
      </c>
      <c r="I2837">
        <v>52.008547092862997</v>
      </c>
      <c r="J2837" t="s">
        <v>58522</v>
      </c>
    </row>
    <row r="2838" spans="1:10" x14ac:dyDescent="0.25">
      <c r="A2838" t="s">
        <v>44720</v>
      </c>
      <c r="B2838" t="s">
        <v>44721</v>
      </c>
      <c r="C2838" t="s">
        <v>44722</v>
      </c>
      <c r="D2838" t="s">
        <v>44542</v>
      </c>
      <c r="E2838" t="s">
        <v>13</v>
      </c>
      <c r="F2838">
        <v>11244</v>
      </c>
      <c r="G2838" t="s">
        <v>44723</v>
      </c>
      <c r="H2838">
        <v>5.181775412635</v>
      </c>
      <c r="I2838">
        <v>52.029265744006999</v>
      </c>
      <c r="J2838" t="s">
        <v>58523</v>
      </c>
    </row>
    <row r="2839" spans="1:10" x14ac:dyDescent="0.25">
      <c r="A2839" t="s">
        <v>44716</v>
      </c>
      <c r="B2839" t="s">
        <v>44717</v>
      </c>
      <c r="C2839" t="s">
        <v>44718</v>
      </c>
      <c r="D2839" t="s">
        <v>44542</v>
      </c>
      <c r="E2839" t="s">
        <v>13</v>
      </c>
      <c r="F2839">
        <v>11243</v>
      </c>
      <c r="G2839" t="s">
        <v>44719</v>
      </c>
      <c r="H2839">
        <v>5.1581976341980003</v>
      </c>
      <c r="I2839">
        <v>52.022587383606002</v>
      </c>
      <c r="J2839" t="s">
        <v>58524</v>
      </c>
    </row>
    <row r="2840" spans="1:10" x14ac:dyDescent="0.25">
      <c r="A2840" t="s">
        <v>44712</v>
      </c>
      <c r="B2840" t="s">
        <v>44713</v>
      </c>
      <c r="C2840" t="s">
        <v>44714</v>
      </c>
      <c r="D2840" t="s">
        <v>44542</v>
      </c>
      <c r="E2840" t="s">
        <v>13</v>
      </c>
      <c r="F2840">
        <v>11242</v>
      </c>
      <c r="G2840" t="s">
        <v>44715</v>
      </c>
      <c r="H2840">
        <v>5.1397053682539999</v>
      </c>
      <c r="I2840">
        <v>52.033068251541003</v>
      </c>
      <c r="J2840" t="s">
        <v>58525</v>
      </c>
    </row>
    <row r="2841" spans="1:10" x14ac:dyDescent="0.25">
      <c r="A2841" t="s">
        <v>44708</v>
      </c>
      <c r="B2841" t="s">
        <v>44709</v>
      </c>
      <c r="C2841" t="s">
        <v>44710</v>
      </c>
      <c r="D2841" t="s">
        <v>44542</v>
      </c>
      <c r="E2841" t="s">
        <v>13</v>
      </c>
      <c r="F2841">
        <v>11241</v>
      </c>
      <c r="G2841" t="s">
        <v>44711</v>
      </c>
      <c r="H2841">
        <v>5.1480628959040002</v>
      </c>
      <c r="I2841">
        <v>52.017656171147998</v>
      </c>
      <c r="J2841" t="s">
        <v>58526</v>
      </c>
    </row>
    <row r="2842" spans="1:10" x14ac:dyDescent="0.25">
      <c r="A2842" t="s">
        <v>44704</v>
      </c>
      <c r="B2842" t="s">
        <v>44705</v>
      </c>
      <c r="C2842" t="s">
        <v>44706</v>
      </c>
      <c r="D2842" t="s">
        <v>44542</v>
      </c>
      <c r="E2842" t="s">
        <v>13</v>
      </c>
      <c r="F2842">
        <v>11240</v>
      </c>
      <c r="G2842" t="s">
        <v>44707</v>
      </c>
      <c r="H2842">
        <v>5.1482605983980001</v>
      </c>
      <c r="I2842">
        <v>52.022234053916002</v>
      </c>
      <c r="J2842" t="s">
        <v>58527</v>
      </c>
    </row>
    <row r="2843" spans="1:10" x14ac:dyDescent="0.25">
      <c r="A2843" t="s">
        <v>44700</v>
      </c>
      <c r="B2843" t="s">
        <v>44701</v>
      </c>
      <c r="C2843" t="s">
        <v>44702</v>
      </c>
      <c r="D2843" t="s">
        <v>44542</v>
      </c>
      <c r="E2843" t="s">
        <v>13</v>
      </c>
      <c r="F2843">
        <v>11239</v>
      </c>
      <c r="G2843" t="s">
        <v>44703</v>
      </c>
      <c r="H2843">
        <v>5.1564729632199997</v>
      </c>
      <c r="I2843">
        <v>52.018659437887997</v>
      </c>
      <c r="J2843" t="s">
        <v>58528</v>
      </c>
    </row>
    <row r="2844" spans="1:10" x14ac:dyDescent="0.25">
      <c r="A2844" t="s">
        <v>44696</v>
      </c>
      <c r="B2844" t="s">
        <v>44697</v>
      </c>
      <c r="C2844" t="s">
        <v>44698</v>
      </c>
      <c r="D2844" t="s">
        <v>44542</v>
      </c>
      <c r="E2844" t="s">
        <v>13</v>
      </c>
      <c r="F2844">
        <v>11238</v>
      </c>
      <c r="G2844" t="s">
        <v>44699</v>
      </c>
      <c r="H2844">
        <v>5.1409648176280003</v>
      </c>
      <c r="I2844">
        <v>52.027402667163997</v>
      </c>
      <c r="J2844" t="s">
        <v>58529</v>
      </c>
    </row>
    <row r="2845" spans="1:10" x14ac:dyDescent="0.25">
      <c r="A2845" t="s">
        <v>44692</v>
      </c>
      <c r="B2845" t="s">
        <v>44693</v>
      </c>
      <c r="C2845" t="s">
        <v>44694</v>
      </c>
      <c r="D2845" t="s">
        <v>44542</v>
      </c>
      <c r="E2845" t="s">
        <v>13</v>
      </c>
      <c r="F2845">
        <v>11237</v>
      </c>
      <c r="G2845" t="s">
        <v>44695</v>
      </c>
      <c r="H2845">
        <v>5.1442848993209997</v>
      </c>
      <c r="I2845">
        <v>52.039434798306999</v>
      </c>
      <c r="J2845" t="s">
        <v>58530</v>
      </c>
    </row>
    <row r="2846" spans="1:10" x14ac:dyDescent="0.25">
      <c r="A2846" t="s">
        <v>44689</v>
      </c>
      <c r="B2846" t="s">
        <v>44690</v>
      </c>
      <c r="C2846" t="s">
        <v>9803</v>
      </c>
      <c r="D2846" t="s">
        <v>44542</v>
      </c>
      <c r="E2846" t="s">
        <v>13</v>
      </c>
      <c r="F2846">
        <v>11236</v>
      </c>
      <c r="G2846" t="s">
        <v>44691</v>
      </c>
      <c r="H2846">
        <v>5.1359692625479996</v>
      </c>
      <c r="I2846">
        <v>52.026217233852002</v>
      </c>
      <c r="J2846" t="s">
        <v>58531</v>
      </c>
    </row>
    <row r="2847" spans="1:10" x14ac:dyDescent="0.25">
      <c r="A2847" t="s">
        <v>44685</v>
      </c>
      <c r="B2847" t="s">
        <v>44686</v>
      </c>
      <c r="C2847" t="s">
        <v>44687</v>
      </c>
      <c r="D2847" t="s">
        <v>44542</v>
      </c>
      <c r="E2847" t="s">
        <v>13</v>
      </c>
      <c r="F2847">
        <v>11235</v>
      </c>
      <c r="G2847" t="s">
        <v>44688</v>
      </c>
      <c r="H2847">
        <v>5.1912395034300003</v>
      </c>
      <c r="I2847">
        <v>52.019793706091001</v>
      </c>
      <c r="J2847" t="s">
        <v>58532</v>
      </c>
    </row>
    <row r="2848" spans="1:10" x14ac:dyDescent="0.25">
      <c r="A2848" t="s">
        <v>44681</v>
      </c>
      <c r="B2848" t="s">
        <v>44682</v>
      </c>
      <c r="C2848" t="s">
        <v>44683</v>
      </c>
      <c r="D2848" t="s">
        <v>44542</v>
      </c>
      <c r="E2848" t="s">
        <v>13</v>
      </c>
      <c r="F2848">
        <v>11234</v>
      </c>
      <c r="G2848" t="s">
        <v>44684</v>
      </c>
      <c r="H2848">
        <v>5.1851856709930004</v>
      </c>
      <c r="I2848">
        <v>52.014809245133002</v>
      </c>
      <c r="J2848" t="s">
        <v>58533</v>
      </c>
    </row>
    <row r="2849" spans="1:10" x14ac:dyDescent="0.25">
      <c r="A2849" t="s">
        <v>44677</v>
      </c>
      <c r="B2849" t="s">
        <v>44678</v>
      </c>
      <c r="C2849" t="s">
        <v>44679</v>
      </c>
      <c r="D2849" t="s">
        <v>44542</v>
      </c>
      <c r="E2849" t="s">
        <v>13</v>
      </c>
      <c r="F2849">
        <v>11233</v>
      </c>
      <c r="G2849" t="s">
        <v>44680</v>
      </c>
      <c r="H2849">
        <v>5.1919192833330001</v>
      </c>
      <c r="I2849">
        <v>52.015476580001</v>
      </c>
      <c r="J2849" t="s">
        <v>58534</v>
      </c>
    </row>
    <row r="2850" spans="1:10" x14ac:dyDescent="0.25">
      <c r="A2850" t="s">
        <v>44673</v>
      </c>
      <c r="B2850" t="s">
        <v>44674</v>
      </c>
      <c r="C2850" t="s">
        <v>44675</v>
      </c>
      <c r="D2850" t="s">
        <v>44542</v>
      </c>
      <c r="E2850" t="s">
        <v>13</v>
      </c>
      <c r="F2850">
        <v>11232</v>
      </c>
      <c r="G2850" t="s">
        <v>44676</v>
      </c>
      <c r="H2850">
        <v>5.1928998659939998</v>
      </c>
      <c r="I2850">
        <v>52.021763794837</v>
      </c>
      <c r="J2850" t="s">
        <v>58535</v>
      </c>
    </row>
    <row r="2851" spans="1:10" x14ac:dyDescent="0.25">
      <c r="A2851" t="s">
        <v>44669</v>
      </c>
      <c r="B2851" t="s">
        <v>44670</v>
      </c>
      <c r="C2851" t="s">
        <v>44671</v>
      </c>
      <c r="D2851" t="s">
        <v>44542</v>
      </c>
      <c r="E2851" t="s">
        <v>13</v>
      </c>
      <c r="F2851">
        <v>11231</v>
      </c>
      <c r="G2851" t="s">
        <v>44672</v>
      </c>
      <c r="H2851">
        <v>5.1784864517080003</v>
      </c>
      <c r="I2851">
        <v>52.022633336025002</v>
      </c>
      <c r="J2851" t="s">
        <v>58536</v>
      </c>
    </row>
    <row r="2852" spans="1:10" x14ac:dyDescent="0.25">
      <c r="A2852" t="s">
        <v>44665</v>
      </c>
      <c r="B2852" t="s">
        <v>44666</v>
      </c>
      <c r="C2852" t="s">
        <v>44667</v>
      </c>
      <c r="D2852" t="s">
        <v>44542</v>
      </c>
      <c r="E2852" t="s">
        <v>13</v>
      </c>
      <c r="F2852">
        <v>11230</v>
      </c>
      <c r="G2852" t="s">
        <v>44668</v>
      </c>
      <c r="H2852">
        <v>5.1857319314029997</v>
      </c>
      <c r="I2852">
        <v>52.021447854552001</v>
      </c>
      <c r="J2852" t="s">
        <v>58537</v>
      </c>
    </row>
    <row r="2853" spans="1:10" x14ac:dyDescent="0.25">
      <c r="A2853" t="s">
        <v>44662</v>
      </c>
      <c r="B2853" t="s">
        <v>44663</v>
      </c>
      <c r="C2853" t="s">
        <v>22309</v>
      </c>
      <c r="D2853" t="s">
        <v>44542</v>
      </c>
      <c r="E2853" t="s">
        <v>13</v>
      </c>
      <c r="F2853">
        <v>11229</v>
      </c>
      <c r="G2853" t="s">
        <v>44664</v>
      </c>
      <c r="H2853">
        <v>5.1816244915810001</v>
      </c>
      <c r="I2853">
        <v>52.024087023051997</v>
      </c>
      <c r="J2853" t="s">
        <v>58538</v>
      </c>
    </row>
    <row r="2854" spans="1:10" x14ac:dyDescent="0.25">
      <c r="A2854" t="s">
        <v>44658</v>
      </c>
      <c r="B2854" t="s">
        <v>44659</v>
      </c>
      <c r="C2854" t="s">
        <v>44660</v>
      </c>
      <c r="D2854" t="s">
        <v>44542</v>
      </c>
      <c r="E2854" t="s">
        <v>13</v>
      </c>
      <c r="F2854">
        <v>11228</v>
      </c>
      <c r="G2854" t="s">
        <v>44661</v>
      </c>
      <c r="H2854">
        <v>5.1655605777910001</v>
      </c>
      <c r="I2854">
        <v>52.013695766803998</v>
      </c>
      <c r="J2854" t="s">
        <v>58539</v>
      </c>
    </row>
    <row r="2855" spans="1:10" x14ac:dyDescent="0.25">
      <c r="A2855" t="s">
        <v>44654</v>
      </c>
      <c r="B2855" t="s">
        <v>44655</v>
      </c>
      <c r="C2855" t="s">
        <v>44656</v>
      </c>
      <c r="D2855" t="s">
        <v>44542</v>
      </c>
      <c r="E2855" t="s">
        <v>13</v>
      </c>
      <c r="F2855">
        <v>11227</v>
      </c>
      <c r="G2855" t="s">
        <v>44657</v>
      </c>
      <c r="H2855">
        <v>5.170164512795</v>
      </c>
      <c r="I2855">
        <v>52.022530007618997</v>
      </c>
      <c r="J2855" t="s">
        <v>58540</v>
      </c>
    </row>
    <row r="2856" spans="1:10" x14ac:dyDescent="0.25">
      <c r="A2856" t="s">
        <v>44650</v>
      </c>
      <c r="B2856" t="s">
        <v>44651</v>
      </c>
      <c r="C2856" t="s">
        <v>44652</v>
      </c>
      <c r="D2856" t="s">
        <v>44542</v>
      </c>
      <c r="E2856" t="s">
        <v>13</v>
      </c>
      <c r="F2856">
        <v>11226</v>
      </c>
      <c r="G2856" t="s">
        <v>44653</v>
      </c>
      <c r="H2856">
        <v>5.180634138187</v>
      </c>
      <c r="I2856">
        <v>52.017721072969003</v>
      </c>
      <c r="J2856" t="s">
        <v>58541</v>
      </c>
    </row>
    <row r="2857" spans="1:10" x14ac:dyDescent="0.25">
      <c r="A2857" t="s">
        <v>44646</v>
      </c>
      <c r="B2857" t="s">
        <v>44647</v>
      </c>
      <c r="C2857" t="s">
        <v>44648</v>
      </c>
      <c r="D2857" t="s">
        <v>44542</v>
      </c>
      <c r="E2857" t="s">
        <v>13</v>
      </c>
      <c r="F2857">
        <v>11225</v>
      </c>
      <c r="G2857" t="s">
        <v>44649</v>
      </c>
      <c r="H2857">
        <v>5.1779738882090003</v>
      </c>
      <c r="I2857">
        <v>52.016438094184998</v>
      </c>
      <c r="J2857" t="s">
        <v>58542</v>
      </c>
    </row>
    <row r="2858" spans="1:10" x14ac:dyDescent="0.25">
      <c r="A2858" t="s">
        <v>44642</v>
      </c>
      <c r="B2858" t="s">
        <v>44643</v>
      </c>
      <c r="C2858" t="s">
        <v>44644</v>
      </c>
      <c r="D2858" t="s">
        <v>44542</v>
      </c>
      <c r="E2858" t="s">
        <v>13</v>
      </c>
      <c r="F2858">
        <v>11224</v>
      </c>
      <c r="G2858" t="s">
        <v>44645</v>
      </c>
      <c r="H2858">
        <v>5.1725057280120001</v>
      </c>
      <c r="I2858">
        <v>52.012299862896</v>
      </c>
      <c r="J2858" t="s">
        <v>58543</v>
      </c>
    </row>
    <row r="2859" spans="1:10" x14ac:dyDescent="0.25">
      <c r="A2859" t="s">
        <v>44638</v>
      </c>
      <c r="B2859" t="s">
        <v>44639</v>
      </c>
      <c r="C2859" t="s">
        <v>44640</v>
      </c>
      <c r="D2859" t="s">
        <v>44542</v>
      </c>
      <c r="E2859" t="s">
        <v>13</v>
      </c>
      <c r="F2859">
        <v>11223</v>
      </c>
      <c r="G2859" t="s">
        <v>44641</v>
      </c>
      <c r="H2859">
        <v>5.1782674053399997</v>
      </c>
      <c r="I2859">
        <v>52.012194431729</v>
      </c>
      <c r="J2859" t="s">
        <v>58544</v>
      </c>
    </row>
    <row r="2860" spans="1:10" x14ac:dyDescent="0.25">
      <c r="A2860" t="s">
        <v>44634</v>
      </c>
      <c r="B2860" t="s">
        <v>44635</v>
      </c>
      <c r="C2860" t="s">
        <v>44636</v>
      </c>
      <c r="D2860" t="s">
        <v>44542</v>
      </c>
      <c r="E2860" t="s">
        <v>13</v>
      </c>
      <c r="F2860">
        <v>11222</v>
      </c>
      <c r="G2860" t="s">
        <v>44637</v>
      </c>
      <c r="H2860">
        <v>5.1647000576449997</v>
      </c>
      <c r="I2860">
        <v>52.013199135172002</v>
      </c>
      <c r="J2860" t="s">
        <v>58545</v>
      </c>
    </row>
    <row r="2861" spans="1:10" x14ac:dyDescent="0.25">
      <c r="A2861" t="s">
        <v>44630</v>
      </c>
      <c r="B2861" t="s">
        <v>44631</v>
      </c>
      <c r="C2861" t="s">
        <v>44632</v>
      </c>
      <c r="D2861" t="s">
        <v>44542</v>
      </c>
      <c r="E2861" t="s">
        <v>13</v>
      </c>
      <c r="F2861">
        <v>11221</v>
      </c>
      <c r="G2861" t="s">
        <v>44633</v>
      </c>
      <c r="H2861">
        <v>5.1650683599390002</v>
      </c>
      <c r="I2861">
        <v>52.016100969668003</v>
      </c>
      <c r="J2861" t="s">
        <v>58546</v>
      </c>
    </row>
    <row r="2862" spans="1:10" x14ac:dyDescent="0.25">
      <c r="A2862" t="s">
        <v>44626</v>
      </c>
      <c r="B2862" t="s">
        <v>44627</v>
      </c>
      <c r="C2862" t="s">
        <v>44628</v>
      </c>
      <c r="D2862" t="s">
        <v>44542</v>
      </c>
      <c r="E2862" t="s">
        <v>13</v>
      </c>
      <c r="F2862">
        <v>11220</v>
      </c>
      <c r="G2862" t="s">
        <v>44629</v>
      </c>
      <c r="H2862">
        <v>5.1699580510549996</v>
      </c>
      <c r="I2862">
        <v>52.018556159764003</v>
      </c>
      <c r="J2862" t="s">
        <v>58547</v>
      </c>
    </row>
    <row r="2863" spans="1:10" x14ac:dyDescent="0.25">
      <c r="A2863" t="s">
        <v>44622</v>
      </c>
      <c r="B2863" t="s">
        <v>44623</v>
      </c>
      <c r="C2863" t="s">
        <v>44624</v>
      </c>
      <c r="D2863" t="s">
        <v>44542</v>
      </c>
      <c r="E2863" t="s">
        <v>13</v>
      </c>
      <c r="F2863">
        <v>11219</v>
      </c>
      <c r="G2863" t="s">
        <v>44625</v>
      </c>
      <c r="H2863">
        <v>5.1749485050889996</v>
      </c>
      <c r="I2863">
        <v>52.020378226452003</v>
      </c>
      <c r="J2863" t="s">
        <v>58548</v>
      </c>
    </row>
    <row r="2864" spans="1:10" x14ac:dyDescent="0.25">
      <c r="A2864" t="s">
        <v>44618</v>
      </c>
      <c r="B2864" t="s">
        <v>44619</v>
      </c>
      <c r="C2864" t="s">
        <v>44620</v>
      </c>
      <c r="D2864" t="s">
        <v>44542</v>
      </c>
      <c r="E2864" t="s">
        <v>13</v>
      </c>
      <c r="F2864">
        <v>11218</v>
      </c>
      <c r="G2864" t="s">
        <v>44621</v>
      </c>
      <c r="H2864">
        <v>5.1800550756939998</v>
      </c>
      <c r="I2864">
        <v>52.038003444725</v>
      </c>
      <c r="J2864" t="s">
        <v>58549</v>
      </c>
    </row>
    <row r="2865" spans="1:10" x14ac:dyDescent="0.25">
      <c r="A2865" t="s">
        <v>44615</v>
      </c>
      <c r="B2865" t="s">
        <v>44616</v>
      </c>
      <c r="C2865" t="s">
        <v>27189</v>
      </c>
      <c r="D2865" t="s">
        <v>44542</v>
      </c>
      <c r="E2865" t="s">
        <v>13</v>
      </c>
      <c r="F2865">
        <v>11217</v>
      </c>
      <c r="G2865" t="s">
        <v>44617</v>
      </c>
      <c r="H2865">
        <v>5.1811298773410002</v>
      </c>
      <c r="I2865">
        <v>52.034736342488998</v>
      </c>
      <c r="J2865" t="s">
        <v>58550</v>
      </c>
    </row>
    <row r="2866" spans="1:10" x14ac:dyDescent="0.25">
      <c r="A2866" t="s">
        <v>44611</v>
      </c>
      <c r="B2866" t="s">
        <v>44612</v>
      </c>
      <c r="C2866" t="s">
        <v>44613</v>
      </c>
      <c r="D2866" t="s">
        <v>44542</v>
      </c>
      <c r="E2866" t="s">
        <v>13</v>
      </c>
      <c r="F2866">
        <v>11216</v>
      </c>
      <c r="G2866" t="s">
        <v>44614</v>
      </c>
      <c r="H2866">
        <v>5.1816592871219997</v>
      </c>
      <c r="I2866">
        <v>52.038128339685997</v>
      </c>
      <c r="J2866" t="s">
        <v>58551</v>
      </c>
    </row>
    <row r="2867" spans="1:10" x14ac:dyDescent="0.25">
      <c r="A2867" t="s">
        <v>44608</v>
      </c>
      <c r="B2867" t="s">
        <v>44609</v>
      </c>
      <c r="C2867" t="s">
        <v>40610</v>
      </c>
      <c r="D2867" t="s">
        <v>44542</v>
      </c>
      <c r="E2867" t="s">
        <v>13</v>
      </c>
      <c r="F2867">
        <v>11215</v>
      </c>
      <c r="G2867" t="s">
        <v>44610</v>
      </c>
      <c r="H2867">
        <v>5.1805157404740001</v>
      </c>
      <c r="I2867">
        <v>52.040387390406003</v>
      </c>
      <c r="J2867" t="s">
        <v>58552</v>
      </c>
    </row>
    <row r="2868" spans="1:10" x14ac:dyDescent="0.25">
      <c r="A2868" t="s">
        <v>44604</v>
      </c>
      <c r="B2868" t="s">
        <v>44605</v>
      </c>
      <c r="C2868" t="s">
        <v>44606</v>
      </c>
      <c r="D2868" t="s">
        <v>44542</v>
      </c>
      <c r="E2868" t="s">
        <v>13</v>
      </c>
      <c r="F2868">
        <v>11214</v>
      </c>
      <c r="G2868" t="s">
        <v>44607</v>
      </c>
      <c r="H2868">
        <v>5.1772725275409996</v>
      </c>
      <c r="I2868">
        <v>52.041869885887003</v>
      </c>
      <c r="J2868" t="s">
        <v>58553</v>
      </c>
    </row>
    <row r="2869" spans="1:10" x14ac:dyDescent="0.25">
      <c r="A2869" t="s">
        <v>44600</v>
      </c>
      <c r="B2869" t="s">
        <v>44601</v>
      </c>
      <c r="C2869" t="s">
        <v>44602</v>
      </c>
      <c r="D2869" t="s">
        <v>44542</v>
      </c>
      <c r="E2869" t="s">
        <v>13</v>
      </c>
      <c r="F2869">
        <v>11213</v>
      </c>
      <c r="G2869" t="s">
        <v>44603</v>
      </c>
      <c r="H2869">
        <v>5.1759917988610002</v>
      </c>
      <c r="I2869">
        <v>52.033350051188997</v>
      </c>
      <c r="J2869" t="s">
        <v>58554</v>
      </c>
    </row>
    <row r="2870" spans="1:10" x14ac:dyDescent="0.25">
      <c r="A2870" t="s">
        <v>44596</v>
      </c>
      <c r="B2870" t="s">
        <v>44597</v>
      </c>
      <c r="C2870" t="s">
        <v>44598</v>
      </c>
      <c r="D2870" t="s">
        <v>44542</v>
      </c>
      <c r="E2870" t="s">
        <v>13</v>
      </c>
      <c r="F2870">
        <v>11212</v>
      </c>
      <c r="G2870" t="s">
        <v>44599</v>
      </c>
      <c r="H2870">
        <v>5.1726514618130004</v>
      </c>
      <c r="I2870">
        <v>52.039427322426</v>
      </c>
      <c r="J2870" t="s">
        <v>58555</v>
      </c>
    </row>
    <row r="2871" spans="1:10" x14ac:dyDescent="0.25">
      <c r="A2871" t="s">
        <v>44592</v>
      </c>
      <c r="B2871" t="s">
        <v>44593</v>
      </c>
      <c r="C2871" t="s">
        <v>44594</v>
      </c>
      <c r="D2871" t="s">
        <v>44542</v>
      </c>
      <c r="E2871" t="s">
        <v>13</v>
      </c>
      <c r="F2871">
        <v>11211</v>
      </c>
      <c r="G2871" t="s">
        <v>44595</v>
      </c>
      <c r="H2871">
        <v>5.1673148604500003</v>
      </c>
      <c r="I2871">
        <v>52.038832737786997</v>
      </c>
      <c r="J2871" t="s">
        <v>58556</v>
      </c>
    </row>
    <row r="2872" spans="1:10" x14ac:dyDescent="0.25">
      <c r="A2872" t="s">
        <v>44588</v>
      </c>
      <c r="B2872" t="s">
        <v>44589</v>
      </c>
      <c r="C2872" t="s">
        <v>44590</v>
      </c>
      <c r="D2872" t="s">
        <v>44542</v>
      </c>
      <c r="E2872" t="s">
        <v>13</v>
      </c>
      <c r="F2872">
        <v>11210</v>
      </c>
      <c r="G2872" t="s">
        <v>44591</v>
      </c>
      <c r="H2872">
        <v>5.173911303843</v>
      </c>
      <c r="I2872">
        <v>52.029121993400999</v>
      </c>
      <c r="J2872" t="s">
        <v>58557</v>
      </c>
    </row>
    <row r="2873" spans="1:10" x14ac:dyDescent="0.25">
      <c r="A2873" t="s">
        <v>44585</v>
      </c>
      <c r="B2873" t="s">
        <v>44586</v>
      </c>
      <c r="C2873" t="s">
        <v>134</v>
      </c>
      <c r="D2873" t="s">
        <v>44542</v>
      </c>
      <c r="E2873" t="s">
        <v>13</v>
      </c>
      <c r="F2873">
        <v>11209</v>
      </c>
      <c r="G2873" t="s">
        <v>44587</v>
      </c>
      <c r="H2873">
        <v>5.1696016750949996</v>
      </c>
      <c r="I2873">
        <v>52.035161455622003</v>
      </c>
      <c r="J2873" t="s">
        <v>58558</v>
      </c>
    </row>
    <row r="2874" spans="1:10" x14ac:dyDescent="0.25">
      <c r="A2874" t="s">
        <v>44582</v>
      </c>
      <c r="B2874" t="s">
        <v>44583</v>
      </c>
      <c r="C2874" t="s">
        <v>138</v>
      </c>
      <c r="D2874" t="s">
        <v>44542</v>
      </c>
      <c r="E2874" t="s">
        <v>13</v>
      </c>
      <c r="F2874">
        <v>11208</v>
      </c>
      <c r="G2874" t="s">
        <v>44584</v>
      </c>
      <c r="H2874">
        <v>5.1671286186950001</v>
      </c>
      <c r="I2874">
        <v>52.033791439120002</v>
      </c>
      <c r="J2874" t="s">
        <v>58559</v>
      </c>
    </row>
    <row r="2875" spans="1:10" x14ac:dyDescent="0.25">
      <c r="A2875" t="s">
        <v>44578</v>
      </c>
      <c r="B2875" t="s">
        <v>44579</v>
      </c>
      <c r="C2875" t="s">
        <v>44580</v>
      </c>
      <c r="D2875" t="s">
        <v>44542</v>
      </c>
      <c r="E2875" t="s">
        <v>13</v>
      </c>
      <c r="F2875">
        <v>11207</v>
      </c>
      <c r="G2875" t="s">
        <v>44581</v>
      </c>
      <c r="H2875">
        <v>5.1507356146100003</v>
      </c>
      <c r="I2875">
        <v>52.030570779988999</v>
      </c>
      <c r="J2875" t="s">
        <v>58560</v>
      </c>
    </row>
    <row r="2876" spans="1:10" x14ac:dyDescent="0.25">
      <c r="A2876" t="s">
        <v>44574</v>
      </c>
      <c r="B2876" t="s">
        <v>44575</v>
      </c>
      <c r="C2876" t="s">
        <v>44576</v>
      </c>
      <c r="D2876" t="s">
        <v>44542</v>
      </c>
      <c r="E2876" t="s">
        <v>13</v>
      </c>
      <c r="F2876">
        <v>11206</v>
      </c>
      <c r="G2876" t="s">
        <v>44577</v>
      </c>
      <c r="H2876">
        <v>5.1472223018290002</v>
      </c>
      <c r="I2876">
        <v>52.033103893903998</v>
      </c>
      <c r="J2876" t="s">
        <v>58561</v>
      </c>
    </row>
    <row r="2877" spans="1:10" x14ac:dyDescent="0.25">
      <c r="A2877" t="s">
        <v>44570</v>
      </c>
      <c r="B2877" t="s">
        <v>44571</v>
      </c>
      <c r="C2877" t="s">
        <v>44572</v>
      </c>
      <c r="D2877" t="s">
        <v>44542</v>
      </c>
      <c r="E2877" t="s">
        <v>13</v>
      </c>
      <c r="F2877">
        <v>11205</v>
      </c>
      <c r="G2877" t="s">
        <v>44573</v>
      </c>
      <c r="H2877">
        <v>5.151351032549</v>
      </c>
      <c r="I2877">
        <v>52.035481325595001</v>
      </c>
      <c r="J2877" t="s">
        <v>58562</v>
      </c>
    </row>
    <row r="2878" spans="1:10" x14ac:dyDescent="0.25">
      <c r="A2878" t="s">
        <v>44566</v>
      </c>
      <c r="B2878" t="s">
        <v>44567</v>
      </c>
      <c r="C2878" t="s">
        <v>44568</v>
      </c>
      <c r="D2878" t="s">
        <v>44542</v>
      </c>
      <c r="E2878" t="s">
        <v>13</v>
      </c>
      <c r="F2878">
        <v>11204</v>
      </c>
      <c r="G2878" t="s">
        <v>44569</v>
      </c>
      <c r="H2878">
        <v>5.1504710776499998</v>
      </c>
      <c r="I2878">
        <v>52.029576963292001</v>
      </c>
      <c r="J2878" t="s">
        <v>58563</v>
      </c>
    </row>
    <row r="2879" spans="1:10" x14ac:dyDescent="0.25">
      <c r="A2879" t="s">
        <v>44562</v>
      </c>
      <c r="B2879" t="s">
        <v>44563</v>
      </c>
      <c r="C2879" t="s">
        <v>44564</v>
      </c>
      <c r="D2879" t="s">
        <v>44542</v>
      </c>
      <c r="E2879" t="s">
        <v>13</v>
      </c>
      <c r="F2879">
        <v>11203</v>
      </c>
      <c r="G2879" t="s">
        <v>44565</v>
      </c>
      <c r="H2879">
        <v>5.1556050856139999</v>
      </c>
      <c r="I2879">
        <v>52.027345112412</v>
      </c>
      <c r="J2879" t="s">
        <v>58564</v>
      </c>
    </row>
    <row r="2880" spans="1:10" x14ac:dyDescent="0.25">
      <c r="A2880" t="s">
        <v>44558</v>
      </c>
      <c r="B2880" t="s">
        <v>44559</v>
      </c>
      <c r="C2880" t="s">
        <v>44560</v>
      </c>
      <c r="D2880" t="s">
        <v>44542</v>
      </c>
      <c r="E2880" t="s">
        <v>13</v>
      </c>
      <c r="F2880">
        <v>11202</v>
      </c>
      <c r="G2880" t="s">
        <v>44561</v>
      </c>
      <c r="H2880">
        <v>5.1696829944870002</v>
      </c>
      <c r="I2880">
        <v>52.025937792690002</v>
      </c>
      <c r="J2880" t="s">
        <v>58565</v>
      </c>
    </row>
    <row r="2881" spans="1:10" x14ac:dyDescent="0.25">
      <c r="A2881" t="s">
        <v>44555</v>
      </c>
      <c r="B2881" t="s">
        <v>44556</v>
      </c>
      <c r="C2881" t="s">
        <v>28680</v>
      </c>
      <c r="D2881" t="s">
        <v>44542</v>
      </c>
      <c r="E2881" t="s">
        <v>13</v>
      </c>
      <c r="F2881">
        <v>11201</v>
      </c>
      <c r="G2881" t="s">
        <v>44557</v>
      </c>
      <c r="H2881">
        <v>5.1626328816819997</v>
      </c>
      <c r="I2881">
        <v>52.036923320115001</v>
      </c>
      <c r="J2881" t="s">
        <v>58566</v>
      </c>
    </row>
    <row r="2882" spans="1:10" x14ac:dyDescent="0.25">
      <c r="A2882" t="s">
        <v>44552</v>
      </c>
      <c r="B2882" t="s">
        <v>44553</v>
      </c>
      <c r="C2882" t="s">
        <v>39995</v>
      </c>
      <c r="D2882" t="s">
        <v>44542</v>
      </c>
      <c r="E2882" t="s">
        <v>13</v>
      </c>
      <c r="F2882">
        <v>11200</v>
      </c>
      <c r="G2882" t="s">
        <v>44554</v>
      </c>
      <c r="H2882">
        <v>5.1561911428730003</v>
      </c>
      <c r="I2882">
        <v>52.036399913642001</v>
      </c>
      <c r="J2882" t="s">
        <v>58567</v>
      </c>
    </row>
    <row r="2883" spans="1:10" x14ac:dyDescent="0.25">
      <c r="A2883" t="s">
        <v>44548</v>
      </c>
      <c r="B2883" t="s">
        <v>44549</v>
      </c>
      <c r="C2883" t="s">
        <v>44550</v>
      </c>
      <c r="D2883" t="s">
        <v>44542</v>
      </c>
      <c r="E2883" t="s">
        <v>13</v>
      </c>
      <c r="F2883">
        <v>11199</v>
      </c>
      <c r="G2883" t="s">
        <v>44551</v>
      </c>
      <c r="H2883">
        <v>5.1652088532100002</v>
      </c>
      <c r="I2883">
        <v>52.031724897376002</v>
      </c>
      <c r="J2883" t="s">
        <v>58568</v>
      </c>
    </row>
    <row r="2884" spans="1:10" x14ac:dyDescent="0.25">
      <c r="A2884" t="s">
        <v>44544</v>
      </c>
      <c r="B2884" t="s">
        <v>44545</v>
      </c>
      <c r="C2884" t="s">
        <v>44546</v>
      </c>
      <c r="D2884" t="s">
        <v>44542</v>
      </c>
      <c r="E2884" t="s">
        <v>13</v>
      </c>
      <c r="F2884">
        <v>11198</v>
      </c>
      <c r="G2884" t="s">
        <v>44547</v>
      </c>
      <c r="H2884">
        <v>5.1592059209179997</v>
      </c>
      <c r="I2884">
        <v>52.031865150492003</v>
      </c>
      <c r="J2884" t="s">
        <v>58569</v>
      </c>
    </row>
    <row r="2885" spans="1:10" x14ac:dyDescent="0.25">
      <c r="A2885" t="s">
        <v>44540</v>
      </c>
      <c r="B2885" t="s">
        <v>44541</v>
      </c>
      <c r="C2885" t="s">
        <v>14587</v>
      </c>
      <c r="D2885" t="s">
        <v>44542</v>
      </c>
      <c r="E2885" t="s">
        <v>13</v>
      </c>
      <c r="F2885">
        <v>11197</v>
      </c>
      <c r="G2885" t="s">
        <v>44543</v>
      </c>
      <c r="H2885">
        <v>5.1641803283099996</v>
      </c>
      <c r="I2885">
        <v>52.027677569058</v>
      </c>
      <c r="J2885" t="s">
        <v>58570</v>
      </c>
    </row>
    <row r="2886" spans="1:10" x14ac:dyDescent="0.25">
      <c r="A2886" t="s">
        <v>44536</v>
      </c>
      <c r="B2886" t="s">
        <v>44537</v>
      </c>
      <c r="C2886" t="s">
        <v>44538</v>
      </c>
      <c r="D2886" t="s">
        <v>44393</v>
      </c>
      <c r="E2886" t="s">
        <v>13</v>
      </c>
      <c r="F2886">
        <v>11196</v>
      </c>
      <c r="G2886" t="s">
        <v>44539</v>
      </c>
      <c r="H2886">
        <v>6.1820251823549999</v>
      </c>
      <c r="I2886">
        <v>52.459212548609003</v>
      </c>
      <c r="J2886" t="s">
        <v>58571</v>
      </c>
    </row>
    <row r="2887" spans="1:10" x14ac:dyDescent="0.25">
      <c r="A2887" t="s">
        <v>44532</v>
      </c>
      <c r="B2887" t="s">
        <v>44533</v>
      </c>
      <c r="C2887" t="s">
        <v>44534</v>
      </c>
      <c r="D2887" t="s">
        <v>44393</v>
      </c>
      <c r="E2887" t="s">
        <v>13</v>
      </c>
      <c r="F2887">
        <v>11195</v>
      </c>
      <c r="G2887" t="s">
        <v>44535</v>
      </c>
      <c r="H2887">
        <v>6.1743679211150004</v>
      </c>
      <c r="I2887">
        <v>52.459357876826999</v>
      </c>
      <c r="J2887" t="s">
        <v>58572</v>
      </c>
    </row>
    <row r="2888" spans="1:10" x14ac:dyDescent="0.25">
      <c r="A2888" t="s">
        <v>44528</v>
      </c>
      <c r="B2888" t="s">
        <v>44529</v>
      </c>
      <c r="C2888" t="s">
        <v>44530</v>
      </c>
      <c r="D2888" t="s">
        <v>44393</v>
      </c>
      <c r="E2888" t="s">
        <v>13</v>
      </c>
      <c r="F2888">
        <v>11194</v>
      </c>
      <c r="G2888" t="s">
        <v>44531</v>
      </c>
      <c r="H2888">
        <v>6.1870300509560003</v>
      </c>
      <c r="I2888">
        <v>52.438663224457997</v>
      </c>
      <c r="J2888" t="s">
        <v>58573</v>
      </c>
    </row>
    <row r="2889" spans="1:10" x14ac:dyDescent="0.25">
      <c r="A2889" t="s">
        <v>44524</v>
      </c>
      <c r="B2889" t="s">
        <v>44525</v>
      </c>
      <c r="C2889" t="s">
        <v>44526</v>
      </c>
      <c r="D2889" t="s">
        <v>44393</v>
      </c>
      <c r="E2889" t="s">
        <v>13</v>
      </c>
      <c r="F2889">
        <v>11193</v>
      </c>
      <c r="G2889" t="s">
        <v>44527</v>
      </c>
      <c r="H2889">
        <v>6.1920259420740003</v>
      </c>
      <c r="I2889">
        <v>52.436799202986997</v>
      </c>
      <c r="J2889" t="s">
        <v>58574</v>
      </c>
    </row>
    <row r="2890" spans="1:10" x14ac:dyDescent="0.25">
      <c r="A2890" t="s">
        <v>44520</v>
      </c>
      <c r="B2890" t="s">
        <v>44521</v>
      </c>
      <c r="C2890" t="s">
        <v>44522</v>
      </c>
      <c r="D2890" t="s">
        <v>44393</v>
      </c>
      <c r="E2890" t="s">
        <v>13</v>
      </c>
      <c r="F2890">
        <v>11192</v>
      </c>
      <c r="G2890" t="s">
        <v>44523</v>
      </c>
      <c r="H2890">
        <v>6.2471229842140001</v>
      </c>
      <c r="I2890">
        <v>52.443576710374998</v>
      </c>
      <c r="J2890" t="s">
        <v>58575</v>
      </c>
    </row>
    <row r="2891" spans="1:10" x14ac:dyDescent="0.25">
      <c r="A2891" t="s">
        <v>44516</v>
      </c>
      <c r="B2891" t="s">
        <v>44517</v>
      </c>
      <c r="C2891" t="s">
        <v>44518</v>
      </c>
      <c r="D2891" t="s">
        <v>44393</v>
      </c>
      <c r="E2891" t="s">
        <v>13</v>
      </c>
      <c r="F2891">
        <v>11191</v>
      </c>
      <c r="G2891" t="s">
        <v>44519</v>
      </c>
      <c r="H2891">
        <v>6.2325109525229996</v>
      </c>
      <c r="I2891">
        <v>52.444114733120003</v>
      </c>
      <c r="J2891" t="s">
        <v>58576</v>
      </c>
    </row>
    <row r="2892" spans="1:10" x14ac:dyDescent="0.25">
      <c r="A2892" t="s">
        <v>44512</v>
      </c>
      <c r="B2892" t="s">
        <v>44513</v>
      </c>
      <c r="C2892" t="s">
        <v>44514</v>
      </c>
      <c r="D2892" t="s">
        <v>44393</v>
      </c>
      <c r="E2892" t="s">
        <v>13</v>
      </c>
      <c r="F2892">
        <v>11190</v>
      </c>
      <c r="G2892" t="s">
        <v>44515</v>
      </c>
      <c r="H2892">
        <v>6.2221740480529997</v>
      </c>
      <c r="I2892">
        <v>52.441500774470001</v>
      </c>
      <c r="J2892" t="s">
        <v>58577</v>
      </c>
    </row>
    <row r="2893" spans="1:10" x14ac:dyDescent="0.25">
      <c r="A2893" t="s">
        <v>44508</v>
      </c>
      <c r="B2893" t="s">
        <v>44509</v>
      </c>
      <c r="C2893" t="s">
        <v>44510</v>
      </c>
      <c r="D2893" t="s">
        <v>44393</v>
      </c>
      <c r="E2893" t="s">
        <v>13</v>
      </c>
      <c r="F2893">
        <v>11189</v>
      </c>
      <c r="G2893" t="s">
        <v>44511</v>
      </c>
      <c r="H2893">
        <v>6.235346530717</v>
      </c>
      <c r="I2893">
        <v>52.430870662779</v>
      </c>
      <c r="J2893" t="s">
        <v>58578</v>
      </c>
    </row>
    <row r="2894" spans="1:10" x14ac:dyDescent="0.25">
      <c r="A2894" t="s">
        <v>44505</v>
      </c>
      <c r="B2894" t="s">
        <v>44506</v>
      </c>
      <c r="C2894" t="s">
        <v>16924</v>
      </c>
      <c r="D2894" t="s">
        <v>44393</v>
      </c>
      <c r="E2894" t="s">
        <v>13</v>
      </c>
      <c r="F2894">
        <v>11188</v>
      </c>
      <c r="G2894" t="s">
        <v>44507</v>
      </c>
      <c r="H2894">
        <v>6.2296971210430003</v>
      </c>
      <c r="I2894">
        <v>52.439545616617998</v>
      </c>
      <c r="J2894" t="s">
        <v>58579</v>
      </c>
    </row>
    <row r="2895" spans="1:10" x14ac:dyDescent="0.25">
      <c r="A2895" t="s">
        <v>44501</v>
      </c>
      <c r="B2895" t="s">
        <v>44502</v>
      </c>
      <c r="C2895" t="s">
        <v>44503</v>
      </c>
      <c r="D2895" t="s">
        <v>44393</v>
      </c>
      <c r="E2895" t="s">
        <v>13</v>
      </c>
      <c r="F2895">
        <v>11187</v>
      </c>
      <c r="G2895" t="s">
        <v>44504</v>
      </c>
      <c r="H2895">
        <v>6.2367984630490003</v>
      </c>
      <c r="I2895">
        <v>52.436227125361</v>
      </c>
      <c r="J2895" t="s">
        <v>58580</v>
      </c>
    </row>
    <row r="2896" spans="1:10" x14ac:dyDescent="0.25">
      <c r="A2896" t="s">
        <v>44497</v>
      </c>
      <c r="B2896" t="s">
        <v>44498</v>
      </c>
      <c r="C2896" t="s">
        <v>44499</v>
      </c>
      <c r="D2896" t="s">
        <v>44393</v>
      </c>
      <c r="E2896" t="s">
        <v>13</v>
      </c>
      <c r="F2896">
        <v>11186</v>
      </c>
      <c r="G2896" t="s">
        <v>44500</v>
      </c>
      <c r="H2896">
        <v>6.2188738598219997</v>
      </c>
      <c r="I2896">
        <v>52.366023864558997</v>
      </c>
      <c r="J2896" t="s">
        <v>58581</v>
      </c>
    </row>
    <row r="2897" spans="1:10" x14ac:dyDescent="0.25">
      <c r="A2897" t="s">
        <v>44493</v>
      </c>
      <c r="B2897" t="s">
        <v>44494</v>
      </c>
      <c r="C2897" t="s">
        <v>44495</v>
      </c>
      <c r="D2897" t="s">
        <v>44393</v>
      </c>
      <c r="E2897" t="s">
        <v>13</v>
      </c>
      <c r="F2897">
        <v>11185</v>
      </c>
      <c r="G2897" t="s">
        <v>44496</v>
      </c>
      <c r="H2897">
        <v>6.1998301127120001</v>
      </c>
      <c r="I2897">
        <v>52.362706616821001</v>
      </c>
      <c r="J2897" t="s">
        <v>58582</v>
      </c>
    </row>
    <row r="2898" spans="1:10" x14ac:dyDescent="0.25">
      <c r="A2898" t="s">
        <v>44489</v>
      </c>
      <c r="B2898" t="s">
        <v>44490</v>
      </c>
      <c r="C2898" t="s">
        <v>44491</v>
      </c>
      <c r="D2898" t="s">
        <v>44393</v>
      </c>
      <c r="E2898" t="s">
        <v>13</v>
      </c>
      <c r="F2898">
        <v>11184</v>
      </c>
      <c r="G2898" t="s">
        <v>44492</v>
      </c>
      <c r="H2898">
        <v>6.2800633691999996</v>
      </c>
      <c r="I2898">
        <v>52.332204544127997</v>
      </c>
      <c r="J2898" t="s">
        <v>58583</v>
      </c>
    </row>
    <row r="2899" spans="1:10" x14ac:dyDescent="0.25">
      <c r="A2899" t="s">
        <v>44485</v>
      </c>
      <c r="B2899" t="s">
        <v>44486</v>
      </c>
      <c r="C2899" t="s">
        <v>44487</v>
      </c>
      <c r="D2899" t="s">
        <v>44393</v>
      </c>
      <c r="E2899" t="s">
        <v>13</v>
      </c>
      <c r="F2899">
        <v>11183</v>
      </c>
      <c r="G2899" t="s">
        <v>44488</v>
      </c>
      <c r="H2899">
        <v>6.282619717807</v>
      </c>
      <c r="I2899">
        <v>52.332040729972</v>
      </c>
      <c r="J2899" t="s">
        <v>58584</v>
      </c>
    </row>
    <row r="2900" spans="1:10" x14ac:dyDescent="0.25">
      <c r="A2900" t="s">
        <v>44481</v>
      </c>
      <c r="B2900" t="s">
        <v>44482</v>
      </c>
      <c r="C2900" t="s">
        <v>44483</v>
      </c>
      <c r="D2900" t="s">
        <v>44393</v>
      </c>
      <c r="E2900" t="s">
        <v>13</v>
      </c>
      <c r="F2900">
        <v>11182</v>
      </c>
      <c r="G2900" t="s">
        <v>44484</v>
      </c>
      <c r="H2900">
        <v>6.3275412575949996</v>
      </c>
      <c r="I2900">
        <v>52.321981582733997</v>
      </c>
      <c r="J2900" t="s">
        <v>58585</v>
      </c>
    </row>
    <row r="2901" spans="1:10" x14ac:dyDescent="0.25">
      <c r="A2901" t="s">
        <v>44477</v>
      </c>
      <c r="B2901" t="s">
        <v>44478</v>
      </c>
      <c r="C2901" t="s">
        <v>44479</v>
      </c>
      <c r="D2901" t="s">
        <v>44393</v>
      </c>
      <c r="E2901" t="s">
        <v>13</v>
      </c>
      <c r="F2901">
        <v>11181</v>
      </c>
      <c r="G2901" t="s">
        <v>44480</v>
      </c>
      <c r="H2901">
        <v>6.3496574873789999</v>
      </c>
      <c r="I2901">
        <v>52.320318690842001</v>
      </c>
      <c r="J2901" t="s">
        <v>58586</v>
      </c>
    </row>
    <row r="2902" spans="1:10" x14ac:dyDescent="0.25">
      <c r="A2902" t="s">
        <v>44473</v>
      </c>
      <c r="B2902" t="s">
        <v>44474</v>
      </c>
      <c r="C2902" t="s">
        <v>44475</v>
      </c>
      <c r="D2902" t="s">
        <v>44393</v>
      </c>
      <c r="E2902" t="s">
        <v>13</v>
      </c>
      <c r="F2902">
        <v>11180</v>
      </c>
      <c r="G2902" t="s">
        <v>44476</v>
      </c>
      <c r="H2902">
        <v>6.3216052203419997</v>
      </c>
      <c r="I2902">
        <v>52.379991116035001</v>
      </c>
      <c r="J2902" t="s">
        <v>58587</v>
      </c>
    </row>
    <row r="2903" spans="1:10" x14ac:dyDescent="0.25">
      <c r="A2903" t="s">
        <v>44469</v>
      </c>
      <c r="B2903" t="s">
        <v>44470</v>
      </c>
      <c r="C2903" t="s">
        <v>44471</v>
      </c>
      <c r="D2903" t="s">
        <v>44393</v>
      </c>
      <c r="E2903" t="s">
        <v>13</v>
      </c>
      <c r="F2903">
        <v>11179</v>
      </c>
      <c r="G2903" t="s">
        <v>44472</v>
      </c>
      <c r="H2903">
        <v>6.3231644332950001</v>
      </c>
      <c r="I2903">
        <v>52.383231050361999</v>
      </c>
      <c r="J2903" t="s">
        <v>58588</v>
      </c>
    </row>
    <row r="2904" spans="1:10" x14ac:dyDescent="0.25">
      <c r="A2904" t="s">
        <v>44465</v>
      </c>
      <c r="B2904" t="s">
        <v>44466</v>
      </c>
      <c r="C2904" t="s">
        <v>44467</v>
      </c>
      <c r="D2904" t="s">
        <v>44393</v>
      </c>
      <c r="E2904" t="s">
        <v>13</v>
      </c>
      <c r="F2904">
        <v>11178</v>
      </c>
      <c r="G2904" t="s">
        <v>44468</v>
      </c>
      <c r="H2904">
        <v>6.3651905436099998</v>
      </c>
      <c r="I2904">
        <v>52.405731231003998</v>
      </c>
      <c r="J2904" t="s">
        <v>58589</v>
      </c>
    </row>
    <row r="2905" spans="1:10" x14ac:dyDescent="0.25">
      <c r="A2905" t="s">
        <v>44461</v>
      </c>
      <c r="B2905" t="s">
        <v>44462</v>
      </c>
      <c r="C2905" t="s">
        <v>44463</v>
      </c>
      <c r="D2905" t="s">
        <v>44393</v>
      </c>
      <c r="E2905" t="s">
        <v>13</v>
      </c>
      <c r="F2905">
        <v>11177</v>
      </c>
      <c r="G2905" t="s">
        <v>44464</v>
      </c>
      <c r="H2905">
        <v>6.3649223162029998</v>
      </c>
      <c r="I2905">
        <v>52.404976523121</v>
      </c>
      <c r="J2905" t="s">
        <v>58590</v>
      </c>
    </row>
    <row r="2906" spans="1:10" x14ac:dyDescent="0.25">
      <c r="A2906" t="s">
        <v>44457</v>
      </c>
      <c r="B2906" t="s">
        <v>44458</v>
      </c>
      <c r="C2906" t="s">
        <v>44459</v>
      </c>
      <c r="D2906" t="s">
        <v>44393</v>
      </c>
      <c r="E2906" t="s">
        <v>13</v>
      </c>
      <c r="F2906">
        <v>11176</v>
      </c>
      <c r="G2906" t="s">
        <v>44460</v>
      </c>
      <c r="H2906">
        <v>6.2675846632140004</v>
      </c>
      <c r="I2906">
        <v>52.397785256097002</v>
      </c>
      <c r="J2906" t="s">
        <v>58591</v>
      </c>
    </row>
    <row r="2907" spans="1:10" x14ac:dyDescent="0.25">
      <c r="A2907" t="s">
        <v>44453</v>
      </c>
      <c r="B2907" t="s">
        <v>44454</v>
      </c>
      <c r="C2907" t="s">
        <v>44455</v>
      </c>
      <c r="D2907" t="s">
        <v>44393</v>
      </c>
      <c r="E2907" t="s">
        <v>13</v>
      </c>
      <c r="F2907">
        <v>11175</v>
      </c>
      <c r="G2907" t="s">
        <v>44456</v>
      </c>
      <c r="H2907">
        <v>6.2893750329460003</v>
      </c>
      <c r="I2907">
        <v>52.374133590245997</v>
      </c>
      <c r="J2907" t="s">
        <v>58592</v>
      </c>
    </row>
    <row r="2908" spans="1:10" x14ac:dyDescent="0.25">
      <c r="A2908" t="s">
        <v>44449</v>
      </c>
      <c r="B2908" t="s">
        <v>44450</v>
      </c>
      <c r="C2908" t="s">
        <v>44451</v>
      </c>
      <c r="D2908" t="s">
        <v>44393</v>
      </c>
      <c r="E2908" t="s">
        <v>13</v>
      </c>
      <c r="F2908">
        <v>11174</v>
      </c>
      <c r="G2908" t="s">
        <v>44452</v>
      </c>
      <c r="H2908">
        <v>6.2872008991710002</v>
      </c>
      <c r="I2908">
        <v>52.379255144890003</v>
      </c>
      <c r="J2908" t="s">
        <v>58593</v>
      </c>
    </row>
    <row r="2909" spans="1:10" x14ac:dyDescent="0.25">
      <c r="A2909" t="s">
        <v>44445</v>
      </c>
      <c r="B2909" t="s">
        <v>44446</v>
      </c>
      <c r="C2909" t="s">
        <v>44447</v>
      </c>
      <c r="D2909" t="s">
        <v>44393</v>
      </c>
      <c r="E2909" t="s">
        <v>13</v>
      </c>
      <c r="F2909">
        <v>11173</v>
      </c>
      <c r="G2909" t="s">
        <v>44448</v>
      </c>
      <c r="H2909">
        <v>6.2667620327520002</v>
      </c>
      <c r="I2909">
        <v>52.405098084551</v>
      </c>
      <c r="J2909" t="s">
        <v>58594</v>
      </c>
    </row>
    <row r="2910" spans="1:10" x14ac:dyDescent="0.25">
      <c r="A2910" t="s">
        <v>44441</v>
      </c>
      <c r="B2910" t="s">
        <v>44442</v>
      </c>
      <c r="C2910" t="s">
        <v>44443</v>
      </c>
      <c r="D2910" t="s">
        <v>44393</v>
      </c>
      <c r="E2910" t="s">
        <v>13</v>
      </c>
      <c r="F2910">
        <v>11172</v>
      </c>
      <c r="G2910" t="s">
        <v>44444</v>
      </c>
      <c r="H2910">
        <v>6.2778920907469997</v>
      </c>
      <c r="I2910">
        <v>52.401089920564999</v>
      </c>
      <c r="J2910" t="s">
        <v>58595</v>
      </c>
    </row>
    <row r="2911" spans="1:10" x14ac:dyDescent="0.25">
      <c r="A2911" t="s">
        <v>44437</v>
      </c>
      <c r="B2911" t="s">
        <v>44438</v>
      </c>
      <c r="C2911" t="s">
        <v>44439</v>
      </c>
      <c r="D2911" t="s">
        <v>44393</v>
      </c>
      <c r="E2911" t="s">
        <v>13</v>
      </c>
      <c r="F2911">
        <v>11171</v>
      </c>
      <c r="G2911" t="s">
        <v>44440</v>
      </c>
      <c r="H2911">
        <v>6.278353243312</v>
      </c>
      <c r="I2911">
        <v>52.398136279545</v>
      </c>
      <c r="J2911" t="s">
        <v>58596</v>
      </c>
    </row>
    <row r="2912" spans="1:10" x14ac:dyDescent="0.25">
      <c r="A2912" t="s">
        <v>44433</v>
      </c>
      <c r="B2912" t="s">
        <v>44434</v>
      </c>
      <c r="C2912" t="s">
        <v>44435</v>
      </c>
      <c r="D2912" t="s">
        <v>44393</v>
      </c>
      <c r="E2912" t="s">
        <v>13</v>
      </c>
      <c r="F2912">
        <v>11170</v>
      </c>
      <c r="G2912" t="s">
        <v>44436</v>
      </c>
      <c r="H2912">
        <v>6.2876701478220003</v>
      </c>
      <c r="I2912">
        <v>52.395798632104999</v>
      </c>
      <c r="J2912" t="s">
        <v>58597</v>
      </c>
    </row>
    <row r="2913" spans="1:10" x14ac:dyDescent="0.25">
      <c r="A2913" t="s">
        <v>44429</v>
      </c>
      <c r="B2913" t="s">
        <v>44430</v>
      </c>
      <c r="C2913" t="s">
        <v>44431</v>
      </c>
      <c r="D2913" t="s">
        <v>44393</v>
      </c>
      <c r="E2913" t="s">
        <v>13</v>
      </c>
      <c r="F2913">
        <v>11169</v>
      </c>
      <c r="G2913" t="s">
        <v>44432</v>
      </c>
      <c r="H2913">
        <v>6.2911488599979997</v>
      </c>
      <c r="I2913">
        <v>52.392303727460998</v>
      </c>
      <c r="J2913" t="s">
        <v>58598</v>
      </c>
    </row>
    <row r="2914" spans="1:10" x14ac:dyDescent="0.25">
      <c r="A2914" t="s">
        <v>44426</v>
      </c>
      <c r="B2914" t="s">
        <v>44427</v>
      </c>
      <c r="C2914" t="s">
        <v>11285</v>
      </c>
      <c r="D2914" t="s">
        <v>44393</v>
      </c>
      <c r="E2914" t="s">
        <v>13</v>
      </c>
      <c r="F2914">
        <v>11168</v>
      </c>
      <c r="G2914" t="s">
        <v>44428</v>
      </c>
      <c r="H2914">
        <v>6.2861095127739999</v>
      </c>
      <c r="I2914">
        <v>52.385670360048003</v>
      </c>
      <c r="J2914" t="s">
        <v>58599</v>
      </c>
    </row>
    <row r="2915" spans="1:10" x14ac:dyDescent="0.25">
      <c r="A2915" t="s">
        <v>44422</v>
      </c>
      <c r="B2915" t="s">
        <v>44423</v>
      </c>
      <c r="C2915" t="s">
        <v>44424</v>
      </c>
      <c r="D2915" t="s">
        <v>44393</v>
      </c>
      <c r="E2915" t="s">
        <v>13</v>
      </c>
      <c r="F2915">
        <v>11167</v>
      </c>
      <c r="G2915" t="s">
        <v>44425</v>
      </c>
      <c r="H2915">
        <v>6.2728196623720001</v>
      </c>
      <c r="I2915">
        <v>52.394531613566002</v>
      </c>
      <c r="J2915" t="s">
        <v>58600</v>
      </c>
    </row>
    <row r="2916" spans="1:10" x14ac:dyDescent="0.25">
      <c r="A2916" t="s">
        <v>44418</v>
      </c>
      <c r="B2916" t="s">
        <v>44419</v>
      </c>
      <c r="C2916" t="s">
        <v>44420</v>
      </c>
      <c r="D2916" t="s">
        <v>44393</v>
      </c>
      <c r="E2916" t="s">
        <v>13</v>
      </c>
      <c r="F2916">
        <v>11166</v>
      </c>
      <c r="G2916" t="s">
        <v>44421</v>
      </c>
      <c r="H2916">
        <v>6.2712882288580003</v>
      </c>
      <c r="I2916">
        <v>52.373705300170997</v>
      </c>
      <c r="J2916" t="s">
        <v>58601</v>
      </c>
    </row>
    <row r="2917" spans="1:10" x14ac:dyDescent="0.25">
      <c r="A2917" t="s">
        <v>44414</v>
      </c>
      <c r="B2917" t="s">
        <v>44415</v>
      </c>
      <c r="C2917" t="s">
        <v>44416</v>
      </c>
      <c r="D2917" t="s">
        <v>44393</v>
      </c>
      <c r="E2917" t="s">
        <v>13</v>
      </c>
      <c r="F2917">
        <v>11165</v>
      </c>
      <c r="G2917" t="s">
        <v>44417</v>
      </c>
      <c r="H2917">
        <v>6.2626760553369998</v>
      </c>
      <c r="I2917">
        <v>52.384150266187</v>
      </c>
      <c r="J2917" t="s">
        <v>58602</v>
      </c>
    </row>
    <row r="2918" spans="1:10" x14ac:dyDescent="0.25">
      <c r="A2918" t="s">
        <v>44410</v>
      </c>
      <c r="B2918" t="s">
        <v>44411</v>
      </c>
      <c r="C2918" t="s">
        <v>44412</v>
      </c>
      <c r="D2918" t="s">
        <v>44393</v>
      </c>
      <c r="E2918" t="s">
        <v>13</v>
      </c>
      <c r="F2918">
        <v>11164</v>
      </c>
      <c r="G2918" t="s">
        <v>44413</v>
      </c>
      <c r="H2918">
        <v>6.2649516615890004</v>
      </c>
      <c r="I2918">
        <v>52.377236423668997</v>
      </c>
      <c r="J2918" t="s">
        <v>58603</v>
      </c>
    </row>
    <row r="2919" spans="1:10" x14ac:dyDescent="0.25">
      <c r="A2919" t="s">
        <v>44406</v>
      </c>
      <c r="B2919" t="s">
        <v>44407</v>
      </c>
      <c r="C2919" t="s">
        <v>44408</v>
      </c>
      <c r="D2919" t="s">
        <v>44393</v>
      </c>
      <c r="E2919" t="s">
        <v>13</v>
      </c>
      <c r="F2919">
        <v>11163</v>
      </c>
      <c r="G2919" t="s">
        <v>44409</v>
      </c>
      <c r="H2919">
        <v>6.2752265264020002</v>
      </c>
      <c r="I2919">
        <v>52.379539242687002</v>
      </c>
      <c r="J2919" t="s">
        <v>58604</v>
      </c>
    </row>
    <row r="2920" spans="1:10" x14ac:dyDescent="0.25">
      <c r="A2920" t="s">
        <v>44403</v>
      </c>
      <c r="B2920" t="s">
        <v>44404</v>
      </c>
      <c r="C2920" t="s">
        <v>16680</v>
      </c>
      <c r="D2920" t="s">
        <v>44393</v>
      </c>
      <c r="E2920" t="s">
        <v>13</v>
      </c>
      <c r="F2920">
        <v>11162</v>
      </c>
      <c r="G2920" t="s">
        <v>44405</v>
      </c>
      <c r="H2920">
        <v>6.2693585231269999</v>
      </c>
      <c r="I2920">
        <v>52.382929555277002</v>
      </c>
      <c r="J2920" t="s">
        <v>58605</v>
      </c>
    </row>
    <row r="2921" spans="1:10" x14ac:dyDescent="0.25">
      <c r="A2921" t="s">
        <v>44399</v>
      </c>
      <c r="B2921" t="s">
        <v>44400</v>
      </c>
      <c r="C2921" t="s">
        <v>44401</v>
      </c>
      <c r="D2921" t="s">
        <v>44393</v>
      </c>
      <c r="E2921" t="s">
        <v>13</v>
      </c>
      <c r="F2921">
        <v>11161</v>
      </c>
      <c r="G2921" t="s">
        <v>44402</v>
      </c>
      <c r="H2921">
        <v>6.2657536926709998</v>
      </c>
      <c r="I2921">
        <v>52.389995269174001</v>
      </c>
      <c r="J2921" t="s">
        <v>58606</v>
      </c>
    </row>
    <row r="2922" spans="1:10" x14ac:dyDescent="0.25">
      <c r="A2922" t="s">
        <v>44395</v>
      </c>
      <c r="B2922" t="s">
        <v>44396</v>
      </c>
      <c r="C2922" t="s">
        <v>44397</v>
      </c>
      <c r="D2922" t="s">
        <v>44393</v>
      </c>
      <c r="E2922" t="s">
        <v>13</v>
      </c>
      <c r="F2922">
        <v>11160</v>
      </c>
      <c r="G2922" t="s">
        <v>44398</v>
      </c>
      <c r="H2922">
        <v>6.2744036573860003</v>
      </c>
      <c r="I2922">
        <v>52.389990008474001</v>
      </c>
      <c r="J2922" t="s">
        <v>58607</v>
      </c>
    </row>
    <row r="2923" spans="1:10" x14ac:dyDescent="0.25">
      <c r="A2923" t="s">
        <v>44390</v>
      </c>
      <c r="B2923" t="s">
        <v>44391</v>
      </c>
      <c r="C2923" t="s">
        <v>44392</v>
      </c>
      <c r="D2923" t="s">
        <v>44393</v>
      </c>
      <c r="E2923" t="s">
        <v>13</v>
      </c>
      <c r="F2923">
        <v>11159</v>
      </c>
      <c r="G2923" t="s">
        <v>44394</v>
      </c>
      <c r="H2923">
        <v>6.2761447862680004</v>
      </c>
      <c r="I2923">
        <v>52.385403279239</v>
      </c>
      <c r="J2923" t="s">
        <v>58608</v>
      </c>
    </row>
    <row r="2924" spans="1:10" x14ac:dyDescent="0.25">
      <c r="A2924" t="s">
        <v>44386</v>
      </c>
      <c r="B2924" t="s">
        <v>44387</v>
      </c>
      <c r="C2924" t="s">
        <v>44388</v>
      </c>
      <c r="D2924" t="s">
        <v>43880</v>
      </c>
      <c r="E2924" t="s">
        <v>13</v>
      </c>
      <c r="F2924">
        <v>11158</v>
      </c>
      <c r="G2924" t="s">
        <v>44389</v>
      </c>
      <c r="H2924">
        <v>5.7824593611789998</v>
      </c>
      <c r="I2924">
        <v>53.069928791933002</v>
      </c>
      <c r="J2924" t="s">
        <v>58609</v>
      </c>
    </row>
    <row r="2925" spans="1:10" x14ac:dyDescent="0.25">
      <c r="A2925" t="s">
        <v>44382</v>
      </c>
      <c r="B2925" t="s">
        <v>44383</v>
      </c>
      <c r="C2925" t="s">
        <v>44384</v>
      </c>
      <c r="D2925" t="s">
        <v>43880</v>
      </c>
      <c r="E2925" t="s">
        <v>13</v>
      </c>
      <c r="F2925">
        <v>11157</v>
      </c>
      <c r="G2925" t="s">
        <v>44385</v>
      </c>
      <c r="H2925">
        <v>5.7951496286659996</v>
      </c>
      <c r="I2925">
        <v>53.077582534325998</v>
      </c>
      <c r="J2925" t="s">
        <v>58610</v>
      </c>
    </row>
    <row r="2926" spans="1:10" x14ac:dyDescent="0.25">
      <c r="A2926" t="s">
        <v>44378</v>
      </c>
      <c r="B2926" t="s">
        <v>44379</v>
      </c>
      <c r="C2926" t="s">
        <v>44380</v>
      </c>
      <c r="D2926" t="s">
        <v>43880</v>
      </c>
      <c r="E2926" t="s">
        <v>13</v>
      </c>
      <c r="F2926">
        <v>11156</v>
      </c>
      <c r="G2926" t="s">
        <v>44381</v>
      </c>
      <c r="H2926">
        <v>5.8519183081769999</v>
      </c>
      <c r="I2926">
        <v>53.101278335136001</v>
      </c>
      <c r="J2926" t="s">
        <v>58611</v>
      </c>
    </row>
    <row r="2927" spans="1:10" x14ac:dyDescent="0.25">
      <c r="A2927" t="s">
        <v>44374</v>
      </c>
      <c r="B2927" t="s">
        <v>44375</v>
      </c>
      <c r="C2927" t="s">
        <v>44376</v>
      </c>
      <c r="D2927" t="s">
        <v>43880</v>
      </c>
      <c r="E2927" t="s">
        <v>13</v>
      </c>
      <c r="F2927">
        <v>11155</v>
      </c>
      <c r="G2927" t="s">
        <v>44377</v>
      </c>
      <c r="H2927">
        <v>5.8334042885709998</v>
      </c>
      <c r="I2927">
        <v>53.093886103685001</v>
      </c>
      <c r="J2927" t="s">
        <v>58612</v>
      </c>
    </row>
    <row r="2928" spans="1:10" x14ac:dyDescent="0.25">
      <c r="A2928" t="s">
        <v>44370</v>
      </c>
      <c r="B2928" t="s">
        <v>44371</v>
      </c>
      <c r="C2928" t="s">
        <v>44372</v>
      </c>
      <c r="D2928" t="s">
        <v>43880</v>
      </c>
      <c r="E2928" t="s">
        <v>13</v>
      </c>
      <c r="F2928">
        <v>11154</v>
      </c>
      <c r="G2928" t="s">
        <v>44373</v>
      </c>
      <c r="H2928">
        <v>5.7999734398109997</v>
      </c>
      <c r="I2928">
        <v>53.098516215406001</v>
      </c>
      <c r="J2928" t="s">
        <v>58613</v>
      </c>
    </row>
    <row r="2929" spans="1:10" x14ac:dyDescent="0.25">
      <c r="A2929" t="s">
        <v>44366</v>
      </c>
      <c r="B2929" t="s">
        <v>44367</v>
      </c>
      <c r="C2929" t="s">
        <v>44368</v>
      </c>
      <c r="D2929" t="s">
        <v>43880</v>
      </c>
      <c r="E2929" t="s">
        <v>13</v>
      </c>
      <c r="F2929">
        <v>11153</v>
      </c>
      <c r="G2929" t="s">
        <v>44369</v>
      </c>
      <c r="H2929">
        <v>5.8171501203420002</v>
      </c>
      <c r="I2929">
        <v>53.117625015226999</v>
      </c>
      <c r="J2929" t="s">
        <v>58614</v>
      </c>
    </row>
    <row r="2930" spans="1:10" x14ac:dyDescent="0.25">
      <c r="A2930" t="s">
        <v>44362</v>
      </c>
      <c r="B2930" t="s">
        <v>44363</v>
      </c>
      <c r="C2930" t="s">
        <v>44364</v>
      </c>
      <c r="D2930" t="s">
        <v>43880</v>
      </c>
      <c r="E2930" t="s">
        <v>13</v>
      </c>
      <c r="F2930">
        <v>11152</v>
      </c>
      <c r="G2930" t="s">
        <v>44365</v>
      </c>
      <c r="H2930">
        <v>5.8229344863519996</v>
      </c>
      <c r="I2930">
        <v>53.129050494565</v>
      </c>
      <c r="J2930" t="s">
        <v>58615</v>
      </c>
    </row>
    <row r="2931" spans="1:10" x14ac:dyDescent="0.25">
      <c r="A2931" t="s">
        <v>44358</v>
      </c>
      <c r="B2931" t="s">
        <v>44359</v>
      </c>
      <c r="C2931" t="s">
        <v>44360</v>
      </c>
      <c r="D2931" t="s">
        <v>43880</v>
      </c>
      <c r="E2931" t="s">
        <v>13</v>
      </c>
      <c r="F2931">
        <v>11151</v>
      </c>
      <c r="G2931" t="s">
        <v>44361</v>
      </c>
      <c r="H2931">
        <v>5.7831188391339996</v>
      </c>
      <c r="I2931">
        <v>53.114547726062</v>
      </c>
      <c r="J2931" t="s">
        <v>58616</v>
      </c>
    </row>
    <row r="2932" spans="1:10" x14ac:dyDescent="0.25">
      <c r="A2932" t="s">
        <v>44354</v>
      </c>
      <c r="B2932" t="s">
        <v>44355</v>
      </c>
      <c r="C2932" t="s">
        <v>44356</v>
      </c>
      <c r="D2932" t="s">
        <v>43880</v>
      </c>
      <c r="E2932" t="s">
        <v>13</v>
      </c>
      <c r="F2932">
        <v>11150</v>
      </c>
      <c r="G2932" t="s">
        <v>44357</v>
      </c>
      <c r="H2932">
        <v>5.7855931562189999</v>
      </c>
      <c r="I2932">
        <v>53.117303804293996</v>
      </c>
      <c r="J2932" t="s">
        <v>58617</v>
      </c>
    </row>
    <row r="2933" spans="1:10" x14ac:dyDescent="0.25">
      <c r="A2933" t="s">
        <v>44350</v>
      </c>
      <c r="B2933" t="s">
        <v>44351</v>
      </c>
      <c r="C2933" t="s">
        <v>44352</v>
      </c>
      <c r="D2933" t="s">
        <v>43880</v>
      </c>
      <c r="E2933" t="s">
        <v>13</v>
      </c>
      <c r="F2933">
        <v>11149</v>
      </c>
      <c r="G2933" t="s">
        <v>44353</v>
      </c>
      <c r="H2933">
        <v>5.6565295547329999</v>
      </c>
      <c r="I2933">
        <v>53.128720983739001</v>
      </c>
      <c r="J2933" t="s">
        <v>58618</v>
      </c>
    </row>
    <row r="2934" spans="1:10" x14ac:dyDescent="0.25">
      <c r="A2934" t="s">
        <v>44346</v>
      </c>
      <c r="B2934" t="s">
        <v>44347</v>
      </c>
      <c r="C2934" t="s">
        <v>44348</v>
      </c>
      <c r="D2934" t="s">
        <v>43880</v>
      </c>
      <c r="E2934" t="s">
        <v>13</v>
      </c>
      <c r="F2934">
        <v>11148</v>
      </c>
      <c r="G2934" t="s">
        <v>44349</v>
      </c>
      <c r="H2934">
        <v>5.6509144662899997</v>
      </c>
      <c r="I2934">
        <v>53.134878484837998</v>
      </c>
      <c r="J2934" t="s">
        <v>58619</v>
      </c>
    </row>
    <row r="2935" spans="1:10" x14ac:dyDescent="0.25">
      <c r="A2935" t="s">
        <v>44342</v>
      </c>
      <c r="B2935" t="s">
        <v>44343</v>
      </c>
      <c r="C2935" t="s">
        <v>44344</v>
      </c>
      <c r="D2935" t="s">
        <v>43880</v>
      </c>
      <c r="E2935" t="s">
        <v>13</v>
      </c>
      <c r="F2935">
        <v>11147</v>
      </c>
      <c r="G2935" t="s">
        <v>44345</v>
      </c>
      <c r="H2935">
        <v>5.6735201923340002</v>
      </c>
      <c r="I2935">
        <v>53.140516161740997</v>
      </c>
      <c r="J2935" t="s">
        <v>58620</v>
      </c>
    </row>
    <row r="2936" spans="1:10" x14ac:dyDescent="0.25">
      <c r="A2936" t="s">
        <v>44338</v>
      </c>
      <c r="B2936" t="s">
        <v>44339</v>
      </c>
      <c r="C2936" t="s">
        <v>44340</v>
      </c>
      <c r="D2936" t="s">
        <v>43880</v>
      </c>
      <c r="E2936" t="s">
        <v>13</v>
      </c>
      <c r="F2936">
        <v>11146</v>
      </c>
      <c r="G2936" t="s">
        <v>44341</v>
      </c>
      <c r="H2936">
        <v>5.6795990898650004</v>
      </c>
      <c r="I2936">
        <v>53.151820007741001</v>
      </c>
      <c r="J2936" t="s">
        <v>58621</v>
      </c>
    </row>
    <row r="2937" spans="1:10" x14ac:dyDescent="0.25">
      <c r="A2937" t="s">
        <v>44334</v>
      </c>
      <c r="B2937" t="s">
        <v>44335</v>
      </c>
      <c r="C2937" t="s">
        <v>44336</v>
      </c>
      <c r="D2937" t="s">
        <v>43880</v>
      </c>
      <c r="E2937" t="s">
        <v>13</v>
      </c>
      <c r="F2937">
        <v>11145</v>
      </c>
      <c r="G2937" t="s">
        <v>44337</v>
      </c>
      <c r="H2937">
        <v>5.6691210572020001</v>
      </c>
      <c r="I2937">
        <v>53.163954367629998</v>
      </c>
      <c r="J2937" t="s">
        <v>58622</v>
      </c>
    </row>
    <row r="2938" spans="1:10" x14ac:dyDescent="0.25">
      <c r="A2938" t="s">
        <v>44330</v>
      </c>
      <c r="B2938" t="s">
        <v>44331</v>
      </c>
      <c r="C2938" t="s">
        <v>44332</v>
      </c>
      <c r="D2938" t="s">
        <v>43880</v>
      </c>
      <c r="E2938" t="s">
        <v>13</v>
      </c>
      <c r="F2938">
        <v>11144</v>
      </c>
      <c r="G2938" t="s">
        <v>44333</v>
      </c>
      <c r="H2938">
        <v>5.6986219272719998</v>
      </c>
      <c r="I2938">
        <v>53.169119949681999</v>
      </c>
      <c r="J2938" t="s">
        <v>58623</v>
      </c>
    </row>
    <row r="2939" spans="1:10" x14ac:dyDescent="0.25">
      <c r="A2939" t="s">
        <v>44326</v>
      </c>
      <c r="B2939" t="s">
        <v>44327</v>
      </c>
      <c r="C2939" t="s">
        <v>44328</v>
      </c>
      <c r="D2939" t="s">
        <v>43880</v>
      </c>
      <c r="E2939" t="s">
        <v>13</v>
      </c>
      <c r="F2939">
        <v>11143</v>
      </c>
      <c r="G2939" t="s">
        <v>44329</v>
      </c>
      <c r="H2939">
        <v>5.7128636514510003</v>
      </c>
      <c r="I2939">
        <v>53.165690333183001</v>
      </c>
      <c r="J2939" t="s">
        <v>58624</v>
      </c>
    </row>
    <row r="2940" spans="1:10" x14ac:dyDescent="0.25">
      <c r="A2940" t="s">
        <v>44322</v>
      </c>
      <c r="B2940" t="s">
        <v>44323</v>
      </c>
      <c r="C2940" t="s">
        <v>44324</v>
      </c>
      <c r="D2940" t="s">
        <v>43880</v>
      </c>
      <c r="E2940" t="s">
        <v>13</v>
      </c>
      <c r="F2940">
        <v>11142</v>
      </c>
      <c r="G2940" t="s">
        <v>44325</v>
      </c>
      <c r="H2940">
        <v>5.7044364368420002</v>
      </c>
      <c r="I2940">
        <v>53.146792851908998</v>
      </c>
      <c r="J2940" t="s">
        <v>58625</v>
      </c>
    </row>
    <row r="2941" spans="1:10" x14ac:dyDescent="0.25">
      <c r="A2941" t="s">
        <v>44318</v>
      </c>
      <c r="B2941" t="s">
        <v>44319</v>
      </c>
      <c r="C2941" t="s">
        <v>44320</v>
      </c>
      <c r="D2941" t="s">
        <v>43880</v>
      </c>
      <c r="E2941" t="s">
        <v>13</v>
      </c>
      <c r="F2941">
        <v>11141</v>
      </c>
      <c r="G2941" t="s">
        <v>44321</v>
      </c>
      <c r="H2941">
        <v>5.71026389759</v>
      </c>
      <c r="I2941">
        <v>53.145171395101002</v>
      </c>
      <c r="J2941" t="s">
        <v>58626</v>
      </c>
    </row>
    <row r="2942" spans="1:10" x14ac:dyDescent="0.25">
      <c r="A2942" t="s">
        <v>44314</v>
      </c>
      <c r="B2942" t="s">
        <v>44315</v>
      </c>
      <c r="C2942" t="s">
        <v>44316</v>
      </c>
      <c r="D2942" t="s">
        <v>43880</v>
      </c>
      <c r="E2942" t="s">
        <v>13</v>
      </c>
      <c r="F2942">
        <v>11140</v>
      </c>
      <c r="G2942" t="s">
        <v>44317</v>
      </c>
      <c r="H2942">
        <v>5.7408774683789998</v>
      </c>
      <c r="I2942">
        <v>53.156525480097997</v>
      </c>
      <c r="J2942" t="s">
        <v>58627</v>
      </c>
    </row>
    <row r="2943" spans="1:10" x14ac:dyDescent="0.25">
      <c r="A2943" t="s">
        <v>44310</v>
      </c>
      <c r="B2943" t="s">
        <v>44311</v>
      </c>
      <c r="C2943" t="s">
        <v>44312</v>
      </c>
      <c r="D2943" t="s">
        <v>43880</v>
      </c>
      <c r="E2943" t="s">
        <v>13</v>
      </c>
      <c r="F2943">
        <v>11139</v>
      </c>
      <c r="G2943" t="s">
        <v>44313</v>
      </c>
      <c r="H2943">
        <v>5.7441643871770003</v>
      </c>
      <c r="I2943">
        <v>53.166202798896997</v>
      </c>
      <c r="J2943" t="s">
        <v>58628</v>
      </c>
    </row>
    <row r="2944" spans="1:10" x14ac:dyDescent="0.25">
      <c r="A2944" t="s">
        <v>44306</v>
      </c>
      <c r="B2944" t="s">
        <v>44307</v>
      </c>
      <c r="C2944" t="s">
        <v>44308</v>
      </c>
      <c r="D2944" t="s">
        <v>43880</v>
      </c>
      <c r="E2944" t="s">
        <v>13</v>
      </c>
      <c r="F2944">
        <v>11138</v>
      </c>
      <c r="G2944" t="s">
        <v>44309</v>
      </c>
      <c r="H2944">
        <v>5.7458862810170004</v>
      </c>
      <c r="I2944">
        <v>53.143892607109997</v>
      </c>
      <c r="J2944" t="s">
        <v>58629</v>
      </c>
    </row>
    <row r="2945" spans="1:10" x14ac:dyDescent="0.25">
      <c r="A2945" t="s">
        <v>44302</v>
      </c>
      <c r="B2945" t="s">
        <v>44303</v>
      </c>
      <c r="C2945" t="s">
        <v>44304</v>
      </c>
      <c r="D2945" t="s">
        <v>43880</v>
      </c>
      <c r="E2945" t="s">
        <v>13</v>
      </c>
      <c r="F2945">
        <v>11137</v>
      </c>
      <c r="G2945" t="s">
        <v>44305</v>
      </c>
      <c r="H2945">
        <v>5.7430125781139996</v>
      </c>
      <c r="I2945">
        <v>53.146333798641002</v>
      </c>
      <c r="J2945" t="s">
        <v>58630</v>
      </c>
    </row>
    <row r="2946" spans="1:10" x14ac:dyDescent="0.25">
      <c r="A2946" t="s">
        <v>44298</v>
      </c>
      <c r="B2946" t="s">
        <v>44299</v>
      </c>
      <c r="C2946" t="s">
        <v>44300</v>
      </c>
      <c r="D2946" t="s">
        <v>43880</v>
      </c>
      <c r="E2946" t="s">
        <v>13</v>
      </c>
      <c r="F2946">
        <v>11136</v>
      </c>
      <c r="G2946" t="s">
        <v>44301</v>
      </c>
      <c r="H2946">
        <v>5.7197891929019997</v>
      </c>
      <c r="I2946">
        <v>53.127626782545001</v>
      </c>
      <c r="J2946" t="s">
        <v>58631</v>
      </c>
    </row>
    <row r="2947" spans="1:10" x14ac:dyDescent="0.25">
      <c r="A2947" t="s">
        <v>44294</v>
      </c>
      <c r="B2947" t="s">
        <v>44295</v>
      </c>
      <c r="C2947" t="s">
        <v>44296</v>
      </c>
      <c r="D2947" t="s">
        <v>43880</v>
      </c>
      <c r="E2947" t="s">
        <v>13</v>
      </c>
      <c r="F2947">
        <v>11135</v>
      </c>
      <c r="G2947" t="s">
        <v>44297</v>
      </c>
      <c r="H2947">
        <v>5.7179724506219998</v>
      </c>
      <c r="I2947">
        <v>53.128511014615</v>
      </c>
      <c r="J2947" t="s">
        <v>58632</v>
      </c>
    </row>
    <row r="2948" spans="1:10" x14ac:dyDescent="0.25">
      <c r="A2948" t="s">
        <v>44290</v>
      </c>
      <c r="B2948" t="s">
        <v>44291</v>
      </c>
      <c r="C2948" t="s">
        <v>44292</v>
      </c>
      <c r="D2948" t="s">
        <v>43880</v>
      </c>
      <c r="E2948" t="s">
        <v>13</v>
      </c>
      <c r="F2948">
        <v>11134</v>
      </c>
      <c r="G2948" t="s">
        <v>44293</v>
      </c>
      <c r="H2948">
        <v>5.779314273522</v>
      </c>
      <c r="I2948">
        <v>53.136344366617003</v>
      </c>
      <c r="J2948" t="s">
        <v>58633</v>
      </c>
    </row>
    <row r="2949" spans="1:10" x14ac:dyDescent="0.25">
      <c r="A2949" t="s">
        <v>44286</v>
      </c>
      <c r="B2949" t="s">
        <v>44287</v>
      </c>
      <c r="C2949" t="s">
        <v>44288</v>
      </c>
      <c r="D2949" t="s">
        <v>43880</v>
      </c>
      <c r="E2949" t="s">
        <v>13</v>
      </c>
      <c r="F2949">
        <v>11133</v>
      </c>
      <c r="G2949" t="s">
        <v>44289</v>
      </c>
      <c r="H2949">
        <v>5.7834575297940001</v>
      </c>
      <c r="I2949">
        <v>53.141191851392001</v>
      </c>
      <c r="J2949" t="s">
        <v>58634</v>
      </c>
    </row>
    <row r="2950" spans="1:10" x14ac:dyDescent="0.25">
      <c r="A2950" t="s">
        <v>44282</v>
      </c>
      <c r="B2950" t="s">
        <v>44283</v>
      </c>
      <c r="C2950" t="s">
        <v>44284</v>
      </c>
      <c r="D2950" t="s">
        <v>43880</v>
      </c>
      <c r="E2950" t="s">
        <v>13</v>
      </c>
      <c r="F2950">
        <v>11132</v>
      </c>
      <c r="G2950" t="s">
        <v>44285</v>
      </c>
      <c r="H2950">
        <v>5.9038741261460004</v>
      </c>
      <c r="I2950">
        <v>53.138080387894</v>
      </c>
      <c r="J2950" t="s">
        <v>58635</v>
      </c>
    </row>
    <row r="2951" spans="1:10" x14ac:dyDescent="0.25">
      <c r="A2951" t="s">
        <v>44278</v>
      </c>
      <c r="B2951" t="s">
        <v>44279</v>
      </c>
      <c r="C2951" t="s">
        <v>44280</v>
      </c>
      <c r="D2951" t="s">
        <v>43880</v>
      </c>
      <c r="E2951" t="s">
        <v>13</v>
      </c>
      <c r="F2951">
        <v>11131</v>
      </c>
      <c r="G2951" t="s">
        <v>44281</v>
      </c>
      <c r="H2951">
        <v>5.8963540371879999</v>
      </c>
      <c r="I2951">
        <v>53.150471974219002</v>
      </c>
      <c r="J2951" t="s">
        <v>58636</v>
      </c>
    </row>
    <row r="2952" spans="1:10" x14ac:dyDescent="0.25">
      <c r="A2952" t="s">
        <v>44274</v>
      </c>
      <c r="B2952" t="s">
        <v>44275</v>
      </c>
      <c r="C2952" t="s">
        <v>44276</v>
      </c>
      <c r="D2952" t="s">
        <v>43880</v>
      </c>
      <c r="E2952" t="s">
        <v>13</v>
      </c>
      <c r="F2952">
        <v>11130</v>
      </c>
      <c r="G2952" t="s">
        <v>44277</v>
      </c>
      <c r="H2952">
        <v>5.8707555975350001</v>
      </c>
      <c r="I2952">
        <v>53.163583930404002</v>
      </c>
      <c r="J2952" t="s">
        <v>58637</v>
      </c>
    </row>
    <row r="2953" spans="1:10" x14ac:dyDescent="0.25">
      <c r="A2953" t="s">
        <v>44270</v>
      </c>
      <c r="B2953" t="s">
        <v>44271</v>
      </c>
      <c r="C2953" t="s">
        <v>44272</v>
      </c>
      <c r="D2953" t="s">
        <v>43880</v>
      </c>
      <c r="E2953" t="s">
        <v>13</v>
      </c>
      <c r="F2953">
        <v>11129</v>
      </c>
      <c r="G2953" t="s">
        <v>44273</v>
      </c>
      <c r="H2953">
        <v>5.8486013538980002</v>
      </c>
      <c r="I2953">
        <v>53.145547118678998</v>
      </c>
      <c r="J2953" t="s">
        <v>58638</v>
      </c>
    </row>
    <row r="2954" spans="1:10" x14ac:dyDescent="0.25">
      <c r="A2954" t="s">
        <v>44266</v>
      </c>
      <c r="B2954" t="s">
        <v>44267</v>
      </c>
      <c r="C2954" t="s">
        <v>44268</v>
      </c>
      <c r="D2954" t="s">
        <v>43880</v>
      </c>
      <c r="E2954" t="s">
        <v>13</v>
      </c>
      <c r="F2954">
        <v>11128</v>
      </c>
      <c r="G2954" t="s">
        <v>44269</v>
      </c>
      <c r="H2954">
        <v>5.846082664811</v>
      </c>
      <c r="I2954">
        <v>53.150852103855001</v>
      </c>
      <c r="J2954" t="s">
        <v>58639</v>
      </c>
    </row>
    <row r="2955" spans="1:10" x14ac:dyDescent="0.25">
      <c r="A2955" t="s">
        <v>44262</v>
      </c>
      <c r="B2955" t="s">
        <v>44263</v>
      </c>
      <c r="C2955" t="s">
        <v>44264</v>
      </c>
      <c r="D2955" t="s">
        <v>43880</v>
      </c>
      <c r="E2955" t="s">
        <v>13</v>
      </c>
      <c r="F2955">
        <v>11127</v>
      </c>
      <c r="G2955" t="s">
        <v>44265</v>
      </c>
      <c r="H2955">
        <v>5.7995150141650003</v>
      </c>
      <c r="I2955">
        <v>53.149469924476001</v>
      </c>
      <c r="J2955" t="s">
        <v>58640</v>
      </c>
    </row>
    <row r="2956" spans="1:10" x14ac:dyDescent="0.25">
      <c r="A2956" t="s">
        <v>44258</v>
      </c>
      <c r="B2956" t="s">
        <v>44259</v>
      </c>
      <c r="C2956" t="s">
        <v>44260</v>
      </c>
      <c r="D2956" t="s">
        <v>43880</v>
      </c>
      <c r="E2956" t="s">
        <v>13</v>
      </c>
      <c r="F2956">
        <v>11126</v>
      </c>
      <c r="G2956" t="s">
        <v>44261</v>
      </c>
      <c r="H2956">
        <v>5.821000590073</v>
      </c>
      <c r="I2956">
        <v>53.152389609817</v>
      </c>
      <c r="J2956" t="s">
        <v>58641</v>
      </c>
    </row>
    <row r="2957" spans="1:10" x14ac:dyDescent="0.25">
      <c r="A2957" t="s">
        <v>44254</v>
      </c>
      <c r="B2957" t="s">
        <v>44255</v>
      </c>
      <c r="C2957" t="s">
        <v>44256</v>
      </c>
      <c r="D2957" t="s">
        <v>43880</v>
      </c>
      <c r="E2957" t="s">
        <v>13</v>
      </c>
      <c r="F2957">
        <v>11125</v>
      </c>
      <c r="G2957" t="s">
        <v>44257</v>
      </c>
      <c r="H2957">
        <v>5.8042083777949998</v>
      </c>
      <c r="I2957">
        <v>53.148831225073003</v>
      </c>
      <c r="J2957" t="s">
        <v>58642</v>
      </c>
    </row>
    <row r="2958" spans="1:10" x14ac:dyDescent="0.25">
      <c r="A2958" t="s">
        <v>44250</v>
      </c>
      <c r="B2958" t="s">
        <v>44251</v>
      </c>
      <c r="C2958" t="s">
        <v>44252</v>
      </c>
      <c r="D2958" t="s">
        <v>43880</v>
      </c>
      <c r="E2958" t="s">
        <v>13</v>
      </c>
      <c r="F2958">
        <v>11124</v>
      </c>
      <c r="G2958" t="s">
        <v>44253</v>
      </c>
      <c r="H2958">
        <v>5.7853665673489996</v>
      </c>
      <c r="I2958">
        <v>53.178994785363997</v>
      </c>
      <c r="J2958" t="s">
        <v>58643</v>
      </c>
    </row>
    <row r="2959" spans="1:10" x14ac:dyDescent="0.25">
      <c r="A2959" t="s">
        <v>44246</v>
      </c>
      <c r="B2959" t="s">
        <v>44247</v>
      </c>
      <c r="C2959" t="s">
        <v>44248</v>
      </c>
      <c r="D2959" t="s">
        <v>43880</v>
      </c>
      <c r="E2959" t="s">
        <v>13</v>
      </c>
      <c r="F2959">
        <v>11123</v>
      </c>
      <c r="G2959" t="s">
        <v>44249</v>
      </c>
      <c r="H2959">
        <v>5.7878055961859998</v>
      </c>
      <c r="I2959">
        <v>53.169804892595003</v>
      </c>
      <c r="J2959" t="s">
        <v>58644</v>
      </c>
    </row>
    <row r="2960" spans="1:10" x14ac:dyDescent="0.25">
      <c r="A2960" t="s">
        <v>44242</v>
      </c>
      <c r="B2960" t="s">
        <v>44243</v>
      </c>
      <c r="C2960" t="s">
        <v>44244</v>
      </c>
      <c r="D2960" t="s">
        <v>43880</v>
      </c>
      <c r="E2960" t="s">
        <v>13</v>
      </c>
      <c r="F2960">
        <v>11122</v>
      </c>
      <c r="G2960" t="s">
        <v>44245</v>
      </c>
      <c r="H2960">
        <v>5.8054436260989997</v>
      </c>
      <c r="I2960">
        <v>53.169146681324001</v>
      </c>
      <c r="J2960" t="s">
        <v>58645</v>
      </c>
    </row>
    <row r="2961" spans="1:10" x14ac:dyDescent="0.25">
      <c r="A2961" t="s">
        <v>44238</v>
      </c>
      <c r="B2961" t="s">
        <v>44239</v>
      </c>
      <c r="C2961" t="s">
        <v>44240</v>
      </c>
      <c r="D2961" t="s">
        <v>43880</v>
      </c>
      <c r="E2961" t="s">
        <v>13</v>
      </c>
      <c r="F2961">
        <v>11121</v>
      </c>
      <c r="G2961" t="s">
        <v>44241</v>
      </c>
      <c r="H2961">
        <v>5.8144489344329999</v>
      </c>
      <c r="I2961">
        <v>53.169408813197997</v>
      </c>
      <c r="J2961" t="s">
        <v>58646</v>
      </c>
    </row>
    <row r="2962" spans="1:10" x14ac:dyDescent="0.25">
      <c r="A2962" t="s">
        <v>44234</v>
      </c>
      <c r="B2962" t="s">
        <v>44235</v>
      </c>
      <c r="C2962" t="s">
        <v>44236</v>
      </c>
      <c r="D2962" t="s">
        <v>43880</v>
      </c>
      <c r="E2962" t="s">
        <v>13</v>
      </c>
      <c r="F2962">
        <v>11120</v>
      </c>
      <c r="G2962" t="s">
        <v>44237</v>
      </c>
      <c r="H2962">
        <v>5.7926546721819996</v>
      </c>
      <c r="I2962">
        <v>53.162414303096</v>
      </c>
      <c r="J2962" t="s">
        <v>58647</v>
      </c>
    </row>
    <row r="2963" spans="1:10" x14ac:dyDescent="0.25">
      <c r="A2963" t="s">
        <v>44230</v>
      </c>
      <c r="B2963" t="s">
        <v>44231</v>
      </c>
      <c r="C2963" t="s">
        <v>44232</v>
      </c>
      <c r="D2963" t="s">
        <v>43880</v>
      </c>
      <c r="E2963" t="s">
        <v>13</v>
      </c>
      <c r="F2963">
        <v>11119</v>
      </c>
      <c r="G2963" t="s">
        <v>44233</v>
      </c>
      <c r="H2963">
        <v>5.8206927144840002</v>
      </c>
      <c r="I2963">
        <v>53.174589968047002</v>
      </c>
      <c r="J2963" t="s">
        <v>58648</v>
      </c>
    </row>
    <row r="2964" spans="1:10" x14ac:dyDescent="0.25">
      <c r="A2964" t="s">
        <v>44226</v>
      </c>
      <c r="B2964" t="s">
        <v>44227</v>
      </c>
      <c r="C2964" t="s">
        <v>44228</v>
      </c>
      <c r="D2964" t="s">
        <v>43880</v>
      </c>
      <c r="E2964" t="s">
        <v>13</v>
      </c>
      <c r="F2964">
        <v>11118</v>
      </c>
      <c r="G2964" t="s">
        <v>44229</v>
      </c>
      <c r="H2964">
        <v>5.7975561847680002</v>
      </c>
      <c r="I2964">
        <v>53.167521752726003</v>
      </c>
      <c r="J2964" t="s">
        <v>58649</v>
      </c>
    </row>
    <row r="2965" spans="1:10" x14ac:dyDescent="0.25">
      <c r="A2965" t="s">
        <v>44222</v>
      </c>
      <c r="B2965" t="s">
        <v>44223</v>
      </c>
      <c r="C2965" t="s">
        <v>44224</v>
      </c>
      <c r="D2965" t="s">
        <v>43880</v>
      </c>
      <c r="E2965" t="s">
        <v>13</v>
      </c>
      <c r="F2965">
        <v>11117</v>
      </c>
      <c r="G2965" t="s">
        <v>44225</v>
      </c>
      <c r="H2965">
        <v>5.8389657371919998</v>
      </c>
      <c r="I2965">
        <v>53.178875535174001</v>
      </c>
      <c r="J2965" t="s">
        <v>58650</v>
      </c>
    </row>
    <row r="2966" spans="1:10" x14ac:dyDescent="0.25">
      <c r="A2966" t="s">
        <v>44218</v>
      </c>
      <c r="B2966" t="s">
        <v>44219</v>
      </c>
      <c r="C2966" t="s">
        <v>44220</v>
      </c>
      <c r="D2966" t="s">
        <v>43880</v>
      </c>
      <c r="E2966" t="s">
        <v>13</v>
      </c>
      <c r="F2966">
        <v>11116</v>
      </c>
      <c r="G2966" t="s">
        <v>44221</v>
      </c>
      <c r="H2966">
        <v>5.843066251542</v>
      </c>
      <c r="I2966">
        <v>53.175997549793998</v>
      </c>
      <c r="J2966" t="s">
        <v>58651</v>
      </c>
    </row>
    <row r="2967" spans="1:10" x14ac:dyDescent="0.25">
      <c r="A2967" t="s">
        <v>44214</v>
      </c>
      <c r="B2967" t="s">
        <v>44215</v>
      </c>
      <c r="C2967" t="s">
        <v>44216</v>
      </c>
      <c r="D2967" t="s">
        <v>43880</v>
      </c>
      <c r="E2967" t="s">
        <v>13</v>
      </c>
      <c r="F2967">
        <v>11115</v>
      </c>
      <c r="G2967" t="s">
        <v>44217</v>
      </c>
      <c r="H2967">
        <v>5.8375789895179997</v>
      </c>
      <c r="I2967">
        <v>53.179073744683997</v>
      </c>
      <c r="J2967" t="s">
        <v>58652</v>
      </c>
    </row>
    <row r="2968" spans="1:10" x14ac:dyDescent="0.25">
      <c r="A2968" t="s">
        <v>44210</v>
      </c>
      <c r="B2968" t="s">
        <v>44211</v>
      </c>
      <c r="C2968" t="s">
        <v>44212</v>
      </c>
      <c r="D2968" t="s">
        <v>43880</v>
      </c>
      <c r="E2968" t="s">
        <v>13</v>
      </c>
      <c r="F2968">
        <v>11114</v>
      </c>
      <c r="G2968" t="s">
        <v>44213</v>
      </c>
      <c r="H2968">
        <v>5.8039370339160001</v>
      </c>
      <c r="I2968">
        <v>53.178595425447</v>
      </c>
      <c r="J2968" t="s">
        <v>58653</v>
      </c>
    </row>
    <row r="2969" spans="1:10" x14ac:dyDescent="0.25">
      <c r="A2969" t="s">
        <v>44206</v>
      </c>
      <c r="B2969" t="s">
        <v>44207</v>
      </c>
      <c r="C2969" t="s">
        <v>44208</v>
      </c>
      <c r="D2969" t="s">
        <v>43880</v>
      </c>
      <c r="E2969" t="s">
        <v>13</v>
      </c>
      <c r="F2969">
        <v>11113</v>
      </c>
      <c r="G2969" t="s">
        <v>44209</v>
      </c>
      <c r="H2969">
        <v>5.8465350114210004</v>
      </c>
      <c r="I2969">
        <v>53.196118795636998</v>
      </c>
      <c r="J2969" t="s">
        <v>58654</v>
      </c>
    </row>
    <row r="2970" spans="1:10" x14ac:dyDescent="0.25">
      <c r="A2970" t="s">
        <v>44203</v>
      </c>
      <c r="B2970" t="s">
        <v>44204</v>
      </c>
      <c r="C2970" t="s">
        <v>14809</v>
      </c>
      <c r="D2970" t="s">
        <v>43880</v>
      </c>
      <c r="E2970" t="s">
        <v>13</v>
      </c>
      <c r="F2970">
        <v>11112</v>
      </c>
      <c r="G2970" t="s">
        <v>44205</v>
      </c>
      <c r="H2970">
        <v>5.8027407804750002</v>
      </c>
      <c r="I2970">
        <v>53.185206912334998</v>
      </c>
      <c r="J2970" t="s">
        <v>58655</v>
      </c>
    </row>
    <row r="2971" spans="1:10" x14ac:dyDescent="0.25">
      <c r="A2971" t="s">
        <v>44199</v>
      </c>
      <c r="B2971" t="s">
        <v>44200</v>
      </c>
      <c r="C2971" t="s">
        <v>44201</v>
      </c>
      <c r="D2971" t="s">
        <v>43880</v>
      </c>
      <c r="E2971" t="s">
        <v>13</v>
      </c>
      <c r="F2971">
        <v>11111</v>
      </c>
      <c r="G2971" t="s">
        <v>44202</v>
      </c>
      <c r="H2971">
        <v>5.8129342570790001</v>
      </c>
      <c r="I2971">
        <v>53.186352475588997</v>
      </c>
      <c r="J2971" t="s">
        <v>58656</v>
      </c>
    </row>
    <row r="2972" spans="1:10" x14ac:dyDescent="0.25">
      <c r="A2972" t="s">
        <v>44195</v>
      </c>
      <c r="B2972" t="s">
        <v>44196</v>
      </c>
      <c r="C2972" t="s">
        <v>44197</v>
      </c>
      <c r="D2972" t="s">
        <v>43880</v>
      </c>
      <c r="E2972" t="s">
        <v>13</v>
      </c>
      <c r="F2972">
        <v>11110</v>
      </c>
      <c r="G2972" t="s">
        <v>44198</v>
      </c>
      <c r="H2972">
        <v>5.8276302718580002</v>
      </c>
      <c r="I2972">
        <v>53.188958228484999</v>
      </c>
      <c r="J2972" t="s">
        <v>58657</v>
      </c>
    </row>
    <row r="2973" spans="1:10" x14ac:dyDescent="0.25">
      <c r="A2973" t="s">
        <v>44191</v>
      </c>
      <c r="B2973" t="s">
        <v>44192</v>
      </c>
      <c r="C2973" t="s">
        <v>44193</v>
      </c>
      <c r="D2973" t="s">
        <v>43880</v>
      </c>
      <c r="E2973" t="s">
        <v>13</v>
      </c>
      <c r="F2973">
        <v>11109</v>
      </c>
      <c r="G2973" t="s">
        <v>44194</v>
      </c>
      <c r="H2973">
        <v>5.731270176842</v>
      </c>
      <c r="I2973">
        <v>53.286096799151998</v>
      </c>
      <c r="J2973" t="s">
        <v>58658</v>
      </c>
    </row>
    <row r="2974" spans="1:10" x14ac:dyDescent="0.25">
      <c r="A2974" t="s">
        <v>44187</v>
      </c>
      <c r="B2974" t="s">
        <v>44188</v>
      </c>
      <c r="C2974" t="s">
        <v>44189</v>
      </c>
      <c r="D2974" t="s">
        <v>43880</v>
      </c>
      <c r="E2974" t="s">
        <v>13</v>
      </c>
      <c r="F2974">
        <v>11108</v>
      </c>
      <c r="G2974" t="s">
        <v>44190</v>
      </c>
      <c r="H2974">
        <v>5.776196664275</v>
      </c>
      <c r="I2974">
        <v>53.285205888524999</v>
      </c>
      <c r="J2974" t="s">
        <v>58659</v>
      </c>
    </row>
    <row r="2975" spans="1:10" x14ac:dyDescent="0.25">
      <c r="A2975" t="s">
        <v>44183</v>
      </c>
      <c r="B2975" t="s">
        <v>44184</v>
      </c>
      <c r="C2975" t="s">
        <v>44185</v>
      </c>
      <c r="D2975" t="s">
        <v>43880</v>
      </c>
      <c r="E2975" t="s">
        <v>13</v>
      </c>
      <c r="F2975">
        <v>11107</v>
      </c>
      <c r="G2975" t="s">
        <v>44186</v>
      </c>
      <c r="H2975">
        <v>5.7646673800719999</v>
      </c>
      <c r="I2975">
        <v>53.291293302019</v>
      </c>
      <c r="J2975" t="s">
        <v>58660</v>
      </c>
    </row>
    <row r="2976" spans="1:10" x14ac:dyDescent="0.25">
      <c r="A2976" t="s">
        <v>44179</v>
      </c>
      <c r="B2976" t="s">
        <v>44180</v>
      </c>
      <c r="C2976" t="s">
        <v>44181</v>
      </c>
      <c r="D2976" t="s">
        <v>43880</v>
      </c>
      <c r="E2976" t="s">
        <v>13</v>
      </c>
      <c r="F2976">
        <v>11106</v>
      </c>
      <c r="G2976" t="s">
        <v>44182</v>
      </c>
      <c r="H2976">
        <v>5.7585688208769996</v>
      </c>
      <c r="I2976">
        <v>53.281983308389002</v>
      </c>
      <c r="J2976" t="s">
        <v>58661</v>
      </c>
    </row>
    <row r="2977" spans="1:10" x14ac:dyDescent="0.25">
      <c r="A2977" t="s">
        <v>44175</v>
      </c>
      <c r="B2977" t="s">
        <v>44176</v>
      </c>
      <c r="C2977" t="s">
        <v>44177</v>
      </c>
      <c r="D2977" t="s">
        <v>43880</v>
      </c>
      <c r="E2977" t="s">
        <v>13</v>
      </c>
      <c r="F2977">
        <v>11105</v>
      </c>
      <c r="G2977" t="s">
        <v>44178</v>
      </c>
      <c r="H2977">
        <v>5.7584199406050001</v>
      </c>
      <c r="I2977">
        <v>53.278043027960003</v>
      </c>
      <c r="J2977" t="s">
        <v>58662</v>
      </c>
    </row>
    <row r="2978" spans="1:10" x14ac:dyDescent="0.25">
      <c r="A2978" t="s">
        <v>44171</v>
      </c>
      <c r="B2978" t="s">
        <v>44172</v>
      </c>
      <c r="C2978" t="s">
        <v>44173</v>
      </c>
      <c r="D2978" t="s">
        <v>43880</v>
      </c>
      <c r="E2978" t="s">
        <v>13</v>
      </c>
      <c r="F2978">
        <v>11104</v>
      </c>
      <c r="G2978" t="s">
        <v>44174</v>
      </c>
      <c r="H2978">
        <v>5.781271862344</v>
      </c>
      <c r="I2978">
        <v>53.266750473900998</v>
      </c>
      <c r="J2978" t="s">
        <v>58663</v>
      </c>
    </row>
    <row r="2979" spans="1:10" x14ac:dyDescent="0.25">
      <c r="A2979" t="s">
        <v>44167</v>
      </c>
      <c r="B2979" t="s">
        <v>44168</v>
      </c>
      <c r="C2979" t="s">
        <v>44169</v>
      </c>
      <c r="D2979" t="s">
        <v>43880</v>
      </c>
      <c r="E2979" t="s">
        <v>13</v>
      </c>
      <c r="F2979">
        <v>11103</v>
      </c>
      <c r="G2979" t="s">
        <v>44170</v>
      </c>
      <c r="H2979">
        <v>5.7643033618470003</v>
      </c>
      <c r="I2979">
        <v>53.260818511986002</v>
      </c>
      <c r="J2979" t="s">
        <v>58664</v>
      </c>
    </row>
    <row r="2980" spans="1:10" x14ac:dyDescent="0.25">
      <c r="A2980" t="s">
        <v>44163</v>
      </c>
      <c r="B2980" t="s">
        <v>44164</v>
      </c>
      <c r="C2980" t="s">
        <v>44165</v>
      </c>
      <c r="D2980" t="s">
        <v>43880</v>
      </c>
      <c r="E2980" t="s">
        <v>13</v>
      </c>
      <c r="F2980">
        <v>11102</v>
      </c>
      <c r="G2980" t="s">
        <v>44166</v>
      </c>
      <c r="H2980">
        <v>5.7930790187290002</v>
      </c>
      <c r="I2980">
        <v>53.250256760187</v>
      </c>
      <c r="J2980" t="s">
        <v>58665</v>
      </c>
    </row>
    <row r="2981" spans="1:10" x14ac:dyDescent="0.25">
      <c r="A2981" t="s">
        <v>44159</v>
      </c>
      <c r="B2981" t="s">
        <v>44160</v>
      </c>
      <c r="C2981" t="s">
        <v>44161</v>
      </c>
      <c r="D2981" t="s">
        <v>43880</v>
      </c>
      <c r="E2981" t="s">
        <v>13</v>
      </c>
      <c r="F2981">
        <v>11101</v>
      </c>
      <c r="G2981" t="s">
        <v>44162</v>
      </c>
      <c r="H2981">
        <v>5.7855317301499998</v>
      </c>
      <c r="I2981">
        <v>53.253018156845002</v>
      </c>
      <c r="J2981" t="s">
        <v>58666</v>
      </c>
    </row>
    <row r="2982" spans="1:10" x14ac:dyDescent="0.25">
      <c r="A2982" t="s">
        <v>44155</v>
      </c>
      <c r="B2982" t="s">
        <v>44156</v>
      </c>
      <c r="C2982" t="s">
        <v>44157</v>
      </c>
      <c r="D2982" t="s">
        <v>43880</v>
      </c>
      <c r="E2982" t="s">
        <v>13</v>
      </c>
      <c r="F2982">
        <v>11100</v>
      </c>
      <c r="G2982" t="s">
        <v>44158</v>
      </c>
      <c r="H2982">
        <v>5.7809375593989998</v>
      </c>
      <c r="I2982">
        <v>53.243169807933</v>
      </c>
      <c r="J2982" t="s">
        <v>58667</v>
      </c>
    </row>
    <row r="2983" spans="1:10" x14ac:dyDescent="0.25">
      <c r="A2983" t="s">
        <v>44151</v>
      </c>
      <c r="B2983" t="s">
        <v>44152</v>
      </c>
      <c r="C2983" t="s">
        <v>44153</v>
      </c>
      <c r="D2983" t="s">
        <v>43880</v>
      </c>
      <c r="E2983" t="s">
        <v>13</v>
      </c>
      <c r="F2983">
        <v>11099</v>
      </c>
      <c r="G2983" t="s">
        <v>44154</v>
      </c>
      <c r="H2983">
        <v>5.7790947187289996</v>
      </c>
      <c r="I2983">
        <v>53.244582687753997</v>
      </c>
      <c r="J2983" t="s">
        <v>58668</v>
      </c>
    </row>
    <row r="2984" spans="1:10" x14ac:dyDescent="0.25">
      <c r="A2984" t="s">
        <v>44147</v>
      </c>
      <c r="B2984" t="s">
        <v>44148</v>
      </c>
      <c r="C2984" t="s">
        <v>44149</v>
      </c>
      <c r="D2984" t="s">
        <v>43880</v>
      </c>
      <c r="E2984" t="s">
        <v>13</v>
      </c>
      <c r="F2984">
        <v>11098</v>
      </c>
      <c r="G2984" t="s">
        <v>44150</v>
      </c>
      <c r="H2984">
        <v>5.799070319058</v>
      </c>
      <c r="I2984">
        <v>53.233437803546998</v>
      </c>
      <c r="J2984" t="s">
        <v>58669</v>
      </c>
    </row>
    <row r="2985" spans="1:10" x14ac:dyDescent="0.25">
      <c r="A2985" t="s">
        <v>44143</v>
      </c>
      <c r="B2985" t="s">
        <v>44144</v>
      </c>
      <c r="C2985" t="s">
        <v>44145</v>
      </c>
      <c r="D2985" t="s">
        <v>43880</v>
      </c>
      <c r="E2985" t="s">
        <v>13</v>
      </c>
      <c r="F2985">
        <v>11097</v>
      </c>
      <c r="G2985" t="s">
        <v>44146</v>
      </c>
      <c r="H2985">
        <v>5.7810251719689996</v>
      </c>
      <c r="I2985">
        <v>53.231607865887</v>
      </c>
      <c r="J2985" t="s">
        <v>58670</v>
      </c>
    </row>
    <row r="2986" spans="1:10" x14ac:dyDescent="0.25">
      <c r="A2986" t="s">
        <v>44139</v>
      </c>
      <c r="B2986" t="s">
        <v>44140</v>
      </c>
      <c r="C2986" t="s">
        <v>44141</v>
      </c>
      <c r="D2986" t="s">
        <v>43880</v>
      </c>
      <c r="E2986" t="s">
        <v>13</v>
      </c>
      <c r="F2986">
        <v>11096</v>
      </c>
      <c r="G2986" t="s">
        <v>44142</v>
      </c>
      <c r="H2986">
        <v>5.8408607803879997</v>
      </c>
      <c r="I2986">
        <v>53.219592539776997</v>
      </c>
      <c r="J2986" t="s">
        <v>58671</v>
      </c>
    </row>
    <row r="2987" spans="1:10" x14ac:dyDescent="0.25">
      <c r="A2987" t="s">
        <v>44135</v>
      </c>
      <c r="B2987" t="s">
        <v>44136</v>
      </c>
      <c r="C2987" t="s">
        <v>44137</v>
      </c>
      <c r="D2987" t="s">
        <v>43880</v>
      </c>
      <c r="E2987" t="s">
        <v>13</v>
      </c>
      <c r="F2987">
        <v>11095</v>
      </c>
      <c r="G2987" t="s">
        <v>44138</v>
      </c>
      <c r="H2987">
        <v>5.8372774093419997</v>
      </c>
      <c r="I2987">
        <v>53.231543990090998</v>
      </c>
      <c r="J2987" t="s">
        <v>58672</v>
      </c>
    </row>
    <row r="2988" spans="1:10" x14ac:dyDescent="0.25">
      <c r="A2988" t="s">
        <v>44131</v>
      </c>
      <c r="B2988" t="s">
        <v>44132</v>
      </c>
      <c r="C2988" t="s">
        <v>44133</v>
      </c>
      <c r="D2988" t="s">
        <v>43880</v>
      </c>
      <c r="E2988" t="s">
        <v>13</v>
      </c>
      <c r="F2988">
        <v>11094</v>
      </c>
      <c r="G2988" t="s">
        <v>44134</v>
      </c>
      <c r="H2988">
        <v>5.8111322003819996</v>
      </c>
      <c r="I2988">
        <v>53.221865313447999</v>
      </c>
      <c r="J2988" t="s">
        <v>58673</v>
      </c>
    </row>
    <row r="2989" spans="1:10" x14ac:dyDescent="0.25">
      <c r="A2989" t="s">
        <v>44127</v>
      </c>
      <c r="B2989" t="s">
        <v>44128</v>
      </c>
      <c r="C2989" t="s">
        <v>44129</v>
      </c>
      <c r="D2989" t="s">
        <v>43880</v>
      </c>
      <c r="E2989" t="s">
        <v>13</v>
      </c>
      <c r="F2989">
        <v>11093</v>
      </c>
      <c r="G2989" t="s">
        <v>44130</v>
      </c>
      <c r="H2989">
        <v>5.8193639184329999</v>
      </c>
      <c r="I2989">
        <v>53.225241333250999</v>
      </c>
      <c r="J2989" t="s">
        <v>58674</v>
      </c>
    </row>
    <row r="2990" spans="1:10" x14ac:dyDescent="0.25">
      <c r="A2990" t="s">
        <v>44123</v>
      </c>
      <c r="B2990" t="s">
        <v>44124</v>
      </c>
      <c r="C2990" t="s">
        <v>44125</v>
      </c>
      <c r="D2990" t="s">
        <v>43880</v>
      </c>
      <c r="E2990" t="s">
        <v>13</v>
      </c>
      <c r="F2990">
        <v>11092</v>
      </c>
      <c r="G2990" t="s">
        <v>44126</v>
      </c>
      <c r="H2990">
        <v>5.8187243403829996</v>
      </c>
      <c r="I2990">
        <v>53.215569033538998</v>
      </c>
      <c r="J2990" t="s">
        <v>58675</v>
      </c>
    </row>
    <row r="2991" spans="1:10" x14ac:dyDescent="0.25">
      <c r="A2991" t="s">
        <v>44119</v>
      </c>
      <c r="B2991" t="s">
        <v>44120</v>
      </c>
      <c r="C2991" t="s">
        <v>44121</v>
      </c>
      <c r="D2991" t="s">
        <v>43880</v>
      </c>
      <c r="E2991" t="s">
        <v>13</v>
      </c>
      <c r="F2991">
        <v>11091</v>
      </c>
      <c r="G2991" t="s">
        <v>44122</v>
      </c>
      <c r="H2991">
        <v>5.8094703229049998</v>
      </c>
      <c r="I2991">
        <v>53.214929833890999</v>
      </c>
      <c r="J2991" t="s">
        <v>58676</v>
      </c>
    </row>
    <row r="2992" spans="1:10" x14ac:dyDescent="0.25">
      <c r="A2992" t="s">
        <v>44115</v>
      </c>
      <c r="B2992" t="s">
        <v>44116</v>
      </c>
      <c r="C2992" t="s">
        <v>44117</v>
      </c>
      <c r="D2992" t="s">
        <v>43880</v>
      </c>
      <c r="E2992" t="s">
        <v>13</v>
      </c>
      <c r="F2992">
        <v>11090</v>
      </c>
      <c r="G2992" t="s">
        <v>44118</v>
      </c>
      <c r="H2992">
        <v>5.7922890490099999</v>
      </c>
      <c r="I2992">
        <v>53.221752561654</v>
      </c>
      <c r="J2992" t="s">
        <v>58677</v>
      </c>
    </row>
    <row r="2993" spans="1:10" x14ac:dyDescent="0.25">
      <c r="A2993" t="s">
        <v>44111</v>
      </c>
      <c r="B2993" t="s">
        <v>44112</v>
      </c>
      <c r="C2993" t="s">
        <v>44113</v>
      </c>
      <c r="D2993" t="s">
        <v>43880</v>
      </c>
      <c r="E2993" t="s">
        <v>13</v>
      </c>
      <c r="F2993">
        <v>11089</v>
      </c>
      <c r="G2993" t="s">
        <v>44114</v>
      </c>
      <c r="H2993">
        <v>5.8061855378300002</v>
      </c>
      <c r="I2993">
        <v>53.219542020341997</v>
      </c>
      <c r="J2993" t="s">
        <v>58678</v>
      </c>
    </row>
    <row r="2994" spans="1:10" x14ac:dyDescent="0.25">
      <c r="A2994" t="s">
        <v>44107</v>
      </c>
      <c r="B2994" t="s">
        <v>44108</v>
      </c>
      <c r="C2994" t="s">
        <v>44109</v>
      </c>
      <c r="D2994" t="s">
        <v>43880</v>
      </c>
      <c r="E2994" t="s">
        <v>13</v>
      </c>
      <c r="F2994">
        <v>11088</v>
      </c>
      <c r="G2994" t="s">
        <v>44110</v>
      </c>
      <c r="H2994">
        <v>5.7932874229309999</v>
      </c>
      <c r="I2994">
        <v>53.215396923551999</v>
      </c>
      <c r="J2994" t="s">
        <v>58679</v>
      </c>
    </row>
    <row r="2995" spans="1:10" x14ac:dyDescent="0.25">
      <c r="A2995" t="s">
        <v>44103</v>
      </c>
      <c r="B2995" t="s">
        <v>44104</v>
      </c>
      <c r="C2995" t="s">
        <v>44105</v>
      </c>
      <c r="D2995" t="s">
        <v>43880</v>
      </c>
      <c r="E2995" t="s">
        <v>13</v>
      </c>
      <c r="F2995">
        <v>11087</v>
      </c>
      <c r="G2995" t="s">
        <v>44106</v>
      </c>
      <c r="H2995">
        <v>5.876661851653</v>
      </c>
      <c r="I2995">
        <v>53.211922729743002</v>
      </c>
      <c r="J2995" t="s">
        <v>58680</v>
      </c>
    </row>
    <row r="2996" spans="1:10" x14ac:dyDescent="0.25">
      <c r="A2996" t="s">
        <v>44099</v>
      </c>
      <c r="B2996" t="s">
        <v>44100</v>
      </c>
      <c r="C2996" t="s">
        <v>44101</v>
      </c>
      <c r="D2996" t="s">
        <v>43880</v>
      </c>
      <c r="E2996" t="s">
        <v>13</v>
      </c>
      <c r="F2996">
        <v>11086</v>
      </c>
      <c r="G2996" t="s">
        <v>44102</v>
      </c>
      <c r="H2996">
        <v>5.87025754158</v>
      </c>
      <c r="I2996">
        <v>53.224251561473999</v>
      </c>
      <c r="J2996" t="s">
        <v>58681</v>
      </c>
    </row>
    <row r="2997" spans="1:10" x14ac:dyDescent="0.25">
      <c r="A2997" t="s">
        <v>44095</v>
      </c>
      <c r="B2997" t="s">
        <v>44096</v>
      </c>
      <c r="C2997" t="s">
        <v>44097</v>
      </c>
      <c r="D2997" t="s">
        <v>43880</v>
      </c>
      <c r="E2997" t="s">
        <v>13</v>
      </c>
      <c r="F2997">
        <v>11085</v>
      </c>
      <c r="G2997" t="s">
        <v>44098</v>
      </c>
      <c r="H2997">
        <v>5.844354230735</v>
      </c>
      <c r="I2997">
        <v>53.206096052044998</v>
      </c>
      <c r="J2997" t="s">
        <v>58682</v>
      </c>
    </row>
    <row r="2998" spans="1:10" x14ac:dyDescent="0.25">
      <c r="A2998" t="s">
        <v>44091</v>
      </c>
      <c r="B2998" t="s">
        <v>44092</v>
      </c>
      <c r="C2998" t="s">
        <v>44093</v>
      </c>
      <c r="D2998" t="s">
        <v>43880</v>
      </c>
      <c r="E2998" t="s">
        <v>13</v>
      </c>
      <c r="F2998">
        <v>11084</v>
      </c>
      <c r="G2998" t="s">
        <v>44094</v>
      </c>
      <c r="H2998">
        <v>5.8439299807690004</v>
      </c>
      <c r="I2998">
        <v>53.209306600380003</v>
      </c>
      <c r="J2998" t="s">
        <v>58683</v>
      </c>
    </row>
    <row r="2999" spans="1:10" x14ac:dyDescent="0.25">
      <c r="A2999" t="s">
        <v>44087</v>
      </c>
      <c r="B2999" t="s">
        <v>44088</v>
      </c>
      <c r="C2999" t="s">
        <v>44089</v>
      </c>
      <c r="D2999" t="s">
        <v>43880</v>
      </c>
      <c r="E2999" t="s">
        <v>13</v>
      </c>
      <c r="F2999">
        <v>11083</v>
      </c>
      <c r="G2999" t="s">
        <v>44090</v>
      </c>
      <c r="H2999">
        <v>5.8414116750550003</v>
      </c>
      <c r="I2999">
        <v>53.214389350504</v>
      </c>
      <c r="J2999" t="s">
        <v>58684</v>
      </c>
    </row>
    <row r="3000" spans="1:10" x14ac:dyDescent="0.25">
      <c r="A3000" t="s">
        <v>44083</v>
      </c>
      <c r="B3000" t="s">
        <v>44084</v>
      </c>
      <c r="C3000" t="s">
        <v>44085</v>
      </c>
      <c r="D3000" t="s">
        <v>43880</v>
      </c>
      <c r="E3000" t="s">
        <v>13</v>
      </c>
      <c r="F3000">
        <v>11082</v>
      </c>
      <c r="G3000" t="s">
        <v>44086</v>
      </c>
      <c r="H3000">
        <v>5.8215028437959999</v>
      </c>
      <c r="I3000">
        <v>53.201872607787003</v>
      </c>
      <c r="J3000" t="s">
        <v>58685</v>
      </c>
    </row>
    <row r="3001" spans="1:10" x14ac:dyDescent="0.25">
      <c r="A3001" t="s">
        <v>44079</v>
      </c>
      <c r="B3001" t="s">
        <v>44080</v>
      </c>
      <c r="C3001" t="s">
        <v>44081</v>
      </c>
      <c r="D3001" t="s">
        <v>43880</v>
      </c>
      <c r="E3001" t="s">
        <v>13</v>
      </c>
      <c r="F3001">
        <v>11081</v>
      </c>
      <c r="G3001" t="s">
        <v>44082</v>
      </c>
      <c r="H3001">
        <v>5.8276814994789996</v>
      </c>
      <c r="I3001">
        <v>53.205701322125002</v>
      </c>
      <c r="J3001" t="s">
        <v>58686</v>
      </c>
    </row>
    <row r="3002" spans="1:10" x14ac:dyDescent="0.25">
      <c r="A3002" t="s">
        <v>44075</v>
      </c>
      <c r="B3002" t="s">
        <v>44076</v>
      </c>
      <c r="C3002" t="s">
        <v>44077</v>
      </c>
      <c r="D3002" t="s">
        <v>43880</v>
      </c>
      <c r="E3002" t="s">
        <v>13</v>
      </c>
      <c r="F3002">
        <v>11080</v>
      </c>
      <c r="G3002" t="s">
        <v>44078</v>
      </c>
      <c r="H3002">
        <v>5.8230910532860003</v>
      </c>
      <c r="I3002">
        <v>53.212479735591998</v>
      </c>
      <c r="J3002" t="s">
        <v>58687</v>
      </c>
    </row>
    <row r="3003" spans="1:10" x14ac:dyDescent="0.25">
      <c r="A3003" t="s">
        <v>44071</v>
      </c>
      <c r="B3003" t="s">
        <v>44072</v>
      </c>
      <c r="C3003" t="s">
        <v>44073</v>
      </c>
      <c r="D3003" t="s">
        <v>43880</v>
      </c>
      <c r="E3003" t="s">
        <v>13</v>
      </c>
      <c r="F3003">
        <v>11079</v>
      </c>
      <c r="G3003" t="s">
        <v>44074</v>
      </c>
      <c r="H3003">
        <v>5.7465856776289996</v>
      </c>
      <c r="I3003">
        <v>53.201649351287003</v>
      </c>
      <c r="J3003" t="s">
        <v>58688</v>
      </c>
    </row>
    <row r="3004" spans="1:10" x14ac:dyDescent="0.25">
      <c r="A3004" t="s">
        <v>44067</v>
      </c>
      <c r="B3004" t="s">
        <v>44068</v>
      </c>
      <c r="C3004" t="s">
        <v>44069</v>
      </c>
      <c r="D3004" t="s">
        <v>43880</v>
      </c>
      <c r="E3004" t="s">
        <v>13</v>
      </c>
      <c r="F3004">
        <v>11078</v>
      </c>
      <c r="G3004" t="s">
        <v>44070</v>
      </c>
      <c r="H3004">
        <v>5.7660401903520002</v>
      </c>
      <c r="I3004">
        <v>53.173998602436001</v>
      </c>
      <c r="J3004" t="s">
        <v>58689</v>
      </c>
    </row>
    <row r="3005" spans="1:10" x14ac:dyDescent="0.25">
      <c r="A3005" t="s">
        <v>44063</v>
      </c>
      <c r="B3005" t="s">
        <v>44064</v>
      </c>
      <c r="C3005" t="s">
        <v>44065</v>
      </c>
      <c r="D3005" t="s">
        <v>43880</v>
      </c>
      <c r="E3005" t="s">
        <v>13</v>
      </c>
      <c r="F3005">
        <v>11077</v>
      </c>
      <c r="G3005" t="s">
        <v>44066</v>
      </c>
      <c r="H3005">
        <v>5.7531954088799999</v>
      </c>
      <c r="I3005">
        <v>53.199136131034003</v>
      </c>
      <c r="J3005" t="s">
        <v>58690</v>
      </c>
    </row>
    <row r="3006" spans="1:10" x14ac:dyDescent="0.25">
      <c r="A3006" t="s">
        <v>44059</v>
      </c>
      <c r="B3006" t="s">
        <v>44060</v>
      </c>
      <c r="C3006" t="s">
        <v>44061</v>
      </c>
      <c r="D3006" t="s">
        <v>43880</v>
      </c>
      <c r="E3006" t="s">
        <v>13</v>
      </c>
      <c r="F3006">
        <v>11076</v>
      </c>
      <c r="G3006" t="s">
        <v>44062</v>
      </c>
      <c r="H3006">
        <v>5.7505295400209997</v>
      </c>
      <c r="I3006">
        <v>53.193162765421</v>
      </c>
      <c r="J3006" t="s">
        <v>58691</v>
      </c>
    </row>
    <row r="3007" spans="1:10" x14ac:dyDescent="0.25">
      <c r="A3007" t="s">
        <v>44055</v>
      </c>
      <c r="B3007" t="s">
        <v>44056</v>
      </c>
      <c r="C3007" t="s">
        <v>44057</v>
      </c>
      <c r="D3007" t="s">
        <v>43880</v>
      </c>
      <c r="E3007" t="s">
        <v>13</v>
      </c>
      <c r="F3007">
        <v>11075</v>
      </c>
      <c r="G3007" t="s">
        <v>44058</v>
      </c>
      <c r="H3007">
        <v>5.7559199713479998</v>
      </c>
      <c r="I3007">
        <v>53.186666942949998</v>
      </c>
      <c r="J3007" t="s">
        <v>58692</v>
      </c>
    </row>
    <row r="3008" spans="1:10" x14ac:dyDescent="0.25">
      <c r="A3008" t="s">
        <v>44051</v>
      </c>
      <c r="B3008" t="s">
        <v>44052</v>
      </c>
      <c r="C3008" t="s">
        <v>44053</v>
      </c>
      <c r="D3008" t="s">
        <v>43880</v>
      </c>
      <c r="E3008" t="s">
        <v>13</v>
      </c>
      <c r="F3008">
        <v>11074</v>
      </c>
      <c r="G3008" t="s">
        <v>44054</v>
      </c>
      <c r="H3008">
        <v>5.7649416598830001</v>
      </c>
      <c r="I3008">
        <v>53.202742481237998</v>
      </c>
      <c r="J3008" t="s">
        <v>58693</v>
      </c>
    </row>
    <row r="3009" spans="1:10" x14ac:dyDescent="0.25">
      <c r="A3009" t="s">
        <v>44047</v>
      </c>
      <c r="B3009" t="s">
        <v>44048</v>
      </c>
      <c r="C3009" t="s">
        <v>44049</v>
      </c>
      <c r="D3009" t="s">
        <v>43880</v>
      </c>
      <c r="E3009" t="s">
        <v>13</v>
      </c>
      <c r="F3009">
        <v>11073</v>
      </c>
      <c r="G3009" t="s">
        <v>44050</v>
      </c>
      <c r="H3009">
        <v>5.7621217645560003</v>
      </c>
      <c r="I3009">
        <v>53.195576972053999</v>
      </c>
      <c r="J3009" t="s">
        <v>58694</v>
      </c>
    </row>
    <row r="3010" spans="1:10" x14ac:dyDescent="0.25">
      <c r="A3010" t="s">
        <v>44043</v>
      </c>
      <c r="B3010" t="s">
        <v>44044</v>
      </c>
      <c r="C3010" t="s">
        <v>44045</v>
      </c>
      <c r="D3010" t="s">
        <v>43880</v>
      </c>
      <c r="E3010" t="s">
        <v>13</v>
      </c>
      <c r="F3010">
        <v>11072</v>
      </c>
      <c r="G3010" t="s">
        <v>44046</v>
      </c>
      <c r="H3010">
        <v>5.7683983598069997</v>
      </c>
      <c r="I3010">
        <v>53.190059690196001</v>
      </c>
      <c r="J3010" t="s">
        <v>58695</v>
      </c>
    </row>
    <row r="3011" spans="1:10" x14ac:dyDescent="0.25">
      <c r="A3011" t="s">
        <v>44039</v>
      </c>
      <c r="B3011" t="s">
        <v>44040</v>
      </c>
      <c r="C3011" t="s">
        <v>44041</v>
      </c>
      <c r="D3011" t="s">
        <v>43880</v>
      </c>
      <c r="E3011" t="s">
        <v>13</v>
      </c>
      <c r="F3011">
        <v>11071</v>
      </c>
      <c r="G3011" t="s">
        <v>44042</v>
      </c>
      <c r="H3011">
        <v>5.7760784880280003</v>
      </c>
      <c r="I3011">
        <v>53.195918523715001</v>
      </c>
      <c r="J3011" t="s">
        <v>58696</v>
      </c>
    </row>
    <row r="3012" spans="1:10" x14ac:dyDescent="0.25">
      <c r="A3012" t="s">
        <v>44035</v>
      </c>
      <c r="B3012" t="s">
        <v>44036</v>
      </c>
      <c r="C3012" t="s">
        <v>44037</v>
      </c>
      <c r="D3012" t="s">
        <v>43880</v>
      </c>
      <c r="E3012" t="s">
        <v>13</v>
      </c>
      <c r="F3012">
        <v>11070</v>
      </c>
      <c r="G3012" t="s">
        <v>44038</v>
      </c>
      <c r="H3012">
        <v>5.782798929058</v>
      </c>
      <c r="I3012">
        <v>53.187696809679998</v>
      </c>
      <c r="J3012" t="s">
        <v>58697</v>
      </c>
    </row>
    <row r="3013" spans="1:10" x14ac:dyDescent="0.25">
      <c r="A3013" t="s">
        <v>44031</v>
      </c>
      <c r="B3013" t="s">
        <v>44032</v>
      </c>
      <c r="C3013" t="s">
        <v>44033</v>
      </c>
      <c r="D3013" t="s">
        <v>43880</v>
      </c>
      <c r="E3013" t="s">
        <v>13</v>
      </c>
      <c r="F3013">
        <v>11069</v>
      </c>
      <c r="G3013" t="s">
        <v>44034</v>
      </c>
      <c r="H3013">
        <v>5.784602148576</v>
      </c>
      <c r="I3013">
        <v>53.192293748064003</v>
      </c>
      <c r="J3013" t="s">
        <v>58698</v>
      </c>
    </row>
    <row r="3014" spans="1:10" x14ac:dyDescent="0.25">
      <c r="A3014" t="s">
        <v>44028</v>
      </c>
      <c r="B3014" t="s">
        <v>44029</v>
      </c>
      <c r="C3014" t="s">
        <v>15750</v>
      </c>
      <c r="D3014" t="s">
        <v>43880</v>
      </c>
      <c r="E3014" t="s">
        <v>13</v>
      </c>
      <c r="F3014">
        <v>11068</v>
      </c>
      <c r="G3014" t="s">
        <v>44030</v>
      </c>
      <c r="H3014">
        <v>5.7930820763120003</v>
      </c>
      <c r="I3014">
        <v>53.189111098273003</v>
      </c>
      <c r="J3014" t="s">
        <v>58699</v>
      </c>
    </row>
    <row r="3015" spans="1:10" x14ac:dyDescent="0.25">
      <c r="A3015" t="s">
        <v>44024</v>
      </c>
      <c r="B3015" t="s">
        <v>44025</v>
      </c>
      <c r="C3015" t="s">
        <v>44026</v>
      </c>
      <c r="D3015" t="s">
        <v>43880</v>
      </c>
      <c r="E3015" t="s">
        <v>13</v>
      </c>
      <c r="F3015">
        <v>11067</v>
      </c>
      <c r="G3015" t="s">
        <v>44027</v>
      </c>
      <c r="H3015">
        <v>5.7940844326469998</v>
      </c>
      <c r="I3015">
        <v>53.191797841780001</v>
      </c>
      <c r="J3015" t="s">
        <v>58700</v>
      </c>
    </row>
    <row r="3016" spans="1:10" x14ac:dyDescent="0.25">
      <c r="A3016" t="s">
        <v>44020</v>
      </c>
      <c r="B3016" t="s">
        <v>44021</v>
      </c>
      <c r="C3016" t="s">
        <v>44022</v>
      </c>
      <c r="D3016" t="s">
        <v>43880</v>
      </c>
      <c r="E3016" t="s">
        <v>13</v>
      </c>
      <c r="F3016">
        <v>11066</v>
      </c>
      <c r="G3016" t="s">
        <v>44023</v>
      </c>
      <c r="H3016">
        <v>5.7921699414130003</v>
      </c>
      <c r="I3016">
        <v>53.194525631825996</v>
      </c>
      <c r="J3016" t="s">
        <v>58701</v>
      </c>
    </row>
    <row r="3017" spans="1:10" x14ac:dyDescent="0.25">
      <c r="A3017" t="s">
        <v>44016</v>
      </c>
      <c r="B3017" t="s">
        <v>44017</v>
      </c>
      <c r="C3017" t="s">
        <v>44018</v>
      </c>
      <c r="D3017" t="s">
        <v>43880</v>
      </c>
      <c r="E3017" t="s">
        <v>13</v>
      </c>
      <c r="F3017">
        <v>11065</v>
      </c>
      <c r="G3017" t="s">
        <v>44019</v>
      </c>
      <c r="H3017">
        <v>5.780508956896</v>
      </c>
      <c r="I3017">
        <v>53.198345517439002</v>
      </c>
      <c r="J3017" t="s">
        <v>58702</v>
      </c>
    </row>
    <row r="3018" spans="1:10" x14ac:dyDescent="0.25">
      <c r="A3018" t="s">
        <v>44012</v>
      </c>
      <c r="B3018" t="s">
        <v>44013</v>
      </c>
      <c r="C3018" t="s">
        <v>44014</v>
      </c>
      <c r="D3018" t="s">
        <v>43880</v>
      </c>
      <c r="E3018" t="s">
        <v>13</v>
      </c>
      <c r="F3018">
        <v>11064</v>
      </c>
      <c r="G3018" t="s">
        <v>44015</v>
      </c>
      <c r="H3018">
        <v>5.7730023633440002</v>
      </c>
      <c r="I3018">
        <v>53.201791859528001</v>
      </c>
      <c r="J3018" t="s">
        <v>58703</v>
      </c>
    </row>
    <row r="3019" spans="1:10" x14ac:dyDescent="0.25">
      <c r="A3019" t="s">
        <v>44008</v>
      </c>
      <c r="B3019" t="s">
        <v>44009</v>
      </c>
      <c r="C3019" t="s">
        <v>44010</v>
      </c>
      <c r="D3019" t="s">
        <v>43880</v>
      </c>
      <c r="E3019" t="s">
        <v>13</v>
      </c>
      <c r="F3019">
        <v>11063</v>
      </c>
      <c r="G3019" t="s">
        <v>44011</v>
      </c>
      <c r="H3019">
        <v>5.782033971822</v>
      </c>
      <c r="I3019">
        <v>53.201680480596004</v>
      </c>
      <c r="J3019" t="s">
        <v>58704</v>
      </c>
    </row>
    <row r="3020" spans="1:10" x14ac:dyDescent="0.25">
      <c r="A3020" t="s">
        <v>44004</v>
      </c>
      <c r="B3020" t="s">
        <v>44005</v>
      </c>
      <c r="C3020" t="s">
        <v>44006</v>
      </c>
      <c r="D3020" t="s">
        <v>43880</v>
      </c>
      <c r="E3020" t="s">
        <v>13</v>
      </c>
      <c r="F3020">
        <v>11062</v>
      </c>
      <c r="G3020" t="s">
        <v>44007</v>
      </c>
      <c r="H3020">
        <v>5.7546375317149998</v>
      </c>
      <c r="I3020">
        <v>53.225584288946003</v>
      </c>
      <c r="J3020" t="s">
        <v>58705</v>
      </c>
    </row>
    <row r="3021" spans="1:10" x14ac:dyDescent="0.25">
      <c r="A3021" t="s">
        <v>44001</v>
      </c>
      <c r="B3021" t="s">
        <v>44002</v>
      </c>
      <c r="C3021" t="s">
        <v>24706</v>
      </c>
      <c r="D3021" t="s">
        <v>43880</v>
      </c>
      <c r="E3021" t="s">
        <v>13</v>
      </c>
      <c r="F3021">
        <v>11061</v>
      </c>
      <c r="G3021" t="s">
        <v>44003</v>
      </c>
      <c r="H3021">
        <v>5.7662019599359997</v>
      </c>
      <c r="I3021">
        <v>53.210068871221999</v>
      </c>
      <c r="J3021" t="s">
        <v>58706</v>
      </c>
    </row>
    <row r="3022" spans="1:10" x14ac:dyDescent="0.25">
      <c r="A3022" t="s">
        <v>43997</v>
      </c>
      <c r="B3022" t="s">
        <v>43998</v>
      </c>
      <c r="C3022" t="s">
        <v>43999</v>
      </c>
      <c r="D3022" t="s">
        <v>43880</v>
      </c>
      <c r="E3022" t="s">
        <v>13</v>
      </c>
      <c r="F3022">
        <v>11060</v>
      </c>
      <c r="G3022" t="s">
        <v>44000</v>
      </c>
      <c r="H3022">
        <v>5.7781855256399997</v>
      </c>
      <c r="I3022">
        <v>53.214588100108003</v>
      </c>
      <c r="J3022" t="s">
        <v>58707</v>
      </c>
    </row>
    <row r="3023" spans="1:10" x14ac:dyDescent="0.25">
      <c r="A3023" t="s">
        <v>43993</v>
      </c>
      <c r="B3023" t="s">
        <v>43994</v>
      </c>
      <c r="C3023" t="s">
        <v>43995</v>
      </c>
      <c r="D3023" t="s">
        <v>43880</v>
      </c>
      <c r="E3023" t="s">
        <v>13</v>
      </c>
      <c r="F3023">
        <v>11059</v>
      </c>
      <c r="G3023" t="s">
        <v>43996</v>
      </c>
      <c r="H3023">
        <v>5.7763610024909999</v>
      </c>
      <c r="I3023">
        <v>53.208709098187001</v>
      </c>
      <c r="J3023" t="s">
        <v>58708</v>
      </c>
    </row>
    <row r="3024" spans="1:10" x14ac:dyDescent="0.25">
      <c r="A3024" t="s">
        <v>43989</v>
      </c>
      <c r="B3024" t="s">
        <v>43990</v>
      </c>
      <c r="C3024" t="s">
        <v>43991</v>
      </c>
      <c r="D3024" t="s">
        <v>43880</v>
      </c>
      <c r="E3024" t="s">
        <v>13</v>
      </c>
      <c r="F3024">
        <v>11058</v>
      </c>
      <c r="G3024" t="s">
        <v>43992</v>
      </c>
      <c r="H3024">
        <v>5.7808898780740003</v>
      </c>
      <c r="I3024">
        <v>53.208364024002002</v>
      </c>
      <c r="J3024" t="s">
        <v>58709</v>
      </c>
    </row>
    <row r="3025" spans="1:10" x14ac:dyDescent="0.25">
      <c r="A3025" t="s">
        <v>43986</v>
      </c>
      <c r="B3025" t="s">
        <v>43987</v>
      </c>
      <c r="C3025" t="s">
        <v>14401</v>
      </c>
      <c r="D3025" t="s">
        <v>43880</v>
      </c>
      <c r="E3025" t="s">
        <v>13</v>
      </c>
      <c r="F3025">
        <v>11057</v>
      </c>
      <c r="G3025" t="s">
        <v>43988</v>
      </c>
      <c r="H3025">
        <v>5.7834214688739998</v>
      </c>
      <c r="I3025">
        <v>53.205799195137999</v>
      </c>
      <c r="J3025" t="s">
        <v>58710</v>
      </c>
    </row>
    <row r="3026" spans="1:10" x14ac:dyDescent="0.25">
      <c r="A3026" t="s">
        <v>43982</v>
      </c>
      <c r="B3026" t="s">
        <v>43983</v>
      </c>
      <c r="C3026" t="s">
        <v>43984</v>
      </c>
      <c r="D3026" t="s">
        <v>43880</v>
      </c>
      <c r="E3026" t="s">
        <v>13</v>
      </c>
      <c r="F3026">
        <v>11056</v>
      </c>
      <c r="G3026" t="s">
        <v>43985</v>
      </c>
      <c r="H3026">
        <v>5.7947247436879996</v>
      </c>
      <c r="I3026">
        <v>53.210428231201</v>
      </c>
      <c r="J3026" t="s">
        <v>58711</v>
      </c>
    </row>
    <row r="3027" spans="1:10" x14ac:dyDescent="0.25">
      <c r="A3027" t="s">
        <v>43978</v>
      </c>
      <c r="B3027" t="s">
        <v>43979</v>
      </c>
      <c r="C3027" t="s">
        <v>43980</v>
      </c>
      <c r="D3027" t="s">
        <v>43880</v>
      </c>
      <c r="E3027" t="s">
        <v>13</v>
      </c>
      <c r="F3027">
        <v>11055</v>
      </c>
      <c r="G3027" t="s">
        <v>43981</v>
      </c>
      <c r="H3027">
        <v>5.7866911650840001</v>
      </c>
      <c r="I3027">
        <v>53.209832839225001</v>
      </c>
      <c r="J3027" t="s">
        <v>58712</v>
      </c>
    </row>
    <row r="3028" spans="1:10" x14ac:dyDescent="0.25">
      <c r="A3028" t="s">
        <v>43974</v>
      </c>
      <c r="B3028" t="s">
        <v>43975</v>
      </c>
      <c r="C3028" t="s">
        <v>43976</v>
      </c>
      <c r="D3028" t="s">
        <v>43880</v>
      </c>
      <c r="E3028" t="s">
        <v>13</v>
      </c>
      <c r="F3028">
        <v>11054</v>
      </c>
      <c r="G3028" t="s">
        <v>43977</v>
      </c>
      <c r="H3028">
        <v>5.7913373405000002</v>
      </c>
      <c r="I3028">
        <v>53.206044128168003</v>
      </c>
      <c r="J3028" t="s">
        <v>58713</v>
      </c>
    </row>
    <row r="3029" spans="1:10" x14ac:dyDescent="0.25">
      <c r="A3029" t="s">
        <v>43971</v>
      </c>
      <c r="B3029" t="s">
        <v>43972</v>
      </c>
      <c r="C3029" t="s">
        <v>1629</v>
      </c>
      <c r="D3029" t="s">
        <v>43880</v>
      </c>
      <c r="E3029" t="s">
        <v>13</v>
      </c>
      <c r="F3029">
        <v>11053</v>
      </c>
      <c r="G3029" t="s">
        <v>43973</v>
      </c>
      <c r="H3029">
        <v>5.8135696909519998</v>
      </c>
      <c r="I3029">
        <v>53.201392168123</v>
      </c>
      <c r="J3029" t="s">
        <v>58714</v>
      </c>
    </row>
    <row r="3030" spans="1:10" x14ac:dyDescent="0.25">
      <c r="A3030" t="s">
        <v>43967</v>
      </c>
      <c r="B3030" t="s">
        <v>43968</v>
      </c>
      <c r="C3030" t="s">
        <v>43969</v>
      </c>
      <c r="D3030" t="s">
        <v>43880</v>
      </c>
      <c r="E3030" t="s">
        <v>13</v>
      </c>
      <c r="F3030">
        <v>11052</v>
      </c>
      <c r="G3030" t="s">
        <v>43970</v>
      </c>
      <c r="H3030">
        <v>5.8063136330280001</v>
      </c>
      <c r="I3030">
        <v>53.201167389485001</v>
      </c>
      <c r="J3030" t="s">
        <v>58715</v>
      </c>
    </row>
    <row r="3031" spans="1:10" x14ac:dyDescent="0.25">
      <c r="A3031" t="s">
        <v>43964</v>
      </c>
      <c r="B3031" t="s">
        <v>43965</v>
      </c>
      <c r="C3031" t="s">
        <v>4787</v>
      </c>
      <c r="D3031" t="s">
        <v>43880</v>
      </c>
      <c r="E3031" t="s">
        <v>13</v>
      </c>
      <c r="F3031">
        <v>11051</v>
      </c>
      <c r="G3031" t="s">
        <v>43966</v>
      </c>
      <c r="H3031">
        <v>5.8142946595279996</v>
      </c>
      <c r="I3031">
        <v>53.20371886593</v>
      </c>
      <c r="J3031" t="s">
        <v>58716</v>
      </c>
    </row>
    <row r="3032" spans="1:10" x14ac:dyDescent="0.25">
      <c r="A3032" t="s">
        <v>43961</v>
      </c>
      <c r="B3032" t="s">
        <v>43962</v>
      </c>
      <c r="C3032" t="s">
        <v>1376</v>
      </c>
      <c r="D3032" t="s">
        <v>43880</v>
      </c>
      <c r="E3032" t="s">
        <v>13</v>
      </c>
      <c r="F3032">
        <v>11050</v>
      </c>
      <c r="G3032" t="s">
        <v>43963</v>
      </c>
      <c r="H3032">
        <v>5.805917282137</v>
      </c>
      <c r="I3032">
        <v>53.204128751045999</v>
      </c>
      <c r="J3032" t="s">
        <v>58717</v>
      </c>
    </row>
    <row r="3033" spans="1:10" x14ac:dyDescent="0.25">
      <c r="A3033" t="s">
        <v>43957</v>
      </c>
      <c r="B3033" t="s">
        <v>43958</v>
      </c>
      <c r="C3033" t="s">
        <v>43959</v>
      </c>
      <c r="D3033" t="s">
        <v>43880</v>
      </c>
      <c r="E3033" t="s">
        <v>13</v>
      </c>
      <c r="F3033">
        <v>11049</v>
      </c>
      <c r="G3033" t="s">
        <v>43960</v>
      </c>
      <c r="H3033">
        <v>5.8159458772269996</v>
      </c>
      <c r="I3033">
        <v>53.206281915261002</v>
      </c>
      <c r="J3033" t="s">
        <v>58718</v>
      </c>
    </row>
    <row r="3034" spans="1:10" x14ac:dyDescent="0.25">
      <c r="A3034" t="s">
        <v>43953</v>
      </c>
      <c r="B3034" t="s">
        <v>43954</v>
      </c>
      <c r="C3034" t="s">
        <v>43955</v>
      </c>
      <c r="D3034" t="s">
        <v>43880</v>
      </c>
      <c r="E3034" t="s">
        <v>13</v>
      </c>
      <c r="F3034">
        <v>11048</v>
      </c>
      <c r="G3034" t="s">
        <v>43956</v>
      </c>
      <c r="H3034">
        <v>5.8127403208470003</v>
      </c>
      <c r="I3034">
        <v>53.209223566894998</v>
      </c>
      <c r="J3034" t="s">
        <v>58719</v>
      </c>
    </row>
    <row r="3035" spans="1:10" x14ac:dyDescent="0.25">
      <c r="A3035" t="s">
        <v>43949</v>
      </c>
      <c r="B3035" t="s">
        <v>43950</v>
      </c>
      <c r="C3035" t="s">
        <v>43951</v>
      </c>
      <c r="D3035" t="s">
        <v>43880</v>
      </c>
      <c r="E3035" t="s">
        <v>13</v>
      </c>
      <c r="F3035">
        <v>11047</v>
      </c>
      <c r="G3035" t="s">
        <v>43952</v>
      </c>
      <c r="H3035">
        <v>5.8074788580929999</v>
      </c>
      <c r="I3035">
        <v>53.206470716237</v>
      </c>
      <c r="J3035" t="s">
        <v>58720</v>
      </c>
    </row>
    <row r="3036" spans="1:10" x14ac:dyDescent="0.25">
      <c r="A3036" t="s">
        <v>43946</v>
      </c>
      <c r="B3036" t="s">
        <v>43947</v>
      </c>
      <c r="C3036" t="s">
        <v>479</v>
      </c>
      <c r="D3036" t="s">
        <v>43880</v>
      </c>
      <c r="E3036" t="s">
        <v>13</v>
      </c>
      <c r="F3036">
        <v>11046</v>
      </c>
      <c r="G3036" t="s">
        <v>43948</v>
      </c>
      <c r="H3036">
        <v>5.8083949122089997</v>
      </c>
      <c r="I3036">
        <v>53.211420022797</v>
      </c>
      <c r="J3036" t="s">
        <v>58721</v>
      </c>
    </row>
    <row r="3037" spans="1:10" x14ac:dyDescent="0.25">
      <c r="A3037" t="s">
        <v>43942</v>
      </c>
      <c r="B3037" t="s">
        <v>43943</v>
      </c>
      <c r="C3037" t="s">
        <v>43944</v>
      </c>
      <c r="D3037" t="s">
        <v>43880</v>
      </c>
      <c r="E3037" t="s">
        <v>13</v>
      </c>
      <c r="F3037">
        <v>11045</v>
      </c>
      <c r="G3037" t="s">
        <v>43945</v>
      </c>
      <c r="H3037">
        <v>5.8020199407320003</v>
      </c>
      <c r="I3037">
        <v>53.209256106268001</v>
      </c>
      <c r="J3037" t="s">
        <v>58722</v>
      </c>
    </row>
    <row r="3038" spans="1:10" x14ac:dyDescent="0.25">
      <c r="A3038" t="s">
        <v>43938</v>
      </c>
      <c r="B3038" t="s">
        <v>43939</v>
      </c>
      <c r="C3038" t="s">
        <v>43940</v>
      </c>
      <c r="D3038" t="s">
        <v>43880</v>
      </c>
      <c r="E3038" t="s">
        <v>13</v>
      </c>
      <c r="F3038">
        <v>11044</v>
      </c>
      <c r="G3038" t="s">
        <v>43941</v>
      </c>
      <c r="H3038">
        <v>5.8025655044739999</v>
      </c>
      <c r="I3038">
        <v>53.188940970559997</v>
      </c>
      <c r="J3038" t="s">
        <v>58723</v>
      </c>
    </row>
    <row r="3039" spans="1:10" x14ac:dyDescent="0.25">
      <c r="A3039" t="s">
        <v>43934</v>
      </c>
      <c r="B3039" t="s">
        <v>43935</v>
      </c>
      <c r="C3039" t="s">
        <v>43936</v>
      </c>
      <c r="D3039" t="s">
        <v>43880</v>
      </c>
      <c r="E3039" t="s">
        <v>13</v>
      </c>
      <c r="F3039">
        <v>11043</v>
      </c>
      <c r="G3039" t="s">
        <v>43937</v>
      </c>
      <c r="H3039">
        <v>5.8032955423099999</v>
      </c>
      <c r="I3039">
        <v>53.192880300391998</v>
      </c>
      <c r="J3039" t="s">
        <v>58724</v>
      </c>
    </row>
    <row r="3040" spans="1:10" x14ac:dyDescent="0.25">
      <c r="A3040" t="s">
        <v>43930</v>
      </c>
      <c r="B3040" t="s">
        <v>43931</v>
      </c>
      <c r="C3040" t="s">
        <v>43932</v>
      </c>
      <c r="D3040" t="s">
        <v>43880</v>
      </c>
      <c r="E3040" t="s">
        <v>13</v>
      </c>
      <c r="F3040">
        <v>11042</v>
      </c>
      <c r="G3040" t="s">
        <v>43933</v>
      </c>
      <c r="H3040">
        <v>5.7999431355690003</v>
      </c>
      <c r="I3040">
        <v>53.195344955308002</v>
      </c>
      <c r="J3040" t="s">
        <v>58725</v>
      </c>
    </row>
    <row r="3041" spans="1:10" x14ac:dyDescent="0.25">
      <c r="A3041" t="s">
        <v>43926</v>
      </c>
      <c r="B3041" t="s">
        <v>43927</v>
      </c>
      <c r="C3041" t="s">
        <v>43928</v>
      </c>
      <c r="D3041" t="s">
        <v>43880</v>
      </c>
      <c r="E3041" t="s">
        <v>13</v>
      </c>
      <c r="F3041">
        <v>11041</v>
      </c>
      <c r="G3041" t="s">
        <v>43929</v>
      </c>
      <c r="H3041">
        <v>5.811878738211</v>
      </c>
      <c r="I3041">
        <v>53.191506980225</v>
      </c>
      <c r="J3041" t="s">
        <v>58726</v>
      </c>
    </row>
    <row r="3042" spans="1:10" x14ac:dyDescent="0.25">
      <c r="A3042" t="s">
        <v>43922</v>
      </c>
      <c r="B3042" t="s">
        <v>43923</v>
      </c>
      <c r="C3042" t="s">
        <v>43924</v>
      </c>
      <c r="D3042" t="s">
        <v>43880</v>
      </c>
      <c r="E3042" t="s">
        <v>13</v>
      </c>
      <c r="F3042">
        <v>11040</v>
      </c>
      <c r="G3042" t="s">
        <v>43925</v>
      </c>
      <c r="H3042">
        <v>5.8247122571399998</v>
      </c>
      <c r="I3042">
        <v>53.192884435017</v>
      </c>
      <c r="J3042" t="s">
        <v>58727</v>
      </c>
    </row>
    <row r="3043" spans="1:10" x14ac:dyDescent="0.25">
      <c r="A3043" t="s">
        <v>43919</v>
      </c>
      <c r="B3043" t="s">
        <v>43920</v>
      </c>
      <c r="C3043" t="s">
        <v>18723</v>
      </c>
      <c r="D3043" t="s">
        <v>43880</v>
      </c>
      <c r="E3043" t="s">
        <v>13</v>
      </c>
      <c r="F3043">
        <v>11039</v>
      </c>
      <c r="G3043" t="s">
        <v>43921</v>
      </c>
      <c r="H3043">
        <v>5.8245617126719997</v>
      </c>
      <c r="I3043">
        <v>53.197851649142997</v>
      </c>
      <c r="J3043" t="s">
        <v>58728</v>
      </c>
    </row>
    <row r="3044" spans="1:10" x14ac:dyDescent="0.25">
      <c r="A3044" t="s">
        <v>43915</v>
      </c>
      <c r="B3044" t="s">
        <v>43916</v>
      </c>
      <c r="C3044" t="s">
        <v>43917</v>
      </c>
      <c r="D3044" t="s">
        <v>43880</v>
      </c>
      <c r="E3044" t="s">
        <v>13</v>
      </c>
      <c r="F3044">
        <v>11038</v>
      </c>
      <c r="G3044" t="s">
        <v>43918</v>
      </c>
      <c r="H3044">
        <v>5.8107716322550003</v>
      </c>
      <c r="I3044">
        <v>53.196333992056999</v>
      </c>
      <c r="J3044" t="s">
        <v>58729</v>
      </c>
    </row>
    <row r="3045" spans="1:10" x14ac:dyDescent="0.25">
      <c r="A3045" t="s">
        <v>43912</v>
      </c>
      <c r="B3045" t="s">
        <v>43913</v>
      </c>
      <c r="C3045" t="s">
        <v>23209</v>
      </c>
      <c r="D3045" t="s">
        <v>43880</v>
      </c>
      <c r="E3045" t="s">
        <v>13</v>
      </c>
      <c r="F3045">
        <v>11037</v>
      </c>
      <c r="G3045" t="s">
        <v>43914</v>
      </c>
      <c r="H3045">
        <v>5.8092319517969999</v>
      </c>
      <c r="I3045">
        <v>53.199001973972997</v>
      </c>
      <c r="J3045" t="s">
        <v>58730</v>
      </c>
    </row>
    <row r="3046" spans="1:10" x14ac:dyDescent="0.25">
      <c r="A3046" t="s">
        <v>43908</v>
      </c>
      <c r="B3046" t="s">
        <v>43909</v>
      </c>
      <c r="C3046" t="s">
        <v>43910</v>
      </c>
      <c r="D3046" t="s">
        <v>43880</v>
      </c>
      <c r="E3046" t="s">
        <v>13</v>
      </c>
      <c r="F3046">
        <v>11036</v>
      </c>
      <c r="G3046" t="s">
        <v>43911</v>
      </c>
      <c r="H3046">
        <v>5.799748396179</v>
      </c>
      <c r="I3046">
        <v>53.198161188073001</v>
      </c>
      <c r="J3046" t="s">
        <v>58731</v>
      </c>
    </row>
    <row r="3047" spans="1:10" x14ac:dyDescent="0.25">
      <c r="A3047" t="s">
        <v>43905</v>
      </c>
      <c r="B3047" t="s">
        <v>43906</v>
      </c>
      <c r="C3047" t="s">
        <v>9049</v>
      </c>
      <c r="D3047" t="s">
        <v>43880</v>
      </c>
      <c r="E3047" t="s">
        <v>13</v>
      </c>
      <c r="F3047">
        <v>11035</v>
      </c>
      <c r="G3047" t="s">
        <v>43907</v>
      </c>
      <c r="H3047">
        <v>5.791366324528</v>
      </c>
      <c r="I3047">
        <v>53.197215471512997</v>
      </c>
      <c r="J3047" t="s">
        <v>58732</v>
      </c>
    </row>
    <row r="3048" spans="1:10" x14ac:dyDescent="0.25">
      <c r="A3048" t="s">
        <v>43901</v>
      </c>
      <c r="B3048" t="s">
        <v>43902</v>
      </c>
      <c r="C3048" t="s">
        <v>43903</v>
      </c>
      <c r="D3048" t="s">
        <v>43880</v>
      </c>
      <c r="E3048" t="s">
        <v>13</v>
      </c>
      <c r="F3048">
        <v>11034</v>
      </c>
      <c r="G3048" t="s">
        <v>43904</v>
      </c>
      <c r="H3048">
        <v>5.7920284995650002</v>
      </c>
      <c r="I3048">
        <v>53.199367844580998</v>
      </c>
      <c r="J3048" t="s">
        <v>58733</v>
      </c>
    </row>
    <row r="3049" spans="1:10" x14ac:dyDescent="0.25">
      <c r="A3049" t="s">
        <v>43897</v>
      </c>
      <c r="B3049" t="s">
        <v>43898</v>
      </c>
      <c r="C3049" t="s">
        <v>43899</v>
      </c>
      <c r="D3049" t="s">
        <v>43880</v>
      </c>
      <c r="E3049" t="s">
        <v>13</v>
      </c>
      <c r="F3049">
        <v>11033</v>
      </c>
      <c r="G3049" t="s">
        <v>43900</v>
      </c>
      <c r="H3049">
        <v>5.8010492104629998</v>
      </c>
      <c r="I3049">
        <v>53.200578997325998</v>
      </c>
      <c r="J3049" t="s">
        <v>58734</v>
      </c>
    </row>
    <row r="3050" spans="1:10" x14ac:dyDescent="0.25">
      <c r="A3050" t="s">
        <v>43893</v>
      </c>
      <c r="B3050" t="s">
        <v>43894</v>
      </c>
      <c r="C3050" t="s">
        <v>43895</v>
      </c>
      <c r="D3050" t="s">
        <v>43880</v>
      </c>
      <c r="E3050" t="s">
        <v>13</v>
      </c>
      <c r="F3050">
        <v>11032</v>
      </c>
      <c r="G3050" t="s">
        <v>43896</v>
      </c>
      <c r="H3050">
        <v>5.8017952084889997</v>
      </c>
      <c r="I3050">
        <v>53.204103039711001</v>
      </c>
      <c r="J3050" t="s">
        <v>58735</v>
      </c>
    </row>
    <row r="3051" spans="1:10" x14ac:dyDescent="0.25">
      <c r="A3051" t="s">
        <v>43889</v>
      </c>
      <c r="B3051" t="s">
        <v>43890</v>
      </c>
      <c r="C3051" t="s">
        <v>43891</v>
      </c>
      <c r="D3051" t="s">
        <v>43880</v>
      </c>
      <c r="E3051" t="s">
        <v>13</v>
      </c>
      <c r="F3051">
        <v>11031</v>
      </c>
      <c r="G3051" t="s">
        <v>43892</v>
      </c>
      <c r="H3051">
        <v>5.7980491884710004</v>
      </c>
      <c r="I3051">
        <v>53.204689621610001</v>
      </c>
      <c r="J3051" t="s">
        <v>58736</v>
      </c>
    </row>
    <row r="3052" spans="1:10" x14ac:dyDescent="0.25">
      <c r="A3052" t="s">
        <v>43886</v>
      </c>
      <c r="B3052" t="s">
        <v>43887</v>
      </c>
      <c r="C3052" t="s">
        <v>16672</v>
      </c>
      <c r="D3052" t="s">
        <v>43880</v>
      </c>
      <c r="E3052" t="s">
        <v>13</v>
      </c>
      <c r="F3052">
        <v>11030</v>
      </c>
      <c r="G3052" t="s">
        <v>43888</v>
      </c>
      <c r="H3052">
        <v>5.7920370920620003</v>
      </c>
      <c r="I3052">
        <v>53.203203043197</v>
      </c>
      <c r="J3052" t="s">
        <v>58737</v>
      </c>
    </row>
    <row r="3053" spans="1:10" x14ac:dyDescent="0.25">
      <c r="A3053" t="s">
        <v>43882</v>
      </c>
      <c r="B3053" t="s">
        <v>43883</v>
      </c>
      <c r="C3053" t="s">
        <v>43884</v>
      </c>
      <c r="D3053" t="s">
        <v>43880</v>
      </c>
      <c r="E3053" t="s">
        <v>13</v>
      </c>
      <c r="F3053">
        <v>11029</v>
      </c>
      <c r="G3053" t="s">
        <v>43885</v>
      </c>
      <c r="H3053">
        <v>5.7924049512250004</v>
      </c>
      <c r="I3053">
        <v>53.201109043692</v>
      </c>
      <c r="J3053" t="s">
        <v>58738</v>
      </c>
    </row>
    <row r="3054" spans="1:10" x14ac:dyDescent="0.25">
      <c r="A3054" t="s">
        <v>43877</v>
      </c>
      <c r="B3054" t="s">
        <v>43878</v>
      </c>
      <c r="C3054" t="s">
        <v>43879</v>
      </c>
      <c r="D3054" t="s">
        <v>43880</v>
      </c>
      <c r="E3054" t="s">
        <v>13</v>
      </c>
      <c r="F3054">
        <v>11028</v>
      </c>
      <c r="G3054" t="s">
        <v>43881</v>
      </c>
      <c r="H3054">
        <v>5.7975599889460003</v>
      </c>
      <c r="I3054">
        <v>53.200922262798002</v>
      </c>
      <c r="J3054" t="s">
        <v>58739</v>
      </c>
    </row>
    <row r="3055" spans="1:10" x14ac:dyDescent="0.25">
      <c r="A3055" t="s">
        <v>43873</v>
      </c>
      <c r="B3055" t="s">
        <v>43874</v>
      </c>
      <c r="C3055" t="s">
        <v>43875</v>
      </c>
      <c r="D3055" t="s">
        <v>34922</v>
      </c>
      <c r="E3055" t="s">
        <v>13</v>
      </c>
      <c r="F3055">
        <v>11027</v>
      </c>
      <c r="G3055" t="s">
        <v>43876</v>
      </c>
      <c r="H3055">
        <v>3.398759586772</v>
      </c>
      <c r="I3055">
        <v>51.293641470814997</v>
      </c>
      <c r="J3055" t="s">
        <v>58740</v>
      </c>
    </row>
    <row r="3056" spans="1:10" x14ac:dyDescent="0.25">
      <c r="A3056" t="s">
        <v>2104</v>
      </c>
      <c r="B3056" t="s">
        <v>2105</v>
      </c>
      <c r="C3056" t="s">
        <v>2106</v>
      </c>
      <c r="D3056" t="s">
        <v>1775</v>
      </c>
      <c r="E3056" t="s">
        <v>13</v>
      </c>
      <c r="F3056">
        <v>11026</v>
      </c>
      <c r="G3056" t="s">
        <v>2107</v>
      </c>
      <c r="H3056">
        <v>4.7475418491120003</v>
      </c>
      <c r="I3056">
        <v>51.843680568864997</v>
      </c>
      <c r="J3056" t="s">
        <v>58741</v>
      </c>
    </row>
    <row r="3057" spans="1:10" x14ac:dyDescent="0.25">
      <c r="A3057" t="s">
        <v>2100</v>
      </c>
      <c r="B3057" t="s">
        <v>2101</v>
      </c>
      <c r="C3057" t="s">
        <v>2102</v>
      </c>
      <c r="D3057" t="s">
        <v>1775</v>
      </c>
      <c r="E3057" t="s">
        <v>13</v>
      </c>
      <c r="F3057">
        <v>11025</v>
      </c>
      <c r="G3057" t="s">
        <v>2103</v>
      </c>
      <c r="H3057">
        <v>4.783428333971</v>
      </c>
      <c r="I3057">
        <v>51.845867889742998</v>
      </c>
      <c r="J3057" t="s">
        <v>58742</v>
      </c>
    </row>
    <row r="3058" spans="1:10" x14ac:dyDescent="0.25">
      <c r="A3058" t="s">
        <v>2097</v>
      </c>
      <c r="B3058" t="s">
        <v>2098</v>
      </c>
      <c r="C3058" t="s">
        <v>1835</v>
      </c>
      <c r="D3058" t="s">
        <v>1775</v>
      </c>
      <c r="E3058" t="s">
        <v>13</v>
      </c>
      <c r="F3058">
        <v>11024</v>
      </c>
      <c r="G3058" t="s">
        <v>2099</v>
      </c>
      <c r="H3058">
        <v>4.7638157860510004</v>
      </c>
      <c r="I3058">
        <v>51.844865748129997</v>
      </c>
      <c r="J3058" t="s">
        <v>58743</v>
      </c>
    </row>
    <row r="3059" spans="1:10" x14ac:dyDescent="0.25">
      <c r="A3059" t="s">
        <v>2093</v>
      </c>
      <c r="B3059" t="s">
        <v>2094</v>
      </c>
      <c r="C3059" t="s">
        <v>2095</v>
      </c>
      <c r="D3059" t="s">
        <v>1775</v>
      </c>
      <c r="E3059" t="s">
        <v>13</v>
      </c>
      <c r="F3059">
        <v>11023</v>
      </c>
      <c r="G3059" t="s">
        <v>2096</v>
      </c>
      <c r="H3059">
        <v>4.7722170030099997</v>
      </c>
      <c r="I3059">
        <v>51.851090100280999</v>
      </c>
      <c r="J3059" t="s">
        <v>58744</v>
      </c>
    </row>
    <row r="3060" spans="1:10" x14ac:dyDescent="0.25">
      <c r="A3060" t="s">
        <v>43869</v>
      </c>
      <c r="B3060" t="s">
        <v>43870</v>
      </c>
      <c r="C3060" t="s">
        <v>43871</v>
      </c>
      <c r="D3060" t="s">
        <v>1775</v>
      </c>
      <c r="E3060" t="s">
        <v>13</v>
      </c>
      <c r="F3060">
        <v>11022</v>
      </c>
      <c r="G3060" t="s">
        <v>43872</v>
      </c>
      <c r="H3060">
        <v>4.8996442818299997</v>
      </c>
      <c r="I3060">
        <v>51.938371490172003</v>
      </c>
      <c r="J3060" t="s">
        <v>58745</v>
      </c>
    </row>
    <row r="3061" spans="1:10" x14ac:dyDescent="0.25">
      <c r="A3061" t="s">
        <v>2089</v>
      </c>
      <c r="B3061" t="s">
        <v>2090</v>
      </c>
      <c r="C3061" t="s">
        <v>2091</v>
      </c>
      <c r="D3061" t="s">
        <v>1775</v>
      </c>
      <c r="E3061" t="s">
        <v>13</v>
      </c>
      <c r="F3061">
        <v>11021</v>
      </c>
      <c r="G3061" t="s">
        <v>2092</v>
      </c>
      <c r="H3061">
        <v>4.7447349415850004</v>
      </c>
      <c r="I3061">
        <v>51.899065087632998</v>
      </c>
      <c r="J3061" t="s">
        <v>58746</v>
      </c>
    </row>
    <row r="3062" spans="1:10" x14ac:dyDescent="0.25">
      <c r="A3062" t="s">
        <v>2085</v>
      </c>
      <c r="B3062" t="s">
        <v>2086</v>
      </c>
      <c r="C3062" t="s">
        <v>2087</v>
      </c>
      <c r="D3062" t="s">
        <v>1775</v>
      </c>
      <c r="E3062" t="s">
        <v>13</v>
      </c>
      <c r="F3062">
        <v>11020</v>
      </c>
      <c r="G3062" t="s">
        <v>2088</v>
      </c>
      <c r="H3062">
        <v>4.7779330351680001</v>
      </c>
      <c r="I3062">
        <v>51.902226738528</v>
      </c>
      <c r="J3062" t="s">
        <v>58747</v>
      </c>
    </row>
    <row r="3063" spans="1:10" x14ac:dyDescent="0.25">
      <c r="A3063" t="s">
        <v>2081</v>
      </c>
      <c r="B3063" t="s">
        <v>2082</v>
      </c>
      <c r="C3063" t="s">
        <v>2083</v>
      </c>
      <c r="D3063" t="s">
        <v>1775</v>
      </c>
      <c r="E3063" t="s">
        <v>13</v>
      </c>
      <c r="F3063">
        <v>11019</v>
      </c>
      <c r="G3063" t="s">
        <v>2084</v>
      </c>
      <c r="H3063">
        <v>4.7661167571409999</v>
      </c>
      <c r="I3063">
        <v>51.911333812831003</v>
      </c>
      <c r="J3063" t="s">
        <v>58748</v>
      </c>
    </row>
    <row r="3064" spans="1:10" x14ac:dyDescent="0.25">
      <c r="A3064" t="s">
        <v>2077</v>
      </c>
      <c r="B3064" t="s">
        <v>2078</v>
      </c>
      <c r="C3064" t="s">
        <v>2079</v>
      </c>
      <c r="D3064" t="s">
        <v>1775</v>
      </c>
      <c r="E3064" t="s">
        <v>13</v>
      </c>
      <c r="F3064">
        <v>11018</v>
      </c>
      <c r="G3064" t="s">
        <v>2080</v>
      </c>
      <c r="H3064">
        <v>4.9321100555769997</v>
      </c>
      <c r="I3064">
        <v>51.852540752814001</v>
      </c>
      <c r="J3064" t="s">
        <v>58749</v>
      </c>
    </row>
    <row r="3065" spans="1:10" x14ac:dyDescent="0.25">
      <c r="A3065" t="s">
        <v>2073</v>
      </c>
      <c r="B3065" t="s">
        <v>2074</v>
      </c>
      <c r="C3065" t="s">
        <v>2075</v>
      </c>
      <c r="D3065" t="s">
        <v>1775</v>
      </c>
      <c r="E3065" t="s">
        <v>13</v>
      </c>
      <c r="F3065">
        <v>11017</v>
      </c>
      <c r="G3065" t="s">
        <v>2076</v>
      </c>
      <c r="H3065">
        <v>4.9173052987599997</v>
      </c>
      <c r="I3065">
        <v>51.841980249869998</v>
      </c>
      <c r="J3065" t="s">
        <v>58750</v>
      </c>
    </row>
    <row r="3066" spans="1:10" x14ac:dyDescent="0.25">
      <c r="A3066" t="s">
        <v>2069</v>
      </c>
      <c r="B3066" t="s">
        <v>2070</v>
      </c>
      <c r="C3066" t="s">
        <v>2071</v>
      </c>
      <c r="D3066" t="s">
        <v>1775</v>
      </c>
      <c r="E3066" t="s">
        <v>13</v>
      </c>
      <c r="F3066">
        <v>11016</v>
      </c>
      <c r="G3066" t="s">
        <v>2072</v>
      </c>
      <c r="H3066">
        <v>4.9144165715870001</v>
      </c>
      <c r="I3066">
        <v>51.843059379426997</v>
      </c>
      <c r="J3066" t="s">
        <v>58751</v>
      </c>
    </row>
    <row r="3067" spans="1:10" x14ac:dyDescent="0.25">
      <c r="A3067" t="s">
        <v>2065</v>
      </c>
      <c r="B3067" t="s">
        <v>2066</v>
      </c>
      <c r="C3067" t="s">
        <v>2067</v>
      </c>
      <c r="D3067" t="s">
        <v>1775</v>
      </c>
      <c r="E3067" t="s">
        <v>13</v>
      </c>
      <c r="F3067">
        <v>11015</v>
      </c>
      <c r="G3067" t="s">
        <v>2068</v>
      </c>
      <c r="H3067">
        <v>4.9238900946350004</v>
      </c>
      <c r="I3067">
        <v>51.841042838644</v>
      </c>
      <c r="J3067" t="s">
        <v>58752</v>
      </c>
    </row>
    <row r="3068" spans="1:10" x14ac:dyDescent="0.25">
      <c r="A3068" t="s">
        <v>2061</v>
      </c>
      <c r="B3068" t="s">
        <v>2062</v>
      </c>
      <c r="C3068" t="s">
        <v>2063</v>
      </c>
      <c r="D3068" t="s">
        <v>1775</v>
      </c>
      <c r="E3068" t="s">
        <v>13</v>
      </c>
      <c r="F3068">
        <v>11014</v>
      </c>
      <c r="G3068" t="s">
        <v>2064</v>
      </c>
      <c r="H3068">
        <v>4.926146666997</v>
      </c>
      <c r="I3068">
        <v>51.844735860613</v>
      </c>
      <c r="J3068" t="s">
        <v>58753</v>
      </c>
    </row>
    <row r="3069" spans="1:10" x14ac:dyDescent="0.25">
      <c r="A3069" t="s">
        <v>2057</v>
      </c>
      <c r="B3069" t="s">
        <v>2058</v>
      </c>
      <c r="C3069" t="s">
        <v>2059</v>
      </c>
      <c r="D3069" t="s">
        <v>1775</v>
      </c>
      <c r="E3069" t="s">
        <v>13</v>
      </c>
      <c r="F3069">
        <v>11013</v>
      </c>
      <c r="G3069" t="s">
        <v>2060</v>
      </c>
      <c r="H3069">
        <v>4.7121776587969997</v>
      </c>
      <c r="I3069">
        <v>51.868988455375998</v>
      </c>
      <c r="J3069" t="s">
        <v>58754</v>
      </c>
    </row>
    <row r="3070" spans="1:10" x14ac:dyDescent="0.25">
      <c r="A3070" t="s">
        <v>2053</v>
      </c>
      <c r="B3070" t="s">
        <v>2054</v>
      </c>
      <c r="C3070" t="s">
        <v>2055</v>
      </c>
      <c r="D3070" t="s">
        <v>1775</v>
      </c>
      <c r="E3070" t="s">
        <v>13</v>
      </c>
      <c r="F3070">
        <v>11012</v>
      </c>
      <c r="G3070" t="s">
        <v>2056</v>
      </c>
      <c r="H3070">
        <v>4.7111991847130001</v>
      </c>
      <c r="I3070">
        <v>51.850629108835001</v>
      </c>
      <c r="J3070" t="s">
        <v>58755</v>
      </c>
    </row>
    <row r="3071" spans="1:10" x14ac:dyDescent="0.25">
      <c r="A3071" t="s">
        <v>2049</v>
      </c>
      <c r="B3071" t="s">
        <v>2050</v>
      </c>
      <c r="C3071" t="s">
        <v>2051</v>
      </c>
      <c r="D3071" t="s">
        <v>1775</v>
      </c>
      <c r="E3071" t="s">
        <v>13</v>
      </c>
      <c r="F3071">
        <v>11011</v>
      </c>
      <c r="G3071" t="s">
        <v>2052</v>
      </c>
      <c r="H3071">
        <v>4.7046907349240001</v>
      </c>
      <c r="I3071">
        <v>51.857911308795003</v>
      </c>
      <c r="J3071" t="s">
        <v>58756</v>
      </c>
    </row>
    <row r="3072" spans="1:10" x14ac:dyDescent="0.25">
      <c r="A3072" t="s">
        <v>2045</v>
      </c>
      <c r="B3072" t="s">
        <v>2046</v>
      </c>
      <c r="C3072" t="s">
        <v>2047</v>
      </c>
      <c r="D3072" t="s">
        <v>1775</v>
      </c>
      <c r="E3072" t="s">
        <v>13</v>
      </c>
      <c r="F3072">
        <v>11010</v>
      </c>
      <c r="G3072" t="s">
        <v>2048</v>
      </c>
      <c r="H3072">
        <v>4.6915624773419999</v>
      </c>
      <c r="I3072">
        <v>51.857528574474998</v>
      </c>
      <c r="J3072" t="s">
        <v>58757</v>
      </c>
    </row>
    <row r="3073" spans="1:10" x14ac:dyDescent="0.25">
      <c r="A3073" t="s">
        <v>2041</v>
      </c>
      <c r="B3073" t="s">
        <v>2042</v>
      </c>
      <c r="C3073" t="s">
        <v>2043</v>
      </c>
      <c r="D3073" t="s">
        <v>1775</v>
      </c>
      <c r="E3073" t="s">
        <v>13</v>
      </c>
      <c r="F3073">
        <v>11009</v>
      </c>
      <c r="G3073" t="s">
        <v>2044</v>
      </c>
      <c r="H3073">
        <v>4.7196027795140001</v>
      </c>
      <c r="I3073">
        <v>51.859772012869001</v>
      </c>
      <c r="J3073" t="s">
        <v>58758</v>
      </c>
    </row>
    <row r="3074" spans="1:10" x14ac:dyDescent="0.25">
      <c r="A3074" t="s">
        <v>2037</v>
      </c>
      <c r="B3074" t="s">
        <v>2038</v>
      </c>
      <c r="C3074" t="s">
        <v>2039</v>
      </c>
      <c r="D3074" t="s">
        <v>1775</v>
      </c>
      <c r="E3074" t="s">
        <v>13</v>
      </c>
      <c r="F3074">
        <v>11008</v>
      </c>
      <c r="G3074" t="s">
        <v>2040</v>
      </c>
      <c r="H3074">
        <v>4.8592293770800001</v>
      </c>
      <c r="I3074">
        <v>51.890059477427997</v>
      </c>
      <c r="J3074" t="s">
        <v>58759</v>
      </c>
    </row>
    <row r="3075" spans="1:10" x14ac:dyDescent="0.25">
      <c r="A3075" t="s">
        <v>2033</v>
      </c>
      <c r="B3075" t="s">
        <v>2034</v>
      </c>
      <c r="C3075" t="s">
        <v>2035</v>
      </c>
      <c r="D3075" t="s">
        <v>1775</v>
      </c>
      <c r="E3075" t="s">
        <v>13</v>
      </c>
      <c r="F3075">
        <v>11007</v>
      </c>
      <c r="G3075" t="s">
        <v>2036</v>
      </c>
      <c r="H3075">
        <v>4.8531641818890003</v>
      </c>
      <c r="I3075">
        <v>51.886745194238003</v>
      </c>
      <c r="J3075" t="s">
        <v>58760</v>
      </c>
    </row>
    <row r="3076" spans="1:10" x14ac:dyDescent="0.25">
      <c r="A3076" t="s">
        <v>2029</v>
      </c>
      <c r="B3076" t="s">
        <v>2030</v>
      </c>
      <c r="C3076" t="s">
        <v>2031</v>
      </c>
      <c r="D3076" t="s">
        <v>1775</v>
      </c>
      <c r="E3076" t="s">
        <v>13</v>
      </c>
      <c r="F3076">
        <v>11006</v>
      </c>
      <c r="G3076" t="s">
        <v>2032</v>
      </c>
      <c r="H3076">
        <v>4.8739130097569996</v>
      </c>
      <c r="I3076">
        <v>51.892535537493004</v>
      </c>
      <c r="J3076" t="s">
        <v>58761</v>
      </c>
    </row>
    <row r="3077" spans="1:10" x14ac:dyDescent="0.25">
      <c r="A3077" t="s">
        <v>2025</v>
      </c>
      <c r="B3077" t="s">
        <v>2026</v>
      </c>
      <c r="C3077" t="s">
        <v>2027</v>
      </c>
      <c r="D3077" t="s">
        <v>1775</v>
      </c>
      <c r="E3077" t="s">
        <v>13</v>
      </c>
      <c r="F3077">
        <v>11005</v>
      </c>
      <c r="G3077" t="s">
        <v>2028</v>
      </c>
      <c r="H3077">
        <v>4.8720992452139997</v>
      </c>
      <c r="I3077">
        <v>51.883097789997997</v>
      </c>
      <c r="J3077" t="s">
        <v>58762</v>
      </c>
    </row>
    <row r="3078" spans="1:10" x14ac:dyDescent="0.25">
      <c r="A3078" t="s">
        <v>2021</v>
      </c>
      <c r="B3078" t="s">
        <v>2022</v>
      </c>
      <c r="C3078" t="s">
        <v>2023</v>
      </c>
      <c r="D3078" t="s">
        <v>1775</v>
      </c>
      <c r="E3078" t="s">
        <v>13</v>
      </c>
      <c r="F3078">
        <v>11004</v>
      </c>
      <c r="G3078" t="s">
        <v>2024</v>
      </c>
      <c r="H3078">
        <v>4.8807683670059996</v>
      </c>
      <c r="I3078">
        <v>51.894130249564</v>
      </c>
      <c r="J3078" t="s">
        <v>58763</v>
      </c>
    </row>
    <row r="3079" spans="1:10" x14ac:dyDescent="0.25">
      <c r="A3079" t="s">
        <v>2017</v>
      </c>
      <c r="B3079" t="s">
        <v>2018</v>
      </c>
      <c r="C3079" t="s">
        <v>2019</v>
      </c>
      <c r="D3079" t="s">
        <v>1775</v>
      </c>
      <c r="E3079" t="s">
        <v>13</v>
      </c>
      <c r="F3079">
        <v>11003</v>
      </c>
      <c r="G3079" t="s">
        <v>2020</v>
      </c>
      <c r="H3079">
        <v>4.8663537815710001</v>
      </c>
      <c r="I3079">
        <v>51.891533814776999</v>
      </c>
      <c r="J3079" t="s">
        <v>58764</v>
      </c>
    </row>
    <row r="3080" spans="1:10" x14ac:dyDescent="0.25">
      <c r="A3080" t="s">
        <v>2013</v>
      </c>
      <c r="B3080" t="s">
        <v>2014</v>
      </c>
      <c r="C3080" t="s">
        <v>2015</v>
      </c>
      <c r="D3080" t="s">
        <v>1775</v>
      </c>
      <c r="E3080" t="s">
        <v>13</v>
      </c>
      <c r="F3080">
        <v>11002</v>
      </c>
      <c r="G3080" t="s">
        <v>2016</v>
      </c>
      <c r="H3080">
        <v>4.8530063568840003</v>
      </c>
      <c r="I3080">
        <v>51.888475636077999</v>
      </c>
      <c r="J3080" t="s">
        <v>58765</v>
      </c>
    </row>
    <row r="3081" spans="1:10" x14ac:dyDescent="0.25">
      <c r="A3081" t="s">
        <v>2009</v>
      </c>
      <c r="B3081" t="s">
        <v>2010</v>
      </c>
      <c r="C3081" t="s">
        <v>2011</v>
      </c>
      <c r="D3081" t="s">
        <v>1775</v>
      </c>
      <c r="E3081" t="s">
        <v>13</v>
      </c>
      <c r="F3081">
        <v>11001</v>
      </c>
      <c r="G3081" t="s">
        <v>2012</v>
      </c>
      <c r="H3081">
        <v>4.8485841861920003</v>
      </c>
      <c r="I3081">
        <v>51.885003888740997</v>
      </c>
      <c r="J3081" t="s">
        <v>58766</v>
      </c>
    </row>
    <row r="3082" spans="1:10" x14ac:dyDescent="0.25">
      <c r="A3082" t="s">
        <v>2005</v>
      </c>
      <c r="B3082" t="s">
        <v>2006</v>
      </c>
      <c r="C3082" t="s">
        <v>2007</v>
      </c>
      <c r="D3082" t="s">
        <v>1775</v>
      </c>
      <c r="E3082" t="s">
        <v>13</v>
      </c>
      <c r="F3082">
        <v>11000</v>
      </c>
      <c r="G3082" t="s">
        <v>2008</v>
      </c>
      <c r="H3082">
        <v>4.8544158153910004</v>
      </c>
      <c r="I3082">
        <v>51.885485083902999</v>
      </c>
      <c r="J3082" t="s">
        <v>58767</v>
      </c>
    </row>
    <row r="3083" spans="1:10" x14ac:dyDescent="0.25">
      <c r="A3083" t="s">
        <v>2001</v>
      </c>
      <c r="B3083" t="s">
        <v>2002</v>
      </c>
      <c r="C3083" t="s">
        <v>2003</v>
      </c>
      <c r="D3083" t="s">
        <v>1775</v>
      </c>
      <c r="E3083" t="s">
        <v>13</v>
      </c>
      <c r="F3083">
        <v>10999</v>
      </c>
      <c r="G3083" t="s">
        <v>2004</v>
      </c>
      <c r="H3083">
        <v>4.8566798539139997</v>
      </c>
      <c r="I3083">
        <v>51.895058910837001</v>
      </c>
      <c r="J3083" t="s">
        <v>58768</v>
      </c>
    </row>
    <row r="3084" spans="1:10" x14ac:dyDescent="0.25">
      <c r="A3084" t="s">
        <v>1997</v>
      </c>
      <c r="B3084" t="s">
        <v>1998</v>
      </c>
      <c r="C3084" t="s">
        <v>1999</v>
      </c>
      <c r="D3084" t="s">
        <v>1775</v>
      </c>
      <c r="E3084" t="s">
        <v>13</v>
      </c>
      <c r="F3084">
        <v>10998</v>
      </c>
      <c r="G3084" t="s">
        <v>2000</v>
      </c>
      <c r="H3084">
        <v>4.939565141638</v>
      </c>
      <c r="I3084">
        <v>51.916102747395001</v>
      </c>
      <c r="J3084" t="s">
        <v>58769</v>
      </c>
    </row>
    <row r="3085" spans="1:10" x14ac:dyDescent="0.25">
      <c r="A3085" t="s">
        <v>1993</v>
      </c>
      <c r="B3085" t="s">
        <v>1994</v>
      </c>
      <c r="C3085" t="s">
        <v>1995</v>
      </c>
      <c r="D3085" t="s">
        <v>1775</v>
      </c>
      <c r="E3085" t="s">
        <v>13</v>
      </c>
      <c r="F3085">
        <v>10997</v>
      </c>
      <c r="G3085" t="s">
        <v>1996</v>
      </c>
      <c r="H3085">
        <v>4.9346437394180001</v>
      </c>
      <c r="I3085">
        <v>51.899240260778001</v>
      </c>
      <c r="J3085" t="s">
        <v>58770</v>
      </c>
    </row>
    <row r="3086" spans="1:10" x14ac:dyDescent="0.25">
      <c r="A3086" t="s">
        <v>43865</v>
      </c>
      <c r="B3086" t="s">
        <v>43866</v>
      </c>
      <c r="C3086" t="s">
        <v>43867</v>
      </c>
      <c r="D3086" t="s">
        <v>1775</v>
      </c>
      <c r="E3086" t="s">
        <v>13</v>
      </c>
      <c r="F3086">
        <v>10996</v>
      </c>
      <c r="G3086" t="s">
        <v>43868</v>
      </c>
      <c r="H3086">
        <v>4.9559832390349996</v>
      </c>
      <c r="I3086">
        <v>51.909139981492999</v>
      </c>
      <c r="J3086" t="s">
        <v>58771</v>
      </c>
    </row>
    <row r="3087" spans="1:10" x14ac:dyDescent="0.25">
      <c r="A3087" t="s">
        <v>1989</v>
      </c>
      <c r="B3087" t="s">
        <v>1990</v>
      </c>
      <c r="C3087" t="s">
        <v>1991</v>
      </c>
      <c r="D3087" t="s">
        <v>1775</v>
      </c>
      <c r="E3087" t="s">
        <v>13</v>
      </c>
      <c r="F3087">
        <v>10995</v>
      </c>
      <c r="G3087" t="s">
        <v>1992</v>
      </c>
      <c r="H3087">
        <v>4.9422729574630004</v>
      </c>
      <c r="I3087">
        <v>51.904584555035001</v>
      </c>
      <c r="J3087" t="s">
        <v>58772</v>
      </c>
    </row>
    <row r="3088" spans="1:10" x14ac:dyDescent="0.25">
      <c r="A3088" t="s">
        <v>1985</v>
      </c>
      <c r="B3088" t="s">
        <v>1986</v>
      </c>
      <c r="C3088" t="s">
        <v>1987</v>
      </c>
      <c r="D3088" t="s">
        <v>1775</v>
      </c>
      <c r="E3088" t="s">
        <v>13</v>
      </c>
      <c r="F3088">
        <v>10994</v>
      </c>
      <c r="G3088" t="s">
        <v>1988</v>
      </c>
      <c r="H3088">
        <v>4.9239873386379998</v>
      </c>
      <c r="I3088">
        <v>51.878937842970998</v>
      </c>
      <c r="J3088" t="s">
        <v>58773</v>
      </c>
    </row>
    <row r="3089" spans="1:10" x14ac:dyDescent="0.25">
      <c r="A3089" t="s">
        <v>43861</v>
      </c>
      <c r="B3089" t="s">
        <v>43862</v>
      </c>
      <c r="C3089" t="s">
        <v>43863</v>
      </c>
      <c r="D3089" t="s">
        <v>1775</v>
      </c>
      <c r="E3089" t="s">
        <v>13</v>
      </c>
      <c r="F3089">
        <v>10993</v>
      </c>
      <c r="G3089" t="s">
        <v>43864</v>
      </c>
      <c r="H3089">
        <v>4.9493275531169996</v>
      </c>
      <c r="I3089">
        <v>51.884978451262</v>
      </c>
      <c r="J3089" t="s">
        <v>58774</v>
      </c>
    </row>
    <row r="3090" spans="1:10" x14ac:dyDescent="0.25">
      <c r="A3090" t="s">
        <v>1981</v>
      </c>
      <c r="B3090" t="s">
        <v>1982</v>
      </c>
      <c r="C3090" t="s">
        <v>1983</v>
      </c>
      <c r="D3090" t="s">
        <v>1775</v>
      </c>
      <c r="E3090" t="s">
        <v>13</v>
      </c>
      <c r="F3090">
        <v>10992</v>
      </c>
      <c r="G3090" t="s">
        <v>1984</v>
      </c>
      <c r="H3090">
        <v>4.9461292001570003</v>
      </c>
      <c r="I3090">
        <v>51.893487956906</v>
      </c>
      <c r="J3090" t="s">
        <v>58775</v>
      </c>
    </row>
    <row r="3091" spans="1:10" x14ac:dyDescent="0.25">
      <c r="A3091" t="s">
        <v>43857</v>
      </c>
      <c r="B3091" t="s">
        <v>43858</v>
      </c>
      <c r="C3091" t="s">
        <v>43859</v>
      </c>
      <c r="D3091" t="s">
        <v>1775</v>
      </c>
      <c r="E3091" t="s">
        <v>13</v>
      </c>
      <c r="F3091">
        <v>10991</v>
      </c>
      <c r="G3091" t="s">
        <v>43860</v>
      </c>
      <c r="H3091">
        <v>4.9491285788999999</v>
      </c>
      <c r="I3091">
        <v>51.906703859872998</v>
      </c>
      <c r="J3091" t="s">
        <v>58776</v>
      </c>
    </row>
    <row r="3092" spans="1:10" x14ac:dyDescent="0.25">
      <c r="A3092" t="s">
        <v>43853</v>
      </c>
      <c r="B3092" t="s">
        <v>43854</v>
      </c>
      <c r="C3092" t="s">
        <v>43855</v>
      </c>
      <c r="D3092" t="s">
        <v>1775</v>
      </c>
      <c r="E3092" t="s">
        <v>13</v>
      </c>
      <c r="F3092">
        <v>10990</v>
      </c>
      <c r="G3092" t="s">
        <v>43856</v>
      </c>
      <c r="H3092">
        <v>4.8682230585920001</v>
      </c>
      <c r="I3092">
        <v>51.937222901658998</v>
      </c>
      <c r="J3092" t="s">
        <v>58777</v>
      </c>
    </row>
    <row r="3093" spans="1:10" x14ac:dyDescent="0.25">
      <c r="A3093" t="s">
        <v>43849</v>
      </c>
      <c r="B3093" t="s">
        <v>43850</v>
      </c>
      <c r="C3093" t="s">
        <v>43851</v>
      </c>
      <c r="D3093" t="s">
        <v>1775</v>
      </c>
      <c r="E3093" t="s">
        <v>13</v>
      </c>
      <c r="F3093">
        <v>10989</v>
      </c>
      <c r="G3093" t="s">
        <v>43852</v>
      </c>
      <c r="H3093">
        <v>4.8717594869700003</v>
      </c>
      <c r="I3093">
        <v>51.930063426621999</v>
      </c>
      <c r="J3093" t="s">
        <v>58778</v>
      </c>
    </row>
    <row r="3094" spans="1:10" x14ac:dyDescent="0.25">
      <c r="A3094" t="s">
        <v>1977</v>
      </c>
      <c r="B3094" t="s">
        <v>1978</v>
      </c>
      <c r="C3094" t="s">
        <v>1979</v>
      </c>
      <c r="D3094" t="s">
        <v>1775</v>
      </c>
      <c r="E3094" t="s">
        <v>13</v>
      </c>
      <c r="F3094">
        <v>10988</v>
      </c>
      <c r="G3094" t="s">
        <v>1980</v>
      </c>
      <c r="H3094">
        <v>4.6927524066219997</v>
      </c>
      <c r="I3094">
        <v>51.892951445954999</v>
      </c>
      <c r="J3094" t="s">
        <v>58779</v>
      </c>
    </row>
    <row r="3095" spans="1:10" x14ac:dyDescent="0.25">
      <c r="A3095" t="s">
        <v>1973</v>
      </c>
      <c r="B3095" t="s">
        <v>1974</v>
      </c>
      <c r="C3095" t="s">
        <v>1975</v>
      </c>
      <c r="D3095" t="s">
        <v>1775</v>
      </c>
      <c r="E3095" t="s">
        <v>13</v>
      </c>
      <c r="F3095">
        <v>10987</v>
      </c>
      <c r="G3095" t="s">
        <v>1976</v>
      </c>
      <c r="H3095">
        <v>4.6956481341209999</v>
      </c>
      <c r="I3095">
        <v>51.887150573645997</v>
      </c>
      <c r="J3095" t="s">
        <v>58780</v>
      </c>
    </row>
    <row r="3096" spans="1:10" x14ac:dyDescent="0.25">
      <c r="A3096" t="s">
        <v>1969</v>
      </c>
      <c r="B3096" t="s">
        <v>1970</v>
      </c>
      <c r="C3096" t="s">
        <v>1971</v>
      </c>
      <c r="D3096" t="s">
        <v>1775</v>
      </c>
      <c r="E3096" t="s">
        <v>13</v>
      </c>
      <c r="F3096">
        <v>10986</v>
      </c>
      <c r="G3096" t="s">
        <v>1972</v>
      </c>
      <c r="H3096">
        <v>4.6838763840880002</v>
      </c>
      <c r="I3096">
        <v>51.891135346665997</v>
      </c>
      <c r="J3096" t="s">
        <v>58781</v>
      </c>
    </row>
    <row r="3097" spans="1:10" x14ac:dyDescent="0.25">
      <c r="A3097" t="s">
        <v>1965</v>
      </c>
      <c r="B3097" t="s">
        <v>1966</v>
      </c>
      <c r="C3097" t="s">
        <v>1967</v>
      </c>
      <c r="D3097" t="s">
        <v>1775</v>
      </c>
      <c r="E3097" t="s">
        <v>13</v>
      </c>
      <c r="F3097">
        <v>10985</v>
      </c>
      <c r="G3097" t="s">
        <v>1968</v>
      </c>
      <c r="H3097">
        <v>4.7025944200999996</v>
      </c>
      <c r="I3097">
        <v>51.884546516230003</v>
      </c>
      <c r="J3097" t="s">
        <v>58782</v>
      </c>
    </row>
    <row r="3098" spans="1:10" x14ac:dyDescent="0.25">
      <c r="A3098" t="s">
        <v>1961</v>
      </c>
      <c r="B3098" t="s">
        <v>1962</v>
      </c>
      <c r="C3098" t="s">
        <v>1963</v>
      </c>
      <c r="D3098" t="s">
        <v>1775</v>
      </c>
      <c r="E3098" t="s">
        <v>13</v>
      </c>
      <c r="F3098">
        <v>10984</v>
      </c>
      <c r="G3098" t="s">
        <v>1964</v>
      </c>
      <c r="H3098">
        <v>4.6799213637430004</v>
      </c>
      <c r="I3098">
        <v>51.887680347141</v>
      </c>
      <c r="J3098" t="s">
        <v>58783</v>
      </c>
    </row>
    <row r="3099" spans="1:10" x14ac:dyDescent="0.25">
      <c r="A3099" t="s">
        <v>1957</v>
      </c>
      <c r="B3099" t="s">
        <v>1958</v>
      </c>
      <c r="C3099" t="s">
        <v>1959</v>
      </c>
      <c r="D3099" t="s">
        <v>1775</v>
      </c>
      <c r="E3099" t="s">
        <v>13</v>
      </c>
      <c r="F3099">
        <v>10983</v>
      </c>
      <c r="G3099" t="s">
        <v>1960</v>
      </c>
      <c r="H3099">
        <v>4.6659884693449998</v>
      </c>
      <c r="I3099">
        <v>51.885204856373001</v>
      </c>
      <c r="J3099" t="s">
        <v>58784</v>
      </c>
    </row>
    <row r="3100" spans="1:10" x14ac:dyDescent="0.25">
      <c r="A3100" t="s">
        <v>1953</v>
      </c>
      <c r="B3100" t="s">
        <v>1954</v>
      </c>
      <c r="C3100" t="s">
        <v>1955</v>
      </c>
      <c r="D3100" t="s">
        <v>1775</v>
      </c>
      <c r="E3100" t="s">
        <v>13</v>
      </c>
      <c r="F3100">
        <v>10982</v>
      </c>
      <c r="G3100" t="s">
        <v>1956</v>
      </c>
      <c r="H3100">
        <v>4.6839035078800002</v>
      </c>
      <c r="I3100">
        <v>51.887599378064998</v>
      </c>
      <c r="J3100" t="s">
        <v>58785</v>
      </c>
    </row>
    <row r="3101" spans="1:10" x14ac:dyDescent="0.25">
      <c r="A3101" t="s">
        <v>1949</v>
      </c>
      <c r="B3101" t="s">
        <v>1950</v>
      </c>
      <c r="C3101" t="s">
        <v>1951</v>
      </c>
      <c r="D3101" t="s">
        <v>1775</v>
      </c>
      <c r="E3101" t="s">
        <v>13</v>
      </c>
      <c r="F3101">
        <v>10981</v>
      </c>
      <c r="G3101" t="s">
        <v>1952</v>
      </c>
      <c r="H3101">
        <v>4.8381981544960002</v>
      </c>
      <c r="I3101">
        <v>51.880456580691003</v>
      </c>
      <c r="J3101" t="s">
        <v>58786</v>
      </c>
    </row>
    <row r="3102" spans="1:10" x14ac:dyDescent="0.25">
      <c r="A3102" t="s">
        <v>1945</v>
      </c>
      <c r="B3102" t="s">
        <v>1946</v>
      </c>
      <c r="C3102" t="s">
        <v>1947</v>
      </c>
      <c r="D3102" t="s">
        <v>1775</v>
      </c>
      <c r="E3102" t="s">
        <v>13</v>
      </c>
      <c r="F3102">
        <v>10980</v>
      </c>
      <c r="G3102" t="s">
        <v>1948</v>
      </c>
      <c r="H3102">
        <v>4.8269132134030004</v>
      </c>
      <c r="I3102">
        <v>51.866797325825999</v>
      </c>
      <c r="J3102" t="s">
        <v>58787</v>
      </c>
    </row>
    <row r="3103" spans="1:10" x14ac:dyDescent="0.25">
      <c r="A3103" t="s">
        <v>1941</v>
      </c>
      <c r="B3103" t="s">
        <v>1942</v>
      </c>
      <c r="C3103" t="s">
        <v>1943</v>
      </c>
      <c r="D3103" t="s">
        <v>1775</v>
      </c>
      <c r="E3103" t="s">
        <v>13</v>
      </c>
      <c r="F3103">
        <v>10979</v>
      </c>
      <c r="G3103" t="s">
        <v>1944</v>
      </c>
      <c r="H3103">
        <v>4.8299166803100002</v>
      </c>
      <c r="I3103">
        <v>51.875784896704999</v>
      </c>
      <c r="J3103" t="s">
        <v>58788</v>
      </c>
    </row>
    <row r="3104" spans="1:10" x14ac:dyDescent="0.25">
      <c r="A3104" t="s">
        <v>1937</v>
      </c>
      <c r="B3104" t="s">
        <v>1938</v>
      </c>
      <c r="C3104" t="s">
        <v>1939</v>
      </c>
      <c r="D3104" t="s">
        <v>1775</v>
      </c>
      <c r="E3104" t="s">
        <v>13</v>
      </c>
      <c r="F3104">
        <v>10978</v>
      </c>
      <c r="G3104" t="s">
        <v>1940</v>
      </c>
      <c r="H3104">
        <v>4.8476226723469997</v>
      </c>
      <c r="I3104">
        <v>51.882839446041999</v>
      </c>
      <c r="J3104" t="s">
        <v>58789</v>
      </c>
    </row>
    <row r="3105" spans="1:10" x14ac:dyDescent="0.25">
      <c r="A3105" t="s">
        <v>1933</v>
      </c>
      <c r="B3105" t="s">
        <v>1934</v>
      </c>
      <c r="C3105" t="s">
        <v>1935</v>
      </c>
      <c r="D3105" t="s">
        <v>1775</v>
      </c>
      <c r="E3105" t="s">
        <v>13</v>
      </c>
      <c r="F3105">
        <v>10977</v>
      </c>
      <c r="G3105" t="s">
        <v>1936</v>
      </c>
      <c r="H3105">
        <v>4.8068757142420004</v>
      </c>
      <c r="I3105">
        <v>51.872392668110997</v>
      </c>
      <c r="J3105" t="s">
        <v>58790</v>
      </c>
    </row>
    <row r="3106" spans="1:10" x14ac:dyDescent="0.25">
      <c r="A3106" t="s">
        <v>1929</v>
      </c>
      <c r="B3106" t="s">
        <v>1930</v>
      </c>
      <c r="C3106" t="s">
        <v>1931</v>
      </c>
      <c r="D3106" t="s">
        <v>1775</v>
      </c>
      <c r="E3106" t="s">
        <v>13</v>
      </c>
      <c r="F3106">
        <v>10976</v>
      </c>
      <c r="G3106" t="s">
        <v>1932</v>
      </c>
      <c r="H3106">
        <v>4.8232664526280002</v>
      </c>
      <c r="I3106">
        <v>51.876108182075001</v>
      </c>
      <c r="J3106" t="s">
        <v>58791</v>
      </c>
    </row>
    <row r="3107" spans="1:10" x14ac:dyDescent="0.25">
      <c r="A3107" t="s">
        <v>1925</v>
      </c>
      <c r="B3107" t="s">
        <v>1926</v>
      </c>
      <c r="C3107" t="s">
        <v>1927</v>
      </c>
      <c r="D3107" t="s">
        <v>1775</v>
      </c>
      <c r="E3107" t="s">
        <v>13</v>
      </c>
      <c r="F3107">
        <v>10975</v>
      </c>
      <c r="G3107" t="s">
        <v>1928</v>
      </c>
      <c r="H3107">
        <v>4.9067188573639999</v>
      </c>
      <c r="I3107">
        <v>51.928666151511003</v>
      </c>
      <c r="J3107" t="s">
        <v>58792</v>
      </c>
    </row>
    <row r="3108" spans="1:10" x14ac:dyDescent="0.25">
      <c r="A3108" t="s">
        <v>43845</v>
      </c>
      <c r="B3108" t="s">
        <v>43846</v>
      </c>
      <c r="C3108" t="s">
        <v>43847</v>
      </c>
      <c r="D3108" t="s">
        <v>1775</v>
      </c>
      <c r="E3108" t="s">
        <v>13</v>
      </c>
      <c r="F3108">
        <v>10974</v>
      </c>
      <c r="G3108" t="s">
        <v>43848</v>
      </c>
      <c r="H3108">
        <v>4.8776863290210004</v>
      </c>
      <c r="I3108">
        <v>51.932079486958003</v>
      </c>
      <c r="J3108" t="s">
        <v>58793</v>
      </c>
    </row>
    <row r="3109" spans="1:10" x14ac:dyDescent="0.25">
      <c r="A3109" t="s">
        <v>43841</v>
      </c>
      <c r="B3109" t="s">
        <v>43842</v>
      </c>
      <c r="C3109" t="s">
        <v>43843</v>
      </c>
      <c r="D3109" t="s">
        <v>1775</v>
      </c>
      <c r="E3109" t="s">
        <v>13</v>
      </c>
      <c r="F3109">
        <v>10973</v>
      </c>
      <c r="G3109" t="s">
        <v>43844</v>
      </c>
      <c r="H3109">
        <v>4.9059649976240003</v>
      </c>
      <c r="I3109">
        <v>51.941460103190998</v>
      </c>
      <c r="J3109" t="s">
        <v>58794</v>
      </c>
    </row>
    <row r="3110" spans="1:10" x14ac:dyDescent="0.25">
      <c r="A3110" t="s">
        <v>43838</v>
      </c>
      <c r="B3110" t="s">
        <v>43839</v>
      </c>
      <c r="C3110" t="s">
        <v>4556</v>
      </c>
      <c r="D3110" t="s">
        <v>1775</v>
      </c>
      <c r="E3110" t="s">
        <v>13</v>
      </c>
      <c r="F3110">
        <v>10972</v>
      </c>
      <c r="G3110" t="s">
        <v>43840</v>
      </c>
      <c r="H3110">
        <v>4.874919491599</v>
      </c>
      <c r="I3110">
        <v>51.935939653212003</v>
      </c>
      <c r="J3110" t="s">
        <v>58795</v>
      </c>
    </row>
    <row r="3111" spans="1:10" x14ac:dyDescent="0.25">
      <c r="A3111" t="s">
        <v>1921</v>
      </c>
      <c r="B3111" t="s">
        <v>1922</v>
      </c>
      <c r="C3111" t="s">
        <v>1923</v>
      </c>
      <c r="D3111" t="s">
        <v>1775</v>
      </c>
      <c r="E3111" t="s">
        <v>13</v>
      </c>
      <c r="F3111">
        <v>10971</v>
      </c>
      <c r="G3111" t="s">
        <v>1924</v>
      </c>
      <c r="H3111">
        <v>4.6461983306499999</v>
      </c>
      <c r="I3111">
        <v>51.881910408285997</v>
      </c>
      <c r="J3111" t="s">
        <v>58796</v>
      </c>
    </row>
    <row r="3112" spans="1:10" x14ac:dyDescent="0.25">
      <c r="A3112" t="s">
        <v>1917</v>
      </c>
      <c r="B3112" t="s">
        <v>1918</v>
      </c>
      <c r="C3112" t="s">
        <v>1919</v>
      </c>
      <c r="D3112" t="s">
        <v>1775</v>
      </c>
      <c r="E3112" t="s">
        <v>13</v>
      </c>
      <c r="F3112">
        <v>10970</v>
      </c>
      <c r="G3112" t="s">
        <v>1920</v>
      </c>
      <c r="H3112">
        <v>4.6322580851630004</v>
      </c>
      <c r="I3112">
        <v>51.887081141042998</v>
      </c>
      <c r="J3112" t="s">
        <v>58797</v>
      </c>
    </row>
    <row r="3113" spans="1:10" x14ac:dyDescent="0.25">
      <c r="A3113" t="s">
        <v>1913</v>
      </c>
      <c r="B3113" t="s">
        <v>1914</v>
      </c>
      <c r="C3113" t="s">
        <v>1915</v>
      </c>
      <c r="D3113" t="s">
        <v>1775</v>
      </c>
      <c r="E3113" t="s">
        <v>13</v>
      </c>
      <c r="F3113">
        <v>10969</v>
      </c>
      <c r="G3113" t="s">
        <v>1916</v>
      </c>
      <c r="H3113">
        <v>4.6280226427900004</v>
      </c>
      <c r="I3113">
        <v>51.885112885688002</v>
      </c>
      <c r="J3113" t="s">
        <v>58798</v>
      </c>
    </row>
    <row r="3114" spans="1:10" x14ac:dyDescent="0.25">
      <c r="A3114" t="s">
        <v>1909</v>
      </c>
      <c r="B3114" t="s">
        <v>1910</v>
      </c>
      <c r="C3114" t="s">
        <v>1911</v>
      </c>
      <c r="D3114" t="s">
        <v>1775</v>
      </c>
      <c r="E3114" t="s">
        <v>13</v>
      </c>
      <c r="F3114">
        <v>10968</v>
      </c>
      <c r="G3114" t="s">
        <v>1912</v>
      </c>
      <c r="H3114">
        <v>4.635651090603</v>
      </c>
      <c r="I3114">
        <v>51.888208949114997</v>
      </c>
      <c r="J3114" t="s">
        <v>58799</v>
      </c>
    </row>
    <row r="3115" spans="1:10" x14ac:dyDescent="0.25">
      <c r="A3115" t="s">
        <v>1905</v>
      </c>
      <c r="B3115" t="s">
        <v>1906</v>
      </c>
      <c r="C3115" t="s">
        <v>1907</v>
      </c>
      <c r="D3115" t="s">
        <v>1775</v>
      </c>
      <c r="E3115" t="s">
        <v>13</v>
      </c>
      <c r="F3115">
        <v>10967</v>
      </c>
      <c r="G3115" t="s">
        <v>1908</v>
      </c>
      <c r="H3115">
        <v>4.9413318394910002</v>
      </c>
      <c r="I3115">
        <v>51.870392778948002</v>
      </c>
      <c r="J3115" t="s">
        <v>58800</v>
      </c>
    </row>
    <row r="3116" spans="1:10" x14ac:dyDescent="0.25">
      <c r="A3116" t="s">
        <v>1901</v>
      </c>
      <c r="B3116" t="s">
        <v>1902</v>
      </c>
      <c r="C3116" t="s">
        <v>1903</v>
      </c>
      <c r="D3116" t="s">
        <v>1775</v>
      </c>
      <c r="E3116" t="s">
        <v>13</v>
      </c>
      <c r="F3116">
        <v>10966</v>
      </c>
      <c r="G3116" t="s">
        <v>1904</v>
      </c>
      <c r="H3116">
        <v>4.9310962949589996</v>
      </c>
      <c r="I3116">
        <v>51.872774392601002</v>
      </c>
      <c r="J3116" t="s">
        <v>58801</v>
      </c>
    </row>
    <row r="3117" spans="1:10" x14ac:dyDescent="0.25">
      <c r="A3117" t="s">
        <v>1897</v>
      </c>
      <c r="B3117" t="s">
        <v>1898</v>
      </c>
      <c r="C3117" t="s">
        <v>1899</v>
      </c>
      <c r="D3117" t="s">
        <v>1775</v>
      </c>
      <c r="E3117" t="s">
        <v>13</v>
      </c>
      <c r="F3117">
        <v>10965</v>
      </c>
      <c r="G3117" t="s">
        <v>1900</v>
      </c>
      <c r="H3117">
        <v>4.9472137672210001</v>
      </c>
      <c r="I3117">
        <v>51.876951165161003</v>
      </c>
      <c r="J3117" t="s">
        <v>58802</v>
      </c>
    </row>
    <row r="3118" spans="1:10" x14ac:dyDescent="0.25">
      <c r="A3118" t="s">
        <v>1893</v>
      </c>
      <c r="B3118" t="s">
        <v>1894</v>
      </c>
      <c r="C3118" t="s">
        <v>1895</v>
      </c>
      <c r="D3118" t="s">
        <v>1775</v>
      </c>
      <c r="E3118" t="s">
        <v>13</v>
      </c>
      <c r="F3118">
        <v>10964</v>
      </c>
      <c r="G3118" t="s">
        <v>1896</v>
      </c>
      <c r="H3118">
        <v>4.9327314950150001</v>
      </c>
      <c r="I3118">
        <v>51.878052503181003</v>
      </c>
      <c r="J3118" t="s">
        <v>58803</v>
      </c>
    </row>
    <row r="3119" spans="1:10" x14ac:dyDescent="0.25">
      <c r="A3119" t="s">
        <v>1889</v>
      </c>
      <c r="B3119" t="s">
        <v>1890</v>
      </c>
      <c r="C3119" t="s">
        <v>1891</v>
      </c>
      <c r="D3119" t="s">
        <v>1775</v>
      </c>
      <c r="E3119" t="s">
        <v>13</v>
      </c>
      <c r="F3119">
        <v>10963</v>
      </c>
      <c r="G3119" t="s">
        <v>1892</v>
      </c>
      <c r="H3119">
        <v>4.960152983705</v>
      </c>
      <c r="I3119">
        <v>51.869115475069002</v>
      </c>
      <c r="J3119" t="s">
        <v>58804</v>
      </c>
    </row>
    <row r="3120" spans="1:10" x14ac:dyDescent="0.25">
      <c r="A3120" t="s">
        <v>43834</v>
      </c>
      <c r="B3120" t="s">
        <v>43835</v>
      </c>
      <c r="C3120" t="s">
        <v>43836</v>
      </c>
      <c r="D3120" t="s">
        <v>1775</v>
      </c>
      <c r="E3120" t="s">
        <v>13</v>
      </c>
      <c r="F3120">
        <v>10962</v>
      </c>
      <c r="G3120" t="s">
        <v>43837</v>
      </c>
      <c r="H3120">
        <v>4.9831345278230001</v>
      </c>
      <c r="I3120">
        <v>51.886679934523002</v>
      </c>
      <c r="J3120" t="s">
        <v>58805</v>
      </c>
    </row>
    <row r="3121" spans="1:10" x14ac:dyDescent="0.25">
      <c r="A3121" t="s">
        <v>43830</v>
      </c>
      <c r="B3121" t="s">
        <v>43831</v>
      </c>
      <c r="C3121" t="s">
        <v>43832</v>
      </c>
      <c r="D3121" t="s">
        <v>1775</v>
      </c>
      <c r="E3121" t="s">
        <v>13</v>
      </c>
      <c r="F3121">
        <v>10961</v>
      </c>
      <c r="G3121" t="s">
        <v>43833</v>
      </c>
      <c r="H3121">
        <v>4.9863265038359996</v>
      </c>
      <c r="I3121">
        <v>51.873937265807001</v>
      </c>
      <c r="J3121" t="s">
        <v>58806</v>
      </c>
    </row>
    <row r="3122" spans="1:10" x14ac:dyDescent="0.25">
      <c r="A3122" t="s">
        <v>43826</v>
      </c>
      <c r="B3122" t="s">
        <v>43827</v>
      </c>
      <c r="C3122" t="s">
        <v>43828</v>
      </c>
      <c r="D3122" t="s">
        <v>1775</v>
      </c>
      <c r="E3122" t="s">
        <v>13</v>
      </c>
      <c r="F3122">
        <v>10960</v>
      </c>
      <c r="G3122" t="s">
        <v>43829</v>
      </c>
      <c r="H3122">
        <v>4.9652012635069998</v>
      </c>
      <c r="I3122">
        <v>51.879729612288003</v>
      </c>
      <c r="J3122" t="s">
        <v>58807</v>
      </c>
    </row>
    <row r="3123" spans="1:10" x14ac:dyDescent="0.25">
      <c r="A3123" t="s">
        <v>43822</v>
      </c>
      <c r="B3123" t="s">
        <v>43823</v>
      </c>
      <c r="C3123" t="s">
        <v>43824</v>
      </c>
      <c r="D3123" t="s">
        <v>1775</v>
      </c>
      <c r="E3123" t="s">
        <v>13</v>
      </c>
      <c r="F3123">
        <v>10959</v>
      </c>
      <c r="G3123" t="s">
        <v>43825</v>
      </c>
      <c r="H3123">
        <v>4.9735940950390001</v>
      </c>
      <c r="I3123">
        <v>51.874954028801</v>
      </c>
      <c r="J3123" t="s">
        <v>58808</v>
      </c>
    </row>
    <row r="3124" spans="1:10" x14ac:dyDescent="0.25">
      <c r="A3124" t="s">
        <v>43818</v>
      </c>
      <c r="B3124" t="s">
        <v>43819</v>
      </c>
      <c r="C3124" t="s">
        <v>43820</v>
      </c>
      <c r="D3124" t="s">
        <v>1775</v>
      </c>
      <c r="E3124" t="s">
        <v>13</v>
      </c>
      <c r="F3124">
        <v>10958</v>
      </c>
      <c r="G3124" t="s">
        <v>43821</v>
      </c>
      <c r="H3124">
        <v>4.9943278691600002</v>
      </c>
      <c r="I3124">
        <v>51.889484701351002</v>
      </c>
      <c r="J3124" t="s">
        <v>58809</v>
      </c>
    </row>
    <row r="3125" spans="1:10" x14ac:dyDescent="0.25">
      <c r="A3125" t="s">
        <v>43814</v>
      </c>
      <c r="B3125" t="s">
        <v>43815</v>
      </c>
      <c r="C3125" t="s">
        <v>43816</v>
      </c>
      <c r="D3125" t="s">
        <v>1775</v>
      </c>
      <c r="E3125" t="s">
        <v>13</v>
      </c>
      <c r="F3125">
        <v>10957</v>
      </c>
      <c r="G3125" t="s">
        <v>43817</v>
      </c>
      <c r="H3125">
        <v>4.8484170637149999</v>
      </c>
      <c r="I3125">
        <v>51.929510741998001</v>
      </c>
      <c r="J3125" t="s">
        <v>58810</v>
      </c>
    </row>
    <row r="3126" spans="1:10" x14ac:dyDescent="0.25">
      <c r="A3126" t="s">
        <v>1885</v>
      </c>
      <c r="B3126" t="s">
        <v>1886</v>
      </c>
      <c r="C3126" t="s">
        <v>1887</v>
      </c>
      <c r="D3126" t="s">
        <v>1775</v>
      </c>
      <c r="E3126" t="s">
        <v>13</v>
      </c>
      <c r="F3126">
        <v>10956</v>
      </c>
      <c r="G3126" t="s">
        <v>1888</v>
      </c>
      <c r="H3126">
        <v>4.8572833949460001</v>
      </c>
      <c r="I3126">
        <v>51.911746832402997</v>
      </c>
      <c r="J3126" t="s">
        <v>58811</v>
      </c>
    </row>
    <row r="3127" spans="1:10" x14ac:dyDescent="0.25">
      <c r="A3127" t="s">
        <v>43810</v>
      </c>
      <c r="B3127" t="s">
        <v>43811</v>
      </c>
      <c r="C3127" t="s">
        <v>43812</v>
      </c>
      <c r="D3127" t="s">
        <v>1775</v>
      </c>
      <c r="E3127" t="s">
        <v>13</v>
      </c>
      <c r="F3127">
        <v>10955</v>
      </c>
      <c r="G3127" t="s">
        <v>43813</v>
      </c>
      <c r="H3127">
        <v>4.8369249123699998</v>
      </c>
      <c r="I3127">
        <v>51.938888560454998</v>
      </c>
      <c r="J3127" t="s">
        <v>58812</v>
      </c>
    </row>
    <row r="3128" spans="1:10" x14ac:dyDescent="0.25">
      <c r="A3128" t="s">
        <v>43806</v>
      </c>
      <c r="B3128" t="s">
        <v>43807</v>
      </c>
      <c r="C3128" t="s">
        <v>43808</v>
      </c>
      <c r="D3128" t="s">
        <v>1775</v>
      </c>
      <c r="E3128" t="s">
        <v>13</v>
      </c>
      <c r="F3128">
        <v>10954</v>
      </c>
      <c r="G3128" t="s">
        <v>43809</v>
      </c>
      <c r="H3128">
        <v>4.8533080045719998</v>
      </c>
      <c r="I3128">
        <v>51.924463545306999</v>
      </c>
      <c r="J3128" t="s">
        <v>58813</v>
      </c>
    </row>
    <row r="3129" spans="1:10" x14ac:dyDescent="0.25">
      <c r="A3129" t="s">
        <v>43802</v>
      </c>
      <c r="B3129" t="s">
        <v>43803</v>
      </c>
      <c r="C3129" t="s">
        <v>43804</v>
      </c>
      <c r="D3129" t="s">
        <v>1775</v>
      </c>
      <c r="E3129" t="s">
        <v>13</v>
      </c>
      <c r="F3129">
        <v>10953</v>
      </c>
      <c r="G3129" t="s">
        <v>43805</v>
      </c>
      <c r="H3129">
        <v>4.816779035942</v>
      </c>
      <c r="I3129">
        <v>51.925622720726999</v>
      </c>
      <c r="J3129" t="s">
        <v>58814</v>
      </c>
    </row>
    <row r="3130" spans="1:10" x14ac:dyDescent="0.25">
      <c r="A3130" t="s">
        <v>43798</v>
      </c>
      <c r="B3130" t="s">
        <v>43799</v>
      </c>
      <c r="C3130" t="s">
        <v>43800</v>
      </c>
      <c r="D3130" t="s">
        <v>1775</v>
      </c>
      <c r="E3130" t="s">
        <v>13</v>
      </c>
      <c r="F3130">
        <v>10952</v>
      </c>
      <c r="G3130" t="s">
        <v>43801</v>
      </c>
      <c r="H3130">
        <v>4.8250327218939999</v>
      </c>
      <c r="I3130">
        <v>51.924053180133001</v>
      </c>
      <c r="J3130" t="s">
        <v>58815</v>
      </c>
    </row>
    <row r="3131" spans="1:10" x14ac:dyDescent="0.25">
      <c r="A3131" t="s">
        <v>43794</v>
      </c>
      <c r="B3131" t="s">
        <v>43795</v>
      </c>
      <c r="C3131" t="s">
        <v>43796</v>
      </c>
      <c r="D3131" t="s">
        <v>1775</v>
      </c>
      <c r="E3131" t="s">
        <v>13</v>
      </c>
      <c r="F3131">
        <v>10951</v>
      </c>
      <c r="G3131" t="s">
        <v>43797</v>
      </c>
      <c r="H3131">
        <v>4.8360567977329998</v>
      </c>
      <c r="I3131">
        <v>51.934122915174001</v>
      </c>
      <c r="J3131" t="s">
        <v>58816</v>
      </c>
    </row>
    <row r="3132" spans="1:10" x14ac:dyDescent="0.25">
      <c r="A3132" t="s">
        <v>43790</v>
      </c>
      <c r="B3132" t="s">
        <v>43791</v>
      </c>
      <c r="C3132" t="s">
        <v>43792</v>
      </c>
      <c r="D3132" t="s">
        <v>1775</v>
      </c>
      <c r="E3132" t="s">
        <v>13</v>
      </c>
      <c r="F3132">
        <v>10950</v>
      </c>
      <c r="G3132" t="s">
        <v>43793</v>
      </c>
      <c r="H3132">
        <v>4.8501487087320001</v>
      </c>
      <c r="I3132">
        <v>51.935817974678002</v>
      </c>
      <c r="J3132" t="s">
        <v>58817</v>
      </c>
    </row>
    <row r="3133" spans="1:10" x14ac:dyDescent="0.25">
      <c r="A3133" t="s">
        <v>43786</v>
      </c>
      <c r="B3133" t="s">
        <v>43787</v>
      </c>
      <c r="C3133" t="s">
        <v>43788</v>
      </c>
      <c r="D3133" t="s">
        <v>1775</v>
      </c>
      <c r="E3133" t="s">
        <v>13</v>
      </c>
      <c r="F3133">
        <v>10949</v>
      </c>
      <c r="G3133" t="s">
        <v>43789</v>
      </c>
      <c r="H3133">
        <v>4.8171159055209998</v>
      </c>
      <c r="I3133">
        <v>51.919471651050998</v>
      </c>
      <c r="J3133" t="s">
        <v>58818</v>
      </c>
    </row>
    <row r="3134" spans="1:10" x14ac:dyDescent="0.25">
      <c r="A3134" t="s">
        <v>1881</v>
      </c>
      <c r="B3134" t="s">
        <v>1882</v>
      </c>
      <c r="C3134" t="s">
        <v>1883</v>
      </c>
      <c r="D3134" t="s">
        <v>1775</v>
      </c>
      <c r="E3134" t="s">
        <v>13</v>
      </c>
      <c r="F3134">
        <v>10948</v>
      </c>
      <c r="G3134" t="s">
        <v>1884</v>
      </c>
      <c r="H3134">
        <v>4.9078552112680001</v>
      </c>
      <c r="I3134">
        <v>51.897897217821999</v>
      </c>
      <c r="J3134" t="s">
        <v>58819</v>
      </c>
    </row>
    <row r="3135" spans="1:10" x14ac:dyDescent="0.25">
      <c r="A3135" t="s">
        <v>1877</v>
      </c>
      <c r="B3135" t="s">
        <v>1878</v>
      </c>
      <c r="C3135" t="s">
        <v>1879</v>
      </c>
      <c r="D3135" t="s">
        <v>1775</v>
      </c>
      <c r="E3135" t="s">
        <v>13</v>
      </c>
      <c r="F3135">
        <v>10947</v>
      </c>
      <c r="G3135" t="s">
        <v>1880</v>
      </c>
      <c r="H3135">
        <v>4.9016347519119998</v>
      </c>
      <c r="I3135">
        <v>51.91178934445</v>
      </c>
      <c r="J3135" t="s">
        <v>58820</v>
      </c>
    </row>
    <row r="3136" spans="1:10" x14ac:dyDescent="0.25">
      <c r="A3136" t="s">
        <v>1873</v>
      </c>
      <c r="B3136" t="s">
        <v>1874</v>
      </c>
      <c r="C3136" t="s">
        <v>1875</v>
      </c>
      <c r="D3136" t="s">
        <v>1775</v>
      </c>
      <c r="E3136" t="s">
        <v>13</v>
      </c>
      <c r="F3136">
        <v>10946</v>
      </c>
      <c r="G3136" t="s">
        <v>1876</v>
      </c>
      <c r="H3136">
        <v>4.8909130101700002</v>
      </c>
      <c r="I3136">
        <v>51.902572961312003</v>
      </c>
      <c r="J3136" t="s">
        <v>58821</v>
      </c>
    </row>
    <row r="3137" spans="1:10" x14ac:dyDescent="0.25">
      <c r="A3137" t="s">
        <v>1869</v>
      </c>
      <c r="B3137" t="s">
        <v>1870</v>
      </c>
      <c r="C3137" t="s">
        <v>1871</v>
      </c>
      <c r="D3137" t="s">
        <v>1775</v>
      </c>
      <c r="E3137" t="s">
        <v>13</v>
      </c>
      <c r="F3137">
        <v>10945</v>
      </c>
      <c r="G3137" t="s">
        <v>1872</v>
      </c>
      <c r="H3137">
        <v>4.908594637327</v>
      </c>
      <c r="I3137">
        <v>51.907125952403</v>
      </c>
      <c r="J3137" t="s">
        <v>58822</v>
      </c>
    </row>
    <row r="3138" spans="1:10" x14ac:dyDescent="0.25">
      <c r="A3138" t="s">
        <v>1865</v>
      </c>
      <c r="B3138" t="s">
        <v>1866</v>
      </c>
      <c r="C3138" t="s">
        <v>1867</v>
      </c>
      <c r="D3138" t="s">
        <v>1775</v>
      </c>
      <c r="E3138" t="s">
        <v>13</v>
      </c>
      <c r="F3138">
        <v>10944</v>
      </c>
      <c r="G3138" t="s">
        <v>1868</v>
      </c>
      <c r="H3138">
        <v>4.8696874929930001</v>
      </c>
      <c r="I3138">
        <v>51.842753118186003</v>
      </c>
      <c r="J3138" t="s">
        <v>58823</v>
      </c>
    </row>
    <row r="3139" spans="1:10" x14ac:dyDescent="0.25">
      <c r="A3139" t="s">
        <v>1861</v>
      </c>
      <c r="B3139" t="s">
        <v>1862</v>
      </c>
      <c r="C3139" t="s">
        <v>1863</v>
      </c>
      <c r="D3139" t="s">
        <v>1775</v>
      </c>
      <c r="E3139" t="s">
        <v>13</v>
      </c>
      <c r="F3139">
        <v>10943</v>
      </c>
      <c r="G3139" t="s">
        <v>1864</v>
      </c>
      <c r="H3139">
        <v>4.8676582409869997</v>
      </c>
      <c r="I3139">
        <v>51.835837926787001</v>
      </c>
      <c r="J3139" t="s">
        <v>58824</v>
      </c>
    </row>
    <row r="3140" spans="1:10" x14ac:dyDescent="0.25">
      <c r="A3140" t="s">
        <v>1857</v>
      </c>
      <c r="B3140" t="s">
        <v>1858</v>
      </c>
      <c r="C3140" t="s">
        <v>1859</v>
      </c>
      <c r="D3140" t="s">
        <v>1775</v>
      </c>
      <c r="E3140" t="s">
        <v>13</v>
      </c>
      <c r="F3140">
        <v>10942</v>
      </c>
      <c r="G3140" t="s">
        <v>1860</v>
      </c>
      <c r="H3140">
        <v>4.8749581971979996</v>
      </c>
      <c r="I3140">
        <v>51.861265822691998</v>
      </c>
      <c r="J3140" t="s">
        <v>58825</v>
      </c>
    </row>
    <row r="3141" spans="1:10" x14ac:dyDescent="0.25">
      <c r="A3141" t="s">
        <v>1853</v>
      </c>
      <c r="B3141" t="s">
        <v>1854</v>
      </c>
      <c r="C3141" t="s">
        <v>1855</v>
      </c>
      <c r="D3141" t="s">
        <v>1775</v>
      </c>
      <c r="E3141" t="s">
        <v>13</v>
      </c>
      <c r="F3141">
        <v>10941</v>
      </c>
      <c r="G3141" t="s">
        <v>1856</v>
      </c>
      <c r="H3141">
        <v>4.8957978437570002</v>
      </c>
      <c r="I3141">
        <v>51.844863870121003</v>
      </c>
      <c r="J3141" t="s">
        <v>58826</v>
      </c>
    </row>
    <row r="3142" spans="1:10" x14ac:dyDescent="0.25">
      <c r="A3142" t="s">
        <v>1849</v>
      </c>
      <c r="B3142" t="s">
        <v>1850</v>
      </c>
      <c r="C3142" t="s">
        <v>1851</v>
      </c>
      <c r="D3142" t="s">
        <v>1775</v>
      </c>
      <c r="E3142" t="s">
        <v>13</v>
      </c>
      <c r="F3142">
        <v>10940</v>
      </c>
      <c r="G3142" t="s">
        <v>1852</v>
      </c>
      <c r="H3142">
        <v>4.8995487829759998</v>
      </c>
      <c r="I3142">
        <v>51.848595887122002</v>
      </c>
      <c r="J3142" t="s">
        <v>58827</v>
      </c>
    </row>
    <row r="3143" spans="1:10" x14ac:dyDescent="0.25">
      <c r="A3143" t="s">
        <v>1845</v>
      </c>
      <c r="B3143" t="s">
        <v>1846</v>
      </c>
      <c r="C3143" t="s">
        <v>1847</v>
      </c>
      <c r="D3143" t="s">
        <v>1775</v>
      </c>
      <c r="E3143" t="s">
        <v>13</v>
      </c>
      <c r="F3143">
        <v>10939</v>
      </c>
      <c r="G3143" t="s">
        <v>1848</v>
      </c>
      <c r="H3143">
        <v>4.9105260853569996</v>
      </c>
      <c r="I3143">
        <v>51.868855915826998</v>
      </c>
      <c r="J3143" t="s">
        <v>58828</v>
      </c>
    </row>
    <row r="3144" spans="1:10" x14ac:dyDescent="0.25">
      <c r="A3144" t="s">
        <v>1841</v>
      </c>
      <c r="B3144" t="s">
        <v>1842</v>
      </c>
      <c r="C3144" t="s">
        <v>1843</v>
      </c>
      <c r="D3144" t="s">
        <v>1775</v>
      </c>
      <c r="E3144" t="s">
        <v>13</v>
      </c>
      <c r="F3144">
        <v>10938</v>
      </c>
      <c r="G3144" t="s">
        <v>1844</v>
      </c>
      <c r="H3144">
        <v>4.8668544955090001</v>
      </c>
      <c r="I3144">
        <v>51.841270684767998</v>
      </c>
      <c r="J3144" t="s">
        <v>58829</v>
      </c>
    </row>
    <row r="3145" spans="1:10" x14ac:dyDescent="0.25">
      <c r="A3145" t="s">
        <v>1837</v>
      </c>
      <c r="B3145" t="s">
        <v>1838</v>
      </c>
      <c r="C3145" t="s">
        <v>1839</v>
      </c>
      <c r="D3145" t="s">
        <v>1775</v>
      </c>
      <c r="E3145" t="s">
        <v>13</v>
      </c>
      <c r="F3145">
        <v>10937</v>
      </c>
      <c r="G3145" t="s">
        <v>1840</v>
      </c>
      <c r="H3145">
        <v>4.8560919042709996</v>
      </c>
      <c r="I3145">
        <v>51.833579278616</v>
      </c>
      <c r="J3145" t="s">
        <v>58830</v>
      </c>
    </row>
    <row r="3146" spans="1:10" x14ac:dyDescent="0.25">
      <c r="A3146" t="s">
        <v>1833</v>
      </c>
      <c r="B3146" t="s">
        <v>1834</v>
      </c>
      <c r="C3146" t="s">
        <v>1835</v>
      </c>
      <c r="D3146" t="s">
        <v>1775</v>
      </c>
      <c r="E3146" t="s">
        <v>13</v>
      </c>
      <c r="F3146">
        <v>10936</v>
      </c>
      <c r="G3146" t="s">
        <v>1836</v>
      </c>
      <c r="H3146">
        <v>4.8909222259960003</v>
      </c>
      <c r="I3146">
        <v>51.851545591456997</v>
      </c>
      <c r="J3146" t="s">
        <v>58831</v>
      </c>
    </row>
    <row r="3147" spans="1:10" x14ac:dyDescent="0.25">
      <c r="A3147" t="s">
        <v>1829</v>
      </c>
      <c r="B3147" t="s">
        <v>1830</v>
      </c>
      <c r="C3147" t="s">
        <v>1831</v>
      </c>
      <c r="D3147" t="s">
        <v>1775</v>
      </c>
      <c r="E3147" t="s">
        <v>13</v>
      </c>
      <c r="F3147">
        <v>10935</v>
      </c>
      <c r="G3147" t="s">
        <v>1832</v>
      </c>
      <c r="H3147">
        <v>4.877728791439</v>
      </c>
      <c r="I3147">
        <v>51.847740065689997</v>
      </c>
      <c r="J3147" t="s">
        <v>58832</v>
      </c>
    </row>
    <row r="3148" spans="1:10" x14ac:dyDescent="0.25">
      <c r="A3148" t="s">
        <v>1825</v>
      </c>
      <c r="B3148" t="s">
        <v>1826</v>
      </c>
      <c r="C3148" t="s">
        <v>1827</v>
      </c>
      <c r="D3148" t="s">
        <v>1775</v>
      </c>
      <c r="E3148" t="s">
        <v>13</v>
      </c>
      <c r="F3148">
        <v>10934</v>
      </c>
      <c r="G3148" t="s">
        <v>1828</v>
      </c>
      <c r="H3148">
        <v>4.8131996710419997</v>
      </c>
      <c r="I3148">
        <v>51.889341307720002</v>
      </c>
      <c r="J3148" t="s">
        <v>58833</v>
      </c>
    </row>
    <row r="3149" spans="1:10" x14ac:dyDescent="0.25">
      <c r="A3149" t="s">
        <v>1821</v>
      </c>
      <c r="B3149" t="s">
        <v>1822</v>
      </c>
      <c r="C3149" t="s">
        <v>1823</v>
      </c>
      <c r="D3149" t="s">
        <v>1775</v>
      </c>
      <c r="E3149" t="s">
        <v>13</v>
      </c>
      <c r="F3149">
        <v>10933</v>
      </c>
      <c r="G3149" t="s">
        <v>1824</v>
      </c>
      <c r="H3149">
        <v>4.8466540720770004</v>
      </c>
      <c r="I3149">
        <v>51.884190455495002</v>
      </c>
      <c r="J3149" t="s">
        <v>58834</v>
      </c>
    </row>
    <row r="3150" spans="1:10" x14ac:dyDescent="0.25">
      <c r="A3150" t="s">
        <v>1817</v>
      </c>
      <c r="B3150" t="s">
        <v>1818</v>
      </c>
      <c r="C3150" t="s">
        <v>1819</v>
      </c>
      <c r="D3150" t="s">
        <v>1775</v>
      </c>
      <c r="E3150" t="s">
        <v>13</v>
      </c>
      <c r="F3150">
        <v>10932</v>
      </c>
      <c r="G3150" t="s">
        <v>1820</v>
      </c>
      <c r="H3150">
        <v>4.811596696094</v>
      </c>
      <c r="I3150">
        <v>51.890073665084003</v>
      </c>
      <c r="J3150" t="s">
        <v>58835</v>
      </c>
    </row>
    <row r="3151" spans="1:10" x14ac:dyDescent="0.25">
      <c r="A3151" t="s">
        <v>1813</v>
      </c>
      <c r="B3151" t="s">
        <v>1814</v>
      </c>
      <c r="C3151" t="s">
        <v>1815</v>
      </c>
      <c r="D3151" t="s">
        <v>1775</v>
      </c>
      <c r="E3151" t="s">
        <v>13</v>
      </c>
      <c r="F3151">
        <v>10931</v>
      </c>
      <c r="G3151" t="s">
        <v>1816</v>
      </c>
      <c r="H3151">
        <v>4.8053304248210003</v>
      </c>
      <c r="I3151">
        <v>51.887421182527</v>
      </c>
      <c r="J3151" t="s">
        <v>58836</v>
      </c>
    </row>
    <row r="3152" spans="1:10" x14ac:dyDescent="0.25">
      <c r="A3152" t="s">
        <v>1809</v>
      </c>
      <c r="B3152" t="s">
        <v>1810</v>
      </c>
      <c r="C3152" t="s">
        <v>1811</v>
      </c>
      <c r="D3152" t="s">
        <v>1775</v>
      </c>
      <c r="E3152" t="s">
        <v>13</v>
      </c>
      <c r="F3152">
        <v>10930</v>
      </c>
      <c r="G3152" t="s">
        <v>1812</v>
      </c>
      <c r="H3152">
        <v>4.8358695144009998</v>
      </c>
      <c r="I3152">
        <v>51.880720348234</v>
      </c>
      <c r="J3152" t="s">
        <v>58837</v>
      </c>
    </row>
    <row r="3153" spans="1:10" x14ac:dyDescent="0.25">
      <c r="A3153" t="s">
        <v>1805</v>
      </c>
      <c r="B3153" t="s">
        <v>1806</v>
      </c>
      <c r="C3153" t="s">
        <v>1807</v>
      </c>
      <c r="D3153" t="s">
        <v>1775</v>
      </c>
      <c r="E3153" t="s">
        <v>13</v>
      </c>
      <c r="F3153">
        <v>10929</v>
      </c>
      <c r="G3153" t="s">
        <v>1808</v>
      </c>
      <c r="H3153">
        <v>4.8059741290610001</v>
      </c>
      <c r="I3153">
        <v>51.873102720418999</v>
      </c>
      <c r="J3153" t="s">
        <v>58838</v>
      </c>
    </row>
    <row r="3154" spans="1:10" x14ac:dyDescent="0.25">
      <c r="A3154" t="s">
        <v>1801</v>
      </c>
      <c r="B3154" t="s">
        <v>1802</v>
      </c>
      <c r="C3154" t="s">
        <v>1803</v>
      </c>
      <c r="D3154" t="s">
        <v>1775</v>
      </c>
      <c r="E3154" t="s">
        <v>13</v>
      </c>
      <c r="F3154">
        <v>10928</v>
      </c>
      <c r="G3154" t="s">
        <v>1804</v>
      </c>
      <c r="H3154">
        <v>4.821408662873</v>
      </c>
      <c r="I3154">
        <v>51.878081698564003</v>
      </c>
      <c r="J3154" t="s">
        <v>58839</v>
      </c>
    </row>
    <row r="3155" spans="1:10" x14ac:dyDescent="0.25">
      <c r="A3155" t="s">
        <v>1797</v>
      </c>
      <c r="B3155" t="s">
        <v>1798</v>
      </c>
      <c r="C3155" t="s">
        <v>1799</v>
      </c>
      <c r="D3155" t="s">
        <v>1775</v>
      </c>
      <c r="E3155" t="s">
        <v>13</v>
      </c>
      <c r="F3155">
        <v>10927</v>
      </c>
      <c r="G3155" t="s">
        <v>1800</v>
      </c>
      <c r="H3155">
        <v>4.8288620469839998</v>
      </c>
      <c r="I3155">
        <v>51.894791007137002</v>
      </c>
      <c r="J3155" t="s">
        <v>58840</v>
      </c>
    </row>
    <row r="3156" spans="1:10" x14ac:dyDescent="0.25">
      <c r="A3156" t="s">
        <v>1793</v>
      </c>
      <c r="B3156" t="s">
        <v>1794</v>
      </c>
      <c r="C3156" t="s">
        <v>1795</v>
      </c>
      <c r="D3156" t="s">
        <v>1775</v>
      </c>
      <c r="E3156" t="s">
        <v>13</v>
      </c>
      <c r="F3156">
        <v>10926</v>
      </c>
      <c r="G3156" t="s">
        <v>1796</v>
      </c>
      <c r="H3156">
        <v>4.7943956016750002</v>
      </c>
      <c r="I3156">
        <v>51.869828509154999</v>
      </c>
      <c r="J3156" t="s">
        <v>58841</v>
      </c>
    </row>
    <row r="3157" spans="1:10" x14ac:dyDescent="0.25">
      <c r="A3157" t="s">
        <v>1789</v>
      </c>
      <c r="B3157" t="s">
        <v>1790</v>
      </c>
      <c r="C3157" t="s">
        <v>1791</v>
      </c>
      <c r="D3157" t="s">
        <v>1775</v>
      </c>
      <c r="E3157" t="s">
        <v>13</v>
      </c>
      <c r="F3157">
        <v>10925</v>
      </c>
      <c r="G3157" t="s">
        <v>1792</v>
      </c>
      <c r="H3157">
        <v>4.7533620893819997</v>
      </c>
      <c r="I3157">
        <v>51.866772163764999</v>
      </c>
      <c r="J3157" t="s">
        <v>58842</v>
      </c>
    </row>
    <row r="3158" spans="1:10" x14ac:dyDescent="0.25">
      <c r="A3158" t="s">
        <v>1785</v>
      </c>
      <c r="B3158" t="s">
        <v>1786</v>
      </c>
      <c r="C3158" t="s">
        <v>1787</v>
      </c>
      <c r="D3158" t="s">
        <v>1775</v>
      </c>
      <c r="E3158" t="s">
        <v>13</v>
      </c>
      <c r="F3158">
        <v>10924</v>
      </c>
      <c r="G3158" t="s">
        <v>1788</v>
      </c>
      <c r="H3158">
        <v>4.7828158461320003</v>
      </c>
      <c r="I3158">
        <v>51.868698863577002</v>
      </c>
      <c r="J3158" t="s">
        <v>58843</v>
      </c>
    </row>
    <row r="3159" spans="1:10" x14ac:dyDescent="0.25">
      <c r="A3159" t="s">
        <v>1781</v>
      </c>
      <c r="B3159" t="s">
        <v>1782</v>
      </c>
      <c r="C3159" t="s">
        <v>1783</v>
      </c>
      <c r="D3159" t="s">
        <v>1775</v>
      </c>
      <c r="E3159" t="s">
        <v>13</v>
      </c>
      <c r="F3159">
        <v>10923</v>
      </c>
      <c r="G3159" t="s">
        <v>1784</v>
      </c>
      <c r="H3159">
        <v>4.7830219989279996</v>
      </c>
      <c r="I3159">
        <v>51.871920418427997</v>
      </c>
      <c r="J3159" t="s">
        <v>58844</v>
      </c>
    </row>
    <row r="3160" spans="1:10" x14ac:dyDescent="0.25">
      <c r="A3160" t="s">
        <v>1777</v>
      </c>
      <c r="B3160" t="s">
        <v>1778</v>
      </c>
      <c r="C3160" t="s">
        <v>1779</v>
      </c>
      <c r="D3160" t="s">
        <v>1775</v>
      </c>
      <c r="E3160" t="s">
        <v>13</v>
      </c>
      <c r="F3160">
        <v>10922</v>
      </c>
      <c r="G3160" t="s">
        <v>1780</v>
      </c>
      <c r="H3160">
        <v>4.7713536750400003</v>
      </c>
      <c r="I3160">
        <v>51.861584745522002</v>
      </c>
      <c r="J3160" t="s">
        <v>58845</v>
      </c>
    </row>
    <row r="3161" spans="1:10" x14ac:dyDescent="0.25">
      <c r="A3161" t="s">
        <v>1772</v>
      </c>
      <c r="B3161" t="s">
        <v>1773</v>
      </c>
      <c r="C3161" t="s">
        <v>1774</v>
      </c>
      <c r="D3161" t="s">
        <v>1775</v>
      </c>
      <c r="E3161" t="s">
        <v>13</v>
      </c>
      <c r="F3161">
        <v>10921</v>
      </c>
      <c r="G3161" t="s">
        <v>1776</v>
      </c>
      <c r="H3161">
        <v>4.7628553121730004</v>
      </c>
      <c r="I3161">
        <v>51.875568614538999</v>
      </c>
      <c r="J3161" t="s">
        <v>58846</v>
      </c>
    </row>
    <row r="3162" spans="1:10" x14ac:dyDescent="0.25">
      <c r="A3162" t="s">
        <v>43782</v>
      </c>
      <c r="B3162" t="s">
        <v>43783</v>
      </c>
      <c r="C3162" t="s">
        <v>43784</v>
      </c>
      <c r="D3162" t="s">
        <v>1775</v>
      </c>
      <c r="E3162" t="s">
        <v>13</v>
      </c>
      <c r="F3162">
        <v>10920</v>
      </c>
      <c r="G3162" t="s">
        <v>43785</v>
      </c>
      <c r="H3162">
        <v>5.0118971991660004</v>
      </c>
      <c r="I3162">
        <v>51.868015504649001</v>
      </c>
      <c r="J3162" t="s">
        <v>58847</v>
      </c>
    </row>
    <row r="3163" spans="1:10" x14ac:dyDescent="0.25">
      <c r="A3163" t="s">
        <v>43778</v>
      </c>
      <c r="B3163" t="s">
        <v>43779</v>
      </c>
      <c r="C3163" t="s">
        <v>43780</v>
      </c>
      <c r="D3163" t="s">
        <v>1775</v>
      </c>
      <c r="E3163" t="s">
        <v>13</v>
      </c>
      <c r="F3163">
        <v>10919</v>
      </c>
      <c r="G3163" t="s">
        <v>43781</v>
      </c>
      <c r="H3163">
        <v>4.9828258472159996</v>
      </c>
      <c r="I3163">
        <v>51.862184656704997</v>
      </c>
      <c r="J3163" t="s">
        <v>58848</v>
      </c>
    </row>
    <row r="3164" spans="1:10" x14ac:dyDescent="0.25">
      <c r="A3164" t="s">
        <v>43774</v>
      </c>
      <c r="B3164" t="s">
        <v>43775</v>
      </c>
      <c r="C3164" t="s">
        <v>43776</v>
      </c>
      <c r="D3164" t="s">
        <v>1775</v>
      </c>
      <c r="E3164" t="s">
        <v>13</v>
      </c>
      <c r="F3164">
        <v>10918</v>
      </c>
      <c r="G3164" t="s">
        <v>43777</v>
      </c>
      <c r="H3164">
        <v>4.9892224545449997</v>
      </c>
      <c r="I3164">
        <v>51.873376847736999</v>
      </c>
      <c r="J3164" t="s">
        <v>58849</v>
      </c>
    </row>
    <row r="3165" spans="1:10" x14ac:dyDescent="0.25">
      <c r="A3165" t="s">
        <v>43770</v>
      </c>
      <c r="B3165" t="s">
        <v>43771</v>
      </c>
      <c r="C3165" t="s">
        <v>43772</v>
      </c>
      <c r="D3165" t="s">
        <v>1775</v>
      </c>
      <c r="E3165" t="s">
        <v>13</v>
      </c>
      <c r="F3165">
        <v>10917</v>
      </c>
      <c r="G3165" t="s">
        <v>43773</v>
      </c>
      <c r="H3165">
        <v>4.9907525311330003</v>
      </c>
      <c r="I3165">
        <v>51.867955364324999</v>
      </c>
      <c r="J3165" t="s">
        <v>58850</v>
      </c>
    </row>
    <row r="3166" spans="1:10" x14ac:dyDescent="0.25">
      <c r="A3166" t="s">
        <v>43766</v>
      </c>
      <c r="B3166" t="s">
        <v>43767</v>
      </c>
      <c r="C3166" t="s">
        <v>43768</v>
      </c>
      <c r="D3166" t="s">
        <v>1775</v>
      </c>
      <c r="E3166" t="s">
        <v>13</v>
      </c>
      <c r="F3166">
        <v>10916</v>
      </c>
      <c r="G3166" t="s">
        <v>43769</v>
      </c>
      <c r="H3166">
        <v>4.9934135200299998</v>
      </c>
      <c r="I3166">
        <v>51.865285308072998</v>
      </c>
      <c r="J3166" t="s">
        <v>58851</v>
      </c>
    </row>
    <row r="3167" spans="1:10" x14ac:dyDescent="0.25">
      <c r="A3167" t="s">
        <v>43762</v>
      </c>
      <c r="B3167" t="s">
        <v>43763</v>
      </c>
      <c r="C3167" t="s">
        <v>43764</v>
      </c>
      <c r="D3167" t="s">
        <v>1775</v>
      </c>
      <c r="E3167" t="s">
        <v>13</v>
      </c>
      <c r="F3167">
        <v>10915</v>
      </c>
      <c r="G3167" t="s">
        <v>43765</v>
      </c>
      <c r="H3167">
        <v>4.989163068281</v>
      </c>
      <c r="I3167">
        <v>51.871887323373002</v>
      </c>
      <c r="J3167" t="s">
        <v>58852</v>
      </c>
    </row>
    <row r="3168" spans="1:10" x14ac:dyDescent="0.25">
      <c r="A3168" t="s">
        <v>43758</v>
      </c>
      <c r="B3168" t="s">
        <v>43759</v>
      </c>
      <c r="C3168" t="s">
        <v>43760</v>
      </c>
      <c r="D3168" t="s">
        <v>1775</v>
      </c>
      <c r="E3168" t="s">
        <v>13</v>
      </c>
      <c r="F3168">
        <v>10914</v>
      </c>
      <c r="G3168" t="s">
        <v>43761</v>
      </c>
      <c r="H3168">
        <v>4.9939920033530001</v>
      </c>
      <c r="I3168">
        <v>51.874349665666998</v>
      </c>
      <c r="J3168" t="s">
        <v>58853</v>
      </c>
    </row>
    <row r="3169" spans="1:10" x14ac:dyDescent="0.25">
      <c r="A3169" t="s">
        <v>43754</v>
      </c>
      <c r="B3169" t="s">
        <v>43755</v>
      </c>
      <c r="C3169" t="s">
        <v>43756</v>
      </c>
      <c r="D3169" t="s">
        <v>1775</v>
      </c>
      <c r="E3169" t="s">
        <v>13</v>
      </c>
      <c r="F3169">
        <v>10913</v>
      </c>
      <c r="G3169" t="s">
        <v>43757</v>
      </c>
      <c r="H3169">
        <v>4.9901675208479999</v>
      </c>
      <c r="I3169">
        <v>51.865452359408998</v>
      </c>
      <c r="J3169" t="s">
        <v>58854</v>
      </c>
    </row>
    <row r="3170" spans="1:10" x14ac:dyDescent="0.25">
      <c r="A3170" t="s">
        <v>43750</v>
      </c>
      <c r="B3170" t="s">
        <v>43751</v>
      </c>
      <c r="C3170" t="s">
        <v>43752</v>
      </c>
      <c r="D3170" t="s">
        <v>43371</v>
      </c>
      <c r="E3170" t="s">
        <v>13</v>
      </c>
      <c r="F3170">
        <v>10912</v>
      </c>
      <c r="G3170" t="s">
        <v>43753</v>
      </c>
      <c r="H3170">
        <v>6.0624894893820001</v>
      </c>
      <c r="I3170">
        <v>53.268485473502999</v>
      </c>
      <c r="J3170" t="s">
        <v>58855</v>
      </c>
    </row>
    <row r="3171" spans="1:10" x14ac:dyDescent="0.25">
      <c r="A3171" t="s">
        <v>43746</v>
      </c>
      <c r="B3171" t="s">
        <v>43747</v>
      </c>
      <c r="C3171" t="s">
        <v>43748</v>
      </c>
      <c r="D3171" t="s">
        <v>43371</v>
      </c>
      <c r="E3171" t="s">
        <v>13</v>
      </c>
      <c r="F3171">
        <v>10911</v>
      </c>
      <c r="G3171" t="s">
        <v>43749</v>
      </c>
      <c r="H3171">
        <v>6.1137463543589998</v>
      </c>
      <c r="I3171">
        <v>53.265895630655002</v>
      </c>
      <c r="J3171" t="s">
        <v>58856</v>
      </c>
    </row>
    <row r="3172" spans="1:10" x14ac:dyDescent="0.25">
      <c r="A3172" t="s">
        <v>43742</v>
      </c>
      <c r="B3172" t="s">
        <v>43743</v>
      </c>
      <c r="C3172" t="s">
        <v>43744</v>
      </c>
      <c r="D3172" t="s">
        <v>43371</v>
      </c>
      <c r="E3172" t="s">
        <v>13</v>
      </c>
      <c r="F3172">
        <v>10910</v>
      </c>
      <c r="G3172" t="s">
        <v>43745</v>
      </c>
      <c r="H3172">
        <v>6.0478892190159996</v>
      </c>
      <c r="I3172">
        <v>53.247588812697998</v>
      </c>
      <c r="J3172" t="s">
        <v>58857</v>
      </c>
    </row>
    <row r="3173" spans="1:10" x14ac:dyDescent="0.25">
      <c r="A3173" t="s">
        <v>43738</v>
      </c>
      <c r="B3173" t="s">
        <v>43739</v>
      </c>
      <c r="C3173" t="s">
        <v>43740</v>
      </c>
      <c r="D3173" t="s">
        <v>43371</v>
      </c>
      <c r="E3173" t="s">
        <v>13</v>
      </c>
      <c r="F3173">
        <v>10909</v>
      </c>
      <c r="G3173" t="s">
        <v>43741</v>
      </c>
      <c r="H3173">
        <v>6.0816807199739999</v>
      </c>
      <c r="I3173">
        <v>53.261846812201</v>
      </c>
      <c r="J3173" t="s">
        <v>58858</v>
      </c>
    </row>
    <row r="3174" spans="1:10" x14ac:dyDescent="0.25">
      <c r="A3174" t="s">
        <v>43734</v>
      </c>
      <c r="B3174" t="s">
        <v>43735</v>
      </c>
      <c r="C3174" t="s">
        <v>43736</v>
      </c>
      <c r="D3174" t="s">
        <v>43371</v>
      </c>
      <c r="E3174" t="s">
        <v>13</v>
      </c>
      <c r="F3174">
        <v>10908</v>
      </c>
      <c r="G3174" t="s">
        <v>43737</v>
      </c>
      <c r="H3174">
        <v>6.089748927015</v>
      </c>
      <c r="I3174">
        <v>53.305074466169003</v>
      </c>
      <c r="J3174" t="s">
        <v>58859</v>
      </c>
    </row>
    <row r="3175" spans="1:10" x14ac:dyDescent="0.25">
      <c r="A3175" t="s">
        <v>43730</v>
      </c>
      <c r="B3175" t="s">
        <v>43731</v>
      </c>
      <c r="C3175" t="s">
        <v>43732</v>
      </c>
      <c r="D3175" t="s">
        <v>43371</v>
      </c>
      <c r="E3175" t="s">
        <v>13</v>
      </c>
      <c r="F3175">
        <v>10907</v>
      </c>
      <c r="G3175" t="s">
        <v>43733</v>
      </c>
      <c r="H3175">
        <v>6.1154548031939999</v>
      </c>
      <c r="I3175">
        <v>53.297061063694997</v>
      </c>
      <c r="J3175" t="s">
        <v>58860</v>
      </c>
    </row>
    <row r="3176" spans="1:10" x14ac:dyDescent="0.25">
      <c r="A3176" t="s">
        <v>43726</v>
      </c>
      <c r="B3176" t="s">
        <v>43727</v>
      </c>
      <c r="C3176" t="s">
        <v>43728</v>
      </c>
      <c r="D3176" t="s">
        <v>43371</v>
      </c>
      <c r="E3176" t="s">
        <v>13</v>
      </c>
      <c r="F3176">
        <v>10906</v>
      </c>
      <c r="G3176" t="s">
        <v>43729</v>
      </c>
      <c r="H3176">
        <v>6.0828927431049999</v>
      </c>
      <c r="I3176">
        <v>53.290539192649</v>
      </c>
      <c r="J3176" t="s">
        <v>58861</v>
      </c>
    </row>
    <row r="3177" spans="1:10" x14ac:dyDescent="0.25">
      <c r="A3177" t="s">
        <v>43722</v>
      </c>
      <c r="B3177" t="s">
        <v>43723</v>
      </c>
      <c r="C3177" t="s">
        <v>43724</v>
      </c>
      <c r="D3177" t="s">
        <v>43371</v>
      </c>
      <c r="E3177" t="s">
        <v>13</v>
      </c>
      <c r="F3177">
        <v>10905</v>
      </c>
      <c r="G3177" t="s">
        <v>43725</v>
      </c>
      <c r="H3177">
        <v>6.0893736747820002</v>
      </c>
      <c r="I3177">
        <v>53.275900627426999</v>
      </c>
      <c r="J3177" t="s">
        <v>58862</v>
      </c>
    </row>
    <row r="3178" spans="1:10" x14ac:dyDescent="0.25">
      <c r="A3178" t="s">
        <v>43718</v>
      </c>
      <c r="B3178" t="s">
        <v>43719</v>
      </c>
      <c r="C3178" t="s">
        <v>43720</v>
      </c>
      <c r="D3178" t="s">
        <v>43371</v>
      </c>
      <c r="E3178" t="s">
        <v>13</v>
      </c>
      <c r="F3178">
        <v>10904</v>
      </c>
      <c r="G3178" t="s">
        <v>43721</v>
      </c>
      <c r="H3178">
        <v>6.1204255255969997</v>
      </c>
      <c r="I3178">
        <v>53.282850581875003</v>
      </c>
      <c r="J3178" t="s">
        <v>58863</v>
      </c>
    </row>
    <row r="3179" spans="1:10" x14ac:dyDescent="0.25">
      <c r="A3179" t="s">
        <v>43714</v>
      </c>
      <c r="B3179" t="s">
        <v>43715</v>
      </c>
      <c r="C3179" t="s">
        <v>43716</v>
      </c>
      <c r="D3179" t="s">
        <v>43371</v>
      </c>
      <c r="E3179" t="s">
        <v>13</v>
      </c>
      <c r="F3179">
        <v>10903</v>
      </c>
      <c r="G3179" t="s">
        <v>43717</v>
      </c>
      <c r="H3179">
        <v>6.241344382906</v>
      </c>
      <c r="I3179">
        <v>53.32700105328</v>
      </c>
      <c r="J3179" t="s">
        <v>58864</v>
      </c>
    </row>
    <row r="3180" spans="1:10" x14ac:dyDescent="0.25">
      <c r="A3180" t="s">
        <v>43710</v>
      </c>
      <c r="B3180" t="s">
        <v>43711</v>
      </c>
      <c r="C3180" t="s">
        <v>43712</v>
      </c>
      <c r="D3180" t="s">
        <v>43371</v>
      </c>
      <c r="E3180" t="s">
        <v>13</v>
      </c>
      <c r="F3180">
        <v>10902</v>
      </c>
      <c r="G3180" t="s">
        <v>43713</v>
      </c>
      <c r="H3180">
        <v>6.2270961024630003</v>
      </c>
      <c r="I3180">
        <v>53.309671054269998</v>
      </c>
      <c r="J3180" t="s">
        <v>58865</v>
      </c>
    </row>
    <row r="3181" spans="1:10" x14ac:dyDescent="0.25">
      <c r="A3181" t="s">
        <v>43706</v>
      </c>
      <c r="B3181" t="s">
        <v>43707</v>
      </c>
      <c r="C3181" t="s">
        <v>43708</v>
      </c>
      <c r="D3181" t="s">
        <v>43371</v>
      </c>
      <c r="E3181" t="s">
        <v>13</v>
      </c>
      <c r="F3181">
        <v>10901</v>
      </c>
      <c r="G3181" t="s">
        <v>43709</v>
      </c>
      <c r="H3181">
        <v>6.1923331719650001</v>
      </c>
      <c r="I3181">
        <v>53.306419991075003</v>
      </c>
      <c r="J3181" t="s">
        <v>58866</v>
      </c>
    </row>
    <row r="3182" spans="1:10" x14ac:dyDescent="0.25">
      <c r="A3182" t="s">
        <v>43702</v>
      </c>
      <c r="B3182" t="s">
        <v>43703</v>
      </c>
      <c r="C3182" t="s">
        <v>43704</v>
      </c>
      <c r="D3182" t="s">
        <v>43371</v>
      </c>
      <c r="E3182" t="s">
        <v>13</v>
      </c>
      <c r="F3182">
        <v>10900</v>
      </c>
      <c r="G3182" t="s">
        <v>43705</v>
      </c>
      <c r="H3182">
        <v>6.2284374160829996</v>
      </c>
      <c r="I3182">
        <v>53.274872207443003</v>
      </c>
      <c r="J3182" t="s">
        <v>58867</v>
      </c>
    </row>
    <row r="3183" spans="1:10" x14ac:dyDescent="0.25">
      <c r="A3183" t="s">
        <v>43698</v>
      </c>
      <c r="B3183" t="s">
        <v>43699</v>
      </c>
      <c r="C3183" t="s">
        <v>43700</v>
      </c>
      <c r="D3183" t="s">
        <v>43371</v>
      </c>
      <c r="E3183" t="s">
        <v>13</v>
      </c>
      <c r="F3183">
        <v>10899</v>
      </c>
      <c r="G3183" t="s">
        <v>43701</v>
      </c>
      <c r="H3183">
        <v>6.1876309516759997</v>
      </c>
      <c r="I3183">
        <v>53.273065981278997</v>
      </c>
      <c r="J3183" t="s">
        <v>58868</v>
      </c>
    </row>
    <row r="3184" spans="1:10" x14ac:dyDescent="0.25">
      <c r="A3184" t="s">
        <v>43694</v>
      </c>
      <c r="B3184" t="s">
        <v>43695</v>
      </c>
      <c r="C3184" t="s">
        <v>43696</v>
      </c>
      <c r="D3184" t="s">
        <v>43371</v>
      </c>
      <c r="E3184" t="s">
        <v>13</v>
      </c>
      <c r="F3184">
        <v>10898</v>
      </c>
      <c r="G3184" t="s">
        <v>43697</v>
      </c>
      <c r="H3184">
        <v>6.2722782349269997</v>
      </c>
      <c r="I3184">
        <v>53.302773417235002</v>
      </c>
      <c r="J3184" t="s">
        <v>58869</v>
      </c>
    </row>
    <row r="3185" spans="1:10" x14ac:dyDescent="0.25">
      <c r="A3185" t="s">
        <v>43690</v>
      </c>
      <c r="B3185" t="s">
        <v>43691</v>
      </c>
      <c r="C3185" t="s">
        <v>43692</v>
      </c>
      <c r="D3185" t="s">
        <v>43371</v>
      </c>
      <c r="E3185" t="s">
        <v>13</v>
      </c>
      <c r="F3185">
        <v>10897</v>
      </c>
      <c r="G3185" t="s">
        <v>43693</v>
      </c>
      <c r="H3185">
        <v>6.2323723681720002</v>
      </c>
      <c r="I3185">
        <v>53.296697598239</v>
      </c>
      <c r="J3185" t="s">
        <v>58870</v>
      </c>
    </row>
    <row r="3186" spans="1:10" x14ac:dyDescent="0.25">
      <c r="A3186" t="s">
        <v>43686</v>
      </c>
      <c r="B3186" t="s">
        <v>43687</v>
      </c>
      <c r="C3186" t="s">
        <v>43688</v>
      </c>
      <c r="D3186" t="s">
        <v>43371</v>
      </c>
      <c r="E3186" t="s">
        <v>13</v>
      </c>
      <c r="F3186">
        <v>10896</v>
      </c>
      <c r="G3186" t="s">
        <v>43689</v>
      </c>
      <c r="H3186">
        <v>6.1969146142109999</v>
      </c>
      <c r="I3186">
        <v>53.302657015702003</v>
      </c>
      <c r="J3186" t="s">
        <v>58871</v>
      </c>
    </row>
    <row r="3187" spans="1:10" x14ac:dyDescent="0.25">
      <c r="A3187" t="s">
        <v>43682</v>
      </c>
      <c r="B3187" t="s">
        <v>43683</v>
      </c>
      <c r="C3187" t="s">
        <v>43684</v>
      </c>
      <c r="D3187" t="s">
        <v>43371</v>
      </c>
      <c r="E3187" t="s">
        <v>13</v>
      </c>
      <c r="F3187">
        <v>10895</v>
      </c>
      <c r="G3187" t="s">
        <v>43685</v>
      </c>
      <c r="H3187">
        <v>6.2290219116710004</v>
      </c>
      <c r="I3187">
        <v>53.274740850130001</v>
      </c>
      <c r="J3187" t="s">
        <v>58872</v>
      </c>
    </row>
    <row r="3188" spans="1:10" x14ac:dyDescent="0.25">
      <c r="A3188" t="s">
        <v>43678</v>
      </c>
      <c r="B3188" t="s">
        <v>43679</v>
      </c>
      <c r="C3188" t="s">
        <v>43680</v>
      </c>
      <c r="D3188" t="s">
        <v>43371</v>
      </c>
      <c r="E3188" t="s">
        <v>13</v>
      </c>
      <c r="F3188">
        <v>10894</v>
      </c>
      <c r="G3188" t="s">
        <v>43681</v>
      </c>
      <c r="H3188">
        <v>6.1541895072659996</v>
      </c>
      <c r="I3188">
        <v>53.286940629066002</v>
      </c>
      <c r="J3188" t="s">
        <v>58873</v>
      </c>
    </row>
    <row r="3189" spans="1:10" x14ac:dyDescent="0.25">
      <c r="A3189" t="s">
        <v>43674</v>
      </c>
      <c r="B3189" t="s">
        <v>43675</v>
      </c>
      <c r="C3189" t="s">
        <v>43676</v>
      </c>
      <c r="D3189" t="s">
        <v>43371</v>
      </c>
      <c r="E3189" t="s">
        <v>13</v>
      </c>
      <c r="F3189">
        <v>10893</v>
      </c>
      <c r="G3189" t="s">
        <v>43677</v>
      </c>
      <c r="H3189">
        <v>6.1500559596129998</v>
      </c>
      <c r="I3189">
        <v>53.279574348540997</v>
      </c>
      <c r="J3189" t="s">
        <v>58874</v>
      </c>
    </row>
    <row r="3190" spans="1:10" x14ac:dyDescent="0.25">
      <c r="A3190" t="s">
        <v>43670</v>
      </c>
      <c r="B3190" t="s">
        <v>43671</v>
      </c>
      <c r="C3190" t="s">
        <v>43672</v>
      </c>
      <c r="D3190" t="s">
        <v>43371</v>
      </c>
      <c r="E3190" t="s">
        <v>13</v>
      </c>
      <c r="F3190">
        <v>10892</v>
      </c>
      <c r="G3190" t="s">
        <v>43673</v>
      </c>
      <c r="H3190">
        <v>5.8496115576880001</v>
      </c>
      <c r="I3190">
        <v>53.299907885937998</v>
      </c>
      <c r="J3190" t="s">
        <v>58875</v>
      </c>
    </row>
    <row r="3191" spans="1:10" x14ac:dyDescent="0.25">
      <c r="A3191" t="s">
        <v>43666</v>
      </c>
      <c r="B3191" t="s">
        <v>43667</v>
      </c>
      <c r="C3191" t="s">
        <v>43668</v>
      </c>
      <c r="D3191" t="s">
        <v>43371</v>
      </c>
      <c r="E3191" t="s">
        <v>13</v>
      </c>
      <c r="F3191">
        <v>10891</v>
      </c>
      <c r="G3191" t="s">
        <v>43669</v>
      </c>
      <c r="H3191">
        <v>5.885012837274</v>
      </c>
      <c r="I3191">
        <v>53.292982986429003</v>
      </c>
      <c r="J3191" t="s">
        <v>58876</v>
      </c>
    </row>
    <row r="3192" spans="1:10" x14ac:dyDescent="0.25">
      <c r="A3192" t="s">
        <v>43662</v>
      </c>
      <c r="B3192" t="s">
        <v>43663</v>
      </c>
      <c r="C3192" t="s">
        <v>43664</v>
      </c>
      <c r="D3192" t="s">
        <v>43371</v>
      </c>
      <c r="E3192" t="s">
        <v>13</v>
      </c>
      <c r="F3192">
        <v>10890</v>
      </c>
      <c r="G3192" t="s">
        <v>43665</v>
      </c>
      <c r="H3192">
        <v>5.9048980849730004</v>
      </c>
      <c r="I3192">
        <v>53.312166927634998</v>
      </c>
      <c r="J3192" t="s">
        <v>58877</v>
      </c>
    </row>
    <row r="3193" spans="1:10" x14ac:dyDescent="0.25">
      <c r="A3193" t="s">
        <v>43658</v>
      </c>
      <c r="B3193" t="s">
        <v>43659</v>
      </c>
      <c r="C3193" t="s">
        <v>43660</v>
      </c>
      <c r="D3193" t="s">
        <v>43371</v>
      </c>
      <c r="E3193" t="s">
        <v>13</v>
      </c>
      <c r="F3193">
        <v>10889</v>
      </c>
      <c r="G3193" t="s">
        <v>43661</v>
      </c>
      <c r="H3193">
        <v>5.9219420049830003</v>
      </c>
      <c r="I3193">
        <v>53.322890916380999</v>
      </c>
      <c r="J3193" t="s">
        <v>58878</v>
      </c>
    </row>
    <row r="3194" spans="1:10" x14ac:dyDescent="0.25">
      <c r="A3194" t="s">
        <v>43654</v>
      </c>
      <c r="B3194" t="s">
        <v>43655</v>
      </c>
      <c r="C3194" t="s">
        <v>43656</v>
      </c>
      <c r="D3194" t="s">
        <v>43371</v>
      </c>
      <c r="E3194" t="s">
        <v>13</v>
      </c>
      <c r="F3194">
        <v>10888</v>
      </c>
      <c r="G3194" t="s">
        <v>43657</v>
      </c>
      <c r="H3194">
        <v>5.8984871224599997</v>
      </c>
      <c r="I3194">
        <v>53.324780378908002</v>
      </c>
      <c r="J3194" t="s">
        <v>58879</v>
      </c>
    </row>
    <row r="3195" spans="1:10" x14ac:dyDescent="0.25">
      <c r="A3195" t="s">
        <v>43650</v>
      </c>
      <c r="B3195" t="s">
        <v>43651</v>
      </c>
      <c r="C3195" t="s">
        <v>43652</v>
      </c>
      <c r="D3195" t="s">
        <v>43371</v>
      </c>
      <c r="E3195" t="s">
        <v>13</v>
      </c>
      <c r="F3195">
        <v>10887</v>
      </c>
      <c r="G3195" t="s">
        <v>43653</v>
      </c>
      <c r="H3195">
        <v>5.8782446288839996</v>
      </c>
      <c r="I3195">
        <v>53.32435251543</v>
      </c>
      <c r="J3195" t="s">
        <v>58880</v>
      </c>
    </row>
    <row r="3196" spans="1:10" x14ac:dyDescent="0.25">
      <c r="A3196" t="s">
        <v>43646</v>
      </c>
      <c r="B3196" t="s">
        <v>43647</v>
      </c>
      <c r="C3196" t="s">
        <v>43648</v>
      </c>
      <c r="D3196" t="s">
        <v>43371</v>
      </c>
      <c r="E3196" t="s">
        <v>13</v>
      </c>
      <c r="F3196">
        <v>10886</v>
      </c>
      <c r="G3196" t="s">
        <v>43649</v>
      </c>
      <c r="H3196">
        <v>5.8769960854410002</v>
      </c>
      <c r="I3196">
        <v>53.309875979792999</v>
      </c>
      <c r="J3196" t="s">
        <v>58881</v>
      </c>
    </row>
    <row r="3197" spans="1:10" x14ac:dyDescent="0.25">
      <c r="A3197" t="s">
        <v>43642</v>
      </c>
      <c r="B3197" t="s">
        <v>43643</v>
      </c>
      <c r="C3197" t="s">
        <v>43644</v>
      </c>
      <c r="D3197" t="s">
        <v>43371</v>
      </c>
      <c r="E3197" t="s">
        <v>13</v>
      </c>
      <c r="F3197">
        <v>10885</v>
      </c>
      <c r="G3197" t="s">
        <v>43645</v>
      </c>
      <c r="H3197">
        <v>5.8494756361169999</v>
      </c>
      <c r="I3197">
        <v>53.300871001841998</v>
      </c>
      <c r="J3197" t="s">
        <v>58882</v>
      </c>
    </row>
    <row r="3198" spans="1:10" x14ac:dyDescent="0.25">
      <c r="A3198" t="s">
        <v>43638</v>
      </c>
      <c r="B3198" t="s">
        <v>43639</v>
      </c>
      <c r="C3198" t="s">
        <v>43640</v>
      </c>
      <c r="D3198" t="s">
        <v>43371</v>
      </c>
      <c r="E3198" t="s">
        <v>13</v>
      </c>
      <c r="F3198">
        <v>10884</v>
      </c>
      <c r="G3198" t="s">
        <v>43641</v>
      </c>
      <c r="H3198">
        <v>5.8757568089700003</v>
      </c>
      <c r="I3198">
        <v>53.293372913403999</v>
      </c>
      <c r="J3198" t="s">
        <v>58883</v>
      </c>
    </row>
    <row r="3199" spans="1:10" x14ac:dyDescent="0.25">
      <c r="A3199" t="s">
        <v>43634</v>
      </c>
      <c r="B3199" t="s">
        <v>43635</v>
      </c>
      <c r="C3199" t="s">
        <v>43636</v>
      </c>
      <c r="D3199" t="s">
        <v>43371</v>
      </c>
      <c r="E3199" t="s">
        <v>13</v>
      </c>
      <c r="F3199">
        <v>10883</v>
      </c>
      <c r="G3199" t="s">
        <v>43637</v>
      </c>
      <c r="H3199">
        <v>5.776676086028</v>
      </c>
      <c r="I3199">
        <v>53.310672474562999</v>
      </c>
      <c r="J3199" t="s">
        <v>58884</v>
      </c>
    </row>
    <row r="3200" spans="1:10" x14ac:dyDescent="0.25">
      <c r="A3200" t="s">
        <v>43630</v>
      </c>
      <c r="B3200" t="s">
        <v>43631</v>
      </c>
      <c r="C3200" t="s">
        <v>43632</v>
      </c>
      <c r="D3200" t="s">
        <v>43371</v>
      </c>
      <c r="E3200" t="s">
        <v>13</v>
      </c>
      <c r="F3200">
        <v>10882</v>
      </c>
      <c r="G3200" t="s">
        <v>43633</v>
      </c>
      <c r="H3200">
        <v>5.7845089712339997</v>
      </c>
      <c r="I3200">
        <v>53.305096610778001</v>
      </c>
      <c r="J3200" t="s">
        <v>58885</v>
      </c>
    </row>
    <row r="3201" spans="1:10" x14ac:dyDescent="0.25">
      <c r="A3201" t="s">
        <v>43626</v>
      </c>
      <c r="B3201" t="s">
        <v>43627</v>
      </c>
      <c r="C3201" t="s">
        <v>43628</v>
      </c>
      <c r="D3201" t="s">
        <v>43371</v>
      </c>
      <c r="E3201" t="s">
        <v>13</v>
      </c>
      <c r="F3201">
        <v>10881</v>
      </c>
      <c r="G3201" t="s">
        <v>43629</v>
      </c>
      <c r="H3201">
        <v>5.8690243895550003</v>
      </c>
      <c r="I3201">
        <v>53.351333878830999</v>
      </c>
      <c r="J3201" t="s">
        <v>58886</v>
      </c>
    </row>
    <row r="3202" spans="1:10" x14ac:dyDescent="0.25">
      <c r="A3202" t="s">
        <v>43622</v>
      </c>
      <c r="B3202" t="s">
        <v>43623</v>
      </c>
      <c r="C3202" t="s">
        <v>43624</v>
      </c>
      <c r="D3202" t="s">
        <v>43371</v>
      </c>
      <c r="E3202" t="s">
        <v>13</v>
      </c>
      <c r="F3202">
        <v>10880</v>
      </c>
      <c r="G3202" t="s">
        <v>43625</v>
      </c>
      <c r="H3202">
        <v>5.7941513419649997</v>
      </c>
      <c r="I3202">
        <v>53.322774217632997</v>
      </c>
      <c r="J3202" t="s">
        <v>58887</v>
      </c>
    </row>
    <row r="3203" spans="1:10" x14ac:dyDescent="0.25">
      <c r="A3203" t="s">
        <v>43618</v>
      </c>
      <c r="B3203" t="s">
        <v>43619</v>
      </c>
      <c r="C3203" t="s">
        <v>43620</v>
      </c>
      <c r="D3203" t="s">
        <v>43371</v>
      </c>
      <c r="E3203" t="s">
        <v>13</v>
      </c>
      <c r="F3203">
        <v>10879</v>
      </c>
      <c r="G3203" t="s">
        <v>43621</v>
      </c>
      <c r="H3203">
        <v>5.8168319097590002</v>
      </c>
      <c r="I3203">
        <v>53.346063733526996</v>
      </c>
      <c r="J3203" t="s">
        <v>58888</v>
      </c>
    </row>
    <row r="3204" spans="1:10" x14ac:dyDescent="0.25">
      <c r="A3204" t="s">
        <v>43614</v>
      </c>
      <c r="B3204" t="s">
        <v>43615</v>
      </c>
      <c r="C3204" t="s">
        <v>43616</v>
      </c>
      <c r="D3204" t="s">
        <v>43371</v>
      </c>
      <c r="E3204" t="s">
        <v>13</v>
      </c>
      <c r="F3204">
        <v>10878</v>
      </c>
      <c r="G3204" t="s">
        <v>43617</v>
      </c>
      <c r="H3204">
        <v>5.8588433940589999</v>
      </c>
      <c r="I3204">
        <v>53.326625945834003</v>
      </c>
      <c r="J3204" t="s">
        <v>58889</v>
      </c>
    </row>
    <row r="3205" spans="1:10" x14ac:dyDescent="0.25">
      <c r="A3205" t="s">
        <v>43610</v>
      </c>
      <c r="B3205" t="s">
        <v>43611</v>
      </c>
      <c r="C3205" t="s">
        <v>43612</v>
      </c>
      <c r="D3205" t="s">
        <v>43371</v>
      </c>
      <c r="E3205" t="s">
        <v>13</v>
      </c>
      <c r="F3205">
        <v>10877</v>
      </c>
      <c r="G3205" t="s">
        <v>43613</v>
      </c>
      <c r="H3205">
        <v>5.8605664869760004</v>
      </c>
      <c r="I3205">
        <v>53.352046276324003</v>
      </c>
      <c r="J3205" t="s">
        <v>58890</v>
      </c>
    </row>
    <row r="3206" spans="1:10" x14ac:dyDescent="0.25">
      <c r="A3206" t="s">
        <v>43606</v>
      </c>
      <c r="B3206" t="s">
        <v>43607</v>
      </c>
      <c r="C3206" t="s">
        <v>43608</v>
      </c>
      <c r="D3206" t="s">
        <v>43371</v>
      </c>
      <c r="E3206" t="s">
        <v>13</v>
      </c>
      <c r="F3206">
        <v>10876</v>
      </c>
      <c r="G3206" t="s">
        <v>43609</v>
      </c>
      <c r="H3206">
        <v>5.802187403654</v>
      </c>
      <c r="I3206">
        <v>53.323586762213999</v>
      </c>
      <c r="J3206" t="s">
        <v>58891</v>
      </c>
    </row>
    <row r="3207" spans="1:10" x14ac:dyDescent="0.25">
      <c r="A3207" t="s">
        <v>43602</v>
      </c>
      <c r="B3207" t="s">
        <v>43603</v>
      </c>
      <c r="C3207" t="s">
        <v>43604</v>
      </c>
      <c r="D3207" t="s">
        <v>43371</v>
      </c>
      <c r="E3207" t="s">
        <v>13</v>
      </c>
      <c r="F3207">
        <v>10875</v>
      </c>
      <c r="G3207" t="s">
        <v>43605</v>
      </c>
      <c r="H3207">
        <v>5.8260181927149999</v>
      </c>
      <c r="I3207">
        <v>53.336920284991997</v>
      </c>
      <c r="J3207" t="s">
        <v>58892</v>
      </c>
    </row>
    <row r="3208" spans="1:10" x14ac:dyDescent="0.25">
      <c r="A3208" t="s">
        <v>43598</v>
      </c>
      <c r="B3208" t="s">
        <v>43599</v>
      </c>
      <c r="C3208" t="s">
        <v>43600</v>
      </c>
      <c r="D3208" t="s">
        <v>43371</v>
      </c>
      <c r="E3208" t="s">
        <v>13</v>
      </c>
      <c r="F3208">
        <v>10874</v>
      </c>
      <c r="G3208" t="s">
        <v>43601</v>
      </c>
      <c r="H3208">
        <v>5.9985669809670004</v>
      </c>
      <c r="I3208">
        <v>53.372672394327999</v>
      </c>
      <c r="J3208" t="s">
        <v>58893</v>
      </c>
    </row>
    <row r="3209" spans="1:10" x14ac:dyDescent="0.25">
      <c r="A3209" t="s">
        <v>43594</v>
      </c>
      <c r="B3209" t="s">
        <v>43595</v>
      </c>
      <c r="C3209" t="s">
        <v>43596</v>
      </c>
      <c r="D3209" t="s">
        <v>43371</v>
      </c>
      <c r="E3209" t="s">
        <v>13</v>
      </c>
      <c r="F3209">
        <v>10873</v>
      </c>
      <c r="G3209" t="s">
        <v>43597</v>
      </c>
      <c r="H3209">
        <v>5.9638962715070001</v>
      </c>
      <c r="I3209">
        <v>53.364018432900998</v>
      </c>
      <c r="J3209" t="s">
        <v>58894</v>
      </c>
    </row>
    <row r="3210" spans="1:10" x14ac:dyDescent="0.25">
      <c r="A3210" t="s">
        <v>43590</v>
      </c>
      <c r="B3210" t="s">
        <v>43591</v>
      </c>
      <c r="C3210" t="s">
        <v>43592</v>
      </c>
      <c r="D3210" t="s">
        <v>43371</v>
      </c>
      <c r="E3210" t="s">
        <v>13</v>
      </c>
      <c r="F3210">
        <v>10872</v>
      </c>
      <c r="G3210" t="s">
        <v>43593</v>
      </c>
      <c r="H3210">
        <v>5.973396129258</v>
      </c>
      <c r="I3210">
        <v>53.350149136813997</v>
      </c>
      <c r="J3210" t="s">
        <v>58895</v>
      </c>
    </row>
    <row r="3211" spans="1:10" x14ac:dyDescent="0.25">
      <c r="A3211" t="s">
        <v>43586</v>
      </c>
      <c r="B3211" t="s">
        <v>43587</v>
      </c>
      <c r="C3211" t="s">
        <v>43588</v>
      </c>
      <c r="D3211" t="s">
        <v>43371</v>
      </c>
      <c r="E3211" t="s">
        <v>13</v>
      </c>
      <c r="F3211">
        <v>10871</v>
      </c>
      <c r="G3211" t="s">
        <v>43589</v>
      </c>
      <c r="H3211">
        <v>6.0054491360100002</v>
      </c>
      <c r="I3211">
        <v>53.356895913332998</v>
      </c>
      <c r="J3211" t="s">
        <v>58896</v>
      </c>
    </row>
    <row r="3212" spans="1:10" x14ac:dyDescent="0.25">
      <c r="A3212" t="s">
        <v>43582</v>
      </c>
      <c r="B3212" t="s">
        <v>43583</v>
      </c>
      <c r="C3212" t="s">
        <v>43584</v>
      </c>
      <c r="D3212" t="s">
        <v>43371</v>
      </c>
      <c r="E3212" t="s">
        <v>13</v>
      </c>
      <c r="F3212">
        <v>10870</v>
      </c>
      <c r="G3212" t="s">
        <v>43585</v>
      </c>
      <c r="H3212">
        <v>5.996809393945</v>
      </c>
      <c r="I3212">
        <v>53.371790926096999</v>
      </c>
      <c r="J3212" t="s">
        <v>58897</v>
      </c>
    </row>
    <row r="3213" spans="1:10" x14ac:dyDescent="0.25">
      <c r="A3213" t="s">
        <v>43578</v>
      </c>
      <c r="B3213" t="s">
        <v>43579</v>
      </c>
      <c r="C3213" t="s">
        <v>43580</v>
      </c>
      <c r="D3213" t="s">
        <v>43371</v>
      </c>
      <c r="E3213" t="s">
        <v>13</v>
      </c>
      <c r="F3213">
        <v>10869</v>
      </c>
      <c r="G3213" t="s">
        <v>43581</v>
      </c>
      <c r="H3213">
        <v>5.9656753199599999</v>
      </c>
      <c r="I3213">
        <v>53.363074941633997</v>
      </c>
      <c r="J3213" t="s">
        <v>58898</v>
      </c>
    </row>
    <row r="3214" spans="1:10" x14ac:dyDescent="0.25">
      <c r="A3214" t="s">
        <v>43574</v>
      </c>
      <c r="B3214" t="s">
        <v>43575</v>
      </c>
      <c r="C3214" t="s">
        <v>43576</v>
      </c>
      <c r="D3214" t="s">
        <v>43371</v>
      </c>
      <c r="E3214" t="s">
        <v>13</v>
      </c>
      <c r="F3214">
        <v>10868</v>
      </c>
      <c r="G3214" t="s">
        <v>43577</v>
      </c>
      <c r="H3214">
        <v>5.9355340681559996</v>
      </c>
      <c r="I3214">
        <v>53.355297579853001</v>
      </c>
      <c r="J3214" t="s">
        <v>58899</v>
      </c>
    </row>
    <row r="3215" spans="1:10" x14ac:dyDescent="0.25">
      <c r="A3215" t="s">
        <v>43570</v>
      </c>
      <c r="B3215" t="s">
        <v>43571</v>
      </c>
      <c r="C3215" t="s">
        <v>43572</v>
      </c>
      <c r="D3215" t="s">
        <v>43371</v>
      </c>
      <c r="E3215" t="s">
        <v>13</v>
      </c>
      <c r="F3215">
        <v>10867</v>
      </c>
      <c r="G3215" t="s">
        <v>43573</v>
      </c>
      <c r="H3215">
        <v>5.8966945054110003</v>
      </c>
      <c r="I3215">
        <v>53.369091590529997</v>
      </c>
      <c r="J3215" t="s">
        <v>58900</v>
      </c>
    </row>
    <row r="3216" spans="1:10" x14ac:dyDescent="0.25">
      <c r="A3216" t="s">
        <v>43566</v>
      </c>
      <c r="B3216" t="s">
        <v>43567</v>
      </c>
      <c r="C3216" t="s">
        <v>43568</v>
      </c>
      <c r="D3216" t="s">
        <v>43371</v>
      </c>
      <c r="E3216" t="s">
        <v>13</v>
      </c>
      <c r="F3216">
        <v>10866</v>
      </c>
      <c r="G3216" t="s">
        <v>43569</v>
      </c>
      <c r="H3216">
        <v>5.9383538100370004</v>
      </c>
      <c r="I3216">
        <v>53.327734293791998</v>
      </c>
      <c r="J3216" t="s">
        <v>58901</v>
      </c>
    </row>
    <row r="3217" spans="1:10" x14ac:dyDescent="0.25">
      <c r="A3217" t="s">
        <v>43562</v>
      </c>
      <c r="B3217" t="s">
        <v>43563</v>
      </c>
      <c r="C3217" t="s">
        <v>43564</v>
      </c>
      <c r="D3217" t="s">
        <v>43371</v>
      </c>
      <c r="E3217" t="s">
        <v>13</v>
      </c>
      <c r="F3217">
        <v>10865</v>
      </c>
      <c r="G3217" t="s">
        <v>43565</v>
      </c>
      <c r="H3217">
        <v>5.9655763640919997</v>
      </c>
      <c r="I3217">
        <v>53.333924594443999</v>
      </c>
      <c r="J3217" t="s">
        <v>58902</v>
      </c>
    </row>
    <row r="3218" spans="1:10" x14ac:dyDescent="0.25">
      <c r="A3218" t="s">
        <v>43558</v>
      </c>
      <c r="B3218" t="s">
        <v>43559</v>
      </c>
      <c r="C3218" t="s">
        <v>43560</v>
      </c>
      <c r="D3218" t="s">
        <v>43371</v>
      </c>
      <c r="E3218" t="s">
        <v>13</v>
      </c>
      <c r="F3218">
        <v>10864</v>
      </c>
      <c r="G3218" t="s">
        <v>43561</v>
      </c>
      <c r="H3218">
        <v>5.9476597096330002</v>
      </c>
      <c r="I3218">
        <v>53.344902974702997</v>
      </c>
      <c r="J3218" t="s">
        <v>58903</v>
      </c>
    </row>
    <row r="3219" spans="1:10" x14ac:dyDescent="0.25">
      <c r="A3219" t="s">
        <v>43554</v>
      </c>
      <c r="B3219" t="s">
        <v>43555</v>
      </c>
      <c r="C3219" t="s">
        <v>43556</v>
      </c>
      <c r="D3219" t="s">
        <v>43371</v>
      </c>
      <c r="E3219" t="s">
        <v>13</v>
      </c>
      <c r="F3219">
        <v>10863</v>
      </c>
      <c r="G3219" t="s">
        <v>43557</v>
      </c>
      <c r="H3219">
        <v>5.9313227972389999</v>
      </c>
      <c r="I3219">
        <v>53.351927004475002</v>
      </c>
      <c r="J3219" t="s">
        <v>58904</v>
      </c>
    </row>
    <row r="3220" spans="1:10" x14ac:dyDescent="0.25">
      <c r="A3220" t="s">
        <v>43550</v>
      </c>
      <c r="B3220" t="s">
        <v>43551</v>
      </c>
      <c r="C3220" t="s">
        <v>43552</v>
      </c>
      <c r="D3220" t="s">
        <v>43371</v>
      </c>
      <c r="E3220" t="s">
        <v>13</v>
      </c>
      <c r="F3220">
        <v>10862</v>
      </c>
      <c r="G3220" t="s">
        <v>43553</v>
      </c>
      <c r="H3220">
        <v>5.9185793572109997</v>
      </c>
      <c r="I3220">
        <v>53.356092272529999</v>
      </c>
      <c r="J3220" t="s">
        <v>58905</v>
      </c>
    </row>
    <row r="3221" spans="1:10" x14ac:dyDescent="0.25">
      <c r="A3221" t="s">
        <v>43546</v>
      </c>
      <c r="B3221" t="s">
        <v>43547</v>
      </c>
      <c r="C3221" t="s">
        <v>43548</v>
      </c>
      <c r="D3221" t="s">
        <v>43371</v>
      </c>
      <c r="E3221" t="s">
        <v>13</v>
      </c>
      <c r="F3221">
        <v>10861</v>
      </c>
      <c r="G3221" t="s">
        <v>43549</v>
      </c>
      <c r="H3221">
        <v>5.9035369433309999</v>
      </c>
      <c r="I3221">
        <v>53.368121931017001</v>
      </c>
      <c r="J3221" t="s">
        <v>58906</v>
      </c>
    </row>
    <row r="3222" spans="1:10" x14ac:dyDescent="0.25">
      <c r="A3222" t="s">
        <v>43542</v>
      </c>
      <c r="B3222" t="s">
        <v>43543</v>
      </c>
      <c r="C3222" t="s">
        <v>43544</v>
      </c>
      <c r="D3222" t="s">
        <v>43371</v>
      </c>
      <c r="E3222" t="s">
        <v>13</v>
      </c>
      <c r="F3222">
        <v>10860</v>
      </c>
      <c r="G3222" t="s">
        <v>43545</v>
      </c>
      <c r="H3222">
        <v>6.0676246643929996</v>
      </c>
      <c r="I3222">
        <v>53.400857899849001</v>
      </c>
      <c r="J3222" t="s">
        <v>58907</v>
      </c>
    </row>
    <row r="3223" spans="1:10" x14ac:dyDescent="0.25">
      <c r="A3223" t="s">
        <v>43539</v>
      </c>
      <c r="B3223" t="s">
        <v>43540</v>
      </c>
      <c r="C3223" t="s">
        <v>5638</v>
      </c>
      <c r="D3223" t="s">
        <v>43371</v>
      </c>
      <c r="E3223" t="s">
        <v>13</v>
      </c>
      <c r="F3223">
        <v>10859</v>
      </c>
      <c r="G3223" t="s">
        <v>43541</v>
      </c>
      <c r="H3223">
        <v>6.0436740856659998</v>
      </c>
      <c r="I3223">
        <v>53.392405590781998</v>
      </c>
      <c r="J3223" t="s">
        <v>58908</v>
      </c>
    </row>
    <row r="3224" spans="1:10" x14ac:dyDescent="0.25">
      <c r="A3224" t="s">
        <v>43535</v>
      </c>
      <c r="B3224" t="s">
        <v>43536</v>
      </c>
      <c r="C3224" t="s">
        <v>43537</v>
      </c>
      <c r="D3224" t="s">
        <v>43371</v>
      </c>
      <c r="E3224" t="s">
        <v>13</v>
      </c>
      <c r="F3224">
        <v>10858</v>
      </c>
      <c r="G3224" t="s">
        <v>43538</v>
      </c>
      <c r="H3224">
        <v>6.0065037481549997</v>
      </c>
      <c r="I3224">
        <v>53.394876825105001</v>
      </c>
      <c r="J3224" t="s">
        <v>58909</v>
      </c>
    </row>
    <row r="3225" spans="1:10" x14ac:dyDescent="0.25">
      <c r="A3225" t="s">
        <v>43531</v>
      </c>
      <c r="B3225" t="s">
        <v>43532</v>
      </c>
      <c r="C3225" t="s">
        <v>43533</v>
      </c>
      <c r="D3225" t="s">
        <v>43371</v>
      </c>
      <c r="E3225" t="s">
        <v>13</v>
      </c>
      <c r="F3225">
        <v>10857</v>
      </c>
      <c r="G3225" t="s">
        <v>43534</v>
      </c>
      <c r="H3225">
        <v>5.9651399468220001</v>
      </c>
      <c r="I3225">
        <v>53.382718465700002</v>
      </c>
      <c r="J3225" t="s">
        <v>58910</v>
      </c>
    </row>
    <row r="3226" spans="1:10" x14ac:dyDescent="0.25">
      <c r="A3226" t="s">
        <v>43527</v>
      </c>
      <c r="B3226" t="s">
        <v>43528</v>
      </c>
      <c r="C3226" t="s">
        <v>43529</v>
      </c>
      <c r="D3226" t="s">
        <v>43371</v>
      </c>
      <c r="E3226" t="s">
        <v>13</v>
      </c>
      <c r="F3226">
        <v>10856</v>
      </c>
      <c r="G3226" t="s">
        <v>43530</v>
      </c>
      <c r="H3226">
        <v>6.0775465534590003</v>
      </c>
      <c r="I3226">
        <v>53.403603721899998</v>
      </c>
      <c r="J3226" t="s">
        <v>58911</v>
      </c>
    </row>
    <row r="3227" spans="1:10" x14ac:dyDescent="0.25">
      <c r="A3227" t="s">
        <v>43524</v>
      </c>
      <c r="B3227" t="s">
        <v>43525</v>
      </c>
      <c r="C3227" t="s">
        <v>5412</v>
      </c>
      <c r="D3227" t="s">
        <v>43371</v>
      </c>
      <c r="E3227" t="s">
        <v>13</v>
      </c>
      <c r="F3227">
        <v>10855</v>
      </c>
      <c r="G3227" t="s">
        <v>43526</v>
      </c>
      <c r="H3227">
        <v>6.0477813628100003</v>
      </c>
      <c r="I3227">
        <v>53.395383654547999</v>
      </c>
      <c r="J3227" t="s">
        <v>58912</v>
      </c>
    </row>
    <row r="3228" spans="1:10" x14ac:dyDescent="0.25">
      <c r="A3228" t="s">
        <v>43520</v>
      </c>
      <c r="B3228" t="s">
        <v>43521</v>
      </c>
      <c r="C3228" t="s">
        <v>43522</v>
      </c>
      <c r="D3228" t="s">
        <v>43371</v>
      </c>
      <c r="E3228" t="s">
        <v>13</v>
      </c>
      <c r="F3228">
        <v>10854</v>
      </c>
      <c r="G3228" t="s">
        <v>43523</v>
      </c>
      <c r="H3228">
        <v>6.0147423238939997</v>
      </c>
      <c r="I3228">
        <v>53.401138093691003</v>
      </c>
      <c r="J3228" t="s">
        <v>58913</v>
      </c>
    </row>
    <row r="3229" spans="1:10" x14ac:dyDescent="0.25">
      <c r="A3229" t="s">
        <v>43516</v>
      </c>
      <c r="B3229" t="s">
        <v>43517</v>
      </c>
      <c r="C3229" t="s">
        <v>43518</v>
      </c>
      <c r="D3229" t="s">
        <v>43371</v>
      </c>
      <c r="E3229" t="s">
        <v>13</v>
      </c>
      <c r="F3229">
        <v>10853</v>
      </c>
      <c r="G3229" t="s">
        <v>43519</v>
      </c>
      <c r="H3229">
        <v>5.965789239986</v>
      </c>
      <c r="I3229">
        <v>53.381556990850001</v>
      </c>
      <c r="J3229" t="s">
        <v>58914</v>
      </c>
    </row>
    <row r="3230" spans="1:10" x14ac:dyDescent="0.25">
      <c r="A3230" t="s">
        <v>43512</v>
      </c>
      <c r="B3230" t="s">
        <v>43513</v>
      </c>
      <c r="C3230" t="s">
        <v>43514</v>
      </c>
      <c r="D3230" t="s">
        <v>43371</v>
      </c>
      <c r="E3230" t="s">
        <v>13</v>
      </c>
      <c r="F3230">
        <v>10852</v>
      </c>
      <c r="G3230" t="s">
        <v>43515</v>
      </c>
      <c r="H3230">
        <v>6.0931602456989999</v>
      </c>
      <c r="I3230">
        <v>53.398317281163997</v>
      </c>
      <c r="J3230" t="s">
        <v>58915</v>
      </c>
    </row>
    <row r="3231" spans="1:10" x14ac:dyDescent="0.25">
      <c r="A3231" t="s">
        <v>43508</v>
      </c>
      <c r="B3231" t="s">
        <v>43509</v>
      </c>
      <c r="C3231" t="s">
        <v>43510</v>
      </c>
      <c r="D3231" t="s">
        <v>43371</v>
      </c>
      <c r="E3231" t="s">
        <v>13</v>
      </c>
      <c r="F3231">
        <v>10851</v>
      </c>
      <c r="G3231" t="s">
        <v>43511</v>
      </c>
      <c r="H3231">
        <v>6.0487241325600003</v>
      </c>
      <c r="I3231">
        <v>53.378543716402</v>
      </c>
      <c r="J3231" t="s">
        <v>58916</v>
      </c>
    </row>
    <row r="3232" spans="1:10" x14ac:dyDescent="0.25">
      <c r="A3232" t="s">
        <v>43504</v>
      </c>
      <c r="B3232" t="s">
        <v>43505</v>
      </c>
      <c r="C3232" t="s">
        <v>43506</v>
      </c>
      <c r="D3232" t="s">
        <v>43371</v>
      </c>
      <c r="E3232" t="s">
        <v>13</v>
      </c>
      <c r="F3232">
        <v>10850</v>
      </c>
      <c r="G3232" t="s">
        <v>43507</v>
      </c>
      <c r="H3232">
        <v>6.086054450522</v>
      </c>
      <c r="I3232">
        <v>53.401460683800003</v>
      </c>
      <c r="J3232" t="s">
        <v>58917</v>
      </c>
    </row>
    <row r="3233" spans="1:10" x14ac:dyDescent="0.25">
      <c r="A3233" t="s">
        <v>43500</v>
      </c>
      <c r="B3233" t="s">
        <v>43501</v>
      </c>
      <c r="C3233" t="s">
        <v>43502</v>
      </c>
      <c r="D3233" t="s">
        <v>43371</v>
      </c>
      <c r="E3233" t="s">
        <v>13</v>
      </c>
      <c r="F3233">
        <v>10849</v>
      </c>
      <c r="G3233" t="s">
        <v>43503</v>
      </c>
      <c r="H3233">
        <v>6.0532277531309999</v>
      </c>
      <c r="I3233">
        <v>53.379180766512</v>
      </c>
      <c r="J3233" t="s">
        <v>58918</v>
      </c>
    </row>
    <row r="3234" spans="1:10" x14ac:dyDescent="0.25">
      <c r="A3234" t="s">
        <v>43496</v>
      </c>
      <c r="B3234" t="s">
        <v>43497</v>
      </c>
      <c r="C3234" t="s">
        <v>43498</v>
      </c>
      <c r="D3234" t="s">
        <v>43371</v>
      </c>
      <c r="E3234" t="s">
        <v>13</v>
      </c>
      <c r="F3234">
        <v>10848</v>
      </c>
      <c r="G3234" t="s">
        <v>43499</v>
      </c>
      <c r="H3234">
        <v>6.0937757442659999</v>
      </c>
      <c r="I3234">
        <v>53.365625915514997</v>
      </c>
      <c r="J3234" t="s">
        <v>58919</v>
      </c>
    </row>
    <row r="3235" spans="1:10" x14ac:dyDescent="0.25">
      <c r="A3235" t="s">
        <v>43492</v>
      </c>
      <c r="B3235" t="s">
        <v>43493</v>
      </c>
      <c r="C3235" t="s">
        <v>43494</v>
      </c>
      <c r="D3235" t="s">
        <v>43371</v>
      </c>
      <c r="E3235" t="s">
        <v>13</v>
      </c>
      <c r="F3235">
        <v>10847</v>
      </c>
      <c r="G3235" t="s">
        <v>43495</v>
      </c>
      <c r="H3235">
        <v>6.1025509077980002</v>
      </c>
      <c r="I3235">
        <v>53.389821677038</v>
      </c>
      <c r="J3235" t="s">
        <v>58920</v>
      </c>
    </row>
    <row r="3236" spans="1:10" x14ac:dyDescent="0.25">
      <c r="A3236" t="s">
        <v>43488</v>
      </c>
      <c r="B3236" t="s">
        <v>43489</v>
      </c>
      <c r="C3236" t="s">
        <v>43490</v>
      </c>
      <c r="D3236" t="s">
        <v>43371</v>
      </c>
      <c r="E3236" t="s">
        <v>13</v>
      </c>
      <c r="F3236">
        <v>10846</v>
      </c>
      <c r="G3236" t="s">
        <v>43491</v>
      </c>
      <c r="H3236">
        <v>6.1377373658319998</v>
      </c>
      <c r="I3236">
        <v>53.375133557097001</v>
      </c>
      <c r="J3236" t="s">
        <v>58921</v>
      </c>
    </row>
    <row r="3237" spans="1:10" x14ac:dyDescent="0.25">
      <c r="A3237" t="s">
        <v>43484</v>
      </c>
      <c r="B3237" t="s">
        <v>43485</v>
      </c>
      <c r="C3237" t="s">
        <v>43486</v>
      </c>
      <c r="D3237" t="s">
        <v>43371</v>
      </c>
      <c r="E3237" t="s">
        <v>13</v>
      </c>
      <c r="F3237">
        <v>10845</v>
      </c>
      <c r="G3237" t="s">
        <v>43487</v>
      </c>
      <c r="H3237">
        <v>6.157322740813</v>
      </c>
      <c r="I3237">
        <v>53.378392899402002</v>
      </c>
      <c r="J3237" t="s">
        <v>58922</v>
      </c>
    </row>
    <row r="3238" spans="1:10" x14ac:dyDescent="0.25">
      <c r="A3238" t="s">
        <v>43480</v>
      </c>
      <c r="B3238" t="s">
        <v>43481</v>
      </c>
      <c r="C3238" t="s">
        <v>43482</v>
      </c>
      <c r="D3238" t="s">
        <v>43371</v>
      </c>
      <c r="E3238" t="s">
        <v>13</v>
      </c>
      <c r="F3238">
        <v>10844</v>
      </c>
      <c r="G3238" t="s">
        <v>43483</v>
      </c>
      <c r="H3238">
        <v>6.0883034752830003</v>
      </c>
      <c r="I3238">
        <v>53.372685443565999</v>
      </c>
      <c r="J3238" t="s">
        <v>58923</v>
      </c>
    </row>
    <row r="3239" spans="1:10" x14ac:dyDescent="0.25">
      <c r="A3239" t="s">
        <v>43476</v>
      </c>
      <c r="B3239" t="s">
        <v>43477</v>
      </c>
      <c r="C3239" t="s">
        <v>43478</v>
      </c>
      <c r="D3239" t="s">
        <v>43371</v>
      </c>
      <c r="E3239" t="s">
        <v>13</v>
      </c>
      <c r="F3239">
        <v>10843</v>
      </c>
      <c r="G3239" t="s">
        <v>43479</v>
      </c>
      <c r="H3239">
        <v>6.0878226029090001</v>
      </c>
      <c r="I3239">
        <v>53.380674748399997</v>
      </c>
      <c r="J3239" t="s">
        <v>58924</v>
      </c>
    </row>
    <row r="3240" spans="1:10" x14ac:dyDescent="0.25">
      <c r="A3240" t="s">
        <v>43472</v>
      </c>
      <c r="B3240" t="s">
        <v>43473</v>
      </c>
      <c r="C3240" t="s">
        <v>43474</v>
      </c>
      <c r="D3240" t="s">
        <v>43371</v>
      </c>
      <c r="E3240" t="s">
        <v>13</v>
      </c>
      <c r="F3240">
        <v>10842</v>
      </c>
      <c r="G3240" t="s">
        <v>43475</v>
      </c>
      <c r="H3240">
        <v>6.1273360907210002</v>
      </c>
      <c r="I3240">
        <v>53.374932842890999</v>
      </c>
      <c r="J3240" t="s">
        <v>58925</v>
      </c>
    </row>
    <row r="3241" spans="1:10" x14ac:dyDescent="0.25">
      <c r="A3241" t="s">
        <v>43468</v>
      </c>
      <c r="B3241" t="s">
        <v>43469</v>
      </c>
      <c r="C3241" t="s">
        <v>43470</v>
      </c>
      <c r="D3241" t="s">
        <v>43371</v>
      </c>
      <c r="E3241" t="s">
        <v>13</v>
      </c>
      <c r="F3241">
        <v>10841</v>
      </c>
      <c r="G3241" t="s">
        <v>43471</v>
      </c>
      <c r="H3241">
        <v>6.1497189567639996</v>
      </c>
      <c r="I3241">
        <v>53.327734221443002</v>
      </c>
      <c r="J3241" t="s">
        <v>58926</v>
      </c>
    </row>
    <row r="3242" spans="1:10" x14ac:dyDescent="0.25">
      <c r="A3242" t="s">
        <v>43464</v>
      </c>
      <c r="B3242" t="s">
        <v>43465</v>
      </c>
      <c r="C3242" t="s">
        <v>43466</v>
      </c>
      <c r="D3242" t="s">
        <v>43371</v>
      </c>
      <c r="E3242" t="s">
        <v>13</v>
      </c>
      <c r="F3242">
        <v>10840</v>
      </c>
      <c r="G3242" t="s">
        <v>43467</v>
      </c>
      <c r="H3242">
        <v>6.1045046521900002</v>
      </c>
      <c r="I3242">
        <v>53.339042265667999</v>
      </c>
      <c r="J3242" t="s">
        <v>58927</v>
      </c>
    </row>
    <row r="3243" spans="1:10" x14ac:dyDescent="0.25">
      <c r="A3243" t="s">
        <v>43460</v>
      </c>
      <c r="B3243" t="s">
        <v>43461</v>
      </c>
      <c r="C3243" t="s">
        <v>43462</v>
      </c>
      <c r="D3243" t="s">
        <v>43371</v>
      </c>
      <c r="E3243" t="s">
        <v>13</v>
      </c>
      <c r="F3243">
        <v>10839</v>
      </c>
      <c r="G3243" t="s">
        <v>43463</v>
      </c>
      <c r="H3243">
        <v>6.1577375146669997</v>
      </c>
      <c r="I3243">
        <v>53.317820402628001</v>
      </c>
      <c r="J3243" t="s">
        <v>58928</v>
      </c>
    </row>
    <row r="3244" spans="1:10" x14ac:dyDescent="0.25">
      <c r="A3244" t="s">
        <v>43456</v>
      </c>
      <c r="B3244" t="s">
        <v>43457</v>
      </c>
      <c r="C3244" t="s">
        <v>43458</v>
      </c>
      <c r="D3244" t="s">
        <v>43371</v>
      </c>
      <c r="E3244" t="s">
        <v>13</v>
      </c>
      <c r="F3244">
        <v>10838</v>
      </c>
      <c r="G3244" t="s">
        <v>43459</v>
      </c>
      <c r="H3244">
        <v>6.1326544186650001</v>
      </c>
      <c r="I3244">
        <v>53.317749193584</v>
      </c>
      <c r="J3244" t="s">
        <v>58929</v>
      </c>
    </row>
    <row r="3245" spans="1:10" x14ac:dyDescent="0.25">
      <c r="A3245" t="s">
        <v>43452</v>
      </c>
      <c r="B3245" t="s">
        <v>43453</v>
      </c>
      <c r="C3245" t="s">
        <v>43454</v>
      </c>
      <c r="D3245" t="s">
        <v>43371</v>
      </c>
      <c r="E3245" t="s">
        <v>13</v>
      </c>
      <c r="F3245">
        <v>10837</v>
      </c>
      <c r="G3245" t="s">
        <v>43455</v>
      </c>
      <c r="H3245">
        <v>6.1008861734020003</v>
      </c>
      <c r="I3245">
        <v>53.330105917441003</v>
      </c>
      <c r="J3245" t="s">
        <v>58930</v>
      </c>
    </row>
    <row r="3246" spans="1:10" x14ac:dyDescent="0.25">
      <c r="A3246" t="s">
        <v>43448</v>
      </c>
      <c r="B3246" t="s">
        <v>43449</v>
      </c>
      <c r="C3246" t="s">
        <v>43450</v>
      </c>
      <c r="D3246" t="s">
        <v>43371</v>
      </c>
      <c r="E3246" t="s">
        <v>13</v>
      </c>
      <c r="F3246">
        <v>10836</v>
      </c>
      <c r="G3246" t="s">
        <v>43451</v>
      </c>
      <c r="H3246">
        <v>6.0477062241999997</v>
      </c>
      <c r="I3246">
        <v>53.331652944330003</v>
      </c>
      <c r="J3246" t="s">
        <v>58931</v>
      </c>
    </row>
    <row r="3247" spans="1:10" x14ac:dyDescent="0.25">
      <c r="A3247" t="s">
        <v>43444</v>
      </c>
      <c r="B3247" t="s">
        <v>43445</v>
      </c>
      <c r="C3247" t="s">
        <v>43446</v>
      </c>
      <c r="D3247" t="s">
        <v>43371</v>
      </c>
      <c r="E3247" t="s">
        <v>13</v>
      </c>
      <c r="F3247">
        <v>10835</v>
      </c>
      <c r="G3247" t="s">
        <v>43447</v>
      </c>
      <c r="H3247">
        <v>6.0434457704789999</v>
      </c>
      <c r="I3247">
        <v>53.359937053783</v>
      </c>
      <c r="J3247" t="s">
        <v>58932</v>
      </c>
    </row>
    <row r="3248" spans="1:10" x14ac:dyDescent="0.25">
      <c r="A3248" t="s">
        <v>43440</v>
      </c>
      <c r="B3248" t="s">
        <v>43441</v>
      </c>
      <c r="C3248" t="s">
        <v>43442</v>
      </c>
      <c r="D3248" t="s">
        <v>43371</v>
      </c>
      <c r="E3248" t="s">
        <v>13</v>
      </c>
      <c r="F3248">
        <v>10834</v>
      </c>
      <c r="G3248" t="s">
        <v>43443</v>
      </c>
      <c r="H3248">
        <v>6.0697714257340003</v>
      </c>
      <c r="I3248">
        <v>53.361292011038003</v>
      </c>
      <c r="J3248" t="s">
        <v>58933</v>
      </c>
    </row>
    <row r="3249" spans="1:10" x14ac:dyDescent="0.25">
      <c r="A3249" t="s">
        <v>43437</v>
      </c>
      <c r="B3249" t="s">
        <v>43438</v>
      </c>
      <c r="C3249" t="s">
        <v>30990</v>
      </c>
      <c r="D3249" t="s">
        <v>43371</v>
      </c>
      <c r="E3249" t="s">
        <v>13</v>
      </c>
      <c r="F3249">
        <v>10833</v>
      </c>
      <c r="G3249" t="s">
        <v>43439</v>
      </c>
      <c r="H3249">
        <v>6.0632411774930004</v>
      </c>
      <c r="I3249">
        <v>53.332396732226997</v>
      </c>
      <c r="J3249" t="s">
        <v>58934</v>
      </c>
    </row>
    <row r="3250" spans="1:10" x14ac:dyDescent="0.25">
      <c r="A3250" t="s">
        <v>43433</v>
      </c>
      <c r="B3250" t="s">
        <v>43434</v>
      </c>
      <c r="C3250" t="s">
        <v>43435</v>
      </c>
      <c r="D3250" t="s">
        <v>43371</v>
      </c>
      <c r="E3250" t="s">
        <v>13</v>
      </c>
      <c r="F3250">
        <v>10832</v>
      </c>
      <c r="G3250" t="s">
        <v>43436</v>
      </c>
      <c r="H3250">
        <v>6.0102683063829998</v>
      </c>
      <c r="I3250">
        <v>53.341569568452002</v>
      </c>
      <c r="J3250" t="s">
        <v>58935</v>
      </c>
    </row>
    <row r="3251" spans="1:10" x14ac:dyDescent="0.25">
      <c r="A3251" t="s">
        <v>43429</v>
      </c>
      <c r="B3251" t="s">
        <v>43430</v>
      </c>
      <c r="C3251" t="s">
        <v>43431</v>
      </c>
      <c r="D3251" t="s">
        <v>43371</v>
      </c>
      <c r="E3251" t="s">
        <v>13</v>
      </c>
      <c r="F3251">
        <v>10831</v>
      </c>
      <c r="G3251" t="s">
        <v>43432</v>
      </c>
      <c r="H3251">
        <v>6.036276323529</v>
      </c>
      <c r="I3251">
        <v>53.347840884027001</v>
      </c>
      <c r="J3251" t="s">
        <v>58936</v>
      </c>
    </row>
    <row r="3252" spans="1:10" x14ac:dyDescent="0.25">
      <c r="A3252" t="s">
        <v>43425</v>
      </c>
      <c r="B3252" t="s">
        <v>43426</v>
      </c>
      <c r="C3252" t="s">
        <v>43427</v>
      </c>
      <c r="D3252" t="s">
        <v>43371</v>
      </c>
      <c r="E3252" t="s">
        <v>13</v>
      </c>
      <c r="F3252">
        <v>10830</v>
      </c>
      <c r="G3252" t="s">
        <v>43428</v>
      </c>
      <c r="H3252">
        <v>6.0468334966809998</v>
      </c>
      <c r="I3252">
        <v>53.365478902075999</v>
      </c>
      <c r="J3252" t="s">
        <v>58937</v>
      </c>
    </row>
    <row r="3253" spans="1:10" x14ac:dyDescent="0.25">
      <c r="A3253" t="s">
        <v>43421</v>
      </c>
      <c r="B3253" t="s">
        <v>43422</v>
      </c>
      <c r="C3253" t="s">
        <v>43423</v>
      </c>
      <c r="D3253" t="s">
        <v>43371</v>
      </c>
      <c r="E3253" t="s">
        <v>13</v>
      </c>
      <c r="F3253">
        <v>10829</v>
      </c>
      <c r="G3253" t="s">
        <v>43424</v>
      </c>
      <c r="H3253">
        <v>6.0730517829309996</v>
      </c>
      <c r="I3253">
        <v>53.346533747018</v>
      </c>
      <c r="J3253" t="s">
        <v>58938</v>
      </c>
    </row>
    <row r="3254" spans="1:10" x14ac:dyDescent="0.25">
      <c r="A3254" t="s">
        <v>43417</v>
      </c>
      <c r="B3254" t="s">
        <v>43418</v>
      </c>
      <c r="C3254" t="s">
        <v>43419</v>
      </c>
      <c r="D3254" t="s">
        <v>43371</v>
      </c>
      <c r="E3254" t="s">
        <v>13</v>
      </c>
      <c r="F3254">
        <v>10828</v>
      </c>
      <c r="G3254" t="s">
        <v>43420</v>
      </c>
      <c r="H3254">
        <v>6.0658973307849999</v>
      </c>
      <c r="I3254">
        <v>53.359982129316997</v>
      </c>
      <c r="J3254" t="s">
        <v>58939</v>
      </c>
    </row>
    <row r="3255" spans="1:10" x14ac:dyDescent="0.25">
      <c r="A3255" t="s">
        <v>43413</v>
      </c>
      <c r="B3255" t="s">
        <v>43414</v>
      </c>
      <c r="C3255" t="s">
        <v>43415</v>
      </c>
      <c r="D3255" t="s">
        <v>43371</v>
      </c>
      <c r="E3255" t="s">
        <v>13</v>
      </c>
      <c r="F3255">
        <v>10827</v>
      </c>
      <c r="G3255" t="s">
        <v>43416</v>
      </c>
      <c r="H3255">
        <v>6.0152892828219997</v>
      </c>
      <c r="I3255">
        <v>53.322707069781998</v>
      </c>
      <c r="J3255" t="s">
        <v>58940</v>
      </c>
    </row>
    <row r="3256" spans="1:10" x14ac:dyDescent="0.25">
      <c r="A3256" t="s">
        <v>43409</v>
      </c>
      <c r="B3256" t="s">
        <v>43410</v>
      </c>
      <c r="C3256" t="s">
        <v>43411</v>
      </c>
      <c r="D3256" t="s">
        <v>43371</v>
      </c>
      <c r="E3256" t="s">
        <v>13</v>
      </c>
      <c r="F3256">
        <v>10826</v>
      </c>
      <c r="G3256" t="s">
        <v>43412</v>
      </c>
      <c r="H3256">
        <v>6.0146315165389996</v>
      </c>
      <c r="I3256">
        <v>53.314151106137999</v>
      </c>
      <c r="J3256" t="s">
        <v>58941</v>
      </c>
    </row>
    <row r="3257" spans="1:10" x14ac:dyDescent="0.25">
      <c r="A3257" t="s">
        <v>43405</v>
      </c>
      <c r="B3257" t="s">
        <v>43406</v>
      </c>
      <c r="C3257" t="s">
        <v>43407</v>
      </c>
      <c r="D3257" t="s">
        <v>43371</v>
      </c>
      <c r="E3257" t="s">
        <v>13</v>
      </c>
      <c r="F3257">
        <v>10825</v>
      </c>
      <c r="G3257" t="s">
        <v>43408</v>
      </c>
      <c r="H3257">
        <v>6.0001331618610001</v>
      </c>
      <c r="I3257">
        <v>53.314470998026003</v>
      </c>
      <c r="J3257" t="s">
        <v>58942</v>
      </c>
    </row>
    <row r="3258" spans="1:10" x14ac:dyDescent="0.25">
      <c r="A3258" t="s">
        <v>43401</v>
      </c>
      <c r="B3258" t="s">
        <v>43402</v>
      </c>
      <c r="C3258" t="s">
        <v>43403</v>
      </c>
      <c r="D3258" t="s">
        <v>43371</v>
      </c>
      <c r="E3258" t="s">
        <v>13</v>
      </c>
      <c r="F3258">
        <v>10824</v>
      </c>
      <c r="G3258" t="s">
        <v>43404</v>
      </c>
      <c r="H3258">
        <v>5.9991380613030003</v>
      </c>
      <c r="I3258">
        <v>53.333255265026999</v>
      </c>
      <c r="J3258" t="s">
        <v>58943</v>
      </c>
    </row>
    <row r="3259" spans="1:10" x14ac:dyDescent="0.25">
      <c r="A3259" t="s">
        <v>43397</v>
      </c>
      <c r="B3259" t="s">
        <v>43398</v>
      </c>
      <c r="C3259" t="s">
        <v>43399</v>
      </c>
      <c r="D3259" t="s">
        <v>43371</v>
      </c>
      <c r="E3259" t="s">
        <v>13</v>
      </c>
      <c r="F3259">
        <v>10823</v>
      </c>
      <c r="G3259" t="s">
        <v>43400</v>
      </c>
      <c r="H3259">
        <v>5.9826922679820003</v>
      </c>
      <c r="I3259">
        <v>53.312886736308997</v>
      </c>
      <c r="J3259" t="s">
        <v>58944</v>
      </c>
    </row>
    <row r="3260" spans="1:10" x14ac:dyDescent="0.25">
      <c r="A3260" t="s">
        <v>43393</v>
      </c>
      <c r="B3260" t="s">
        <v>43394</v>
      </c>
      <c r="C3260" t="s">
        <v>43395</v>
      </c>
      <c r="D3260" t="s">
        <v>43371</v>
      </c>
      <c r="E3260" t="s">
        <v>13</v>
      </c>
      <c r="F3260">
        <v>10822</v>
      </c>
      <c r="G3260" t="s">
        <v>43396</v>
      </c>
      <c r="H3260">
        <v>5.9814478526280004</v>
      </c>
      <c r="I3260">
        <v>53.320630257372997</v>
      </c>
      <c r="J3260" t="s">
        <v>58945</v>
      </c>
    </row>
    <row r="3261" spans="1:10" x14ac:dyDescent="0.25">
      <c r="A3261" t="s">
        <v>43389</v>
      </c>
      <c r="B3261" t="s">
        <v>43390</v>
      </c>
      <c r="C3261" t="s">
        <v>43391</v>
      </c>
      <c r="D3261" t="s">
        <v>43371</v>
      </c>
      <c r="E3261" t="s">
        <v>13</v>
      </c>
      <c r="F3261">
        <v>10821</v>
      </c>
      <c r="G3261" t="s">
        <v>43392</v>
      </c>
      <c r="H3261">
        <v>5.9914284806970004</v>
      </c>
      <c r="I3261">
        <v>53.322521213122997</v>
      </c>
      <c r="J3261" t="s">
        <v>58946</v>
      </c>
    </row>
    <row r="3262" spans="1:10" x14ac:dyDescent="0.25">
      <c r="A3262" t="s">
        <v>43385</v>
      </c>
      <c r="B3262" t="s">
        <v>43386</v>
      </c>
      <c r="C3262" t="s">
        <v>43387</v>
      </c>
      <c r="D3262" t="s">
        <v>43371</v>
      </c>
      <c r="E3262" t="s">
        <v>13</v>
      </c>
      <c r="F3262">
        <v>10820</v>
      </c>
      <c r="G3262" t="s">
        <v>43388</v>
      </c>
      <c r="H3262">
        <v>5.9807347337449999</v>
      </c>
      <c r="I3262">
        <v>53.329159556107001</v>
      </c>
      <c r="J3262" t="s">
        <v>58947</v>
      </c>
    </row>
    <row r="3263" spans="1:10" x14ac:dyDescent="0.25">
      <c r="A3263" t="s">
        <v>43381</v>
      </c>
      <c r="B3263" t="s">
        <v>43382</v>
      </c>
      <c r="C3263" t="s">
        <v>43383</v>
      </c>
      <c r="D3263" t="s">
        <v>43371</v>
      </c>
      <c r="E3263" t="s">
        <v>13</v>
      </c>
      <c r="F3263">
        <v>10819</v>
      </c>
      <c r="G3263" t="s">
        <v>43384</v>
      </c>
      <c r="H3263">
        <v>6.0151212083979999</v>
      </c>
      <c r="I3263">
        <v>53.328881933330003</v>
      </c>
      <c r="J3263" t="s">
        <v>58948</v>
      </c>
    </row>
    <row r="3264" spans="1:10" x14ac:dyDescent="0.25">
      <c r="A3264" t="s">
        <v>43377</v>
      </c>
      <c r="B3264" t="s">
        <v>43378</v>
      </c>
      <c r="C3264" t="s">
        <v>43379</v>
      </c>
      <c r="D3264" t="s">
        <v>43371</v>
      </c>
      <c r="E3264" t="s">
        <v>13</v>
      </c>
      <c r="F3264">
        <v>10818</v>
      </c>
      <c r="G3264" t="s">
        <v>43380</v>
      </c>
      <c r="H3264">
        <v>6.002423800081</v>
      </c>
      <c r="I3264">
        <v>53.320706556577001</v>
      </c>
      <c r="J3264" t="s">
        <v>58949</v>
      </c>
    </row>
    <row r="3265" spans="1:10" x14ac:dyDescent="0.25">
      <c r="A3265" t="s">
        <v>43373</v>
      </c>
      <c r="B3265" t="s">
        <v>43374</v>
      </c>
      <c r="C3265" t="s">
        <v>43375</v>
      </c>
      <c r="D3265" t="s">
        <v>43371</v>
      </c>
      <c r="E3265" t="s">
        <v>13</v>
      </c>
      <c r="F3265">
        <v>10817</v>
      </c>
      <c r="G3265" t="s">
        <v>43376</v>
      </c>
      <c r="H3265">
        <v>6.0069376134640002</v>
      </c>
      <c r="I3265">
        <v>53.331846707814002</v>
      </c>
      <c r="J3265" t="s">
        <v>58950</v>
      </c>
    </row>
    <row r="3266" spans="1:10" x14ac:dyDescent="0.25">
      <c r="A3266" t="s">
        <v>43368</v>
      </c>
      <c r="B3266" t="s">
        <v>43369</v>
      </c>
      <c r="C3266" t="s">
        <v>43370</v>
      </c>
      <c r="D3266" t="s">
        <v>43371</v>
      </c>
      <c r="E3266" t="s">
        <v>13</v>
      </c>
      <c r="F3266">
        <v>10816</v>
      </c>
      <c r="G3266" t="s">
        <v>43372</v>
      </c>
      <c r="H3266">
        <v>5.9988654677930002</v>
      </c>
      <c r="I3266">
        <v>53.325916868870998</v>
      </c>
      <c r="J3266" t="s">
        <v>58951</v>
      </c>
    </row>
    <row r="3267" spans="1:10" x14ac:dyDescent="0.25">
      <c r="A3267" t="s">
        <v>43364</v>
      </c>
      <c r="B3267" t="s">
        <v>43365</v>
      </c>
      <c r="C3267" t="s">
        <v>43366</v>
      </c>
      <c r="D3267" t="s">
        <v>43056</v>
      </c>
      <c r="E3267" t="s">
        <v>13</v>
      </c>
      <c r="F3267">
        <v>10815</v>
      </c>
      <c r="G3267" t="s">
        <v>43367</v>
      </c>
      <c r="H3267">
        <v>6.4560730494429999</v>
      </c>
      <c r="I3267">
        <v>53.251651641820999</v>
      </c>
      <c r="J3267" t="s">
        <v>58952</v>
      </c>
    </row>
    <row r="3268" spans="1:10" x14ac:dyDescent="0.25">
      <c r="A3268" t="s">
        <v>43360</v>
      </c>
      <c r="B3268" t="s">
        <v>43361</v>
      </c>
      <c r="C3268" t="s">
        <v>43362</v>
      </c>
      <c r="D3268" t="s">
        <v>43056</v>
      </c>
      <c r="E3268" t="s">
        <v>13</v>
      </c>
      <c r="F3268">
        <v>10814</v>
      </c>
      <c r="G3268" t="s">
        <v>43363</v>
      </c>
      <c r="H3268">
        <v>6.4278305117240002</v>
      </c>
      <c r="I3268">
        <v>53.273159722700001</v>
      </c>
      <c r="J3268" t="s">
        <v>58953</v>
      </c>
    </row>
    <row r="3269" spans="1:10" x14ac:dyDescent="0.25">
      <c r="A3269" t="s">
        <v>43356</v>
      </c>
      <c r="B3269" t="s">
        <v>43357</v>
      </c>
      <c r="C3269" t="s">
        <v>43358</v>
      </c>
      <c r="D3269" t="s">
        <v>43056</v>
      </c>
      <c r="E3269" t="s">
        <v>13</v>
      </c>
      <c r="F3269">
        <v>10813</v>
      </c>
      <c r="G3269" t="s">
        <v>43359</v>
      </c>
      <c r="H3269">
        <v>6.4455273465719998</v>
      </c>
      <c r="I3269">
        <v>53.227243615657002</v>
      </c>
      <c r="J3269" t="s">
        <v>58954</v>
      </c>
    </row>
    <row r="3270" spans="1:10" x14ac:dyDescent="0.25">
      <c r="A3270" t="s">
        <v>43352</v>
      </c>
      <c r="B3270" t="s">
        <v>43353</v>
      </c>
      <c r="C3270" t="s">
        <v>43354</v>
      </c>
      <c r="D3270" t="s">
        <v>43056</v>
      </c>
      <c r="E3270" t="s">
        <v>13</v>
      </c>
      <c r="F3270">
        <v>10812</v>
      </c>
      <c r="G3270" t="s">
        <v>43355</v>
      </c>
      <c r="H3270">
        <v>6.4591124217600004</v>
      </c>
      <c r="I3270">
        <v>53.255224550491</v>
      </c>
      <c r="J3270" t="s">
        <v>58955</v>
      </c>
    </row>
    <row r="3271" spans="1:10" x14ac:dyDescent="0.25">
      <c r="A3271" t="s">
        <v>43349</v>
      </c>
      <c r="B3271" t="s">
        <v>43350</v>
      </c>
      <c r="C3271" t="s">
        <v>10802</v>
      </c>
      <c r="D3271" t="s">
        <v>43056</v>
      </c>
      <c r="E3271" t="s">
        <v>13</v>
      </c>
      <c r="F3271">
        <v>10811</v>
      </c>
      <c r="G3271" t="s">
        <v>43351</v>
      </c>
      <c r="H3271">
        <v>6.3798535678570003</v>
      </c>
      <c r="I3271">
        <v>53.296754105482002</v>
      </c>
      <c r="J3271" t="s">
        <v>58956</v>
      </c>
    </row>
    <row r="3272" spans="1:10" x14ac:dyDescent="0.25">
      <c r="A3272" t="s">
        <v>43345</v>
      </c>
      <c r="B3272" t="s">
        <v>43346</v>
      </c>
      <c r="C3272" t="s">
        <v>43347</v>
      </c>
      <c r="D3272" t="s">
        <v>43056</v>
      </c>
      <c r="E3272" t="s">
        <v>13</v>
      </c>
      <c r="F3272">
        <v>10810</v>
      </c>
      <c r="G3272" t="s">
        <v>43348</v>
      </c>
      <c r="H3272">
        <v>6.310404472129</v>
      </c>
      <c r="I3272">
        <v>53.318037386737998</v>
      </c>
      <c r="J3272" t="s">
        <v>58957</v>
      </c>
    </row>
    <row r="3273" spans="1:10" x14ac:dyDescent="0.25">
      <c r="A3273" t="s">
        <v>43341</v>
      </c>
      <c r="B3273" t="s">
        <v>43342</v>
      </c>
      <c r="C3273" t="s">
        <v>43343</v>
      </c>
      <c r="D3273" t="s">
        <v>43056</v>
      </c>
      <c r="E3273" t="s">
        <v>13</v>
      </c>
      <c r="F3273">
        <v>10809</v>
      </c>
      <c r="G3273" t="s">
        <v>43344</v>
      </c>
      <c r="H3273">
        <v>6.2962822789899997</v>
      </c>
      <c r="I3273">
        <v>53.311017604688999</v>
      </c>
      <c r="J3273" t="s">
        <v>58958</v>
      </c>
    </row>
    <row r="3274" spans="1:10" x14ac:dyDescent="0.25">
      <c r="A3274" t="s">
        <v>43337</v>
      </c>
      <c r="B3274" t="s">
        <v>43338</v>
      </c>
      <c r="C3274" t="s">
        <v>43339</v>
      </c>
      <c r="D3274" t="s">
        <v>43056</v>
      </c>
      <c r="E3274" t="s">
        <v>13</v>
      </c>
      <c r="F3274">
        <v>10808</v>
      </c>
      <c r="G3274" t="s">
        <v>43340</v>
      </c>
      <c r="H3274">
        <v>6.4198753639730004</v>
      </c>
      <c r="I3274">
        <v>53.312615683548998</v>
      </c>
      <c r="J3274" t="s">
        <v>58959</v>
      </c>
    </row>
    <row r="3275" spans="1:10" x14ac:dyDescent="0.25">
      <c r="A3275" t="s">
        <v>43333</v>
      </c>
      <c r="B3275" t="s">
        <v>43334</v>
      </c>
      <c r="C3275" t="s">
        <v>43335</v>
      </c>
      <c r="D3275" t="s">
        <v>43056</v>
      </c>
      <c r="E3275" t="s">
        <v>13</v>
      </c>
      <c r="F3275">
        <v>10807</v>
      </c>
      <c r="G3275" t="s">
        <v>43336</v>
      </c>
      <c r="H3275">
        <v>6.3670051958849996</v>
      </c>
      <c r="I3275">
        <v>53.290020190486999</v>
      </c>
      <c r="J3275" t="s">
        <v>58960</v>
      </c>
    </row>
    <row r="3276" spans="1:10" x14ac:dyDescent="0.25">
      <c r="A3276" t="s">
        <v>43330</v>
      </c>
      <c r="B3276" t="s">
        <v>43331</v>
      </c>
      <c r="C3276" t="s">
        <v>16672</v>
      </c>
      <c r="D3276" t="s">
        <v>43056</v>
      </c>
      <c r="E3276" t="s">
        <v>13</v>
      </c>
      <c r="F3276">
        <v>10806</v>
      </c>
      <c r="G3276" t="s">
        <v>43332</v>
      </c>
      <c r="H3276">
        <v>6.3959034884910002</v>
      </c>
      <c r="I3276">
        <v>53.30206049932</v>
      </c>
      <c r="J3276" t="s">
        <v>58961</v>
      </c>
    </row>
    <row r="3277" spans="1:10" x14ac:dyDescent="0.25">
      <c r="A3277" t="s">
        <v>43326</v>
      </c>
      <c r="B3277" t="s">
        <v>43327</v>
      </c>
      <c r="C3277" t="s">
        <v>43328</v>
      </c>
      <c r="D3277" t="s">
        <v>43056</v>
      </c>
      <c r="E3277" t="s">
        <v>13</v>
      </c>
      <c r="F3277">
        <v>10805</v>
      </c>
      <c r="G3277" t="s">
        <v>43329</v>
      </c>
      <c r="H3277">
        <v>6.2953781825700004</v>
      </c>
      <c r="I3277">
        <v>53.274604712394002</v>
      </c>
      <c r="J3277" t="s">
        <v>58962</v>
      </c>
    </row>
    <row r="3278" spans="1:10" x14ac:dyDescent="0.25">
      <c r="A3278" t="s">
        <v>43322</v>
      </c>
      <c r="B3278" t="s">
        <v>43323</v>
      </c>
      <c r="C3278" t="s">
        <v>43324</v>
      </c>
      <c r="D3278" t="s">
        <v>43056</v>
      </c>
      <c r="E3278" t="s">
        <v>13</v>
      </c>
      <c r="F3278">
        <v>10804</v>
      </c>
      <c r="G3278" t="s">
        <v>43325</v>
      </c>
      <c r="H3278">
        <v>6.2679733478069997</v>
      </c>
      <c r="I3278">
        <v>53.281441979775998</v>
      </c>
      <c r="J3278" t="s">
        <v>58963</v>
      </c>
    </row>
    <row r="3279" spans="1:10" x14ac:dyDescent="0.25">
      <c r="A3279" t="s">
        <v>43318</v>
      </c>
      <c r="B3279" t="s">
        <v>43319</v>
      </c>
      <c r="C3279" t="s">
        <v>43320</v>
      </c>
      <c r="D3279" t="s">
        <v>43056</v>
      </c>
      <c r="E3279" t="s">
        <v>13</v>
      </c>
      <c r="F3279">
        <v>10803</v>
      </c>
      <c r="G3279" t="s">
        <v>43321</v>
      </c>
      <c r="H3279">
        <v>6.3250714308629998</v>
      </c>
      <c r="I3279">
        <v>53.286015978624</v>
      </c>
      <c r="J3279" t="s">
        <v>58964</v>
      </c>
    </row>
    <row r="3280" spans="1:10" x14ac:dyDescent="0.25">
      <c r="A3280" t="s">
        <v>43314</v>
      </c>
      <c r="B3280" t="s">
        <v>43315</v>
      </c>
      <c r="C3280" t="s">
        <v>43316</v>
      </c>
      <c r="D3280" t="s">
        <v>43056</v>
      </c>
      <c r="E3280" t="s">
        <v>13</v>
      </c>
      <c r="F3280">
        <v>10802</v>
      </c>
      <c r="G3280" t="s">
        <v>43317</v>
      </c>
      <c r="H3280">
        <v>6.2497365928880004</v>
      </c>
      <c r="I3280">
        <v>53.265929879311997</v>
      </c>
      <c r="J3280" t="s">
        <v>58965</v>
      </c>
    </row>
    <row r="3281" spans="1:10" x14ac:dyDescent="0.25">
      <c r="A3281" t="s">
        <v>43310</v>
      </c>
      <c r="B3281" t="s">
        <v>43311</v>
      </c>
      <c r="C3281" t="s">
        <v>43312</v>
      </c>
      <c r="D3281" t="s">
        <v>43056</v>
      </c>
      <c r="E3281" t="s">
        <v>13</v>
      </c>
      <c r="F3281">
        <v>10801</v>
      </c>
      <c r="G3281" t="s">
        <v>43313</v>
      </c>
      <c r="H3281">
        <v>6.3079641467840002</v>
      </c>
      <c r="I3281">
        <v>53.262956701813998</v>
      </c>
      <c r="J3281" t="s">
        <v>58966</v>
      </c>
    </row>
    <row r="3282" spans="1:10" x14ac:dyDescent="0.25">
      <c r="A3282" t="s">
        <v>43306</v>
      </c>
      <c r="B3282" t="s">
        <v>43307</v>
      </c>
      <c r="C3282" t="s">
        <v>43308</v>
      </c>
      <c r="D3282" t="s">
        <v>43056</v>
      </c>
      <c r="E3282" t="s">
        <v>13</v>
      </c>
      <c r="F3282">
        <v>10800</v>
      </c>
      <c r="G3282" t="s">
        <v>43309</v>
      </c>
      <c r="H3282">
        <v>6.3939930778480001</v>
      </c>
      <c r="I3282">
        <v>53.250023769696</v>
      </c>
      <c r="J3282" t="s">
        <v>58967</v>
      </c>
    </row>
    <row r="3283" spans="1:10" x14ac:dyDescent="0.25">
      <c r="A3283" t="s">
        <v>43302</v>
      </c>
      <c r="B3283" t="s">
        <v>43303</v>
      </c>
      <c r="C3283" t="s">
        <v>43304</v>
      </c>
      <c r="D3283" t="s">
        <v>43056</v>
      </c>
      <c r="E3283" t="s">
        <v>13</v>
      </c>
      <c r="F3283">
        <v>10799</v>
      </c>
      <c r="G3283" t="s">
        <v>43305</v>
      </c>
      <c r="H3283">
        <v>6.3886573404959996</v>
      </c>
      <c r="I3283">
        <v>53.242053594327999</v>
      </c>
      <c r="J3283" t="s">
        <v>58968</v>
      </c>
    </row>
    <row r="3284" spans="1:10" x14ac:dyDescent="0.25">
      <c r="A3284" t="s">
        <v>43298</v>
      </c>
      <c r="B3284" t="s">
        <v>43299</v>
      </c>
      <c r="C3284" t="s">
        <v>43300</v>
      </c>
      <c r="D3284" t="s">
        <v>43056</v>
      </c>
      <c r="E3284" t="s">
        <v>13</v>
      </c>
      <c r="F3284">
        <v>10798</v>
      </c>
      <c r="G3284" t="s">
        <v>43301</v>
      </c>
      <c r="H3284">
        <v>6.3428200753699997</v>
      </c>
      <c r="I3284">
        <v>53.266950885234998</v>
      </c>
      <c r="J3284" t="s">
        <v>58969</v>
      </c>
    </row>
    <row r="3285" spans="1:10" x14ac:dyDescent="0.25">
      <c r="A3285" t="s">
        <v>43294</v>
      </c>
      <c r="B3285" t="s">
        <v>43295</v>
      </c>
      <c r="C3285" t="s">
        <v>43296</v>
      </c>
      <c r="D3285" t="s">
        <v>43056</v>
      </c>
      <c r="E3285" t="s">
        <v>13</v>
      </c>
      <c r="F3285">
        <v>10797</v>
      </c>
      <c r="G3285" t="s">
        <v>43297</v>
      </c>
      <c r="H3285">
        <v>6.3949257665879999</v>
      </c>
      <c r="I3285">
        <v>53.260019183228998</v>
      </c>
      <c r="J3285" t="s">
        <v>58970</v>
      </c>
    </row>
    <row r="3286" spans="1:10" x14ac:dyDescent="0.25">
      <c r="A3286" t="s">
        <v>43290</v>
      </c>
      <c r="B3286" t="s">
        <v>43291</v>
      </c>
      <c r="C3286" t="s">
        <v>43292</v>
      </c>
      <c r="D3286" t="s">
        <v>43056</v>
      </c>
      <c r="E3286" t="s">
        <v>13</v>
      </c>
      <c r="F3286">
        <v>10796</v>
      </c>
      <c r="G3286" t="s">
        <v>43293</v>
      </c>
      <c r="H3286">
        <v>6.4005312263569998</v>
      </c>
      <c r="I3286">
        <v>53.246867595109997</v>
      </c>
      <c r="J3286" t="s">
        <v>58971</v>
      </c>
    </row>
    <row r="3287" spans="1:10" x14ac:dyDescent="0.25">
      <c r="A3287" t="s">
        <v>43286</v>
      </c>
      <c r="B3287" t="s">
        <v>43287</v>
      </c>
      <c r="C3287" t="s">
        <v>43288</v>
      </c>
      <c r="D3287" t="s">
        <v>43056</v>
      </c>
      <c r="E3287" t="s">
        <v>13</v>
      </c>
      <c r="F3287">
        <v>10795</v>
      </c>
      <c r="G3287" t="s">
        <v>43289</v>
      </c>
      <c r="H3287">
        <v>6.4656453971149999</v>
      </c>
      <c r="I3287">
        <v>53.297117324414998</v>
      </c>
      <c r="J3287" t="s">
        <v>58972</v>
      </c>
    </row>
    <row r="3288" spans="1:10" x14ac:dyDescent="0.25">
      <c r="A3288" t="s">
        <v>43282</v>
      </c>
      <c r="B3288" t="s">
        <v>43283</v>
      </c>
      <c r="C3288" t="s">
        <v>43284</v>
      </c>
      <c r="D3288" t="s">
        <v>43056</v>
      </c>
      <c r="E3288" t="s">
        <v>13</v>
      </c>
      <c r="F3288">
        <v>10794</v>
      </c>
      <c r="G3288" t="s">
        <v>43285</v>
      </c>
      <c r="H3288">
        <v>6.4929409134430003</v>
      </c>
      <c r="I3288">
        <v>53.304260230048001</v>
      </c>
      <c r="J3288" t="s">
        <v>58973</v>
      </c>
    </row>
    <row r="3289" spans="1:10" x14ac:dyDescent="0.25">
      <c r="A3289" t="s">
        <v>43278</v>
      </c>
      <c r="B3289" t="s">
        <v>43279</v>
      </c>
      <c r="C3289" t="s">
        <v>43280</v>
      </c>
      <c r="D3289" t="s">
        <v>43056</v>
      </c>
      <c r="E3289" t="s">
        <v>13</v>
      </c>
      <c r="F3289">
        <v>10793</v>
      </c>
      <c r="G3289" t="s">
        <v>43281</v>
      </c>
      <c r="H3289">
        <v>6.4654000958550002</v>
      </c>
      <c r="I3289">
        <v>53.306881142470999</v>
      </c>
      <c r="J3289" t="s">
        <v>58974</v>
      </c>
    </row>
    <row r="3290" spans="1:10" x14ac:dyDescent="0.25">
      <c r="A3290" t="s">
        <v>43274</v>
      </c>
      <c r="B3290" t="s">
        <v>43275</v>
      </c>
      <c r="C3290" t="s">
        <v>43276</v>
      </c>
      <c r="D3290" t="s">
        <v>43056</v>
      </c>
      <c r="E3290" t="s">
        <v>13</v>
      </c>
      <c r="F3290">
        <v>10792</v>
      </c>
      <c r="G3290" t="s">
        <v>43277</v>
      </c>
      <c r="H3290">
        <v>6.4429843411450003</v>
      </c>
      <c r="I3290">
        <v>53.308721382237998</v>
      </c>
      <c r="J3290" t="s">
        <v>58975</v>
      </c>
    </row>
    <row r="3291" spans="1:10" x14ac:dyDescent="0.25">
      <c r="A3291" t="s">
        <v>43270</v>
      </c>
      <c r="B3291" t="s">
        <v>43271</v>
      </c>
      <c r="C3291" t="s">
        <v>43272</v>
      </c>
      <c r="D3291" t="s">
        <v>43056</v>
      </c>
      <c r="E3291" t="s">
        <v>13</v>
      </c>
      <c r="F3291">
        <v>10791</v>
      </c>
      <c r="G3291" t="s">
        <v>43273</v>
      </c>
      <c r="H3291">
        <v>6.2542343193579999</v>
      </c>
      <c r="I3291">
        <v>53.128714671929998</v>
      </c>
      <c r="J3291" t="s">
        <v>58976</v>
      </c>
    </row>
    <row r="3292" spans="1:10" x14ac:dyDescent="0.25">
      <c r="A3292" t="s">
        <v>43266</v>
      </c>
      <c r="B3292" t="s">
        <v>43267</v>
      </c>
      <c r="C3292" t="s">
        <v>43268</v>
      </c>
      <c r="D3292" t="s">
        <v>43056</v>
      </c>
      <c r="E3292" t="s">
        <v>13</v>
      </c>
      <c r="F3292">
        <v>10790</v>
      </c>
      <c r="G3292" t="s">
        <v>43269</v>
      </c>
      <c r="H3292">
        <v>6.3193710359599997</v>
      </c>
      <c r="I3292">
        <v>53.141706629368997</v>
      </c>
      <c r="J3292" t="s">
        <v>58977</v>
      </c>
    </row>
    <row r="3293" spans="1:10" x14ac:dyDescent="0.25">
      <c r="A3293" t="s">
        <v>43262</v>
      </c>
      <c r="B3293" t="s">
        <v>43263</v>
      </c>
      <c r="C3293" t="s">
        <v>43264</v>
      </c>
      <c r="D3293" t="s">
        <v>43056</v>
      </c>
      <c r="E3293" t="s">
        <v>13</v>
      </c>
      <c r="F3293">
        <v>10789</v>
      </c>
      <c r="G3293" t="s">
        <v>43265</v>
      </c>
      <c r="H3293">
        <v>6.3072256096099997</v>
      </c>
      <c r="I3293">
        <v>53.127946488073</v>
      </c>
      <c r="J3293" t="s">
        <v>58978</v>
      </c>
    </row>
    <row r="3294" spans="1:10" x14ac:dyDescent="0.25">
      <c r="A3294" t="s">
        <v>43258</v>
      </c>
      <c r="B3294" t="s">
        <v>43259</v>
      </c>
      <c r="C3294" t="s">
        <v>43260</v>
      </c>
      <c r="D3294" t="s">
        <v>43056</v>
      </c>
      <c r="E3294" t="s">
        <v>13</v>
      </c>
      <c r="F3294">
        <v>10788</v>
      </c>
      <c r="G3294" t="s">
        <v>43261</v>
      </c>
      <c r="H3294">
        <v>6.2800831432780004</v>
      </c>
      <c r="I3294">
        <v>53.114311477929</v>
      </c>
      <c r="J3294" t="s">
        <v>58979</v>
      </c>
    </row>
    <row r="3295" spans="1:10" x14ac:dyDescent="0.25">
      <c r="A3295" t="s">
        <v>43254</v>
      </c>
      <c r="B3295" t="s">
        <v>43255</v>
      </c>
      <c r="C3295" t="s">
        <v>43256</v>
      </c>
      <c r="D3295" t="s">
        <v>43056</v>
      </c>
      <c r="E3295" t="s">
        <v>13</v>
      </c>
      <c r="F3295">
        <v>10787</v>
      </c>
      <c r="G3295" t="s">
        <v>43257</v>
      </c>
      <c r="H3295">
        <v>6.2728431764490002</v>
      </c>
      <c r="I3295">
        <v>53.124771378363</v>
      </c>
      <c r="J3295" t="s">
        <v>58980</v>
      </c>
    </row>
    <row r="3296" spans="1:10" x14ac:dyDescent="0.25">
      <c r="A3296" t="s">
        <v>43250</v>
      </c>
      <c r="B3296" t="s">
        <v>43251</v>
      </c>
      <c r="C3296" t="s">
        <v>43252</v>
      </c>
      <c r="D3296" t="s">
        <v>43056</v>
      </c>
      <c r="E3296" t="s">
        <v>13</v>
      </c>
      <c r="F3296">
        <v>10786</v>
      </c>
      <c r="G3296" t="s">
        <v>43253</v>
      </c>
      <c r="H3296">
        <v>6.2518390086629996</v>
      </c>
      <c r="I3296">
        <v>53.119460421977003</v>
      </c>
      <c r="J3296" t="s">
        <v>58981</v>
      </c>
    </row>
    <row r="3297" spans="1:10" x14ac:dyDescent="0.25">
      <c r="A3297" t="s">
        <v>43246</v>
      </c>
      <c r="B3297" t="s">
        <v>43247</v>
      </c>
      <c r="C3297" t="s">
        <v>43248</v>
      </c>
      <c r="D3297" t="s">
        <v>43056</v>
      </c>
      <c r="E3297" t="s">
        <v>13</v>
      </c>
      <c r="F3297">
        <v>10785</v>
      </c>
      <c r="G3297" t="s">
        <v>43249</v>
      </c>
      <c r="H3297">
        <v>6.3029099679950003</v>
      </c>
      <c r="I3297">
        <v>53.175521239279</v>
      </c>
      <c r="J3297" t="s">
        <v>58982</v>
      </c>
    </row>
    <row r="3298" spans="1:10" x14ac:dyDescent="0.25">
      <c r="A3298" t="s">
        <v>43242</v>
      </c>
      <c r="B3298" t="s">
        <v>43243</v>
      </c>
      <c r="C3298" t="s">
        <v>43244</v>
      </c>
      <c r="D3298" t="s">
        <v>43056</v>
      </c>
      <c r="E3298" t="s">
        <v>13</v>
      </c>
      <c r="F3298">
        <v>10784</v>
      </c>
      <c r="G3298" t="s">
        <v>43245</v>
      </c>
      <c r="H3298">
        <v>6.2240567044099997</v>
      </c>
      <c r="I3298">
        <v>53.144590081212002</v>
      </c>
      <c r="J3298" t="s">
        <v>58983</v>
      </c>
    </row>
    <row r="3299" spans="1:10" x14ac:dyDescent="0.25">
      <c r="A3299" t="s">
        <v>43239</v>
      </c>
      <c r="B3299" t="s">
        <v>43240</v>
      </c>
      <c r="C3299" t="s">
        <v>13149</v>
      </c>
      <c r="D3299" t="s">
        <v>43056</v>
      </c>
      <c r="E3299" t="s">
        <v>13</v>
      </c>
      <c r="F3299">
        <v>10783</v>
      </c>
      <c r="G3299" t="s">
        <v>43241</v>
      </c>
      <c r="H3299">
        <v>6.224850925388</v>
      </c>
      <c r="I3299">
        <v>53.128375872863998</v>
      </c>
      <c r="J3299" t="s">
        <v>58984</v>
      </c>
    </row>
    <row r="3300" spans="1:10" x14ac:dyDescent="0.25">
      <c r="A3300" t="s">
        <v>43235</v>
      </c>
      <c r="B3300" t="s">
        <v>43236</v>
      </c>
      <c r="C3300" t="s">
        <v>43237</v>
      </c>
      <c r="D3300" t="s">
        <v>43056</v>
      </c>
      <c r="E3300" t="s">
        <v>13</v>
      </c>
      <c r="F3300">
        <v>10782</v>
      </c>
      <c r="G3300" t="s">
        <v>43238</v>
      </c>
      <c r="H3300">
        <v>6.2581405250379998</v>
      </c>
      <c r="I3300">
        <v>53.169790652704997</v>
      </c>
      <c r="J3300" t="s">
        <v>58985</v>
      </c>
    </row>
    <row r="3301" spans="1:10" x14ac:dyDescent="0.25">
      <c r="A3301" t="s">
        <v>43231</v>
      </c>
      <c r="B3301" t="s">
        <v>43232</v>
      </c>
      <c r="C3301" t="s">
        <v>43233</v>
      </c>
      <c r="D3301" t="s">
        <v>43056</v>
      </c>
      <c r="E3301" t="s">
        <v>13</v>
      </c>
      <c r="F3301">
        <v>10781</v>
      </c>
      <c r="G3301" t="s">
        <v>43234</v>
      </c>
      <c r="H3301">
        <v>6.2964099432629999</v>
      </c>
      <c r="I3301">
        <v>53.183927428593996</v>
      </c>
      <c r="J3301" t="s">
        <v>58986</v>
      </c>
    </row>
    <row r="3302" spans="1:10" x14ac:dyDescent="0.25">
      <c r="A3302" t="s">
        <v>43227</v>
      </c>
      <c r="B3302" t="s">
        <v>43228</v>
      </c>
      <c r="C3302" t="s">
        <v>43229</v>
      </c>
      <c r="D3302" t="s">
        <v>43056</v>
      </c>
      <c r="E3302" t="s">
        <v>13</v>
      </c>
      <c r="F3302">
        <v>10780</v>
      </c>
      <c r="G3302" t="s">
        <v>43230</v>
      </c>
      <c r="H3302">
        <v>6.3284613334350004</v>
      </c>
      <c r="I3302">
        <v>53.186754677007997</v>
      </c>
      <c r="J3302" t="s">
        <v>58987</v>
      </c>
    </row>
    <row r="3303" spans="1:10" x14ac:dyDescent="0.25">
      <c r="A3303" t="s">
        <v>43223</v>
      </c>
      <c r="B3303" t="s">
        <v>43224</v>
      </c>
      <c r="C3303" t="s">
        <v>43225</v>
      </c>
      <c r="D3303" t="s">
        <v>43056</v>
      </c>
      <c r="E3303" t="s">
        <v>13</v>
      </c>
      <c r="F3303">
        <v>10779</v>
      </c>
      <c r="G3303" t="s">
        <v>43226</v>
      </c>
      <c r="H3303">
        <v>6.3221529193060002</v>
      </c>
      <c r="I3303">
        <v>53.160382293098003</v>
      </c>
      <c r="J3303" t="s">
        <v>58988</v>
      </c>
    </row>
    <row r="3304" spans="1:10" x14ac:dyDescent="0.25">
      <c r="A3304" t="s">
        <v>43219</v>
      </c>
      <c r="B3304" t="s">
        <v>43220</v>
      </c>
      <c r="C3304" t="s">
        <v>43221</v>
      </c>
      <c r="D3304" t="s">
        <v>43056</v>
      </c>
      <c r="E3304" t="s">
        <v>13</v>
      </c>
      <c r="F3304">
        <v>10778</v>
      </c>
      <c r="G3304" t="s">
        <v>43222</v>
      </c>
      <c r="H3304">
        <v>6.2980917910569998</v>
      </c>
      <c r="I3304">
        <v>53.154051857387998</v>
      </c>
      <c r="J3304" t="s">
        <v>58989</v>
      </c>
    </row>
    <row r="3305" spans="1:10" x14ac:dyDescent="0.25">
      <c r="A3305" t="s">
        <v>43215</v>
      </c>
      <c r="B3305" t="s">
        <v>43216</v>
      </c>
      <c r="C3305" t="s">
        <v>43217</v>
      </c>
      <c r="D3305" t="s">
        <v>43056</v>
      </c>
      <c r="E3305" t="s">
        <v>13</v>
      </c>
      <c r="F3305">
        <v>10777</v>
      </c>
      <c r="G3305" t="s">
        <v>43218</v>
      </c>
      <c r="H3305">
        <v>6.2674120328039997</v>
      </c>
      <c r="I3305">
        <v>53.146570496423998</v>
      </c>
      <c r="J3305" t="s">
        <v>58990</v>
      </c>
    </row>
    <row r="3306" spans="1:10" x14ac:dyDescent="0.25">
      <c r="A3306" t="s">
        <v>43211</v>
      </c>
      <c r="B3306" t="s">
        <v>43212</v>
      </c>
      <c r="C3306" t="s">
        <v>43213</v>
      </c>
      <c r="D3306" t="s">
        <v>43056</v>
      </c>
      <c r="E3306" t="s">
        <v>13</v>
      </c>
      <c r="F3306">
        <v>10776</v>
      </c>
      <c r="G3306" t="s">
        <v>43214</v>
      </c>
      <c r="H3306">
        <v>6.4152344540069999</v>
      </c>
      <c r="I3306">
        <v>53.213854735581002</v>
      </c>
      <c r="J3306" t="s">
        <v>58991</v>
      </c>
    </row>
    <row r="3307" spans="1:10" x14ac:dyDescent="0.25">
      <c r="A3307" t="s">
        <v>43207</v>
      </c>
      <c r="B3307" t="s">
        <v>43208</v>
      </c>
      <c r="C3307" t="s">
        <v>43209</v>
      </c>
      <c r="D3307" t="s">
        <v>43056</v>
      </c>
      <c r="E3307" t="s">
        <v>13</v>
      </c>
      <c r="F3307">
        <v>10775</v>
      </c>
      <c r="G3307" t="s">
        <v>43210</v>
      </c>
      <c r="H3307">
        <v>6.4083842532770001</v>
      </c>
      <c r="I3307">
        <v>53.216095853936999</v>
      </c>
      <c r="J3307" t="s">
        <v>58992</v>
      </c>
    </row>
    <row r="3308" spans="1:10" x14ac:dyDescent="0.25">
      <c r="A3308" t="s">
        <v>43203</v>
      </c>
      <c r="B3308" t="s">
        <v>43204</v>
      </c>
      <c r="C3308" t="s">
        <v>43205</v>
      </c>
      <c r="D3308" t="s">
        <v>43056</v>
      </c>
      <c r="E3308" t="s">
        <v>13</v>
      </c>
      <c r="F3308">
        <v>10774</v>
      </c>
      <c r="G3308" t="s">
        <v>43206</v>
      </c>
      <c r="H3308">
        <v>6.4389831686159997</v>
      </c>
      <c r="I3308">
        <v>53.203933272024003</v>
      </c>
      <c r="J3308" t="s">
        <v>58993</v>
      </c>
    </row>
    <row r="3309" spans="1:10" x14ac:dyDescent="0.25">
      <c r="A3309" t="s">
        <v>43199</v>
      </c>
      <c r="B3309" t="s">
        <v>43200</v>
      </c>
      <c r="C3309" t="s">
        <v>43201</v>
      </c>
      <c r="D3309" t="s">
        <v>43056</v>
      </c>
      <c r="E3309" t="s">
        <v>13</v>
      </c>
      <c r="F3309">
        <v>10773</v>
      </c>
      <c r="G3309" t="s">
        <v>43202</v>
      </c>
      <c r="H3309">
        <v>6.4427942103389997</v>
      </c>
      <c r="I3309">
        <v>53.201032990117</v>
      </c>
      <c r="J3309" t="s">
        <v>58994</v>
      </c>
    </row>
    <row r="3310" spans="1:10" x14ac:dyDescent="0.25">
      <c r="A3310" t="s">
        <v>43195</v>
      </c>
      <c r="B3310" t="s">
        <v>43196</v>
      </c>
      <c r="C3310" t="s">
        <v>43197</v>
      </c>
      <c r="D3310" t="s">
        <v>43056</v>
      </c>
      <c r="E3310" t="s">
        <v>13</v>
      </c>
      <c r="F3310">
        <v>10772</v>
      </c>
      <c r="G3310" t="s">
        <v>43198</v>
      </c>
      <c r="H3310">
        <v>6.4172797304260003</v>
      </c>
      <c r="I3310">
        <v>53.193789801553002</v>
      </c>
      <c r="J3310" t="s">
        <v>58995</v>
      </c>
    </row>
    <row r="3311" spans="1:10" x14ac:dyDescent="0.25">
      <c r="A3311" t="s">
        <v>43191</v>
      </c>
      <c r="B3311" t="s">
        <v>43192</v>
      </c>
      <c r="C3311" t="s">
        <v>43193</v>
      </c>
      <c r="D3311" t="s">
        <v>43056</v>
      </c>
      <c r="E3311" t="s">
        <v>13</v>
      </c>
      <c r="F3311">
        <v>10771</v>
      </c>
      <c r="G3311" t="s">
        <v>43194</v>
      </c>
      <c r="H3311">
        <v>6.4117537819860004</v>
      </c>
      <c r="I3311">
        <v>53.190175765020001</v>
      </c>
      <c r="J3311" t="s">
        <v>58996</v>
      </c>
    </row>
    <row r="3312" spans="1:10" x14ac:dyDescent="0.25">
      <c r="A3312" t="s">
        <v>43187</v>
      </c>
      <c r="B3312" t="s">
        <v>43188</v>
      </c>
      <c r="C3312" t="s">
        <v>43189</v>
      </c>
      <c r="D3312" t="s">
        <v>43056</v>
      </c>
      <c r="E3312" t="s">
        <v>13</v>
      </c>
      <c r="F3312">
        <v>10770</v>
      </c>
      <c r="G3312" t="s">
        <v>43190</v>
      </c>
      <c r="H3312">
        <v>6.383236559827</v>
      </c>
      <c r="I3312">
        <v>53.191797205420002</v>
      </c>
      <c r="J3312" t="s">
        <v>58997</v>
      </c>
    </row>
    <row r="3313" spans="1:10" x14ac:dyDescent="0.25">
      <c r="A3313" t="s">
        <v>43183</v>
      </c>
      <c r="B3313" t="s">
        <v>43184</v>
      </c>
      <c r="C3313" t="s">
        <v>43185</v>
      </c>
      <c r="D3313" t="s">
        <v>43056</v>
      </c>
      <c r="E3313" t="s">
        <v>13</v>
      </c>
      <c r="F3313">
        <v>10769</v>
      </c>
      <c r="G3313" t="s">
        <v>43186</v>
      </c>
      <c r="H3313">
        <v>6.3924633867700003</v>
      </c>
      <c r="I3313">
        <v>53.201303303739998</v>
      </c>
      <c r="J3313" t="s">
        <v>58998</v>
      </c>
    </row>
    <row r="3314" spans="1:10" x14ac:dyDescent="0.25">
      <c r="A3314" t="s">
        <v>43179</v>
      </c>
      <c r="B3314" t="s">
        <v>43180</v>
      </c>
      <c r="C3314" t="s">
        <v>43181</v>
      </c>
      <c r="D3314" t="s">
        <v>43056</v>
      </c>
      <c r="E3314" t="s">
        <v>13</v>
      </c>
      <c r="F3314">
        <v>10768</v>
      </c>
      <c r="G3314" t="s">
        <v>43182</v>
      </c>
      <c r="H3314">
        <v>6.3887665073189996</v>
      </c>
      <c r="I3314">
        <v>53.179580857777999</v>
      </c>
      <c r="J3314" t="s">
        <v>58999</v>
      </c>
    </row>
    <row r="3315" spans="1:10" x14ac:dyDescent="0.25">
      <c r="A3315" t="s">
        <v>43175</v>
      </c>
      <c r="B3315" t="s">
        <v>43176</v>
      </c>
      <c r="C3315" t="s">
        <v>43177</v>
      </c>
      <c r="D3315" t="s">
        <v>43056</v>
      </c>
      <c r="E3315" t="s">
        <v>13</v>
      </c>
      <c r="F3315">
        <v>10767</v>
      </c>
      <c r="G3315" t="s">
        <v>43178</v>
      </c>
      <c r="H3315">
        <v>6.352113414163</v>
      </c>
      <c r="I3315">
        <v>53.183919717457997</v>
      </c>
      <c r="J3315" t="s">
        <v>59000</v>
      </c>
    </row>
    <row r="3316" spans="1:10" x14ac:dyDescent="0.25">
      <c r="A3316" t="s">
        <v>43171</v>
      </c>
      <c r="B3316" t="s">
        <v>43172</v>
      </c>
      <c r="C3316" t="s">
        <v>43173</v>
      </c>
      <c r="D3316" t="s">
        <v>43056</v>
      </c>
      <c r="E3316" t="s">
        <v>13</v>
      </c>
      <c r="F3316">
        <v>10766</v>
      </c>
      <c r="G3316" t="s">
        <v>43174</v>
      </c>
      <c r="H3316">
        <v>6.3632043524200004</v>
      </c>
      <c r="I3316">
        <v>53.160663767743003</v>
      </c>
      <c r="J3316" t="s">
        <v>59001</v>
      </c>
    </row>
    <row r="3317" spans="1:10" x14ac:dyDescent="0.25">
      <c r="A3317" t="s">
        <v>43167</v>
      </c>
      <c r="B3317" t="s">
        <v>43168</v>
      </c>
      <c r="C3317" t="s">
        <v>43169</v>
      </c>
      <c r="D3317" t="s">
        <v>43056</v>
      </c>
      <c r="E3317" t="s">
        <v>13</v>
      </c>
      <c r="F3317">
        <v>10765</v>
      </c>
      <c r="G3317" t="s">
        <v>43170</v>
      </c>
      <c r="H3317">
        <v>6.3622666978589999</v>
      </c>
      <c r="I3317">
        <v>53.171310797125997</v>
      </c>
      <c r="J3317" t="s">
        <v>59002</v>
      </c>
    </row>
    <row r="3318" spans="1:10" x14ac:dyDescent="0.25">
      <c r="A3318" t="s">
        <v>43163</v>
      </c>
      <c r="B3318" t="s">
        <v>43164</v>
      </c>
      <c r="C3318" t="s">
        <v>43165</v>
      </c>
      <c r="D3318" t="s">
        <v>43056</v>
      </c>
      <c r="E3318" t="s">
        <v>13</v>
      </c>
      <c r="F3318">
        <v>10764</v>
      </c>
      <c r="G3318" t="s">
        <v>43166</v>
      </c>
      <c r="H3318">
        <v>6.3246259945989998</v>
      </c>
      <c r="I3318">
        <v>53.117090118523002</v>
      </c>
      <c r="J3318" t="s">
        <v>59003</v>
      </c>
    </row>
    <row r="3319" spans="1:10" x14ac:dyDescent="0.25">
      <c r="A3319" t="s">
        <v>43159</v>
      </c>
      <c r="B3319" t="s">
        <v>43160</v>
      </c>
      <c r="C3319" t="s">
        <v>43161</v>
      </c>
      <c r="D3319" t="s">
        <v>43056</v>
      </c>
      <c r="E3319" t="s">
        <v>13</v>
      </c>
      <c r="F3319">
        <v>10763</v>
      </c>
      <c r="G3319" t="s">
        <v>43162</v>
      </c>
      <c r="H3319">
        <v>6.3553215240499998</v>
      </c>
      <c r="I3319">
        <v>53.114826715649997</v>
      </c>
      <c r="J3319" t="s">
        <v>59004</v>
      </c>
    </row>
    <row r="3320" spans="1:10" x14ac:dyDescent="0.25">
      <c r="A3320" t="s">
        <v>43155</v>
      </c>
      <c r="B3320" t="s">
        <v>43156</v>
      </c>
      <c r="C3320" t="s">
        <v>43157</v>
      </c>
      <c r="D3320" t="s">
        <v>43056</v>
      </c>
      <c r="E3320" t="s">
        <v>13</v>
      </c>
      <c r="F3320">
        <v>10762</v>
      </c>
      <c r="G3320" t="s">
        <v>43158</v>
      </c>
      <c r="H3320">
        <v>6.3625432389489998</v>
      </c>
      <c r="I3320">
        <v>53.142804258270999</v>
      </c>
      <c r="J3320" t="s">
        <v>59005</v>
      </c>
    </row>
    <row r="3321" spans="1:10" x14ac:dyDescent="0.25">
      <c r="A3321" t="s">
        <v>43152</v>
      </c>
      <c r="B3321" t="s">
        <v>43153</v>
      </c>
      <c r="C3321" t="s">
        <v>13578</v>
      </c>
      <c r="D3321" t="s">
        <v>43056</v>
      </c>
      <c r="E3321" t="s">
        <v>13</v>
      </c>
      <c r="F3321">
        <v>10761</v>
      </c>
      <c r="G3321" t="s">
        <v>43154</v>
      </c>
      <c r="H3321">
        <v>6.345694352093</v>
      </c>
      <c r="I3321">
        <v>53.109503088849003</v>
      </c>
      <c r="J3321" t="s">
        <v>59006</v>
      </c>
    </row>
    <row r="3322" spans="1:10" x14ac:dyDescent="0.25">
      <c r="A3322" t="s">
        <v>43148</v>
      </c>
      <c r="B3322" t="s">
        <v>43149</v>
      </c>
      <c r="C3322" t="s">
        <v>43150</v>
      </c>
      <c r="D3322" t="s">
        <v>43056</v>
      </c>
      <c r="E3322" t="s">
        <v>13</v>
      </c>
      <c r="F3322">
        <v>10760</v>
      </c>
      <c r="G3322" t="s">
        <v>43151</v>
      </c>
      <c r="H3322">
        <v>6.3697857447680004</v>
      </c>
      <c r="I3322">
        <v>53.134240940618</v>
      </c>
      <c r="J3322" t="s">
        <v>59007</v>
      </c>
    </row>
    <row r="3323" spans="1:10" x14ac:dyDescent="0.25">
      <c r="A3323" t="s">
        <v>43144</v>
      </c>
      <c r="B3323" t="s">
        <v>43145</v>
      </c>
      <c r="C3323" t="s">
        <v>43146</v>
      </c>
      <c r="D3323" t="s">
        <v>43056</v>
      </c>
      <c r="E3323" t="s">
        <v>13</v>
      </c>
      <c r="F3323">
        <v>10759</v>
      </c>
      <c r="G3323" t="s">
        <v>43147</v>
      </c>
      <c r="H3323">
        <v>6.3394907048690001</v>
      </c>
      <c r="I3323">
        <v>53.103637116986</v>
      </c>
      <c r="J3323" t="s">
        <v>59008</v>
      </c>
    </row>
    <row r="3324" spans="1:10" x14ac:dyDescent="0.25">
      <c r="A3324" t="s">
        <v>43140</v>
      </c>
      <c r="B3324" t="s">
        <v>43141</v>
      </c>
      <c r="C3324" t="s">
        <v>43142</v>
      </c>
      <c r="D3324" t="s">
        <v>43056</v>
      </c>
      <c r="E3324" t="s">
        <v>13</v>
      </c>
      <c r="F3324">
        <v>10758</v>
      </c>
      <c r="G3324" t="s">
        <v>43143</v>
      </c>
      <c r="H3324">
        <v>6.348076163939</v>
      </c>
      <c r="I3324">
        <v>53.123740681544</v>
      </c>
      <c r="J3324" t="s">
        <v>59009</v>
      </c>
    </row>
    <row r="3325" spans="1:10" x14ac:dyDescent="0.25">
      <c r="A3325" t="s">
        <v>43136</v>
      </c>
      <c r="B3325" t="s">
        <v>43137</v>
      </c>
      <c r="C3325" t="s">
        <v>43138</v>
      </c>
      <c r="D3325" t="s">
        <v>43056</v>
      </c>
      <c r="E3325" t="s">
        <v>13</v>
      </c>
      <c r="F3325">
        <v>10757</v>
      </c>
      <c r="G3325" t="s">
        <v>43139</v>
      </c>
      <c r="H3325">
        <v>6.3726775801500004</v>
      </c>
      <c r="I3325">
        <v>53.146087395248998</v>
      </c>
      <c r="J3325" t="s">
        <v>59010</v>
      </c>
    </row>
    <row r="3326" spans="1:10" x14ac:dyDescent="0.25">
      <c r="A3326" t="s">
        <v>43132</v>
      </c>
      <c r="B3326" t="s">
        <v>43133</v>
      </c>
      <c r="C3326" t="s">
        <v>43134</v>
      </c>
      <c r="D3326" t="s">
        <v>43056</v>
      </c>
      <c r="E3326" t="s">
        <v>13</v>
      </c>
      <c r="F3326">
        <v>10756</v>
      </c>
      <c r="G3326" t="s">
        <v>43135</v>
      </c>
      <c r="H3326">
        <v>6.3958321122299999</v>
      </c>
      <c r="I3326">
        <v>53.170774271813002</v>
      </c>
      <c r="J3326" t="s">
        <v>59011</v>
      </c>
    </row>
    <row r="3327" spans="1:10" x14ac:dyDescent="0.25">
      <c r="A3327" t="s">
        <v>43128</v>
      </c>
      <c r="B3327" t="s">
        <v>43129</v>
      </c>
      <c r="C3327" t="s">
        <v>43130</v>
      </c>
      <c r="D3327" t="s">
        <v>43056</v>
      </c>
      <c r="E3327" t="s">
        <v>13</v>
      </c>
      <c r="F3327">
        <v>10755</v>
      </c>
      <c r="G3327" t="s">
        <v>43131</v>
      </c>
      <c r="H3327">
        <v>6.3776891410610004</v>
      </c>
      <c r="I3327">
        <v>53.175405560881003</v>
      </c>
      <c r="J3327" t="s">
        <v>59012</v>
      </c>
    </row>
    <row r="3328" spans="1:10" x14ac:dyDescent="0.25">
      <c r="A3328" t="s">
        <v>43124</v>
      </c>
      <c r="B3328" t="s">
        <v>43125</v>
      </c>
      <c r="C3328" t="s">
        <v>43126</v>
      </c>
      <c r="D3328" t="s">
        <v>43056</v>
      </c>
      <c r="E3328" t="s">
        <v>13</v>
      </c>
      <c r="F3328">
        <v>10754</v>
      </c>
      <c r="G3328" t="s">
        <v>43127</v>
      </c>
      <c r="H3328">
        <v>6.3702472287139997</v>
      </c>
      <c r="I3328">
        <v>53.160711249857002</v>
      </c>
      <c r="J3328" t="s">
        <v>59013</v>
      </c>
    </row>
    <row r="3329" spans="1:10" x14ac:dyDescent="0.25">
      <c r="A3329" t="s">
        <v>43120</v>
      </c>
      <c r="B3329" t="s">
        <v>43121</v>
      </c>
      <c r="C3329" t="s">
        <v>43122</v>
      </c>
      <c r="D3329" t="s">
        <v>43056</v>
      </c>
      <c r="E3329" t="s">
        <v>13</v>
      </c>
      <c r="F3329">
        <v>10753</v>
      </c>
      <c r="G3329" t="s">
        <v>43123</v>
      </c>
      <c r="H3329">
        <v>6.3834102285479997</v>
      </c>
      <c r="I3329">
        <v>53.164183845231001</v>
      </c>
      <c r="J3329" t="s">
        <v>59014</v>
      </c>
    </row>
    <row r="3330" spans="1:10" x14ac:dyDescent="0.25">
      <c r="A3330" t="s">
        <v>43116</v>
      </c>
      <c r="B3330" t="s">
        <v>43117</v>
      </c>
      <c r="C3330" t="s">
        <v>43118</v>
      </c>
      <c r="D3330" t="s">
        <v>43056</v>
      </c>
      <c r="E3330" t="s">
        <v>13</v>
      </c>
      <c r="F3330">
        <v>10752</v>
      </c>
      <c r="G3330" t="s">
        <v>43119</v>
      </c>
      <c r="H3330">
        <v>6.3713792561959997</v>
      </c>
      <c r="I3330">
        <v>53.151142535624999</v>
      </c>
      <c r="J3330" t="s">
        <v>59015</v>
      </c>
    </row>
    <row r="3331" spans="1:10" x14ac:dyDescent="0.25">
      <c r="A3331" t="s">
        <v>43112</v>
      </c>
      <c r="B3331" t="s">
        <v>43113</v>
      </c>
      <c r="C3331" t="s">
        <v>43114</v>
      </c>
      <c r="D3331" t="s">
        <v>43056</v>
      </c>
      <c r="E3331" t="s">
        <v>13</v>
      </c>
      <c r="F3331">
        <v>10751</v>
      </c>
      <c r="G3331" t="s">
        <v>43115</v>
      </c>
      <c r="H3331">
        <v>6.351249337424</v>
      </c>
      <c r="I3331">
        <v>53.228129445496002</v>
      </c>
      <c r="J3331" t="s">
        <v>59016</v>
      </c>
    </row>
    <row r="3332" spans="1:10" x14ac:dyDescent="0.25">
      <c r="A3332" t="s">
        <v>43108</v>
      </c>
      <c r="B3332" t="s">
        <v>43109</v>
      </c>
      <c r="C3332" t="s">
        <v>43110</v>
      </c>
      <c r="D3332" t="s">
        <v>43056</v>
      </c>
      <c r="E3332" t="s">
        <v>13</v>
      </c>
      <c r="F3332">
        <v>10750</v>
      </c>
      <c r="G3332" t="s">
        <v>43111</v>
      </c>
      <c r="H3332">
        <v>6.3318007597649997</v>
      </c>
      <c r="I3332">
        <v>53.221036228983003</v>
      </c>
      <c r="J3332" t="s">
        <v>59017</v>
      </c>
    </row>
    <row r="3333" spans="1:10" x14ac:dyDescent="0.25">
      <c r="A3333" t="s">
        <v>43105</v>
      </c>
      <c r="B3333" t="s">
        <v>43106</v>
      </c>
      <c r="C3333" t="s">
        <v>42956</v>
      </c>
      <c r="D3333" t="s">
        <v>43056</v>
      </c>
      <c r="E3333" t="s">
        <v>13</v>
      </c>
      <c r="F3333">
        <v>10749</v>
      </c>
      <c r="G3333" t="s">
        <v>43107</v>
      </c>
      <c r="H3333">
        <v>6.3522019199789996</v>
      </c>
      <c r="I3333">
        <v>53.224807332658003</v>
      </c>
      <c r="J3333" t="s">
        <v>59018</v>
      </c>
    </row>
    <row r="3334" spans="1:10" x14ac:dyDescent="0.25">
      <c r="A3334" t="s">
        <v>43101</v>
      </c>
      <c r="B3334" t="s">
        <v>43102</v>
      </c>
      <c r="C3334" t="s">
        <v>43103</v>
      </c>
      <c r="D3334" t="s">
        <v>43056</v>
      </c>
      <c r="E3334" t="s">
        <v>13</v>
      </c>
      <c r="F3334">
        <v>10748</v>
      </c>
      <c r="G3334" t="s">
        <v>43104</v>
      </c>
      <c r="H3334">
        <v>6.2036306492350004</v>
      </c>
      <c r="I3334">
        <v>53.158281425474001</v>
      </c>
      <c r="J3334" t="s">
        <v>59019</v>
      </c>
    </row>
    <row r="3335" spans="1:10" x14ac:dyDescent="0.25">
      <c r="A3335" t="s">
        <v>43097</v>
      </c>
      <c r="B3335" t="s">
        <v>43098</v>
      </c>
      <c r="C3335" t="s">
        <v>43099</v>
      </c>
      <c r="D3335" t="s">
        <v>43056</v>
      </c>
      <c r="E3335" t="s">
        <v>13</v>
      </c>
      <c r="F3335">
        <v>10747</v>
      </c>
      <c r="G3335" t="s">
        <v>43100</v>
      </c>
      <c r="H3335">
        <v>6.2453722532780001</v>
      </c>
      <c r="I3335">
        <v>53.181760987373998</v>
      </c>
      <c r="J3335" t="s">
        <v>59020</v>
      </c>
    </row>
    <row r="3336" spans="1:10" x14ac:dyDescent="0.25">
      <c r="A3336" t="s">
        <v>43093</v>
      </c>
      <c r="B3336" t="s">
        <v>43094</v>
      </c>
      <c r="C3336" t="s">
        <v>43095</v>
      </c>
      <c r="D3336" t="s">
        <v>43056</v>
      </c>
      <c r="E3336" t="s">
        <v>13</v>
      </c>
      <c r="F3336">
        <v>10746</v>
      </c>
      <c r="G3336" t="s">
        <v>43096</v>
      </c>
      <c r="H3336">
        <v>6.2251070066810001</v>
      </c>
      <c r="I3336">
        <v>53.176214001220004</v>
      </c>
      <c r="J3336" t="s">
        <v>59021</v>
      </c>
    </row>
    <row r="3337" spans="1:10" x14ac:dyDescent="0.25">
      <c r="A3337" t="s">
        <v>43089</v>
      </c>
      <c r="B3337" t="s">
        <v>43090</v>
      </c>
      <c r="C3337" t="s">
        <v>43091</v>
      </c>
      <c r="D3337" t="s">
        <v>43056</v>
      </c>
      <c r="E3337" t="s">
        <v>13</v>
      </c>
      <c r="F3337">
        <v>10745</v>
      </c>
      <c r="G3337" t="s">
        <v>43092</v>
      </c>
      <c r="H3337">
        <v>6.199020821705</v>
      </c>
      <c r="I3337">
        <v>53.174457681481002</v>
      </c>
      <c r="J3337" t="s">
        <v>59022</v>
      </c>
    </row>
    <row r="3338" spans="1:10" x14ac:dyDescent="0.25">
      <c r="A3338" t="s">
        <v>43085</v>
      </c>
      <c r="B3338" t="s">
        <v>43086</v>
      </c>
      <c r="C3338" t="s">
        <v>43087</v>
      </c>
      <c r="D3338" t="s">
        <v>43056</v>
      </c>
      <c r="E3338" t="s">
        <v>13</v>
      </c>
      <c r="F3338">
        <v>10744</v>
      </c>
      <c r="G3338" t="s">
        <v>43088</v>
      </c>
      <c r="H3338">
        <v>6.2631456296980001</v>
      </c>
      <c r="I3338">
        <v>53.236797103173998</v>
      </c>
      <c r="J3338" t="s">
        <v>59023</v>
      </c>
    </row>
    <row r="3339" spans="1:10" x14ac:dyDescent="0.25">
      <c r="A3339" t="s">
        <v>43081</v>
      </c>
      <c r="B3339" t="s">
        <v>43082</v>
      </c>
      <c r="C3339" t="s">
        <v>43083</v>
      </c>
      <c r="D3339" t="s">
        <v>43056</v>
      </c>
      <c r="E3339" t="s">
        <v>13</v>
      </c>
      <c r="F3339">
        <v>10743</v>
      </c>
      <c r="G3339" t="s">
        <v>43084</v>
      </c>
      <c r="H3339">
        <v>6.262766853314</v>
      </c>
      <c r="I3339">
        <v>53.233838878002999</v>
      </c>
      <c r="J3339" t="s">
        <v>59024</v>
      </c>
    </row>
    <row r="3340" spans="1:10" x14ac:dyDescent="0.25">
      <c r="A3340" t="s">
        <v>43078</v>
      </c>
      <c r="B3340" t="s">
        <v>43079</v>
      </c>
      <c r="C3340" t="s">
        <v>10802</v>
      </c>
      <c r="D3340" t="s">
        <v>43056</v>
      </c>
      <c r="E3340" t="s">
        <v>13</v>
      </c>
      <c r="F3340">
        <v>10742</v>
      </c>
      <c r="G3340" t="s">
        <v>43080</v>
      </c>
      <c r="H3340">
        <v>6.2252670492039996</v>
      </c>
      <c r="I3340">
        <v>53.196259501459998</v>
      </c>
      <c r="J3340" t="s">
        <v>59025</v>
      </c>
    </row>
    <row r="3341" spans="1:10" x14ac:dyDescent="0.25">
      <c r="A3341" t="s">
        <v>43074</v>
      </c>
      <c r="B3341" t="s">
        <v>43075</v>
      </c>
      <c r="C3341" t="s">
        <v>43076</v>
      </c>
      <c r="D3341" t="s">
        <v>43056</v>
      </c>
      <c r="E3341" t="s">
        <v>13</v>
      </c>
      <c r="F3341">
        <v>10741</v>
      </c>
      <c r="G3341" t="s">
        <v>43077</v>
      </c>
      <c r="H3341">
        <v>6.2691688770829996</v>
      </c>
      <c r="I3341">
        <v>53.192109005349998</v>
      </c>
      <c r="J3341" t="s">
        <v>59026</v>
      </c>
    </row>
    <row r="3342" spans="1:10" x14ac:dyDescent="0.25">
      <c r="A3342" t="s">
        <v>43070</v>
      </c>
      <c r="B3342" t="s">
        <v>43071</v>
      </c>
      <c r="C3342" t="s">
        <v>43072</v>
      </c>
      <c r="D3342" t="s">
        <v>43056</v>
      </c>
      <c r="E3342" t="s">
        <v>13</v>
      </c>
      <c r="F3342">
        <v>10740</v>
      </c>
      <c r="G3342" t="s">
        <v>43073</v>
      </c>
      <c r="H3342">
        <v>6.3053899410970002</v>
      </c>
      <c r="I3342">
        <v>53.206785421052999</v>
      </c>
      <c r="J3342" t="s">
        <v>59027</v>
      </c>
    </row>
    <row r="3343" spans="1:10" x14ac:dyDescent="0.25">
      <c r="A3343" t="s">
        <v>43066</v>
      </c>
      <c r="B3343" t="s">
        <v>43067</v>
      </c>
      <c r="C3343" t="s">
        <v>43068</v>
      </c>
      <c r="D3343" t="s">
        <v>43056</v>
      </c>
      <c r="E3343" t="s">
        <v>13</v>
      </c>
      <c r="F3343">
        <v>10739</v>
      </c>
      <c r="G3343" t="s">
        <v>43069</v>
      </c>
      <c r="H3343">
        <v>6.2265082691</v>
      </c>
      <c r="I3343">
        <v>53.197193555334003</v>
      </c>
      <c r="J3343" t="s">
        <v>59028</v>
      </c>
    </row>
    <row r="3344" spans="1:10" x14ac:dyDescent="0.25">
      <c r="A3344" t="s">
        <v>43062</v>
      </c>
      <c r="B3344" t="s">
        <v>43063</v>
      </c>
      <c r="C3344" t="s">
        <v>43064</v>
      </c>
      <c r="D3344" t="s">
        <v>43056</v>
      </c>
      <c r="E3344" t="s">
        <v>13</v>
      </c>
      <c r="F3344">
        <v>10738</v>
      </c>
      <c r="G3344" t="s">
        <v>43065</v>
      </c>
      <c r="H3344">
        <v>6.3045481817270002</v>
      </c>
      <c r="I3344">
        <v>53.222656015966997</v>
      </c>
      <c r="J3344" t="s">
        <v>59029</v>
      </c>
    </row>
    <row r="3345" spans="1:10" x14ac:dyDescent="0.25">
      <c r="A3345" t="s">
        <v>43058</v>
      </c>
      <c r="B3345" t="s">
        <v>43059</v>
      </c>
      <c r="C3345" t="s">
        <v>43060</v>
      </c>
      <c r="D3345" t="s">
        <v>43056</v>
      </c>
      <c r="E3345" t="s">
        <v>13</v>
      </c>
      <c r="F3345">
        <v>10737</v>
      </c>
      <c r="G3345" t="s">
        <v>43061</v>
      </c>
      <c r="H3345">
        <v>6.2507151131549996</v>
      </c>
      <c r="I3345">
        <v>53.200127125793003</v>
      </c>
      <c r="J3345" t="s">
        <v>59030</v>
      </c>
    </row>
    <row r="3346" spans="1:10" x14ac:dyDescent="0.25">
      <c r="A3346" t="s">
        <v>43053</v>
      </c>
      <c r="B3346" t="s">
        <v>43054</v>
      </c>
      <c r="C3346" t="s">
        <v>43055</v>
      </c>
      <c r="D3346" t="s">
        <v>43056</v>
      </c>
      <c r="E3346" t="s">
        <v>13</v>
      </c>
      <c r="F3346">
        <v>10736</v>
      </c>
      <c r="G3346" t="s">
        <v>43057</v>
      </c>
      <c r="H3346">
        <v>6.2763610622019996</v>
      </c>
      <c r="I3346">
        <v>53.215074054596997</v>
      </c>
      <c r="J3346" t="s">
        <v>59031</v>
      </c>
    </row>
    <row r="3347" spans="1:10" x14ac:dyDescent="0.25">
      <c r="A3347" t="s">
        <v>43049</v>
      </c>
      <c r="B3347" t="s">
        <v>43050</v>
      </c>
      <c r="C3347" t="s">
        <v>43051</v>
      </c>
      <c r="D3347" t="s">
        <v>42743</v>
      </c>
      <c r="E3347" t="s">
        <v>13</v>
      </c>
      <c r="F3347">
        <v>10735</v>
      </c>
      <c r="G3347" t="s">
        <v>43052</v>
      </c>
      <c r="H3347">
        <v>6.3726664121320002</v>
      </c>
      <c r="I3347">
        <v>53.393495677003997</v>
      </c>
      <c r="J3347" t="s">
        <v>59032</v>
      </c>
    </row>
    <row r="3348" spans="1:10" x14ac:dyDescent="0.25">
      <c r="A3348" t="s">
        <v>43045</v>
      </c>
      <c r="B3348" t="s">
        <v>43046</v>
      </c>
      <c r="C3348" t="s">
        <v>43047</v>
      </c>
      <c r="D3348" t="s">
        <v>42743</v>
      </c>
      <c r="E3348" t="s">
        <v>13</v>
      </c>
      <c r="F3348">
        <v>10734</v>
      </c>
      <c r="G3348" t="s">
        <v>43048</v>
      </c>
      <c r="H3348">
        <v>6.4090091110870002</v>
      </c>
      <c r="I3348">
        <v>53.393767063844997</v>
      </c>
      <c r="J3348" t="s">
        <v>59033</v>
      </c>
    </row>
    <row r="3349" spans="1:10" x14ac:dyDescent="0.25">
      <c r="A3349" t="s">
        <v>43041</v>
      </c>
      <c r="B3349" t="s">
        <v>43042</v>
      </c>
      <c r="C3349" t="s">
        <v>43043</v>
      </c>
      <c r="D3349" t="s">
        <v>42743</v>
      </c>
      <c r="E3349" t="s">
        <v>13</v>
      </c>
      <c r="F3349">
        <v>10733</v>
      </c>
      <c r="G3349" t="s">
        <v>43044</v>
      </c>
      <c r="H3349">
        <v>6.4052466990939996</v>
      </c>
      <c r="I3349">
        <v>53.386731685999003</v>
      </c>
      <c r="J3349" t="s">
        <v>59034</v>
      </c>
    </row>
    <row r="3350" spans="1:10" x14ac:dyDescent="0.25">
      <c r="A3350" t="s">
        <v>43037</v>
      </c>
      <c r="B3350" t="s">
        <v>43038</v>
      </c>
      <c r="C3350" t="s">
        <v>43039</v>
      </c>
      <c r="D3350" t="s">
        <v>42743</v>
      </c>
      <c r="E3350" t="s">
        <v>13</v>
      </c>
      <c r="F3350">
        <v>10732</v>
      </c>
      <c r="G3350" t="s">
        <v>43040</v>
      </c>
      <c r="H3350">
        <v>6.3728447607860002</v>
      </c>
      <c r="I3350">
        <v>53.388713976985997</v>
      </c>
      <c r="J3350" t="s">
        <v>59035</v>
      </c>
    </row>
    <row r="3351" spans="1:10" x14ac:dyDescent="0.25">
      <c r="A3351" t="s">
        <v>43033</v>
      </c>
      <c r="B3351" t="s">
        <v>43034</v>
      </c>
      <c r="C3351" t="s">
        <v>43035</v>
      </c>
      <c r="D3351" t="s">
        <v>42743</v>
      </c>
      <c r="E3351" t="s">
        <v>13</v>
      </c>
      <c r="F3351">
        <v>10731</v>
      </c>
      <c r="G3351" t="s">
        <v>43036</v>
      </c>
      <c r="H3351">
        <v>6.36049008097</v>
      </c>
      <c r="I3351">
        <v>53.387941111971003</v>
      </c>
      <c r="J3351" t="s">
        <v>59036</v>
      </c>
    </row>
    <row r="3352" spans="1:10" x14ac:dyDescent="0.25">
      <c r="A3352" t="s">
        <v>43029</v>
      </c>
      <c r="B3352" t="s">
        <v>43030</v>
      </c>
      <c r="C3352" t="s">
        <v>43031</v>
      </c>
      <c r="D3352" t="s">
        <v>42743</v>
      </c>
      <c r="E3352" t="s">
        <v>13</v>
      </c>
      <c r="F3352">
        <v>10730</v>
      </c>
      <c r="G3352" t="s">
        <v>43032</v>
      </c>
      <c r="H3352">
        <v>6.393308723224</v>
      </c>
      <c r="I3352">
        <v>53.387548515445999</v>
      </c>
      <c r="J3352" t="s">
        <v>59037</v>
      </c>
    </row>
    <row r="3353" spans="1:10" x14ac:dyDescent="0.25">
      <c r="A3353" t="s">
        <v>43026</v>
      </c>
      <c r="B3353" t="s">
        <v>43027</v>
      </c>
      <c r="C3353" t="s">
        <v>23413</v>
      </c>
      <c r="D3353" t="s">
        <v>42743</v>
      </c>
      <c r="E3353" t="s">
        <v>13</v>
      </c>
      <c r="F3353">
        <v>10729</v>
      </c>
      <c r="G3353" t="s">
        <v>43028</v>
      </c>
      <c r="H3353">
        <v>6.4657118284350004</v>
      </c>
      <c r="I3353">
        <v>53.409395794938</v>
      </c>
      <c r="J3353" t="s">
        <v>59038</v>
      </c>
    </row>
    <row r="3354" spans="1:10" x14ac:dyDescent="0.25">
      <c r="A3354" t="s">
        <v>43022</v>
      </c>
      <c r="B3354" t="s">
        <v>43023</v>
      </c>
      <c r="C3354" t="s">
        <v>43024</v>
      </c>
      <c r="D3354" t="s">
        <v>42743</v>
      </c>
      <c r="E3354" t="s">
        <v>13</v>
      </c>
      <c r="F3354">
        <v>10728</v>
      </c>
      <c r="G3354" t="s">
        <v>43025</v>
      </c>
      <c r="H3354">
        <v>6.4535794322870004</v>
      </c>
      <c r="I3354">
        <v>53.371050276874001</v>
      </c>
      <c r="J3354" t="s">
        <v>59039</v>
      </c>
    </row>
    <row r="3355" spans="1:10" x14ac:dyDescent="0.25">
      <c r="A3355" t="s">
        <v>43018</v>
      </c>
      <c r="B3355" t="s">
        <v>43019</v>
      </c>
      <c r="C3355" t="s">
        <v>43020</v>
      </c>
      <c r="D3355" t="s">
        <v>42743</v>
      </c>
      <c r="E3355" t="s">
        <v>13</v>
      </c>
      <c r="F3355">
        <v>10727</v>
      </c>
      <c r="G3355" t="s">
        <v>43021</v>
      </c>
      <c r="H3355">
        <v>6.4777270253659998</v>
      </c>
      <c r="I3355">
        <v>53.404809170798003</v>
      </c>
      <c r="J3355" t="s">
        <v>59040</v>
      </c>
    </row>
    <row r="3356" spans="1:10" x14ac:dyDescent="0.25">
      <c r="A3356" t="s">
        <v>43014</v>
      </c>
      <c r="B3356" t="s">
        <v>43015</v>
      </c>
      <c r="C3356" t="s">
        <v>43016</v>
      </c>
      <c r="D3356" t="s">
        <v>42743</v>
      </c>
      <c r="E3356" t="s">
        <v>13</v>
      </c>
      <c r="F3356">
        <v>10726</v>
      </c>
      <c r="G3356" t="s">
        <v>43017</v>
      </c>
      <c r="H3356">
        <v>6.4816410442450003</v>
      </c>
      <c r="I3356">
        <v>53.400410200543</v>
      </c>
      <c r="J3356" t="s">
        <v>59041</v>
      </c>
    </row>
    <row r="3357" spans="1:10" x14ac:dyDescent="0.25">
      <c r="A3357" t="s">
        <v>43010</v>
      </c>
      <c r="B3357" t="s">
        <v>43011</v>
      </c>
      <c r="C3357" t="s">
        <v>43012</v>
      </c>
      <c r="D3357" t="s">
        <v>42743</v>
      </c>
      <c r="E3357" t="s">
        <v>13</v>
      </c>
      <c r="F3357">
        <v>10725</v>
      </c>
      <c r="G3357" t="s">
        <v>43013</v>
      </c>
      <c r="H3357">
        <v>6.4517977729730003</v>
      </c>
      <c r="I3357">
        <v>53.400399316203</v>
      </c>
      <c r="J3357" t="s">
        <v>59042</v>
      </c>
    </row>
    <row r="3358" spans="1:10" x14ac:dyDescent="0.25">
      <c r="A3358" t="s">
        <v>43006</v>
      </c>
      <c r="B3358" t="s">
        <v>43007</v>
      </c>
      <c r="C3358" t="s">
        <v>43008</v>
      </c>
      <c r="D3358" t="s">
        <v>42743</v>
      </c>
      <c r="E3358" t="s">
        <v>13</v>
      </c>
      <c r="F3358">
        <v>10724</v>
      </c>
      <c r="G3358" t="s">
        <v>43009</v>
      </c>
      <c r="H3358">
        <v>6.4597487887760003</v>
      </c>
      <c r="I3358">
        <v>53.363494081539002</v>
      </c>
      <c r="J3358" t="s">
        <v>59043</v>
      </c>
    </row>
    <row r="3359" spans="1:10" x14ac:dyDescent="0.25">
      <c r="A3359" t="s">
        <v>43002</v>
      </c>
      <c r="B3359" t="s">
        <v>43003</v>
      </c>
      <c r="C3359" t="s">
        <v>43004</v>
      </c>
      <c r="D3359" t="s">
        <v>42743</v>
      </c>
      <c r="E3359" t="s">
        <v>13</v>
      </c>
      <c r="F3359">
        <v>10723</v>
      </c>
      <c r="G3359" t="s">
        <v>43005</v>
      </c>
      <c r="H3359">
        <v>6.406866438632</v>
      </c>
      <c r="I3359">
        <v>53.344424716208003</v>
      </c>
      <c r="J3359" t="s">
        <v>59044</v>
      </c>
    </row>
    <row r="3360" spans="1:10" x14ac:dyDescent="0.25">
      <c r="A3360" t="s">
        <v>42998</v>
      </c>
      <c r="B3360" t="s">
        <v>42999</v>
      </c>
      <c r="C3360" t="s">
        <v>43000</v>
      </c>
      <c r="D3360" t="s">
        <v>42743</v>
      </c>
      <c r="E3360" t="s">
        <v>13</v>
      </c>
      <c r="F3360">
        <v>10722</v>
      </c>
      <c r="G3360" t="s">
        <v>43001</v>
      </c>
      <c r="H3360">
        <v>6.3815058884170002</v>
      </c>
      <c r="I3360">
        <v>53.336242308990002</v>
      </c>
      <c r="J3360" t="s">
        <v>59045</v>
      </c>
    </row>
    <row r="3361" spans="1:10" x14ac:dyDescent="0.25">
      <c r="A3361" t="s">
        <v>42994</v>
      </c>
      <c r="B3361" t="s">
        <v>42995</v>
      </c>
      <c r="C3361" t="s">
        <v>42996</v>
      </c>
      <c r="D3361" t="s">
        <v>42743</v>
      </c>
      <c r="E3361" t="s">
        <v>13</v>
      </c>
      <c r="F3361">
        <v>10721</v>
      </c>
      <c r="G3361" t="s">
        <v>42997</v>
      </c>
      <c r="H3361">
        <v>6.4282184008850001</v>
      </c>
      <c r="I3361">
        <v>53.356669414808998</v>
      </c>
      <c r="J3361" t="s">
        <v>59046</v>
      </c>
    </row>
    <row r="3362" spans="1:10" x14ac:dyDescent="0.25">
      <c r="A3362" t="s">
        <v>42990</v>
      </c>
      <c r="B3362" t="s">
        <v>42991</v>
      </c>
      <c r="C3362" t="s">
        <v>42992</v>
      </c>
      <c r="D3362" t="s">
        <v>42743</v>
      </c>
      <c r="E3362" t="s">
        <v>13</v>
      </c>
      <c r="F3362">
        <v>10720</v>
      </c>
      <c r="G3362" t="s">
        <v>42993</v>
      </c>
      <c r="H3362">
        <v>6.4495758151620004</v>
      </c>
      <c r="I3362">
        <v>53.331722244570997</v>
      </c>
      <c r="J3362" t="s">
        <v>59047</v>
      </c>
    </row>
    <row r="3363" spans="1:10" x14ac:dyDescent="0.25">
      <c r="A3363" t="s">
        <v>42986</v>
      </c>
      <c r="B3363" t="s">
        <v>42987</v>
      </c>
      <c r="C3363" t="s">
        <v>42988</v>
      </c>
      <c r="D3363" t="s">
        <v>42743</v>
      </c>
      <c r="E3363" t="s">
        <v>13</v>
      </c>
      <c r="F3363">
        <v>10719</v>
      </c>
      <c r="G3363" t="s">
        <v>42989</v>
      </c>
      <c r="H3363">
        <v>6.4649488378909998</v>
      </c>
      <c r="I3363">
        <v>53.351524162674998</v>
      </c>
      <c r="J3363" t="s">
        <v>59048</v>
      </c>
    </row>
    <row r="3364" spans="1:10" x14ac:dyDescent="0.25">
      <c r="A3364" t="s">
        <v>42982</v>
      </c>
      <c r="B3364" t="s">
        <v>42983</v>
      </c>
      <c r="C3364" t="s">
        <v>42984</v>
      </c>
      <c r="D3364" t="s">
        <v>42743</v>
      </c>
      <c r="E3364" t="s">
        <v>13</v>
      </c>
      <c r="F3364">
        <v>10718</v>
      </c>
      <c r="G3364" t="s">
        <v>42985</v>
      </c>
      <c r="H3364">
        <v>6.4253470242719999</v>
      </c>
      <c r="I3364">
        <v>53.341352762101998</v>
      </c>
      <c r="J3364" t="s">
        <v>59049</v>
      </c>
    </row>
    <row r="3365" spans="1:10" x14ac:dyDescent="0.25">
      <c r="A3365" t="s">
        <v>42978</v>
      </c>
      <c r="B3365" t="s">
        <v>42979</v>
      </c>
      <c r="C3365" t="s">
        <v>42980</v>
      </c>
      <c r="D3365" t="s">
        <v>42743</v>
      </c>
      <c r="E3365" t="s">
        <v>13</v>
      </c>
      <c r="F3365">
        <v>10717</v>
      </c>
      <c r="G3365" t="s">
        <v>42981</v>
      </c>
      <c r="H3365">
        <v>6.3799595244139997</v>
      </c>
      <c r="I3365">
        <v>53.359219011718999</v>
      </c>
      <c r="J3365" t="s">
        <v>59050</v>
      </c>
    </row>
    <row r="3366" spans="1:10" x14ac:dyDescent="0.25">
      <c r="A3366" t="s">
        <v>42974</v>
      </c>
      <c r="B3366" t="s">
        <v>42975</v>
      </c>
      <c r="C3366" t="s">
        <v>42976</v>
      </c>
      <c r="D3366" t="s">
        <v>42743</v>
      </c>
      <c r="E3366" t="s">
        <v>13</v>
      </c>
      <c r="F3366">
        <v>10716</v>
      </c>
      <c r="G3366" t="s">
        <v>42977</v>
      </c>
      <c r="H3366">
        <v>6.4178420534939997</v>
      </c>
      <c r="I3366">
        <v>53.359821279980999</v>
      </c>
      <c r="J3366" t="s">
        <v>59051</v>
      </c>
    </row>
    <row r="3367" spans="1:10" x14ac:dyDescent="0.25">
      <c r="A3367" t="s">
        <v>42970</v>
      </c>
      <c r="B3367" t="s">
        <v>42971</v>
      </c>
      <c r="C3367" t="s">
        <v>42972</v>
      </c>
      <c r="D3367" t="s">
        <v>42743</v>
      </c>
      <c r="E3367" t="s">
        <v>13</v>
      </c>
      <c r="F3367">
        <v>10715</v>
      </c>
      <c r="G3367" t="s">
        <v>42973</v>
      </c>
      <c r="H3367">
        <v>6.3219277541699999</v>
      </c>
      <c r="I3367">
        <v>53.354436297146997</v>
      </c>
      <c r="J3367" t="s">
        <v>59052</v>
      </c>
    </row>
    <row r="3368" spans="1:10" x14ac:dyDescent="0.25">
      <c r="A3368" t="s">
        <v>42966</v>
      </c>
      <c r="B3368" t="s">
        <v>42967</v>
      </c>
      <c r="C3368" t="s">
        <v>42968</v>
      </c>
      <c r="D3368" t="s">
        <v>42743</v>
      </c>
      <c r="E3368" t="s">
        <v>13</v>
      </c>
      <c r="F3368">
        <v>10714</v>
      </c>
      <c r="G3368" t="s">
        <v>42969</v>
      </c>
      <c r="H3368">
        <v>6.2455019992079999</v>
      </c>
      <c r="I3368">
        <v>53.383289378915002</v>
      </c>
      <c r="J3368" t="s">
        <v>59053</v>
      </c>
    </row>
    <row r="3369" spans="1:10" x14ac:dyDescent="0.25">
      <c r="A3369" t="s">
        <v>42962</v>
      </c>
      <c r="B3369" t="s">
        <v>42963</v>
      </c>
      <c r="C3369" t="s">
        <v>42964</v>
      </c>
      <c r="D3369" t="s">
        <v>42743</v>
      </c>
      <c r="E3369" t="s">
        <v>13</v>
      </c>
      <c r="F3369">
        <v>10713</v>
      </c>
      <c r="G3369" t="s">
        <v>42965</v>
      </c>
      <c r="H3369">
        <v>6.1988143673509999</v>
      </c>
      <c r="I3369">
        <v>53.408930682102998</v>
      </c>
      <c r="J3369" t="s">
        <v>59054</v>
      </c>
    </row>
    <row r="3370" spans="1:10" x14ac:dyDescent="0.25">
      <c r="A3370" t="s">
        <v>42958</v>
      </c>
      <c r="B3370" t="s">
        <v>42959</v>
      </c>
      <c r="C3370" t="s">
        <v>42960</v>
      </c>
      <c r="D3370" t="s">
        <v>42743</v>
      </c>
      <c r="E3370" t="s">
        <v>13</v>
      </c>
      <c r="F3370">
        <v>10712</v>
      </c>
      <c r="G3370" t="s">
        <v>42961</v>
      </c>
      <c r="H3370">
        <v>6.2157113154139996</v>
      </c>
      <c r="I3370">
        <v>53.404763744170999</v>
      </c>
      <c r="J3370" t="s">
        <v>59055</v>
      </c>
    </row>
    <row r="3371" spans="1:10" x14ac:dyDescent="0.25">
      <c r="A3371" t="s">
        <v>42954</v>
      </c>
      <c r="B3371" t="s">
        <v>42955</v>
      </c>
      <c r="C3371" t="s">
        <v>42956</v>
      </c>
      <c r="D3371" t="s">
        <v>42743</v>
      </c>
      <c r="E3371" t="s">
        <v>13</v>
      </c>
      <c r="F3371">
        <v>10711</v>
      </c>
      <c r="G3371" t="s">
        <v>42957</v>
      </c>
      <c r="H3371">
        <v>6.3306036398009997</v>
      </c>
      <c r="I3371">
        <v>53.342107376789002</v>
      </c>
      <c r="J3371" t="s">
        <v>59056</v>
      </c>
    </row>
    <row r="3372" spans="1:10" x14ac:dyDescent="0.25">
      <c r="A3372" t="s">
        <v>42950</v>
      </c>
      <c r="B3372" t="s">
        <v>42951</v>
      </c>
      <c r="C3372" t="s">
        <v>42952</v>
      </c>
      <c r="D3372" t="s">
        <v>42743</v>
      </c>
      <c r="E3372" t="s">
        <v>13</v>
      </c>
      <c r="F3372">
        <v>10710</v>
      </c>
      <c r="G3372" t="s">
        <v>42953</v>
      </c>
      <c r="H3372">
        <v>6.2939958180950004</v>
      </c>
      <c r="I3372">
        <v>53.359744787179999</v>
      </c>
      <c r="J3372" t="s">
        <v>59057</v>
      </c>
    </row>
    <row r="3373" spans="1:10" x14ac:dyDescent="0.25">
      <c r="A3373" t="s">
        <v>42946</v>
      </c>
      <c r="B3373" t="s">
        <v>42947</v>
      </c>
      <c r="C3373" t="s">
        <v>42948</v>
      </c>
      <c r="D3373" t="s">
        <v>42743</v>
      </c>
      <c r="E3373" t="s">
        <v>13</v>
      </c>
      <c r="F3373">
        <v>10709</v>
      </c>
      <c r="G3373" t="s">
        <v>42949</v>
      </c>
      <c r="H3373">
        <v>6.3414736916079999</v>
      </c>
      <c r="I3373">
        <v>53.336276695666001</v>
      </c>
      <c r="J3373" t="s">
        <v>59058</v>
      </c>
    </row>
    <row r="3374" spans="1:10" x14ac:dyDescent="0.25">
      <c r="A3374" t="s">
        <v>42942</v>
      </c>
      <c r="B3374" t="s">
        <v>42943</v>
      </c>
      <c r="C3374" t="s">
        <v>42944</v>
      </c>
      <c r="D3374" t="s">
        <v>42743</v>
      </c>
      <c r="E3374" t="s">
        <v>13</v>
      </c>
      <c r="F3374">
        <v>10708</v>
      </c>
      <c r="G3374" t="s">
        <v>42945</v>
      </c>
      <c r="H3374">
        <v>6.3008017905519997</v>
      </c>
      <c r="I3374">
        <v>53.339723862375997</v>
      </c>
      <c r="J3374" t="s">
        <v>59059</v>
      </c>
    </row>
    <row r="3375" spans="1:10" x14ac:dyDescent="0.25">
      <c r="A3375" t="s">
        <v>42938</v>
      </c>
      <c r="B3375" t="s">
        <v>42939</v>
      </c>
      <c r="C3375" t="s">
        <v>42940</v>
      </c>
      <c r="D3375" t="s">
        <v>42743</v>
      </c>
      <c r="E3375" t="s">
        <v>13</v>
      </c>
      <c r="F3375">
        <v>10707</v>
      </c>
      <c r="G3375" t="s">
        <v>42941</v>
      </c>
      <c r="H3375">
        <v>6.3333445173199996</v>
      </c>
      <c r="I3375">
        <v>53.358296637697997</v>
      </c>
      <c r="J3375" t="s">
        <v>59060</v>
      </c>
    </row>
    <row r="3376" spans="1:10" x14ac:dyDescent="0.25">
      <c r="A3376" t="s">
        <v>42934</v>
      </c>
      <c r="B3376" t="s">
        <v>42935</v>
      </c>
      <c r="C3376" t="s">
        <v>42936</v>
      </c>
      <c r="D3376" t="s">
        <v>42743</v>
      </c>
      <c r="E3376" t="s">
        <v>13</v>
      </c>
      <c r="F3376">
        <v>10706</v>
      </c>
      <c r="G3376" t="s">
        <v>42937</v>
      </c>
      <c r="H3376">
        <v>6.5431424784340004</v>
      </c>
      <c r="I3376">
        <v>53.441932144615002</v>
      </c>
      <c r="J3376" t="s">
        <v>59061</v>
      </c>
    </row>
    <row r="3377" spans="1:10" x14ac:dyDescent="0.25">
      <c r="A3377" t="s">
        <v>42930</v>
      </c>
      <c r="B3377" t="s">
        <v>42931</v>
      </c>
      <c r="C3377" t="s">
        <v>42932</v>
      </c>
      <c r="D3377" t="s">
        <v>42743</v>
      </c>
      <c r="E3377" t="s">
        <v>13</v>
      </c>
      <c r="F3377">
        <v>10705</v>
      </c>
      <c r="G3377" t="s">
        <v>42933</v>
      </c>
      <c r="H3377">
        <v>6.5581046784839998</v>
      </c>
      <c r="I3377">
        <v>53.392389556326002</v>
      </c>
      <c r="J3377" t="s">
        <v>59062</v>
      </c>
    </row>
    <row r="3378" spans="1:10" x14ac:dyDescent="0.25">
      <c r="A3378" t="s">
        <v>42927</v>
      </c>
      <c r="B3378" t="s">
        <v>42928</v>
      </c>
      <c r="C3378" t="s">
        <v>10802</v>
      </c>
      <c r="D3378" t="s">
        <v>42743</v>
      </c>
      <c r="E3378" t="s">
        <v>13</v>
      </c>
      <c r="F3378">
        <v>10704</v>
      </c>
      <c r="G3378" t="s">
        <v>42929</v>
      </c>
      <c r="H3378">
        <v>6.6056871004040003</v>
      </c>
      <c r="I3378">
        <v>53.397450490231002</v>
      </c>
      <c r="J3378" t="s">
        <v>59063</v>
      </c>
    </row>
    <row r="3379" spans="1:10" x14ac:dyDescent="0.25">
      <c r="A3379" t="s">
        <v>42924</v>
      </c>
      <c r="B3379" t="s">
        <v>42925</v>
      </c>
      <c r="C3379" t="s">
        <v>42845</v>
      </c>
      <c r="D3379" t="s">
        <v>42743</v>
      </c>
      <c r="E3379" t="s">
        <v>13</v>
      </c>
      <c r="F3379">
        <v>10703</v>
      </c>
      <c r="G3379" t="s">
        <v>42926</v>
      </c>
      <c r="H3379">
        <v>6.6087246868599996</v>
      </c>
      <c r="I3379">
        <v>53.425847391441003</v>
      </c>
      <c r="J3379" t="s">
        <v>59064</v>
      </c>
    </row>
    <row r="3380" spans="1:10" x14ac:dyDescent="0.25">
      <c r="A3380" t="s">
        <v>42920</v>
      </c>
      <c r="B3380" t="s">
        <v>42921</v>
      </c>
      <c r="C3380" t="s">
        <v>42922</v>
      </c>
      <c r="D3380" t="s">
        <v>42743</v>
      </c>
      <c r="E3380" t="s">
        <v>13</v>
      </c>
      <c r="F3380">
        <v>10702</v>
      </c>
      <c r="G3380" t="s">
        <v>42923</v>
      </c>
      <c r="H3380">
        <v>6.6108188564430002</v>
      </c>
      <c r="I3380">
        <v>53.403648260993997</v>
      </c>
      <c r="J3380" t="s">
        <v>59065</v>
      </c>
    </row>
    <row r="3381" spans="1:10" x14ac:dyDescent="0.25">
      <c r="A3381" t="s">
        <v>42916</v>
      </c>
      <c r="B3381" t="s">
        <v>42917</v>
      </c>
      <c r="C3381" t="s">
        <v>42918</v>
      </c>
      <c r="D3381" t="s">
        <v>42743</v>
      </c>
      <c r="E3381" t="s">
        <v>13</v>
      </c>
      <c r="F3381">
        <v>10701</v>
      </c>
      <c r="G3381" t="s">
        <v>42919</v>
      </c>
      <c r="H3381">
        <v>6.6438380408990003</v>
      </c>
      <c r="I3381">
        <v>53.375528527120998</v>
      </c>
      <c r="J3381" t="s">
        <v>59066</v>
      </c>
    </row>
    <row r="3382" spans="1:10" x14ac:dyDescent="0.25">
      <c r="A3382" t="s">
        <v>42912</v>
      </c>
      <c r="B3382" t="s">
        <v>42913</v>
      </c>
      <c r="C3382" t="s">
        <v>42914</v>
      </c>
      <c r="D3382" t="s">
        <v>42743</v>
      </c>
      <c r="E3382" t="s">
        <v>13</v>
      </c>
      <c r="F3382">
        <v>10700</v>
      </c>
      <c r="G3382" t="s">
        <v>42915</v>
      </c>
      <c r="H3382">
        <v>6.7092719210049996</v>
      </c>
      <c r="I3382">
        <v>53.371209606318999</v>
      </c>
      <c r="J3382" t="s">
        <v>59067</v>
      </c>
    </row>
    <row r="3383" spans="1:10" x14ac:dyDescent="0.25">
      <c r="A3383" t="s">
        <v>42908</v>
      </c>
      <c r="B3383" t="s">
        <v>42909</v>
      </c>
      <c r="C3383" t="s">
        <v>42910</v>
      </c>
      <c r="D3383" t="s">
        <v>42743</v>
      </c>
      <c r="E3383" t="s">
        <v>13</v>
      </c>
      <c r="F3383">
        <v>10699</v>
      </c>
      <c r="G3383" t="s">
        <v>42911</v>
      </c>
      <c r="H3383">
        <v>6.6957813760639997</v>
      </c>
      <c r="I3383">
        <v>53.380221433929997</v>
      </c>
      <c r="J3383" t="s">
        <v>59068</v>
      </c>
    </row>
    <row r="3384" spans="1:10" x14ac:dyDescent="0.25">
      <c r="A3384" t="s">
        <v>42904</v>
      </c>
      <c r="B3384" t="s">
        <v>42905</v>
      </c>
      <c r="C3384" t="s">
        <v>42906</v>
      </c>
      <c r="D3384" t="s">
        <v>42743</v>
      </c>
      <c r="E3384" t="s">
        <v>13</v>
      </c>
      <c r="F3384">
        <v>10698</v>
      </c>
      <c r="G3384" t="s">
        <v>42907</v>
      </c>
      <c r="H3384">
        <v>6.6733300724840001</v>
      </c>
      <c r="I3384">
        <v>53.391594648350001</v>
      </c>
      <c r="J3384" t="s">
        <v>59069</v>
      </c>
    </row>
    <row r="3385" spans="1:10" x14ac:dyDescent="0.25">
      <c r="A3385" t="s">
        <v>42900</v>
      </c>
      <c r="B3385" t="s">
        <v>42901</v>
      </c>
      <c r="C3385" t="s">
        <v>42902</v>
      </c>
      <c r="D3385" t="s">
        <v>42743</v>
      </c>
      <c r="E3385" t="s">
        <v>13</v>
      </c>
      <c r="F3385">
        <v>10697</v>
      </c>
      <c r="G3385" t="s">
        <v>42903</v>
      </c>
      <c r="H3385">
        <v>6.5995441827199999</v>
      </c>
      <c r="I3385">
        <v>53.360813124012999</v>
      </c>
      <c r="J3385" t="s">
        <v>59070</v>
      </c>
    </row>
    <row r="3386" spans="1:10" x14ac:dyDescent="0.25">
      <c r="A3386" t="s">
        <v>42897</v>
      </c>
      <c r="B3386" t="s">
        <v>42898</v>
      </c>
      <c r="C3386" t="s">
        <v>40590</v>
      </c>
      <c r="D3386" t="s">
        <v>42743</v>
      </c>
      <c r="E3386" t="s">
        <v>13</v>
      </c>
      <c r="F3386">
        <v>10696</v>
      </c>
      <c r="G3386" t="s">
        <v>42899</v>
      </c>
      <c r="H3386">
        <v>6.620376535788</v>
      </c>
      <c r="I3386">
        <v>53.382716375573999</v>
      </c>
      <c r="J3386" t="s">
        <v>59071</v>
      </c>
    </row>
    <row r="3387" spans="1:10" x14ac:dyDescent="0.25">
      <c r="A3387" t="s">
        <v>42893</v>
      </c>
      <c r="B3387" t="s">
        <v>42894</v>
      </c>
      <c r="C3387" t="s">
        <v>42895</v>
      </c>
      <c r="D3387" t="s">
        <v>42743</v>
      </c>
      <c r="E3387" t="s">
        <v>13</v>
      </c>
      <c r="F3387">
        <v>10695</v>
      </c>
      <c r="G3387" t="s">
        <v>42896</v>
      </c>
      <c r="H3387">
        <v>6.6816807365640001</v>
      </c>
      <c r="I3387">
        <v>53.386472961522998</v>
      </c>
      <c r="J3387" t="s">
        <v>59072</v>
      </c>
    </row>
    <row r="3388" spans="1:10" x14ac:dyDescent="0.25">
      <c r="A3388" t="s">
        <v>42889</v>
      </c>
      <c r="B3388" t="s">
        <v>42890</v>
      </c>
      <c r="C3388" t="s">
        <v>42891</v>
      </c>
      <c r="D3388" t="s">
        <v>42743</v>
      </c>
      <c r="E3388" t="s">
        <v>13</v>
      </c>
      <c r="F3388">
        <v>10694</v>
      </c>
      <c r="G3388" t="s">
        <v>42892</v>
      </c>
      <c r="H3388">
        <v>6.6327732894759999</v>
      </c>
      <c r="I3388">
        <v>53.365185589542001</v>
      </c>
      <c r="J3388" t="s">
        <v>59073</v>
      </c>
    </row>
    <row r="3389" spans="1:10" x14ac:dyDescent="0.25">
      <c r="A3389" t="s">
        <v>42885</v>
      </c>
      <c r="B3389" t="s">
        <v>42886</v>
      </c>
      <c r="C3389" t="s">
        <v>42887</v>
      </c>
      <c r="D3389" t="s">
        <v>42743</v>
      </c>
      <c r="E3389" t="s">
        <v>13</v>
      </c>
      <c r="F3389">
        <v>10693</v>
      </c>
      <c r="G3389" t="s">
        <v>42888</v>
      </c>
      <c r="H3389">
        <v>6.7638074126290002</v>
      </c>
      <c r="I3389">
        <v>53.426753371506997</v>
      </c>
      <c r="J3389" t="s">
        <v>59074</v>
      </c>
    </row>
    <row r="3390" spans="1:10" x14ac:dyDescent="0.25">
      <c r="A3390" t="s">
        <v>42881</v>
      </c>
      <c r="B3390" t="s">
        <v>42882</v>
      </c>
      <c r="C3390" t="s">
        <v>42883</v>
      </c>
      <c r="D3390" t="s">
        <v>42743</v>
      </c>
      <c r="E3390" t="s">
        <v>13</v>
      </c>
      <c r="F3390">
        <v>10692</v>
      </c>
      <c r="G3390" t="s">
        <v>42884</v>
      </c>
      <c r="H3390">
        <v>6.8344572740879999</v>
      </c>
      <c r="I3390">
        <v>53.442175520199001</v>
      </c>
      <c r="J3390" t="s">
        <v>59075</v>
      </c>
    </row>
    <row r="3391" spans="1:10" x14ac:dyDescent="0.25">
      <c r="A3391" t="s">
        <v>42877</v>
      </c>
      <c r="B3391" t="s">
        <v>42878</v>
      </c>
      <c r="C3391" t="s">
        <v>42879</v>
      </c>
      <c r="D3391" t="s">
        <v>42743</v>
      </c>
      <c r="E3391" t="s">
        <v>13</v>
      </c>
      <c r="F3391">
        <v>10691</v>
      </c>
      <c r="G3391" t="s">
        <v>42880</v>
      </c>
      <c r="H3391">
        <v>6.7157213903189996</v>
      </c>
      <c r="I3391">
        <v>53.393190693323</v>
      </c>
      <c r="J3391" t="s">
        <v>59076</v>
      </c>
    </row>
    <row r="3392" spans="1:10" x14ac:dyDescent="0.25">
      <c r="A3392" t="s">
        <v>42873</v>
      </c>
      <c r="B3392" t="s">
        <v>42874</v>
      </c>
      <c r="C3392" t="s">
        <v>42875</v>
      </c>
      <c r="D3392" t="s">
        <v>42743</v>
      </c>
      <c r="E3392" t="s">
        <v>13</v>
      </c>
      <c r="F3392">
        <v>10690</v>
      </c>
      <c r="G3392" t="s">
        <v>42876</v>
      </c>
      <c r="H3392">
        <v>6.823420976315</v>
      </c>
      <c r="I3392">
        <v>53.429166257116002</v>
      </c>
      <c r="J3392" t="s">
        <v>59077</v>
      </c>
    </row>
    <row r="3393" spans="1:10" x14ac:dyDescent="0.25">
      <c r="A3393" t="s">
        <v>42869</v>
      </c>
      <c r="B3393" t="s">
        <v>42870</v>
      </c>
      <c r="C3393" t="s">
        <v>42871</v>
      </c>
      <c r="D3393" t="s">
        <v>42743</v>
      </c>
      <c r="E3393" t="s">
        <v>13</v>
      </c>
      <c r="F3393">
        <v>10689</v>
      </c>
      <c r="G3393" t="s">
        <v>42872</v>
      </c>
      <c r="H3393">
        <v>6.7388359028220002</v>
      </c>
      <c r="I3393">
        <v>53.423714269443998</v>
      </c>
      <c r="J3393" t="s">
        <v>59078</v>
      </c>
    </row>
    <row r="3394" spans="1:10" x14ac:dyDescent="0.25">
      <c r="A3394" t="s">
        <v>42865</v>
      </c>
      <c r="B3394" t="s">
        <v>42866</v>
      </c>
      <c r="C3394" t="s">
        <v>42867</v>
      </c>
      <c r="D3394" t="s">
        <v>42743</v>
      </c>
      <c r="E3394" t="s">
        <v>13</v>
      </c>
      <c r="F3394">
        <v>10688</v>
      </c>
      <c r="G3394" t="s">
        <v>42868</v>
      </c>
      <c r="H3394">
        <v>6.7787508740289999</v>
      </c>
      <c r="I3394">
        <v>53.416656659042999</v>
      </c>
      <c r="J3394" t="s">
        <v>59079</v>
      </c>
    </row>
    <row r="3395" spans="1:10" x14ac:dyDescent="0.25">
      <c r="A3395" t="s">
        <v>42862</v>
      </c>
      <c r="B3395" t="s">
        <v>42863</v>
      </c>
      <c r="C3395" t="s">
        <v>14512</v>
      </c>
      <c r="D3395" t="s">
        <v>42743</v>
      </c>
      <c r="E3395" t="s">
        <v>13</v>
      </c>
      <c r="F3395">
        <v>10687</v>
      </c>
      <c r="G3395" t="s">
        <v>42864</v>
      </c>
      <c r="H3395">
        <v>6.7939893890169998</v>
      </c>
      <c r="I3395">
        <v>53.415425646766003</v>
      </c>
      <c r="J3395" t="s">
        <v>59080</v>
      </c>
    </row>
    <row r="3396" spans="1:10" x14ac:dyDescent="0.25">
      <c r="A3396" t="s">
        <v>42858</v>
      </c>
      <c r="B3396" t="s">
        <v>42859</v>
      </c>
      <c r="C3396" t="s">
        <v>42860</v>
      </c>
      <c r="D3396" t="s">
        <v>42743</v>
      </c>
      <c r="E3396" t="s">
        <v>13</v>
      </c>
      <c r="F3396">
        <v>10686</v>
      </c>
      <c r="G3396" t="s">
        <v>42861</v>
      </c>
      <c r="H3396">
        <v>6.7646206489300003</v>
      </c>
      <c r="I3396">
        <v>53.420129205188999</v>
      </c>
      <c r="J3396" t="s">
        <v>59081</v>
      </c>
    </row>
    <row r="3397" spans="1:10" x14ac:dyDescent="0.25">
      <c r="A3397" t="s">
        <v>42854</v>
      </c>
      <c r="B3397" t="s">
        <v>42855</v>
      </c>
      <c r="C3397" t="s">
        <v>42856</v>
      </c>
      <c r="D3397" t="s">
        <v>42743</v>
      </c>
      <c r="E3397" t="s">
        <v>13</v>
      </c>
      <c r="F3397">
        <v>10685</v>
      </c>
      <c r="G3397" t="s">
        <v>42857</v>
      </c>
      <c r="H3397">
        <v>6.7530481434030003</v>
      </c>
      <c r="I3397">
        <v>53.402341005370999</v>
      </c>
      <c r="J3397" t="s">
        <v>59082</v>
      </c>
    </row>
    <row r="3398" spans="1:10" x14ac:dyDescent="0.25">
      <c r="A3398" t="s">
        <v>42850</v>
      </c>
      <c r="B3398" t="s">
        <v>42851</v>
      </c>
      <c r="C3398" t="s">
        <v>42852</v>
      </c>
      <c r="D3398" t="s">
        <v>42743</v>
      </c>
      <c r="E3398" t="s">
        <v>13</v>
      </c>
      <c r="F3398">
        <v>10684</v>
      </c>
      <c r="G3398" t="s">
        <v>42853</v>
      </c>
      <c r="H3398">
        <v>6.725294756586</v>
      </c>
      <c r="I3398">
        <v>53.413251347642998</v>
      </c>
      <c r="J3398" t="s">
        <v>59083</v>
      </c>
    </row>
    <row r="3399" spans="1:10" x14ac:dyDescent="0.25">
      <c r="A3399" t="s">
        <v>42847</v>
      </c>
      <c r="B3399" t="s">
        <v>42848</v>
      </c>
      <c r="C3399" t="s">
        <v>10802</v>
      </c>
      <c r="D3399" t="s">
        <v>42743</v>
      </c>
      <c r="E3399" t="s">
        <v>13</v>
      </c>
      <c r="F3399">
        <v>10683</v>
      </c>
      <c r="G3399" t="s">
        <v>42849</v>
      </c>
      <c r="H3399">
        <v>6.6704898906040002</v>
      </c>
      <c r="I3399">
        <v>53.400964113127998</v>
      </c>
      <c r="J3399" t="s">
        <v>59084</v>
      </c>
    </row>
    <row r="3400" spans="1:10" x14ac:dyDescent="0.25">
      <c r="A3400" t="s">
        <v>42843</v>
      </c>
      <c r="B3400" t="s">
        <v>42844</v>
      </c>
      <c r="C3400" t="s">
        <v>42845</v>
      </c>
      <c r="D3400" t="s">
        <v>42743</v>
      </c>
      <c r="E3400" t="s">
        <v>13</v>
      </c>
      <c r="F3400">
        <v>10682</v>
      </c>
      <c r="G3400" t="s">
        <v>42846</v>
      </c>
      <c r="H3400">
        <v>6.6810678892900004</v>
      </c>
      <c r="I3400">
        <v>53.440509903915</v>
      </c>
      <c r="J3400" t="s">
        <v>59085</v>
      </c>
    </row>
    <row r="3401" spans="1:10" x14ac:dyDescent="0.25">
      <c r="A3401" t="s">
        <v>42839</v>
      </c>
      <c r="B3401" t="s">
        <v>42840</v>
      </c>
      <c r="C3401" t="s">
        <v>42841</v>
      </c>
      <c r="D3401" t="s">
        <v>42743</v>
      </c>
      <c r="E3401" t="s">
        <v>13</v>
      </c>
      <c r="F3401">
        <v>10681</v>
      </c>
      <c r="G3401" t="s">
        <v>42842</v>
      </c>
      <c r="H3401">
        <v>6.6547972130610002</v>
      </c>
      <c r="I3401">
        <v>53.410770227474003</v>
      </c>
      <c r="J3401" t="s">
        <v>59086</v>
      </c>
    </row>
    <row r="3402" spans="1:10" x14ac:dyDescent="0.25">
      <c r="A3402" t="s">
        <v>42835</v>
      </c>
      <c r="B3402" t="s">
        <v>42836</v>
      </c>
      <c r="C3402" t="s">
        <v>42837</v>
      </c>
      <c r="D3402" t="s">
        <v>42743</v>
      </c>
      <c r="E3402" t="s">
        <v>13</v>
      </c>
      <c r="F3402">
        <v>10680</v>
      </c>
      <c r="G3402" t="s">
        <v>42838</v>
      </c>
      <c r="H3402">
        <v>6.6776051226839996</v>
      </c>
      <c r="I3402">
        <v>53.409740607406</v>
      </c>
      <c r="J3402" t="s">
        <v>59087</v>
      </c>
    </row>
    <row r="3403" spans="1:10" x14ac:dyDescent="0.25">
      <c r="A3403" t="s">
        <v>42831</v>
      </c>
      <c r="B3403" t="s">
        <v>42832</v>
      </c>
      <c r="C3403" t="s">
        <v>42833</v>
      </c>
      <c r="D3403" t="s">
        <v>42743</v>
      </c>
      <c r="E3403" t="s">
        <v>13</v>
      </c>
      <c r="F3403">
        <v>10679</v>
      </c>
      <c r="G3403" t="s">
        <v>42834</v>
      </c>
      <c r="H3403">
        <v>6.5311472313159999</v>
      </c>
      <c r="I3403">
        <v>53.285773171273</v>
      </c>
      <c r="J3403" t="s">
        <v>59088</v>
      </c>
    </row>
    <row r="3404" spans="1:10" x14ac:dyDescent="0.25">
      <c r="A3404" t="s">
        <v>42827</v>
      </c>
      <c r="B3404" t="s">
        <v>42828</v>
      </c>
      <c r="C3404" t="s">
        <v>42829</v>
      </c>
      <c r="D3404" t="s">
        <v>42743</v>
      </c>
      <c r="E3404" t="s">
        <v>13</v>
      </c>
      <c r="F3404">
        <v>10678</v>
      </c>
      <c r="G3404" t="s">
        <v>42830</v>
      </c>
      <c r="H3404">
        <v>6.5307386064759996</v>
      </c>
      <c r="I3404">
        <v>53.302616683766999</v>
      </c>
      <c r="J3404" t="s">
        <v>59089</v>
      </c>
    </row>
    <row r="3405" spans="1:10" x14ac:dyDescent="0.25">
      <c r="A3405" t="s">
        <v>42823</v>
      </c>
      <c r="B3405" t="s">
        <v>42824</v>
      </c>
      <c r="C3405" t="s">
        <v>42825</v>
      </c>
      <c r="D3405" t="s">
        <v>42743</v>
      </c>
      <c r="E3405" t="s">
        <v>13</v>
      </c>
      <c r="F3405">
        <v>10677</v>
      </c>
      <c r="G3405" t="s">
        <v>42826</v>
      </c>
      <c r="H3405">
        <v>6.534855692452</v>
      </c>
      <c r="I3405">
        <v>53.293659644856</v>
      </c>
      <c r="J3405" t="s">
        <v>59090</v>
      </c>
    </row>
    <row r="3406" spans="1:10" x14ac:dyDescent="0.25">
      <c r="A3406" t="s">
        <v>42819</v>
      </c>
      <c r="B3406" t="s">
        <v>42820</v>
      </c>
      <c r="C3406" t="s">
        <v>42821</v>
      </c>
      <c r="D3406" t="s">
        <v>42743</v>
      </c>
      <c r="E3406" t="s">
        <v>13</v>
      </c>
      <c r="F3406">
        <v>10676</v>
      </c>
      <c r="G3406" t="s">
        <v>42822</v>
      </c>
      <c r="H3406">
        <v>6.5380353647360003</v>
      </c>
      <c r="I3406">
        <v>53.27517594527</v>
      </c>
      <c r="J3406" t="s">
        <v>59091</v>
      </c>
    </row>
    <row r="3407" spans="1:10" x14ac:dyDescent="0.25">
      <c r="A3407" t="s">
        <v>42815</v>
      </c>
      <c r="B3407" t="s">
        <v>42816</v>
      </c>
      <c r="C3407" t="s">
        <v>42817</v>
      </c>
      <c r="D3407" t="s">
        <v>42743</v>
      </c>
      <c r="E3407" t="s">
        <v>13</v>
      </c>
      <c r="F3407">
        <v>10675</v>
      </c>
      <c r="G3407" t="s">
        <v>42818</v>
      </c>
      <c r="H3407">
        <v>6.5203540042760002</v>
      </c>
      <c r="I3407">
        <v>53.378717744983</v>
      </c>
      <c r="J3407" t="s">
        <v>59092</v>
      </c>
    </row>
    <row r="3408" spans="1:10" x14ac:dyDescent="0.25">
      <c r="A3408" t="s">
        <v>42811</v>
      </c>
      <c r="B3408" t="s">
        <v>42812</v>
      </c>
      <c r="C3408" t="s">
        <v>42813</v>
      </c>
      <c r="D3408" t="s">
        <v>42743</v>
      </c>
      <c r="E3408" t="s">
        <v>13</v>
      </c>
      <c r="F3408">
        <v>10674</v>
      </c>
      <c r="G3408" t="s">
        <v>42814</v>
      </c>
      <c r="H3408">
        <v>6.4830218920210001</v>
      </c>
      <c r="I3408">
        <v>53.380683912654</v>
      </c>
      <c r="J3408" t="s">
        <v>59093</v>
      </c>
    </row>
    <row r="3409" spans="1:10" x14ac:dyDescent="0.25">
      <c r="A3409" t="s">
        <v>42807</v>
      </c>
      <c r="B3409" t="s">
        <v>42808</v>
      </c>
      <c r="C3409" t="s">
        <v>42809</v>
      </c>
      <c r="D3409" t="s">
        <v>42743</v>
      </c>
      <c r="E3409" t="s">
        <v>13</v>
      </c>
      <c r="F3409">
        <v>10673</v>
      </c>
      <c r="G3409" t="s">
        <v>42810</v>
      </c>
      <c r="H3409">
        <v>6.5358864070860001</v>
      </c>
      <c r="I3409">
        <v>53.356609495960001</v>
      </c>
      <c r="J3409" t="s">
        <v>59094</v>
      </c>
    </row>
    <row r="3410" spans="1:10" x14ac:dyDescent="0.25">
      <c r="A3410" t="s">
        <v>42803</v>
      </c>
      <c r="B3410" t="s">
        <v>42804</v>
      </c>
      <c r="C3410" t="s">
        <v>42805</v>
      </c>
      <c r="D3410" t="s">
        <v>42743</v>
      </c>
      <c r="E3410" t="s">
        <v>13</v>
      </c>
      <c r="F3410">
        <v>10672</v>
      </c>
      <c r="G3410" t="s">
        <v>42806</v>
      </c>
      <c r="H3410">
        <v>6.515556949304</v>
      </c>
      <c r="I3410">
        <v>53.366759270656999</v>
      </c>
      <c r="J3410" t="s">
        <v>59095</v>
      </c>
    </row>
    <row r="3411" spans="1:10" x14ac:dyDescent="0.25">
      <c r="A3411" t="s">
        <v>42799</v>
      </c>
      <c r="B3411" t="s">
        <v>42800</v>
      </c>
      <c r="C3411" t="s">
        <v>42801</v>
      </c>
      <c r="D3411" t="s">
        <v>42743</v>
      </c>
      <c r="E3411" t="s">
        <v>13</v>
      </c>
      <c r="F3411">
        <v>10671</v>
      </c>
      <c r="G3411" t="s">
        <v>42802</v>
      </c>
      <c r="H3411">
        <v>6.5108973685480001</v>
      </c>
      <c r="I3411">
        <v>53.390022780895002</v>
      </c>
      <c r="J3411" t="s">
        <v>59096</v>
      </c>
    </row>
    <row r="3412" spans="1:10" x14ac:dyDescent="0.25">
      <c r="A3412" t="s">
        <v>42795</v>
      </c>
      <c r="B3412" t="s">
        <v>42796</v>
      </c>
      <c r="C3412" t="s">
        <v>42797</v>
      </c>
      <c r="D3412" t="s">
        <v>42743</v>
      </c>
      <c r="E3412" t="s">
        <v>13</v>
      </c>
      <c r="F3412">
        <v>10670</v>
      </c>
      <c r="G3412" t="s">
        <v>42798</v>
      </c>
      <c r="H3412">
        <v>6.5176664308239998</v>
      </c>
      <c r="I3412">
        <v>53.360787588050997</v>
      </c>
      <c r="J3412" t="s">
        <v>59097</v>
      </c>
    </row>
    <row r="3413" spans="1:10" x14ac:dyDescent="0.25">
      <c r="A3413" t="s">
        <v>42791</v>
      </c>
      <c r="B3413" t="s">
        <v>42792</v>
      </c>
      <c r="C3413" t="s">
        <v>42793</v>
      </c>
      <c r="D3413" t="s">
        <v>42743</v>
      </c>
      <c r="E3413" t="s">
        <v>13</v>
      </c>
      <c r="F3413">
        <v>10669</v>
      </c>
      <c r="G3413" t="s">
        <v>42794</v>
      </c>
      <c r="H3413">
        <v>6.5121520568260003</v>
      </c>
      <c r="I3413">
        <v>53.329453822951997</v>
      </c>
      <c r="J3413" t="s">
        <v>59098</v>
      </c>
    </row>
    <row r="3414" spans="1:10" x14ac:dyDescent="0.25">
      <c r="A3414" t="s">
        <v>42788</v>
      </c>
      <c r="B3414" t="s">
        <v>42789</v>
      </c>
      <c r="C3414" t="s">
        <v>2678</v>
      </c>
      <c r="D3414" t="s">
        <v>42743</v>
      </c>
      <c r="E3414" t="s">
        <v>13</v>
      </c>
      <c r="F3414">
        <v>10668</v>
      </c>
      <c r="G3414" t="s">
        <v>42790</v>
      </c>
      <c r="H3414">
        <v>6.5256412191350002</v>
      </c>
      <c r="I3414">
        <v>53.335934209092002</v>
      </c>
      <c r="J3414" t="s">
        <v>59099</v>
      </c>
    </row>
    <row r="3415" spans="1:10" x14ac:dyDescent="0.25">
      <c r="A3415" t="s">
        <v>42784</v>
      </c>
      <c r="B3415" t="s">
        <v>42785</v>
      </c>
      <c r="C3415" t="s">
        <v>42786</v>
      </c>
      <c r="D3415" t="s">
        <v>42743</v>
      </c>
      <c r="E3415" t="s">
        <v>13</v>
      </c>
      <c r="F3415">
        <v>10667</v>
      </c>
      <c r="G3415" t="s">
        <v>42787</v>
      </c>
      <c r="H3415">
        <v>6.5313405664069997</v>
      </c>
      <c r="I3415">
        <v>53.329856867879002</v>
      </c>
      <c r="J3415" t="s">
        <v>59100</v>
      </c>
    </row>
    <row r="3416" spans="1:10" x14ac:dyDescent="0.25">
      <c r="A3416" t="s">
        <v>42780</v>
      </c>
      <c r="B3416" t="s">
        <v>42781</v>
      </c>
      <c r="C3416" t="s">
        <v>42782</v>
      </c>
      <c r="D3416" t="s">
        <v>42743</v>
      </c>
      <c r="E3416" t="s">
        <v>13</v>
      </c>
      <c r="F3416">
        <v>10666</v>
      </c>
      <c r="G3416" t="s">
        <v>42783</v>
      </c>
      <c r="H3416">
        <v>6.5246380761470002</v>
      </c>
      <c r="I3416">
        <v>53.328048521649002</v>
      </c>
      <c r="J3416" t="s">
        <v>59101</v>
      </c>
    </row>
    <row r="3417" spans="1:10" x14ac:dyDescent="0.25">
      <c r="A3417" t="s">
        <v>42776</v>
      </c>
      <c r="B3417" t="s">
        <v>42777</v>
      </c>
      <c r="C3417" t="s">
        <v>42778</v>
      </c>
      <c r="D3417" t="s">
        <v>42743</v>
      </c>
      <c r="E3417" t="s">
        <v>13</v>
      </c>
      <c r="F3417">
        <v>10665</v>
      </c>
      <c r="G3417" t="s">
        <v>42779</v>
      </c>
      <c r="H3417">
        <v>6.5120486251590002</v>
      </c>
      <c r="I3417">
        <v>53.335461171452998</v>
      </c>
      <c r="J3417" t="s">
        <v>59102</v>
      </c>
    </row>
    <row r="3418" spans="1:10" x14ac:dyDescent="0.25">
      <c r="A3418" t="s">
        <v>42772</v>
      </c>
      <c r="B3418" t="s">
        <v>42773</v>
      </c>
      <c r="C3418" t="s">
        <v>42774</v>
      </c>
      <c r="D3418" t="s">
        <v>42743</v>
      </c>
      <c r="E3418" t="s">
        <v>13</v>
      </c>
      <c r="F3418">
        <v>10664</v>
      </c>
      <c r="G3418" t="s">
        <v>42775</v>
      </c>
      <c r="H3418">
        <v>6.5154058632630001</v>
      </c>
      <c r="I3418">
        <v>53.327696433950997</v>
      </c>
      <c r="J3418" t="s">
        <v>59103</v>
      </c>
    </row>
    <row r="3419" spans="1:10" x14ac:dyDescent="0.25">
      <c r="A3419" t="s">
        <v>42768</v>
      </c>
      <c r="B3419" t="s">
        <v>42769</v>
      </c>
      <c r="C3419" t="s">
        <v>42770</v>
      </c>
      <c r="D3419" t="s">
        <v>42743</v>
      </c>
      <c r="E3419" t="s">
        <v>13</v>
      </c>
      <c r="F3419">
        <v>10663</v>
      </c>
      <c r="G3419" t="s">
        <v>42771</v>
      </c>
      <c r="H3419">
        <v>6.5780082763710004</v>
      </c>
      <c r="I3419">
        <v>53.277839648516</v>
      </c>
      <c r="J3419" t="s">
        <v>59104</v>
      </c>
    </row>
    <row r="3420" spans="1:10" x14ac:dyDescent="0.25">
      <c r="A3420" t="s">
        <v>42764</v>
      </c>
      <c r="B3420" t="s">
        <v>42765</v>
      </c>
      <c r="C3420" t="s">
        <v>42766</v>
      </c>
      <c r="D3420" t="s">
        <v>42743</v>
      </c>
      <c r="E3420" t="s">
        <v>13</v>
      </c>
      <c r="F3420">
        <v>10662</v>
      </c>
      <c r="G3420" t="s">
        <v>42767</v>
      </c>
      <c r="H3420">
        <v>6.5897119685960002</v>
      </c>
      <c r="I3420">
        <v>53.271325306785997</v>
      </c>
      <c r="J3420" t="s">
        <v>59105</v>
      </c>
    </row>
    <row r="3421" spans="1:10" x14ac:dyDescent="0.25">
      <c r="A3421" t="s">
        <v>42760</v>
      </c>
      <c r="B3421" t="s">
        <v>42761</v>
      </c>
      <c r="C3421" t="s">
        <v>42762</v>
      </c>
      <c r="D3421" t="s">
        <v>42743</v>
      </c>
      <c r="E3421" t="s">
        <v>13</v>
      </c>
      <c r="F3421">
        <v>10661</v>
      </c>
      <c r="G3421" t="s">
        <v>42763</v>
      </c>
      <c r="H3421">
        <v>6.5814140205109997</v>
      </c>
      <c r="I3421">
        <v>53.332005626055</v>
      </c>
      <c r="J3421" t="s">
        <v>59106</v>
      </c>
    </row>
    <row r="3422" spans="1:10" x14ac:dyDescent="0.25">
      <c r="A3422" t="s">
        <v>42756</v>
      </c>
      <c r="B3422" t="s">
        <v>42757</v>
      </c>
      <c r="C3422" t="s">
        <v>42758</v>
      </c>
      <c r="D3422" t="s">
        <v>42743</v>
      </c>
      <c r="E3422" t="s">
        <v>13</v>
      </c>
      <c r="F3422">
        <v>10660</v>
      </c>
      <c r="G3422" t="s">
        <v>42759</v>
      </c>
      <c r="H3422">
        <v>6.5881180504690002</v>
      </c>
      <c r="I3422">
        <v>53.334648536293997</v>
      </c>
      <c r="J3422" t="s">
        <v>59107</v>
      </c>
    </row>
    <row r="3423" spans="1:10" x14ac:dyDescent="0.25">
      <c r="A3423" t="s">
        <v>42753</v>
      </c>
      <c r="B3423" t="s">
        <v>42754</v>
      </c>
      <c r="C3423" t="s">
        <v>33336</v>
      </c>
      <c r="D3423" t="s">
        <v>42743</v>
      </c>
      <c r="E3423" t="s">
        <v>13</v>
      </c>
      <c r="F3423">
        <v>10659</v>
      </c>
      <c r="G3423" t="s">
        <v>42755</v>
      </c>
      <c r="H3423">
        <v>6.6027902972929997</v>
      </c>
      <c r="I3423">
        <v>53.262107560174996</v>
      </c>
      <c r="J3423" t="s">
        <v>59108</v>
      </c>
    </row>
    <row r="3424" spans="1:10" x14ac:dyDescent="0.25">
      <c r="A3424" t="s">
        <v>42749</v>
      </c>
      <c r="B3424" t="s">
        <v>42750</v>
      </c>
      <c r="C3424" t="s">
        <v>42751</v>
      </c>
      <c r="D3424" t="s">
        <v>42743</v>
      </c>
      <c r="E3424" t="s">
        <v>13</v>
      </c>
      <c r="F3424">
        <v>10658</v>
      </c>
      <c r="G3424" t="s">
        <v>42752</v>
      </c>
      <c r="H3424">
        <v>6.593504098326</v>
      </c>
      <c r="I3424">
        <v>53.261613621443999</v>
      </c>
      <c r="J3424" t="s">
        <v>59109</v>
      </c>
    </row>
    <row r="3425" spans="1:10" x14ac:dyDescent="0.25">
      <c r="A3425" t="s">
        <v>42745</v>
      </c>
      <c r="B3425" t="s">
        <v>42746</v>
      </c>
      <c r="C3425" t="s">
        <v>42747</v>
      </c>
      <c r="D3425" t="s">
        <v>42743</v>
      </c>
      <c r="E3425" t="s">
        <v>13</v>
      </c>
      <c r="F3425">
        <v>10657</v>
      </c>
      <c r="G3425" t="s">
        <v>42748</v>
      </c>
      <c r="H3425">
        <v>6.6045420149089997</v>
      </c>
      <c r="I3425">
        <v>53.300086827701001</v>
      </c>
      <c r="J3425" t="s">
        <v>59110</v>
      </c>
    </row>
    <row r="3426" spans="1:10" x14ac:dyDescent="0.25">
      <c r="A3426" t="s">
        <v>42740</v>
      </c>
      <c r="B3426" t="s">
        <v>42741</v>
      </c>
      <c r="C3426" t="s">
        <v>42742</v>
      </c>
      <c r="D3426" t="s">
        <v>42743</v>
      </c>
      <c r="E3426" t="s">
        <v>13</v>
      </c>
      <c r="F3426">
        <v>10656</v>
      </c>
      <c r="G3426" t="s">
        <v>42744</v>
      </c>
      <c r="H3426">
        <v>6.5996838438600003</v>
      </c>
      <c r="I3426">
        <v>53.301752436577999</v>
      </c>
      <c r="J3426" t="s">
        <v>59111</v>
      </c>
    </row>
    <row r="3427" spans="1:10" x14ac:dyDescent="0.25">
      <c r="A3427" t="s">
        <v>42736</v>
      </c>
      <c r="B3427" t="s">
        <v>42737</v>
      </c>
      <c r="C3427" t="s">
        <v>42738</v>
      </c>
      <c r="D3427" t="s">
        <v>1722</v>
      </c>
      <c r="E3427" t="s">
        <v>13</v>
      </c>
      <c r="F3427">
        <v>10655</v>
      </c>
      <c r="G3427" t="s">
        <v>42739</v>
      </c>
      <c r="H3427">
        <v>4.3712257190179997</v>
      </c>
      <c r="I3427">
        <v>51.7978877364</v>
      </c>
      <c r="J3427" t="s">
        <v>59112</v>
      </c>
    </row>
    <row r="3428" spans="1:10" x14ac:dyDescent="0.25">
      <c r="A3428" t="s">
        <v>42732</v>
      </c>
      <c r="B3428" t="s">
        <v>42733</v>
      </c>
      <c r="C3428" t="s">
        <v>42734</v>
      </c>
      <c r="D3428" t="s">
        <v>1722</v>
      </c>
      <c r="E3428" t="s">
        <v>13</v>
      </c>
      <c r="F3428">
        <v>10654</v>
      </c>
      <c r="G3428" t="s">
        <v>42735</v>
      </c>
      <c r="H3428">
        <v>4.3410417928929999</v>
      </c>
      <c r="I3428">
        <v>51.810408373789002</v>
      </c>
      <c r="J3428" t="s">
        <v>59113</v>
      </c>
    </row>
    <row r="3429" spans="1:10" x14ac:dyDescent="0.25">
      <c r="A3429" t="s">
        <v>42728</v>
      </c>
      <c r="B3429" t="s">
        <v>42729</v>
      </c>
      <c r="C3429" t="s">
        <v>42730</v>
      </c>
      <c r="D3429" t="s">
        <v>1722</v>
      </c>
      <c r="E3429" t="s">
        <v>13</v>
      </c>
      <c r="F3429">
        <v>10653</v>
      </c>
      <c r="G3429" t="s">
        <v>42731</v>
      </c>
      <c r="H3429">
        <v>4.331607437852</v>
      </c>
      <c r="I3429">
        <v>51.796142227706</v>
      </c>
      <c r="J3429" t="s">
        <v>59114</v>
      </c>
    </row>
    <row r="3430" spans="1:10" x14ac:dyDescent="0.25">
      <c r="A3430" t="s">
        <v>42724</v>
      </c>
      <c r="B3430" t="s">
        <v>42725</v>
      </c>
      <c r="C3430" t="s">
        <v>42726</v>
      </c>
      <c r="D3430" t="s">
        <v>1722</v>
      </c>
      <c r="E3430" t="s">
        <v>13</v>
      </c>
      <c r="F3430">
        <v>10652</v>
      </c>
      <c r="G3430" t="s">
        <v>42727</v>
      </c>
      <c r="H3430">
        <v>4.3145063086470001</v>
      </c>
      <c r="I3430">
        <v>51.793165344865997</v>
      </c>
      <c r="J3430" t="s">
        <v>59115</v>
      </c>
    </row>
    <row r="3431" spans="1:10" x14ac:dyDescent="0.25">
      <c r="A3431" t="s">
        <v>42720</v>
      </c>
      <c r="B3431" t="s">
        <v>42721</v>
      </c>
      <c r="C3431" t="s">
        <v>42722</v>
      </c>
      <c r="D3431" t="s">
        <v>1722</v>
      </c>
      <c r="E3431" t="s">
        <v>13</v>
      </c>
      <c r="F3431">
        <v>10651</v>
      </c>
      <c r="G3431" t="s">
        <v>42723</v>
      </c>
      <c r="H3431">
        <v>4.2807896552729998</v>
      </c>
      <c r="I3431">
        <v>51.774486971527999</v>
      </c>
      <c r="J3431" t="s">
        <v>59116</v>
      </c>
    </row>
    <row r="3432" spans="1:10" x14ac:dyDescent="0.25">
      <c r="A3432" t="s">
        <v>42716</v>
      </c>
      <c r="B3432" t="s">
        <v>42717</v>
      </c>
      <c r="C3432" t="s">
        <v>42718</v>
      </c>
      <c r="D3432" t="s">
        <v>1722</v>
      </c>
      <c r="E3432" t="s">
        <v>13</v>
      </c>
      <c r="F3432">
        <v>10650</v>
      </c>
      <c r="G3432" t="s">
        <v>42719</v>
      </c>
      <c r="H3432">
        <v>4.2762914979140003</v>
      </c>
      <c r="I3432">
        <v>51.794532424392997</v>
      </c>
      <c r="J3432" t="s">
        <v>59117</v>
      </c>
    </row>
    <row r="3433" spans="1:10" x14ac:dyDescent="0.25">
      <c r="A3433" t="s">
        <v>42712</v>
      </c>
      <c r="B3433" t="s">
        <v>42713</v>
      </c>
      <c r="C3433" t="s">
        <v>42714</v>
      </c>
      <c r="D3433" t="s">
        <v>1722</v>
      </c>
      <c r="E3433" t="s">
        <v>13</v>
      </c>
      <c r="F3433">
        <v>10649</v>
      </c>
      <c r="G3433" t="s">
        <v>42715</v>
      </c>
      <c r="H3433">
        <v>4.3521617648889999</v>
      </c>
      <c r="I3433">
        <v>51.755988386793</v>
      </c>
      <c r="J3433" t="s">
        <v>59118</v>
      </c>
    </row>
    <row r="3434" spans="1:10" x14ac:dyDescent="0.25">
      <c r="A3434" t="s">
        <v>42708</v>
      </c>
      <c r="B3434" t="s">
        <v>42709</v>
      </c>
      <c r="C3434" t="s">
        <v>42710</v>
      </c>
      <c r="D3434" t="s">
        <v>1722</v>
      </c>
      <c r="E3434" t="s">
        <v>13</v>
      </c>
      <c r="F3434">
        <v>10648</v>
      </c>
      <c r="G3434" t="s">
        <v>42711</v>
      </c>
      <c r="H3434">
        <v>4.367200892084</v>
      </c>
      <c r="I3434">
        <v>51.752000217750002</v>
      </c>
      <c r="J3434" t="s">
        <v>59119</v>
      </c>
    </row>
    <row r="3435" spans="1:10" x14ac:dyDescent="0.25">
      <c r="A3435" t="s">
        <v>42704</v>
      </c>
      <c r="B3435" t="s">
        <v>42705</v>
      </c>
      <c r="C3435" t="s">
        <v>42706</v>
      </c>
      <c r="D3435" t="s">
        <v>1722</v>
      </c>
      <c r="E3435" t="s">
        <v>13</v>
      </c>
      <c r="F3435">
        <v>10647</v>
      </c>
      <c r="G3435" t="s">
        <v>42707</v>
      </c>
      <c r="H3435">
        <v>4.4564204429430001</v>
      </c>
      <c r="I3435">
        <v>51.734344296388002</v>
      </c>
      <c r="J3435" t="s">
        <v>59120</v>
      </c>
    </row>
    <row r="3436" spans="1:10" x14ac:dyDescent="0.25">
      <c r="A3436" t="s">
        <v>42700</v>
      </c>
      <c r="B3436" t="s">
        <v>42701</v>
      </c>
      <c r="C3436" t="s">
        <v>42702</v>
      </c>
      <c r="D3436" t="s">
        <v>1722</v>
      </c>
      <c r="E3436" t="s">
        <v>13</v>
      </c>
      <c r="F3436">
        <v>10646</v>
      </c>
      <c r="G3436" t="s">
        <v>42703</v>
      </c>
      <c r="H3436">
        <v>4.4472403866920001</v>
      </c>
      <c r="I3436">
        <v>51.746605226686</v>
      </c>
      <c r="J3436" t="s">
        <v>59121</v>
      </c>
    </row>
    <row r="3437" spans="1:10" x14ac:dyDescent="0.25">
      <c r="A3437" t="s">
        <v>42696</v>
      </c>
      <c r="B3437" t="s">
        <v>42697</v>
      </c>
      <c r="C3437" t="s">
        <v>42698</v>
      </c>
      <c r="D3437" t="s">
        <v>1722</v>
      </c>
      <c r="E3437" t="s">
        <v>13</v>
      </c>
      <c r="F3437">
        <v>10645</v>
      </c>
      <c r="G3437" t="s">
        <v>42699</v>
      </c>
      <c r="H3437">
        <v>4.438766515907</v>
      </c>
      <c r="I3437">
        <v>51.733761295877997</v>
      </c>
      <c r="J3437" t="s">
        <v>59122</v>
      </c>
    </row>
    <row r="3438" spans="1:10" x14ac:dyDescent="0.25">
      <c r="A3438" t="s">
        <v>42692</v>
      </c>
      <c r="B3438" t="s">
        <v>42693</v>
      </c>
      <c r="C3438" t="s">
        <v>42694</v>
      </c>
      <c r="D3438" t="s">
        <v>1722</v>
      </c>
      <c r="E3438" t="s">
        <v>13</v>
      </c>
      <c r="F3438">
        <v>10644</v>
      </c>
      <c r="G3438" t="s">
        <v>42695</v>
      </c>
      <c r="H3438">
        <v>4.4558640169360002</v>
      </c>
      <c r="I3438">
        <v>51.768047715535999</v>
      </c>
      <c r="J3438" t="s">
        <v>59123</v>
      </c>
    </row>
    <row r="3439" spans="1:10" x14ac:dyDescent="0.25">
      <c r="A3439" t="s">
        <v>42688</v>
      </c>
      <c r="B3439" t="s">
        <v>42689</v>
      </c>
      <c r="C3439" t="s">
        <v>42690</v>
      </c>
      <c r="D3439" t="s">
        <v>1722</v>
      </c>
      <c r="E3439" t="s">
        <v>13</v>
      </c>
      <c r="F3439">
        <v>10643</v>
      </c>
      <c r="G3439" t="s">
        <v>42691</v>
      </c>
      <c r="H3439">
        <v>4.4445028132319999</v>
      </c>
      <c r="I3439">
        <v>51.770707609976</v>
      </c>
      <c r="J3439" t="s">
        <v>59124</v>
      </c>
    </row>
    <row r="3440" spans="1:10" x14ac:dyDescent="0.25">
      <c r="A3440" t="s">
        <v>1768</v>
      </c>
      <c r="B3440" t="s">
        <v>1769</v>
      </c>
      <c r="C3440" t="s">
        <v>1770</v>
      </c>
      <c r="D3440" t="s">
        <v>1722</v>
      </c>
      <c r="E3440" t="s">
        <v>13</v>
      </c>
      <c r="F3440">
        <v>10642</v>
      </c>
      <c r="G3440" t="s">
        <v>1771</v>
      </c>
      <c r="H3440">
        <v>4.5500535750589997</v>
      </c>
      <c r="I3440">
        <v>51.743661952412999</v>
      </c>
      <c r="J3440" t="s">
        <v>59125</v>
      </c>
    </row>
    <row r="3441" spans="1:10" x14ac:dyDescent="0.25">
      <c r="A3441" t="s">
        <v>1764</v>
      </c>
      <c r="B3441" t="s">
        <v>1765</v>
      </c>
      <c r="C3441" t="s">
        <v>1766</v>
      </c>
      <c r="D3441" t="s">
        <v>1722</v>
      </c>
      <c r="E3441" t="s">
        <v>13</v>
      </c>
      <c r="F3441">
        <v>10641</v>
      </c>
      <c r="G3441" t="s">
        <v>1767</v>
      </c>
      <c r="H3441">
        <v>4.5561592995279998</v>
      </c>
      <c r="I3441">
        <v>51.752561493565999</v>
      </c>
      <c r="J3441" t="s">
        <v>59126</v>
      </c>
    </row>
    <row r="3442" spans="1:10" x14ac:dyDescent="0.25">
      <c r="A3442" t="s">
        <v>1760</v>
      </c>
      <c r="B3442" t="s">
        <v>1761</v>
      </c>
      <c r="C3442" t="s">
        <v>1762</v>
      </c>
      <c r="D3442" t="s">
        <v>1722</v>
      </c>
      <c r="E3442" t="s">
        <v>13</v>
      </c>
      <c r="F3442">
        <v>10640</v>
      </c>
      <c r="G3442" t="s">
        <v>1763</v>
      </c>
      <c r="H3442">
        <v>4.5528169784800001</v>
      </c>
      <c r="I3442">
        <v>51.745046390958997</v>
      </c>
      <c r="J3442" t="s">
        <v>59127</v>
      </c>
    </row>
    <row r="3443" spans="1:10" x14ac:dyDescent="0.25">
      <c r="A3443" t="s">
        <v>1756</v>
      </c>
      <c r="B3443" t="s">
        <v>1757</v>
      </c>
      <c r="C3443" t="s">
        <v>1758</v>
      </c>
      <c r="D3443" t="s">
        <v>1722</v>
      </c>
      <c r="E3443" t="s">
        <v>13</v>
      </c>
      <c r="F3443">
        <v>10639</v>
      </c>
      <c r="G3443" t="s">
        <v>1759</v>
      </c>
      <c r="H3443">
        <v>4.6032565617839998</v>
      </c>
      <c r="I3443">
        <v>51.768641230299998</v>
      </c>
      <c r="J3443" t="s">
        <v>59128</v>
      </c>
    </row>
    <row r="3444" spans="1:10" x14ac:dyDescent="0.25">
      <c r="A3444" t="s">
        <v>1752</v>
      </c>
      <c r="B3444" t="s">
        <v>1753</v>
      </c>
      <c r="C3444" t="s">
        <v>1754</v>
      </c>
      <c r="D3444" t="s">
        <v>1722</v>
      </c>
      <c r="E3444" t="s">
        <v>13</v>
      </c>
      <c r="F3444">
        <v>10638</v>
      </c>
      <c r="G3444" t="s">
        <v>1755</v>
      </c>
      <c r="H3444">
        <v>4.6186311534</v>
      </c>
      <c r="I3444">
        <v>51.788619643464997</v>
      </c>
      <c r="J3444" t="s">
        <v>59129</v>
      </c>
    </row>
    <row r="3445" spans="1:10" x14ac:dyDescent="0.25">
      <c r="A3445" t="s">
        <v>1748</v>
      </c>
      <c r="B3445" t="s">
        <v>1749</v>
      </c>
      <c r="C3445" t="s">
        <v>1750</v>
      </c>
      <c r="D3445" t="s">
        <v>1722</v>
      </c>
      <c r="E3445" t="s">
        <v>13</v>
      </c>
      <c r="F3445">
        <v>10637</v>
      </c>
      <c r="G3445" t="s">
        <v>1751</v>
      </c>
      <c r="H3445">
        <v>4.6158024875569996</v>
      </c>
      <c r="I3445">
        <v>51.778976799576</v>
      </c>
      <c r="J3445" t="s">
        <v>59130</v>
      </c>
    </row>
    <row r="3446" spans="1:10" x14ac:dyDescent="0.25">
      <c r="A3446" t="s">
        <v>1744</v>
      </c>
      <c r="B3446" t="s">
        <v>1745</v>
      </c>
      <c r="C3446" t="s">
        <v>1746</v>
      </c>
      <c r="D3446" t="s">
        <v>1722</v>
      </c>
      <c r="E3446" t="s">
        <v>13</v>
      </c>
      <c r="F3446">
        <v>10636</v>
      </c>
      <c r="G3446" t="s">
        <v>1747</v>
      </c>
      <c r="H3446">
        <v>4.5468817435469999</v>
      </c>
      <c r="I3446">
        <v>51.786907352941</v>
      </c>
      <c r="J3446" t="s">
        <v>59131</v>
      </c>
    </row>
    <row r="3447" spans="1:10" x14ac:dyDescent="0.25">
      <c r="A3447" t="s">
        <v>1740</v>
      </c>
      <c r="B3447" t="s">
        <v>1741</v>
      </c>
      <c r="C3447" t="s">
        <v>1742</v>
      </c>
      <c r="D3447" t="s">
        <v>1722</v>
      </c>
      <c r="E3447" t="s">
        <v>13</v>
      </c>
      <c r="F3447">
        <v>10635</v>
      </c>
      <c r="G3447" t="s">
        <v>1743</v>
      </c>
      <c r="H3447">
        <v>4.5541420115940001</v>
      </c>
      <c r="I3447">
        <v>51.787881842490997</v>
      </c>
      <c r="J3447" t="s">
        <v>59132</v>
      </c>
    </row>
    <row r="3448" spans="1:10" x14ac:dyDescent="0.25">
      <c r="A3448" t="s">
        <v>1736</v>
      </c>
      <c r="B3448" t="s">
        <v>1737</v>
      </c>
      <c r="C3448" t="s">
        <v>1738</v>
      </c>
      <c r="D3448" t="s">
        <v>1722</v>
      </c>
      <c r="E3448" t="s">
        <v>13</v>
      </c>
      <c r="F3448">
        <v>10634</v>
      </c>
      <c r="G3448" t="s">
        <v>1739</v>
      </c>
      <c r="H3448">
        <v>4.5731664316240002</v>
      </c>
      <c r="I3448">
        <v>51.803922016526997</v>
      </c>
      <c r="J3448" t="s">
        <v>59133</v>
      </c>
    </row>
    <row r="3449" spans="1:10" x14ac:dyDescent="0.25">
      <c r="A3449" t="s">
        <v>1732</v>
      </c>
      <c r="B3449" t="s">
        <v>1733</v>
      </c>
      <c r="C3449" t="s">
        <v>1734</v>
      </c>
      <c r="D3449" t="s">
        <v>1722</v>
      </c>
      <c r="E3449" t="s">
        <v>13</v>
      </c>
      <c r="F3449">
        <v>10633</v>
      </c>
      <c r="G3449" t="s">
        <v>1735</v>
      </c>
      <c r="H3449">
        <v>4.565796730053</v>
      </c>
      <c r="I3449">
        <v>51.803713286384998</v>
      </c>
      <c r="J3449" t="s">
        <v>59134</v>
      </c>
    </row>
    <row r="3450" spans="1:10" x14ac:dyDescent="0.25">
      <c r="A3450" t="s">
        <v>42684</v>
      </c>
      <c r="B3450" t="s">
        <v>42685</v>
      </c>
      <c r="C3450" t="s">
        <v>42686</v>
      </c>
      <c r="D3450" t="s">
        <v>1722</v>
      </c>
      <c r="E3450" t="s">
        <v>13</v>
      </c>
      <c r="F3450">
        <v>10632</v>
      </c>
      <c r="G3450" t="s">
        <v>42687</v>
      </c>
      <c r="H3450">
        <v>4.4646511573899996</v>
      </c>
      <c r="I3450">
        <v>51.788125804963002</v>
      </c>
      <c r="J3450" t="s">
        <v>59135</v>
      </c>
    </row>
    <row r="3451" spans="1:10" x14ac:dyDescent="0.25">
      <c r="A3451" t="s">
        <v>42680</v>
      </c>
      <c r="B3451" t="s">
        <v>42681</v>
      </c>
      <c r="C3451" t="s">
        <v>42682</v>
      </c>
      <c r="D3451" t="s">
        <v>1722</v>
      </c>
      <c r="E3451" t="s">
        <v>13</v>
      </c>
      <c r="F3451">
        <v>10631</v>
      </c>
      <c r="G3451" t="s">
        <v>42683</v>
      </c>
      <c r="H3451">
        <v>4.4751384528739999</v>
      </c>
      <c r="I3451">
        <v>51.787142774891002</v>
      </c>
      <c r="J3451" t="s">
        <v>59136</v>
      </c>
    </row>
    <row r="3452" spans="1:10" x14ac:dyDescent="0.25">
      <c r="A3452" t="s">
        <v>1728</v>
      </c>
      <c r="B3452" t="s">
        <v>1729</v>
      </c>
      <c r="C3452" t="s">
        <v>1730</v>
      </c>
      <c r="D3452" t="s">
        <v>1722</v>
      </c>
      <c r="E3452" t="s">
        <v>13</v>
      </c>
      <c r="F3452">
        <v>10630</v>
      </c>
      <c r="G3452" t="s">
        <v>1731</v>
      </c>
      <c r="H3452">
        <v>4.4871479967939996</v>
      </c>
      <c r="I3452">
        <v>51.804343808717</v>
      </c>
      <c r="J3452" t="s">
        <v>59137</v>
      </c>
    </row>
    <row r="3453" spans="1:10" x14ac:dyDescent="0.25">
      <c r="A3453" t="s">
        <v>42676</v>
      </c>
      <c r="B3453" t="s">
        <v>42677</v>
      </c>
      <c r="C3453" t="s">
        <v>42678</v>
      </c>
      <c r="D3453" t="s">
        <v>1722</v>
      </c>
      <c r="E3453" t="s">
        <v>13</v>
      </c>
      <c r="F3453">
        <v>10629</v>
      </c>
      <c r="G3453" t="s">
        <v>42679</v>
      </c>
      <c r="H3453">
        <v>4.4876266492730004</v>
      </c>
      <c r="I3453">
        <v>51.796060240610998</v>
      </c>
      <c r="J3453" t="s">
        <v>59138</v>
      </c>
    </row>
    <row r="3454" spans="1:10" x14ac:dyDescent="0.25">
      <c r="A3454" t="s">
        <v>1724</v>
      </c>
      <c r="B3454" t="s">
        <v>1725</v>
      </c>
      <c r="C3454" t="s">
        <v>1726</v>
      </c>
      <c r="D3454" t="s">
        <v>1722</v>
      </c>
      <c r="E3454" t="s">
        <v>13</v>
      </c>
      <c r="F3454">
        <v>10628</v>
      </c>
      <c r="G3454" t="s">
        <v>1727</v>
      </c>
      <c r="H3454">
        <v>4.5050842515919998</v>
      </c>
      <c r="I3454">
        <v>51.822827727548002</v>
      </c>
      <c r="J3454" t="s">
        <v>59139</v>
      </c>
    </row>
    <row r="3455" spans="1:10" x14ac:dyDescent="0.25">
      <c r="A3455" t="s">
        <v>1719</v>
      </c>
      <c r="B3455" t="s">
        <v>1720</v>
      </c>
      <c r="C3455" t="s">
        <v>1721</v>
      </c>
      <c r="D3455" t="s">
        <v>1722</v>
      </c>
      <c r="E3455" t="s">
        <v>13</v>
      </c>
      <c r="F3455">
        <v>10627</v>
      </c>
      <c r="G3455" t="s">
        <v>1723</v>
      </c>
      <c r="H3455">
        <v>4.5250851911480003</v>
      </c>
      <c r="I3455">
        <v>51.815178134706002</v>
      </c>
      <c r="J3455" t="s">
        <v>59140</v>
      </c>
    </row>
    <row r="3456" spans="1:10" x14ac:dyDescent="0.25">
      <c r="A3456" t="s">
        <v>42672</v>
      </c>
      <c r="B3456" t="s">
        <v>42673</v>
      </c>
      <c r="C3456" t="s">
        <v>42674</v>
      </c>
      <c r="D3456" t="s">
        <v>1722</v>
      </c>
      <c r="E3456" t="s">
        <v>13</v>
      </c>
      <c r="F3456">
        <v>10626</v>
      </c>
      <c r="G3456" t="s">
        <v>42675</v>
      </c>
      <c r="H3456">
        <v>4.4793357069380004</v>
      </c>
      <c r="I3456">
        <v>51.825340699945002</v>
      </c>
      <c r="J3456" t="s">
        <v>59141</v>
      </c>
    </row>
    <row r="3457" spans="1:10" x14ac:dyDescent="0.25">
      <c r="A3457" t="s">
        <v>42668</v>
      </c>
      <c r="B3457" t="s">
        <v>42669</v>
      </c>
      <c r="C3457" t="s">
        <v>42670</v>
      </c>
      <c r="D3457" t="s">
        <v>1722</v>
      </c>
      <c r="E3457" t="s">
        <v>13</v>
      </c>
      <c r="F3457">
        <v>10625</v>
      </c>
      <c r="G3457" t="s">
        <v>42671</v>
      </c>
      <c r="H3457">
        <v>4.4081554884459999</v>
      </c>
      <c r="I3457">
        <v>51.801405843940998</v>
      </c>
      <c r="J3457" t="s">
        <v>59142</v>
      </c>
    </row>
    <row r="3458" spans="1:10" x14ac:dyDescent="0.25">
      <c r="A3458" t="s">
        <v>42664</v>
      </c>
      <c r="B3458" t="s">
        <v>42665</v>
      </c>
      <c r="C3458" t="s">
        <v>42666</v>
      </c>
      <c r="D3458" t="s">
        <v>1722</v>
      </c>
      <c r="E3458" t="s">
        <v>13</v>
      </c>
      <c r="F3458">
        <v>10624</v>
      </c>
      <c r="G3458" t="s">
        <v>42667</v>
      </c>
      <c r="H3458">
        <v>4.420900597408</v>
      </c>
      <c r="I3458">
        <v>51.814564850308003</v>
      </c>
      <c r="J3458" t="s">
        <v>59143</v>
      </c>
    </row>
    <row r="3459" spans="1:10" x14ac:dyDescent="0.25">
      <c r="A3459" t="s">
        <v>42660</v>
      </c>
      <c r="B3459" t="s">
        <v>42661</v>
      </c>
      <c r="C3459" t="s">
        <v>42662</v>
      </c>
      <c r="D3459" t="s">
        <v>1722</v>
      </c>
      <c r="E3459" t="s">
        <v>13</v>
      </c>
      <c r="F3459">
        <v>10623</v>
      </c>
      <c r="G3459" t="s">
        <v>42663</v>
      </c>
      <c r="H3459">
        <v>4.4377019569309999</v>
      </c>
      <c r="I3459">
        <v>51.828444801803002</v>
      </c>
      <c r="J3459" t="s">
        <v>59144</v>
      </c>
    </row>
    <row r="3460" spans="1:10" x14ac:dyDescent="0.25">
      <c r="A3460" t="s">
        <v>42656</v>
      </c>
      <c r="B3460" t="s">
        <v>42657</v>
      </c>
      <c r="C3460" t="s">
        <v>42658</v>
      </c>
      <c r="D3460" t="s">
        <v>1722</v>
      </c>
      <c r="E3460" t="s">
        <v>13</v>
      </c>
      <c r="F3460">
        <v>10622</v>
      </c>
      <c r="G3460" t="s">
        <v>42659</v>
      </c>
      <c r="H3460">
        <v>4.4336129756249996</v>
      </c>
      <c r="I3460">
        <v>51.816438426266998</v>
      </c>
      <c r="J3460" t="s">
        <v>59145</v>
      </c>
    </row>
    <row r="3461" spans="1:10" x14ac:dyDescent="0.25">
      <c r="A3461" t="s">
        <v>42652</v>
      </c>
      <c r="B3461" t="s">
        <v>42653</v>
      </c>
      <c r="C3461" t="s">
        <v>42654</v>
      </c>
      <c r="D3461" t="s">
        <v>1722</v>
      </c>
      <c r="E3461" t="s">
        <v>13</v>
      </c>
      <c r="F3461">
        <v>10621</v>
      </c>
      <c r="G3461" t="s">
        <v>42655</v>
      </c>
      <c r="H3461">
        <v>4.404272114856</v>
      </c>
      <c r="I3461">
        <v>51.829218973113001</v>
      </c>
      <c r="J3461" t="s">
        <v>59146</v>
      </c>
    </row>
    <row r="3462" spans="1:10" x14ac:dyDescent="0.25">
      <c r="A3462" t="s">
        <v>42648</v>
      </c>
      <c r="B3462" t="s">
        <v>42649</v>
      </c>
      <c r="C3462" t="s">
        <v>42650</v>
      </c>
      <c r="D3462" t="s">
        <v>1722</v>
      </c>
      <c r="E3462" t="s">
        <v>13</v>
      </c>
      <c r="F3462">
        <v>10620</v>
      </c>
      <c r="G3462" t="s">
        <v>42651</v>
      </c>
      <c r="H3462">
        <v>4.3963627232049998</v>
      </c>
      <c r="I3462">
        <v>51.823540193863003</v>
      </c>
      <c r="J3462" t="s">
        <v>59147</v>
      </c>
    </row>
    <row r="3463" spans="1:10" x14ac:dyDescent="0.25">
      <c r="A3463" t="s">
        <v>42644</v>
      </c>
      <c r="B3463" t="s">
        <v>42645</v>
      </c>
      <c r="C3463" t="s">
        <v>42646</v>
      </c>
      <c r="D3463" t="s">
        <v>1722</v>
      </c>
      <c r="E3463" t="s">
        <v>13</v>
      </c>
      <c r="F3463">
        <v>10619</v>
      </c>
      <c r="G3463" t="s">
        <v>42647</v>
      </c>
      <c r="H3463">
        <v>4.4063618715219999</v>
      </c>
      <c r="I3463">
        <v>51.817698565858997</v>
      </c>
      <c r="J3463" t="s">
        <v>59148</v>
      </c>
    </row>
    <row r="3464" spans="1:10" x14ac:dyDescent="0.25">
      <c r="A3464" t="s">
        <v>42640</v>
      </c>
      <c r="B3464" t="s">
        <v>42641</v>
      </c>
      <c r="C3464" t="s">
        <v>42642</v>
      </c>
      <c r="D3464" t="s">
        <v>1722</v>
      </c>
      <c r="E3464" t="s">
        <v>13</v>
      </c>
      <c r="F3464">
        <v>10618</v>
      </c>
      <c r="G3464" t="s">
        <v>42643</v>
      </c>
      <c r="H3464">
        <v>4.4075660754910002</v>
      </c>
      <c r="I3464">
        <v>51.823350573783998</v>
      </c>
      <c r="J3464" t="s">
        <v>59149</v>
      </c>
    </row>
    <row r="3465" spans="1:10" x14ac:dyDescent="0.25">
      <c r="A3465" t="s">
        <v>42636</v>
      </c>
      <c r="B3465" t="s">
        <v>42637</v>
      </c>
      <c r="C3465" t="s">
        <v>42638</v>
      </c>
      <c r="D3465" t="s">
        <v>1722</v>
      </c>
      <c r="E3465" t="s">
        <v>13</v>
      </c>
      <c r="F3465">
        <v>10617</v>
      </c>
      <c r="G3465" t="s">
        <v>42639</v>
      </c>
      <c r="H3465">
        <v>4.4224693050379997</v>
      </c>
      <c r="I3465">
        <v>51.820621946449002</v>
      </c>
      <c r="J3465" t="s">
        <v>59150</v>
      </c>
    </row>
    <row r="3466" spans="1:10" x14ac:dyDescent="0.25">
      <c r="A3466" t="s">
        <v>42632</v>
      </c>
      <c r="B3466" t="s">
        <v>42633</v>
      </c>
      <c r="C3466" t="s">
        <v>42634</v>
      </c>
      <c r="D3466" t="s">
        <v>1722</v>
      </c>
      <c r="E3466" t="s">
        <v>13</v>
      </c>
      <c r="F3466">
        <v>10616</v>
      </c>
      <c r="G3466" t="s">
        <v>42635</v>
      </c>
      <c r="H3466">
        <v>4.4223445625320004</v>
      </c>
      <c r="I3466">
        <v>51.828094785364001</v>
      </c>
      <c r="J3466" t="s">
        <v>59151</v>
      </c>
    </row>
    <row r="3467" spans="1:10" x14ac:dyDescent="0.25">
      <c r="A3467" t="s">
        <v>42628</v>
      </c>
      <c r="B3467" t="s">
        <v>42629</v>
      </c>
      <c r="C3467" t="s">
        <v>42630</v>
      </c>
      <c r="D3467" t="s">
        <v>1722</v>
      </c>
      <c r="E3467" t="s">
        <v>13</v>
      </c>
      <c r="F3467">
        <v>10615</v>
      </c>
      <c r="G3467" t="s">
        <v>42631</v>
      </c>
      <c r="H3467">
        <v>4.4134383697070003</v>
      </c>
      <c r="I3467">
        <v>51.825237250697</v>
      </c>
      <c r="J3467" t="s">
        <v>59152</v>
      </c>
    </row>
    <row r="3468" spans="1:10" x14ac:dyDescent="0.25">
      <c r="A3468" t="s">
        <v>42624</v>
      </c>
      <c r="B3468" t="s">
        <v>42625</v>
      </c>
      <c r="C3468" t="s">
        <v>42626</v>
      </c>
      <c r="D3468" t="s">
        <v>42369</v>
      </c>
      <c r="E3468" t="s">
        <v>13</v>
      </c>
      <c r="F3468">
        <v>10614</v>
      </c>
      <c r="G3468" t="s">
        <v>42627</v>
      </c>
      <c r="H3468">
        <v>5.1225904631160004</v>
      </c>
      <c r="I3468">
        <v>51.847374395476002</v>
      </c>
      <c r="J3468" t="s">
        <v>59153</v>
      </c>
    </row>
    <row r="3469" spans="1:10" x14ac:dyDescent="0.25">
      <c r="A3469" t="s">
        <v>42620</v>
      </c>
      <c r="B3469" t="s">
        <v>42621</v>
      </c>
      <c r="C3469" t="s">
        <v>42622</v>
      </c>
      <c r="D3469" t="s">
        <v>42369</v>
      </c>
      <c r="E3469" t="s">
        <v>13</v>
      </c>
      <c r="F3469">
        <v>10613</v>
      </c>
      <c r="G3469" t="s">
        <v>42623</v>
      </c>
      <c r="H3469">
        <v>5.1354308019239996</v>
      </c>
      <c r="I3469">
        <v>51.821045346989997</v>
      </c>
      <c r="J3469" t="s">
        <v>59154</v>
      </c>
    </row>
    <row r="3470" spans="1:10" x14ac:dyDescent="0.25">
      <c r="A3470" t="s">
        <v>42616</v>
      </c>
      <c r="B3470" t="s">
        <v>42617</v>
      </c>
      <c r="C3470" t="s">
        <v>42618</v>
      </c>
      <c r="D3470" t="s">
        <v>42369</v>
      </c>
      <c r="E3470" t="s">
        <v>13</v>
      </c>
      <c r="F3470">
        <v>10612</v>
      </c>
      <c r="G3470" t="s">
        <v>42619</v>
      </c>
      <c r="H3470">
        <v>5.056345101382</v>
      </c>
      <c r="I3470">
        <v>51.845101693030998</v>
      </c>
      <c r="J3470" t="s">
        <v>59155</v>
      </c>
    </row>
    <row r="3471" spans="1:10" x14ac:dyDescent="0.25">
      <c r="A3471" t="s">
        <v>42612</v>
      </c>
      <c r="B3471" t="s">
        <v>42613</v>
      </c>
      <c r="C3471" t="s">
        <v>42614</v>
      </c>
      <c r="D3471" t="s">
        <v>42369</v>
      </c>
      <c r="E3471" t="s">
        <v>13</v>
      </c>
      <c r="F3471">
        <v>10611</v>
      </c>
      <c r="G3471" t="s">
        <v>42615</v>
      </c>
      <c r="H3471">
        <v>5.0559363929450001</v>
      </c>
      <c r="I3471">
        <v>51.824272037911001</v>
      </c>
      <c r="J3471" t="s">
        <v>59156</v>
      </c>
    </row>
    <row r="3472" spans="1:10" x14ac:dyDescent="0.25">
      <c r="A3472" t="s">
        <v>42608</v>
      </c>
      <c r="B3472" t="s">
        <v>42609</v>
      </c>
      <c r="C3472" t="s">
        <v>42610</v>
      </c>
      <c r="D3472" t="s">
        <v>42369</v>
      </c>
      <c r="E3472" t="s">
        <v>13</v>
      </c>
      <c r="F3472">
        <v>10610</v>
      </c>
      <c r="G3472" t="s">
        <v>42611</v>
      </c>
      <c r="H3472">
        <v>5.0741508120769998</v>
      </c>
      <c r="I3472">
        <v>51.869663016094997</v>
      </c>
      <c r="J3472" t="s">
        <v>59157</v>
      </c>
    </row>
    <row r="3473" spans="1:10" x14ac:dyDescent="0.25">
      <c r="A3473" t="s">
        <v>42604</v>
      </c>
      <c r="B3473" t="s">
        <v>42605</v>
      </c>
      <c r="C3473" t="s">
        <v>42606</v>
      </c>
      <c r="D3473" t="s">
        <v>42369</v>
      </c>
      <c r="E3473" t="s">
        <v>13</v>
      </c>
      <c r="F3473">
        <v>10609</v>
      </c>
      <c r="G3473" t="s">
        <v>42607</v>
      </c>
      <c r="H3473">
        <v>5.0262068360579999</v>
      </c>
      <c r="I3473">
        <v>51.856593840198997</v>
      </c>
      <c r="J3473" t="s">
        <v>59158</v>
      </c>
    </row>
    <row r="3474" spans="1:10" x14ac:dyDescent="0.25">
      <c r="A3474" t="s">
        <v>42600</v>
      </c>
      <c r="B3474" t="s">
        <v>42601</v>
      </c>
      <c r="C3474" t="s">
        <v>42602</v>
      </c>
      <c r="D3474" t="s">
        <v>42369</v>
      </c>
      <c r="E3474" t="s">
        <v>13</v>
      </c>
      <c r="F3474">
        <v>10608</v>
      </c>
      <c r="G3474" t="s">
        <v>42603</v>
      </c>
      <c r="H3474">
        <v>5.0725860839430004</v>
      </c>
      <c r="I3474">
        <v>51.871086311559999</v>
      </c>
      <c r="J3474" t="s">
        <v>59159</v>
      </c>
    </row>
    <row r="3475" spans="1:10" x14ac:dyDescent="0.25">
      <c r="A3475" t="s">
        <v>42596</v>
      </c>
      <c r="B3475" t="s">
        <v>42597</v>
      </c>
      <c r="C3475" t="s">
        <v>42598</v>
      </c>
      <c r="D3475" t="s">
        <v>42369</v>
      </c>
      <c r="E3475" t="s">
        <v>13</v>
      </c>
      <c r="F3475">
        <v>10607</v>
      </c>
      <c r="G3475" t="s">
        <v>42599</v>
      </c>
      <c r="H3475">
        <v>5.0783993253739999</v>
      </c>
      <c r="I3475">
        <v>51.873835342759001</v>
      </c>
      <c r="J3475" t="s">
        <v>59160</v>
      </c>
    </row>
    <row r="3476" spans="1:10" x14ac:dyDescent="0.25">
      <c r="A3476" t="s">
        <v>42592</v>
      </c>
      <c r="B3476" t="s">
        <v>42593</v>
      </c>
      <c r="C3476" t="s">
        <v>42594</v>
      </c>
      <c r="D3476" t="s">
        <v>42369</v>
      </c>
      <c r="E3476" t="s">
        <v>13</v>
      </c>
      <c r="F3476">
        <v>10606</v>
      </c>
      <c r="G3476" t="s">
        <v>42595</v>
      </c>
      <c r="H3476">
        <v>5.1011242160029999</v>
      </c>
      <c r="I3476">
        <v>51.881154095903</v>
      </c>
      <c r="J3476" t="s">
        <v>59161</v>
      </c>
    </row>
    <row r="3477" spans="1:10" x14ac:dyDescent="0.25">
      <c r="A3477" t="s">
        <v>42588</v>
      </c>
      <c r="B3477" t="s">
        <v>42589</v>
      </c>
      <c r="C3477" t="s">
        <v>42590</v>
      </c>
      <c r="D3477" t="s">
        <v>42369</v>
      </c>
      <c r="E3477" t="s">
        <v>13</v>
      </c>
      <c r="F3477">
        <v>10605</v>
      </c>
      <c r="G3477" t="s">
        <v>42591</v>
      </c>
      <c r="H3477">
        <v>5.1129099347690001</v>
      </c>
      <c r="I3477">
        <v>51.884407366847</v>
      </c>
      <c r="J3477" t="s">
        <v>59162</v>
      </c>
    </row>
    <row r="3478" spans="1:10" x14ac:dyDescent="0.25">
      <c r="A3478" t="s">
        <v>42584</v>
      </c>
      <c r="B3478" t="s">
        <v>42585</v>
      </c>
      <c r="C3478" t="s">
        <v>42586</v>
      </c>
      <c r="D3478" t="s">
        <v>42369</v>
      </c>
      <c r="E3478" t="s">
        <v>13</v>
      </c>
      <c r="F3478">
        <v>10604</v>
      </c>
      <c r="G3478" t="s">
        <v>42587</v>
      </c>
      <c r="H3478">
        <v>5.1056942119970001</v>
      </c>
      <c r="I3478">
        <v>51.881622639538001</v>
      </c>
      <c r="J3478" t="s">
        <v>59163</v>
      </c>
    </row>
    <row r="3479" spans="1:10" x14ac:dyDescent="0.25">
      <c r="A3479" t="s">
        <v>42580</v>
      </c>
      <c r="B3479" t="s">
        <v>42581</v>
      </c>
      <c r="C3479" t="s">
        <v>42582</v>
      </c>
      <c r="D3479" t="s">
        <v>42369</v>
      </c>
      <c r="E3479" t="s">
        <v>13</v>
      </c>
      <c r="F3479">
        <v>10603</v>
      </c>
      <c r="G3479" t="s">
        <v>42583</v>
      </c>
      <c r="H3479">
        <v>5.1145250789469996</v>
      </c>
      <c r="I3479">
        <v>51.880106471517998</v>
      </c>
      <c r="J3479" t="s">
        <v>59164</v>
      </c>
    </row>
    <row r="3480" spans="1:10" x14ac:dyDescent="0.25">
      <c r="A3480" t="s">
        <v>42576</v>
      </c>
      <c r="B3480" t="s">
        <v>42577</v>
      </c>
      <c r="C3480" t="s">
        <v>42578</v>
      </c>
      <c r="D3480" t="s">
        <v>42369</v>
      </c>
      <c r="E3480" t="s">
        <v>13</v>
      </c>
      <c r="F3480">
        <v>10602</v>
      </c>
      <c r="G3480" t="s">
        <v>42579</v>
      </c>
      <c r="H3480">
        <v>5.3622710579839996</v>
      </c>
      <c r="I3480">
        <v>51.846490705581999</v>
      </c>
      <c r="J3480" t="s">
        <v>59165</v>
      </c>
    </row>
    <row r="3481" spans="1:10" x14ac:dyDescent="0.25">
      <c r="A3481" t="s">
        <v>42572</v>
      </c>
      <c r="B3481" t="s">
        <v>42573</v>
      </c>
      <c r="C3481" t="s">
        <v>42574</v>
      </c>
      <c r="D3481" t="s">
        <v>42369</v>
      </c>
      <c r="E3481" t="s">
        <v>13</v>
      </c>
      <c r="F3481">
        <v>10601</v>
      </c>
      <c r="G3481" t="s">
        <v>42575</v>
      </c>
      <c r="H3481">
        <v>5.3636458688779998</v>
      </c>
      <c r="I3481">
        <v>51.828384150185997</v>
      </c>
      <c r="J3481" t="s">
        <v>59166</v>
      </c>
    </row>
    <row r="3482" spans="1:10" x14ac:dyDescent="0.25">
      <c r="A3482" t="s">
        <v>42568</v>
      </c>
      <c r="B3482" t="s">
        <v>42569</v>
      </c>
      <c r="C3482" t="s">
        <v>42570</v>
      </c>
      <c r="D3482" t="s">
        <v>42369</v>
      </c>
      <c r="E3482" t="s">
        <v>13</v>
      </c>
      <c r="F3482">
        <v>10600</v>
      </c>
      <c r="G3482" t="s">
        <v>42571</v>
      </c>
      <c r="H3482">
        <v>5.3436219066730004</v>
      </c>
      <c r="I3482">
        <v>51.816764563668002</v>
      </c>
      <c r="J3482" t="s">
        <v>59167</v>
      </c>
    </row>
    <row r="3483" spans="1:10" x14ac:dyDescent="0.25">
      <c r="A3483" t="s">
        <v>42564</v>
      </c>
      <c r="B3483" t="s">
        <v>42565</v>
      </c>
      <c r="C3483" t="s">
        <v>42566</v>
      </c>
      <c r="D3483" t="s">
        <v>42369</v>
      </c>
      <c r="E3483" t="s">
        <v>13</v>
      </c>
      <c r="F3483">
        <v>10599</v>
      </c>
      <c r="G3483" t="s">
        <v>42567</v>
      </c>
      <c r="H3483">
        <v>5.3467976656319998</v>
      </c>
      <c r="I3483">
        <v>51.813837776204998</v>
      </c>
      <c r="J3483" t="s">
        <v>59168</v>
      </c>
    </row>
    <row r="3484" spans="1:10" x14ac:dyDescent="0.25">
      <c r="A3484" t="s">
        <v>42560</v>
      </c>
      <c r="B3484" t="s">
        <v>42561</v>
      </c>
      <c r="C3484" t="s">
        <v>42562</v>
      </c>
      <c r="D3484" t="s">
        <v>42369</v>
      </c>
      <c r="E3484" t="s">
        <v>13</v>
      </c>
      <c r="F3484">
        <v>10598</v>
      </c>
      <c r="G3484" t="s">
        <v>42563</v>
      </c>
      <c r="H3484">
        <v>5.3714099434389997</v>
      </c>
      <c r="I3484">
        <v>51.825277074862001</v>
      </c>
      <c r="J3484" t="s">
        <v>59169</v>
      </c>
    </row>
    <row r="3485" spans="1:10" x14ac:dyDescent="0.25">
      <c r="A3485" t="s">
        <v>42556</v>
      </c>
      <c r="B3485" t="s">
        <v>42557</v>
      </c>
      <c r="C3485" t="s">
        <v>42558</v>
      </c>
      <c r="D3485" t="s">
        <v>42369</v>
      </c>
      <c r="E3485" t="s">
        <v>13</v>
      </c>
      <c r="F3485">
        <v>10597</v>
      </c>
      <c r="G3485" t="s">
        <v>42559</v>
      </c>
      <c r="H3485">
        <v>5.3862608653060002</v>
      </c>
      <c r="I3485">
        <v>51.846524880133003</v>
      </c>
      <c r="J3485" t="s">
        <v>59170</v>
      </c>
    </row>
    <row r="3486" spans="1:10" x14ac:dyDescent="0.25">
      <c r="A3486" t="s">
        <v>42552</v>
      </c>
      <c r="B3486" t="s">
        <v>42553</v>
      </c>
      <c r="C3486" t="s">
        <v>42554</v>
      </c>
      <c r="D3486" t="s">
        <v>42369</v>
      </c>
      <c r="E3486" t="s">
        <v>13</v>
      </c>
      <c r="F3486">
        <v>10596</v>
      </c>
      <c r="G3486" t="s">
        <v>42555</v>
      </c>
      <c r="H3486">
        <v>5.2491697206210004</v>
      </c>
      <c r="I3486">
        <v>51.840786256286997</v>
      </c>
      <c r="J3486" t="s">
        <v>59171</v>
      </c>
    </row>
    <row r="3487" spans="1:10" x14ac:dyDescent="0.25">
      <c r="A3487" t="s">
        <v>42548</v>
      </c>
      <c r="B3487" t="s">
        <v>42549</v>
      </c>
      <c r="C3487" t="s">
        <v>42550</v>
      </c>
      <c r="D3487" t="s">
        <v>42369</v>
      </c>
      <c r="E3487" t="s">
        <v>13</v>
      </c>
      <c r="F3487">
        <v>10595</v>
      </c>
      <c r="G3487" t="s">
        <v>42551</v>
      </c>
      <c r="H3487">
        <v>5.28658354485</v>
      </c>
      <c r="I3487">
        <v>51.843186952456001</v>
      </c>
      <c r="J3487" t="s">
        <v>59172</v>
      </c>
    </row>
    <row r="3488" spans="1:10" x14ac:dyDescent="0.25">
      <c r="A3488" t="s">
        <v>42544</v>
      </c>
      <c r="B3488" t="s">
        <v>42545</v>
      </c>
      <c r="C3488" t="s">
        <v>42546</v>
      </c>
      <c r="D3488" t="s">
        <v>42369</v>
      </c>
      <c r="E3488" t="s">
        <v>13</v>
      </c>
      <c r="F3488">
        <v>10594</v>
      </c>
      <c r="G3488" t="s">
        <v>42547</v>
      </c>
      <c r="H3488">
        <v>5.3082941804460004</v>
      </c>
      <c r="I3488">
        <v>51.833740375349002</v>
      </c>
      <c r="J3488" t="s">
        <v>59173</v>
      </c>
    </row>
    <row r="3489" spans="1:10" x14ac:dyDescent="0.25">
      <c r="A3489" t="s">
        <v>42540</v>
      </c>
      <c r="B3489" t="s">
        <v>42541</v>
      </c>
      <c r="C3489" t="s">
        <v>42542</v>
      </c>
      <c r="D3489" t="s">
        <v>42369</v>
      </c>
      <c r="E3489" t="s">
        <v>13</v>
      </c>
      <c r="F3489">
        <v>10593</v>
      </c>
      <c r="G3489" t="s">
        <v>42543</v>
      </c>
      <c r="H3489">
        <v>5.3168935549940004</v>
      </c>
      <c r="I3489">
        <v>51.846173488860003</v>
      </c>
      <c r="J3489" t="s">
        <v>59174</v>
      </c>
    </row>
    <row r="3490" spans="1:10" x14ac:dyDescent="0.25">
      <c r="A3490" t="s">
        <v>42536</v>
      </c>
      <c r="B3490" t="s">
        <v>42537</v>
      </c>
      <c r="C3490" t="s">
        <v>42538</v>
      </c>
      <c r="D3490" t="s">
        <v>42369</v>
      </c>
      <c r="E3490" t="s">
        <v>13</v>
      </c>
      <c r="F3490">
        <v>10592</v>
      </c>
      <c r="G3490" t="s">
        <v>42539</v>
      </c>
      <c r="H3490">
        <v>5.3149517817850001</v>
      </c>
      <c r="I3490">
        <v>51.850941951783</v>
      </c>
      <c r="J3490" t="s">
        <v>59175</v>
      </c>
    </row>
    <row r="3491" spans="1:10" x14ac:dyDescent="0.25">
      <c r="A3491" t="s">
        <v>42532</v>
      </c>
      <c r="B3491" t="s">
        <v>42533</v>
      </c>
      <c r="C3491" t="s">
        <v>42534</v>
      </c>
      <c r="D3491" t="s">
        <v>42369</v>
      </c>
      <c r="E3491" t="s">
        <v>13</v>
      </c>
      <c r="F3491">
        <v>10591</v>
      </c>
      <c r="G3491" t="s">
        <v>42535</v>
      </c>
      <c r="H3491">
        <v>5.3073258762159998</v>
      </c>
      <c r="I3491">
        <v>51.827397660930004</v>
      </c>
      <c r="J3491" t="s">
        <v>59176</v>
      </c>
    </row>
    <row r="3492" spans="1:10" x14ac:dyDescent="0.25">
      <c r="A3492" t="s">
        <v>42528</v>
      </c>
      <c r="B3492" t="s">
        <v>42529</v>
      </c>
      <c r="C3492" t="s">
        <v>42530</v>
      </c>
      <c r="D3492" t="s">
        <v>42369</v>
      </c>
      <c r="E3492" t="s">
        <v>13</v>
      </c>
      <c r="F3492">
        <v>10590</v>
      </c>
      <c r="G3492" t="s">
        <v>42531</v>
      </c>
      <c r="H3492">
        <v>5.2798028438960003</v>
      </c>
      <c r="I3492">
        <v>51.832029921945001</v>
      </c>
      <c r="J3492" t="s">
        <v>59177</v>
      </c>
    </row>
    <row r="3493" spans="1:10" x14ac:dyDescent="0.25">
      <c r="A3493" t="s">
        <v>42524</v>
      </c>
      <c r="B3493" t="s">
        <v>42525</v>
      </c>
      <c r="C3493" t="s">
        <v>42526</v>
      </c>
      <c r="D3493" t="s">
        <v>42369</v>
      </c>
      <c r="E3493" t="s">
        <v>13</v>
      </c>
      <c r="F3493">
        <v>10589</v>
      </c>
      <c r="G3493" t="s">
        <v>42527</v>
      </c>
      <c r="H3493">
        <v>5.2505453649309999</v>
      </c>
      <c r="I3493">
        <v>51.827872413148</v>
      </c>
      <c r="J3493" t="s">
        <v>59178</v>
      </c>
    </row>
    <row r="3494" spans="1:10" x14ac:dyDescent="0.25">
      <c r="A3494" t="s">
        <v>42520</v>
      </c>
      <c r="B3494" t="s">
        <v>42521</v>
      </c>
      <c r="C3494" t="s">
        <v>42522</v>
      </c>
      <c r="D3494" t="s">
        <v>42369</v>
      </c>
      <c r="E3494" t="s">
        <v>13</v>
      </c>
      <c r="F3494">
        <v>10588</v>
      </c>
      <c r="G3494" t="s">
        <v>42523</v>
      </c>
      <c r="H3494">
        <v>5.2593711439069999</v>
      </c>
      <c r="I3494">
        <v>51.832671400514002</v>
      </c>
      <c r="J3494" t="s">
        <v>59179</v>
      </c>
    </row>
    <row r="3495" spans="1:10" x14ac:dyDescent="0.25">
      <c r="A3495" t="s">
        <v>42516</v>
      </c>
      <c r="B3495" t="s">
        <v>42517</v>
      </c>
      <c r="C3495" t="s">
        <v>42518</v>
      </c>
      <c r="D3495" t="s">
        <v>42369</v>
      </c>
      <c r="E3495" t="s">
        <v>13</v>
      </c>
      <c r="F3495">
        <v>10587</v>
      </c>
      <c r="G3495" t="s">
        <v>42519</v>
      </c>
      <c r="H3495">
        <v>5.2057362391900002</v>
      </c>
      <c r="I3495">
        <v>51.825899693613998</v>
      </c>
      <c r="J3495" t="s">
        <v>59180</v>
      </c>
    </row>
    <row r="3496" spans="1:10" x14ac:dyDescent="0.25">
      <c r="A3496" t="s">
        <v>42512</v>
      </c>
      <c r="B3496" t="s">
        <v>42513</v>
      </c>
      <c r="C3496" t="s">
        <v>42514</v>
      </c>
      <c r="D3496" t="s">
        <v>42369</v>
      </c>
      <c r="E3496" t="s">
        <v>13</v>
      </c>
      <c r="F3496">
        <v>10586</v>
      </c>
      <c r="G3496" t="s">
        <v>42515</v>
      </c>
      <c r="H3496">
        <v>5.173030825244</v>
      </c>
      <c r="I3496">
        <v>51.834565087748999</v>
      </c>
      <c r="J3496" t="s">
        <v>59181</v>
      </c>
    </row>
    <row r="3497" spans="1:10" x14ac:dyDescent="0.25">
      <c r="A3497" t="s">
        <v>42508</v>
      </c>
      <c r="B3497" t="s">
        <v>42509</v>
      </c>
      <c r="C3497" t="s">
        <v>42510</v>
      </c>
      <c r="D3497" t="s">
        <v>42369</v>
      </c>
      <c r="E3497" t="s">
        <v>13</v>
      </c>
      <c r="F3497">
        <v>10585</v>
      </c>
      <c r="G3497" t="s">
        <v>42511</v>
      </c>
      <c r="H3497">
        <v>5.2287800930800001</v>
      </c>
      <c r="I3497">
        <v>51.830363125721</v>
      </c>
      <c r="J3497" t="s">
        <v>59182</v>
      </c>
    </row>
    <row r="3498" spans="1:10" x14ac:dyDescent="0.25">
      <c r="A3498" t="s">
        <v>42504</v>
      </c>
      <c r="B3498" t="s">
        <v>42505</v>
      </c>
      <c r="C3498" t="s">
        <v>42506</v>
      </c>
      <c r="D3498" t="s">
        <v>42369</v>
      </c>
      <c r="E3498" t="s">
        <v>13</v>
      </c>
      <c r="F3498">
        <v>10584</v>
      </c>
      <c r="G3498" t="s">
        <v>42507</v>
      </c>
      <c r="H3498">
        <v>5.1817511865829999</v>
      </c>
      <c r="I3498">
        <v>51.826537366955002</v>
      </c>
      <c r="J3498" t="s">
        <v>59183</v>
      </c>
    </row>
    <row r="3499" spans="1:10" x14ac:dyDescent="0.25">
      <c r="A3499" t="s">
        <v>42500</v>
      </c>
      <c r="B3499" t="s">
        <v>42501</v>
      </c>
      <c r="C3499" t="s">
        <v>42502</v>
      </c>
      <c r="D3499" t="s">
        <v>42369</v>
      </c>
      <c r="E3499" t="s">
        <v>13</v>
      </c>
      <c r="F3499">
        <v>10583</v>
      </c>
      <c r="G3499" t="s">
        <v>42503</v>
      </c>
      <c r="H3499">
        <v>5.2395669025410001</v>
      </c>
      <c r="I3499">
        <v>51.823770145361998</v>
      </c>
      <c r="J3499" t="s">
        <v>59184</v>
      </c>
    </row>
    <row r="3500" spans="1:10" x14ac:dyDescent="0.25">
      <c r="A3500" t="s">
        <v>42496</v>
      </c>
      <c r="B3500" t="s">
        <v>42497</v>
      </c>
      <c r="C3500" t="s">
        <v>42498</v>
      </c>
      <c r="D3500" t="s">
        <v>42369</v>
      </c>
      <c r="E3500" t="s">
        <v>13</v>
      </c>
      <c r="F3500">
        <v>10582</v>
      </c>
      <c r="G3500" t="s">
        <v>42499</v>
      </c>
      <c r="H3500">
        <v>5.2121140822249998</v>
      </c>
      <c r="I3500">
        <v>51.818582106114</v>
      </c>
      <c r="J3500" t="s">
        <v>59185</v>
      </c>
    </row>
    <row r="3501" spans="1:10" x14ac:dyDescent="0.25">
      <c r="A3501" t="s">
        <v>42492</v>
      </c>
      <c r="B3501" t="s">
        <v>42493</v>
      </c>
      <c r="C3501" t="s">
        <v>42494</v>
      </c>
      <c r="D3501" t="s">
        <v>42369</v>
      </c>
      <c r="E3501" t="s">
        <v>13</v>
      </c>
      <c r="F3501">
        <v>10581</v>
      </c>
      <c r="G3501" t="s">
        <v>42495</v>
      </c>
      <c r="H3501">
        <v>5.2870847324019996</v>
      </c>
      <c r="I3501">
        <v>51.861116921522999</v>
      </c>
      <c r="J3501" t="s">
        <v>59186</v>
      </c>
    </row>
    <row r="3502" spans="1:10" x14ac:dyDescent="0.25">
      <c r="A3502" t="s">
        <v>42488</v>
      </c>
      <c r="B3502" t="s">
        <v>42489</v>
      </c>
      <c r="C3502" t="s">
        <v>42490</v>
      </c>
      <c r="D3502" t="s">
        <v>42369</v>
      </c>
      <c r="E3502" t="s">
        <v>13</v>
      </c>
      <c r="F3502">
        <v>10580</v>
      </c>
      <c r="G3502" t="s">
        <v>42491</v>
      </c>
      <c r="H3502">
        <v>5.2956595294950004</v>
      </c>
      <c r="I3502">
        <v>51.868218806432999</v>
      </c>
      <c r="J3502" t="s">
        <v>59187</v>
      </c>
    </row>
    <row r="3503" spans="1:10" x14ac:dyDescent="0.25">
      <c r="A3503" t="s">
        <v>42484</v>
      </c>
      <c r="B3503" t="s">
        <v>42485</v>
      </c>
      <c r="C3503" t="s">
        <v>42486</v>
      </c>
      <c r="D3503" t="s">
        <v>42369</v>
      </c>
      <c r="E3503" t="s">
        <v>13</v>
      </c>
      <c r="F3503">
        <v>10579</v>
      </c>
      <c r="G3503" t="s">
        <v>42487</v>
      </c>
      <c r="H3503">
        <v>5.2811699634779998</v>
      </c>
      <c r="I3503">
        <v>51.871062817414</v>
      </c>
      <c r="J3503" t="s">
        <v>59188</v>
      </c>
    </row>
    <row r="3504" spans="1:10" x14ac:dyDescent="0.25">
      <c r="A3504" t="s">
        <v>42480</v>
      </c>
      <c r="B3504" t="s">
        <v>42481</v>
      </c>
      <c r="C3504" t="s">
        <v>42482</v>
      </c>
      <c r="D3504" t="s">
        <v>42369</v>
      </c>
      <c r="E3504" t="s">
        <v>13</v>
      </c>
      <c r="F3504">
        <v>10578</v>
      </c>
      <c r="G3504" t="s">
        <v>42483</v>
      </c>
      <c r="H3504">
        <v>5.2822245408550001</v>
      </c>
      <c r="I3504">
        <v>51.864619049604997</v>
      </c>
      <c r="J3504" t="s">
        <v>59189</v>
      </c>
    </row>
    <row r="3505" spans="1:10" x14ac:dyDescent="0.25">
      <c r="A3505" t="s">
        <v>42476</v>
      </c>
      <c r="B3505" t="s">
        <v>42477</v>
      </c>
      <c r="C3505" t="s">
        <v>42478</v>
      </c>
      <c r="D3505" t="s">
        <v>42369</v>
      </c>
      <c r="E3505" t="s">
        <v>13</v>
      </c>
      <c r="F3505">
        <v>10577</v>
      </c>
      <c r="G3505" t="s">
        <v>42479</v>
      </c>
      <c r="H3505">
        <v>5.2823936361520003</v>
      </c>
      <c r="I3505">
        <v>51.908417268511002</v>
      </c>
      <c r="J3505" t="s">
        <v>59190</v>
      </c>
    </row>
    <row r="3506" spans="1:10" x14ac:dyDescent="0.25">
      <c r="A3506" t="s">
        <v>42472</v>
      </c>
      <c r="B3506" t="s">
        <v>42473</v>
      </c>
      <c r="C3506" t="s">
        <v>42474</v>
      </c>
      <c r="D3506" t="s">
        <v>42369</v>
      </c>
      <c r="E3506" t="s">
        <v>13</v>
      </c>
      <c r="F3506">
        <v>10576</v>
      </c>
      <c r="G3506" t="s">
        <v>42475</v>
      </c>
      <c r="H3506">
        <v>5.2586462572080004</v>
      </c>
      <c r="I3506">
        <v>51.908775426104</v>
      </c>
      <c r="J3506" t="s">
        <v>59191</v>
      </c>
    </row>
    <row r="3507" spans="1:10" x14ac:dyDescent="0.25">
      <c r="A3507" t="s">
        <v>42468</v>
      </c>
      <c r="B3507" t="s">
        <v>42469</v>
      </c>
      <c r="C3507" t="s">
        <v>42470</v>
      </c>
      <c r="D3507" t="s">
        <v>42369</v>
      </c>
      <c r="E3507" t="s">
        <v>13</v>
      </c>
      <c r="F3507">
        <v>10575</v>
      </c>
      <c r="G3507" t="s">
        <v>42471</v>
      </c>
      <c r="H3507">
        <v>5.2674394799759998</v>
      </c>
      <c r="I3507">
        <v>51.890530889186998</v>
      </c>
      <c r="J3507" t="s">
        <v>59192</v>
      </c>
    </row>
    <row r="3508" spans="1:10" x14ac:dyDescent="0.25">
      <c r="A3508" t="s">
        <v>42464</v>
      </c>
      <c r="B3508" t="s">
        <v>42465</v>
      </c>
      <c r="C3508" t="s">
        <v>42466</v>
      </c>
      <c r="D3508" t="s">
        <v>42369</v>
      </c>
      <c r="E3508" t="s">
        <v>13</v>
      </c>
      <c r="F3508">
        <v>10574</v>
      </c>
      <c r="G3508" t="s">
        <v>42467</v>
      </c>
      <c r="H3508">
        <v>5.2931929241670002</v>
      </c>
      <c r="I3508">
        <v>51.893009117806002</v>
      </c>
      <c r="J3508" t="s">
        <v>59193</v>
      </c>
    </row>
    <row r="3509" spans="1:10" x14ac:dyDescent="0.25">
      <c r="A3509" t="s">
        <v>42460</v>
      </c>
      <c r="B3509" t="s">
        <v>42461</v>
      </c>
      <c r="C3509" t="s">
        <v>42462</v>
      </c>
      <c r="D3509" t="s">
        <v>42369</v>
      </c>
      <c r="E3509" t="s">
        <v>13</v>
      </c>
      <c r="F3509">
        <v>10573</v>
      </c>
      <c r="G3509" t="s">
        <v>42463</v>
      </c>
      <c r="H3509">
        <v>5.2028050053179999</v>
      </c>
      <c r="I3509">
        <v>51.905440923236</v>
      </c>
      <c r="J3509" t="s">
        <v>59194</v>
      </c>
    </row>
    <row r="3510" spans="1:10" x14ac:dyDescent="0.25">
      <c r="A3510" t="s">
        <v>42456</v>
      </c>
      <c r="B3510" t="s">
        <v>42457</v>
      </c>
      <c r="C3510" t="s">
        <v>42458</v>
      </c>
      <c r="D3510" t="s">
        <v>42369</v>
      </c>
      <c r="E3510" t="s">
        <v>13</v>
      </c>
      <c r="F3510">
        <v>10572</v>
      </c>
      <c r="G3510" t="s">
        <v>42459</v>
      </c>
      <c r="H3510">
        <v>5.1495243681040002</v>
      </c>
      <c r="I3510">
        <v>51.898894134850998</v>
      </c>
      <c r="J3510" t="s">
        <v>59195</v>
      </c>
    </row>
    <row r="3511" spans="1:10" x14ac:dyDescent="0.25">
      <c r="A3511" t="s">
        <v>42452</v>
      </c>
      <c r="B3511" t="s">
        <v>42453</v>
      </c>
      <c r="C3511" t="s">
        <v>42454</v>
      </c>
      <c r="D3511" t="s">
        <v>42369</v>
      </c>
      <c r="E3511" t="s">
        <v>13</v>
      </c>
      <c r="F3511">
        <v>10571</v>
      </c>
      <c r="G3511" t="s">
        <v>42455</v>
      </c>
      <c r="H3511">
        <v>5.135031225843</v>
      </c>
      <c r="I3511">
        <v>51.900015231211</v>
      </c>
      <c r="J3511" t="s">
        <v>59196</v>
      </c>
    </row>
    <row r="3512" spans="1:10" x14ac:dyDescent="0.25">
      <c r="A3512" t="s">
        <v>42448</v>
      </c>
      <c r="B3512" t="s">
        <v>42449</v>
      </c>
      <c r="C3512" t="s">
        <v>42450</v>
      </c>
      <c r="D3512" t="s">
        <v>42369</v>
      </c>
      <c r="E3512" t="s">
        <v>13</v>
      </c>
      <c r="F3512">
        <v>10570</v>
      </c>
      <c r="G3512" t="s">
        <v>42451</v>
      </c>
      <c r="H3512">
        <v>5.1348785033200004</v>
      </c>
      <c r="I3512">
        <v>51.879886582262003</v>
      </c>
      <c r="J3512" t="s">
        <v>59197</v>
      </c>
    </row>
    <row r="3513" spans="1:10" x14ac:dyDescent="0.25">
      <c r="A3513" t="s">
        <v>42444</v>
      </c>
      <c r="B3513" t="s">
        <v>42445</v>
      </c>
      <c r="C3513" t="s">
        <v>42446</v>
      </c>
      <c r="D3513" t="s">
        <v>42369</v>
      </c>
      <c r="E3513" t="s">
        <v>13</v>
      </c>
      <c r="F3513">
        <v>10569</v>
      </c>
      <c r="G3513" t="s">
        <v>42447</v>
      </c>
      <c r="H3513">
        <v>5.153686608298</v>
      </c>
      <c r="I3513">
        <v>51.884846084540001</v>
      </c>
      <c r="J3513" t="s">
        <v>59198</v>
      </c>
    </row>
    <row r="3514" spans="1:10" x14ac:dyDescent="0.25">
      <c r="A3514" t="s">
        <v>42440</v>
      </c>
      <c r="B3514" t="s">
        <v>42441</v>
      </c>
      <c r="C3514" t="s">
        <v>42442</v>
      </c>
      <c r="D3514" t="s">
        <v>42369</v>
      </c>
      <c r="E3514" t="s">
        <v>13</v>
      </c>
      <c r="F3514">
        <v>10568</v>
      </c>
      <c r="G3514" t="s">
        <v>42443</v>
      </c>
      <c r="H3514">
        <v>5.1935784837170003</v>
      </c>
      <c r="I3514">
        <v>51.890126922112998</v>
      </c>
      <c r="J3514" t="s">
        <v>59199</v>
      </c>
    </row>
    <row r="3515" spans="1:10" x14ac:dyDescent="0.25">
      <c r="A3515" t="s">
        <v>42436</v>
      </c>
      <c r="B3515" t="s">
        <v>42437</v>
      </c>
      <c r="C3515" t="s">
        <v>42438</v>
      </c>
      <c r="D3515" t="s">
        <v>42369</v>
      </c>
      <c r="E3515" t="s">
        <v>13</v>
      </c>
      <c r="F3515">
        <v>10567</v>
      </c>
      <c r="G3515" t="s">
        <v>42439</v>
      </c>
      <c r="H3515">
        <v>5.1890738114030004</v>
      </c>
      <c r="I3515">
        <v>51.887720817285</v>
      </c>
      <c r="J3515" t="s">
        <v>59200</v>
      </c>
    </row>
    <row r="3516" spans="1:10" x14ac:dyDescent="0.25">
      <c r="A3516" t="s">
        <v>42432</v>
      </c>
      <c r="B3516" t="s">
        <v>42433</v>
      </c>
      <c r="C3516" t="s">
        <v>42434</v>
      </c>
      <c r="D3516" t="s">
        <v>42369</v>
      </c>
      <c r="E3516" t="s">
        <v>13</v>
      </c>
      <c r="F3516">
        <v>10566</v>
      </c>
      <c r="G3516" t="s">
        <v>42435</v>
      </c>
      <c r="H3516">
        <v>5.2407897242340002</v>
      </c>
      <c r="I3516">
        <v>51.874520727880999</v>
      </c>
      <c r="J3516" t="s">
        <v>59201</v>
      </c>
    </row>
    <row r="3517" spans="1:10" x14ac:dyDescent="0.25">
      <c r="A3517" t="s">
        <v>42428</v>
      </c>
      <c r="B3517" t="s">
        <v>42429</v>
      </c>
      <c r="C3517" t="s">
        <v>42430</v>
      </c>
      <c r="D3517" t="s">
        <v>42369</v>
      </c>
      <c r="E3517" t="s">
        <v>13</v>
      </c>
      <c r="F3517">
        <v>10565</v>
      </c>
      <c r="G3517" t="s">
        <v>42431</v>
      </c>
      <c r="H3517">
        <v>5.2117773354489998</v>
      </c>
      <c r="I3517">
        <v>51.868487992478997</v>
      </c>
      <c r="J3517" t="s">
        <v>59202</v>
      </c>
    </row>
    <row r="3518" spans="1:10" x14ac:dyDescent="0.25">
      <c r="A3518" t="s">
        <v>42424</v>
      </c>
      <c r="B3518" t="s">
        <v>42425</v>
      </c>
      <c r="C3518" t="s">
        <v>42426</v>
      </c>
      <c r="D3518" t="s">
        <v>42369</v>
      </c>
      <c r="E3518" t="s">
        <v>13</v>
      </c>
      <c r="F3518">
        <v>10564</v>
      </c>
      <c r="G3518" t="s">
        <v>42427</v>
      </c>
      <c r="H3518">
        <v>5.1780320870059997</v>
      </c>
      <c r="I3518">
        <v>51.870002979554997</v>
      </c>
      <c r="J3518" t="s">
        <v>59203</v>
      </c>
    </row>
    <row r="3519" spans="1:10" x14ac:dyDescent="0.25">
      <c r="A3519" t="s">
        <v>42420</v>
      </c>
      <c r="B3519" t="s">
        <v>42421</v>
      </c>
      <c r="C3519" t="s">
        <v>42422</v>
      </c>
      <c r="D3519" t="s">
        <v>42369</v>
      </c>
      <c r="E3519" t="s">
        <v>13</v>
      </c>
      <c r="F3519">
        <v>10563</v>
      </c>
      <c r="G3519" t="s">
        <v>42423</v>
      </c>
      <c r="H3519">
        <v>5.1562636633640002</v>
      </c>
      <c r="I3519">
        <v>51.864525562106998</v>
      </c>
      <c r="J3519" t="s">
        <v>59204</v>
      </c>
    </row>
    <row r="3520" spans="1:10" x14ac:dyDescent="0.25">
      <c r="A3520" t="s">
        <v>42416</v>
      </c>
      <c r="B3520" t="s">
        <v>42417</v>
      </c>
      <c r="C3520" t="s">
        <v>42418</v>
      </c>
      <c r="D3520" t="s">
        <v>42369</v>
      </c>
      <c r="E3520" t="s">
        <v>13</v>
      </c>
      <c r="F3520">
        <v>10562</v>
      </c>
      <c r="G3520" t="s">
        <v>42419</v>
      </c>
      <c r="H3520">
        <v>5.1545861271069997</v>
      </c>
      <c r="I3520">
        <v>51.877229200697997</v>
      </c>
      <c r="J3520" t="s">
        <v>59205</v>
      </c>
    </row>
    <row r="3521" spans="1:10" x14ac:dyDescent="0.25">
      <c r="A3521" t="s">
        <v>42412</v>
      </c>
      <c r="B3521" t="s">
        <v>42413</v>
      </c>
      <c r="C3521" t="s">
        <v>42414</v>
      </c>
      <c r="D3521" t="s">
        <v>42369</v>
      </c>
      <c r="E3521" t="s">
        <v>13</v>
      </c>
      <c r="F3521">
        <v>10561</v>
      </c>
      <c r="G3521" t="s">
        <v>42415</v>
      </c>
      <c r="H3521">
        <v>5.1778073406749998</v>
      </c>
      <c r="I3521">
        <v>51.88365477872</v>
      </c>
      <c r="J3521" t="s">
        <v>59206</v>
      </c>
    </row>
    <row r="3522" spans="1:10" x14ac:dyDescent="0.25">
      <c r="A3522" t="s">
        <v>42408</v>
      </c>
      <c r="B3522" t="s">
        <v>42409</v>
      </c>
      <c r="C3522" t="s">
        <v>42410</v>
      </c>
      <c r="D3522" t="s">
        <v>42369</v>
      </c>
      <c r="E3522" t="s">
        <v>13</v>
      </c>
      <c r="F3522">
        <v>10560</v>
      </c>
      <c r="G3522" t="s">
        <v>42411</v>
      </c>
      <c r="H3522">
        <v>5.2117656337150002</v>
      </c>
      <c r="I3522">
        <v>51.884462723626001</v>
      </c>
      <c r="J3522" t="s">
        <v>59207</v>
      </c>
    </row>
    <row r="3523" spans="1:10" x14ac:dyDescent="0.25">
      <c r="A3523" t="s">
        <v>42404</v>
      </c>
      <c r="B3523" t="s">
        <v>42405</v>
      </c>
      <c r="C3523" t="s">
        <v>42406</v>
      </c>
      <c r="D3523" t="s">
        <v>42369</v>
      </c>
      <c r="E3523" t="s">
        <v>13</v>
      </c>
      <c r="F3523">
        <v>10559</v>
      </c>
      <c r="G3523" t="s">
        <v>42407</v>
      </c>
      <c r="H3523">
        <v>5.2403596525499996</v>
      </c>
      <c r="I3523">
        <v>51.884693985237</v>
      </c>
      <c r="J3523" t="s">
        <v>59208</v>
      </c>
    </row>
    <row r="3524" spans="1:10" x14ac:dyDescent="0.25">
      <c r="A3524" t="s">
        <v>42401</v>
      </c>
      <c r="B3524" t="s">
        <v>42402</v>
      </c>
      <c r="C3524" t="s">
        <v>9799</v>
      </c>
      <c r="D3524" t="s">
        <v>42369</v>
      </c>
      <c r="E3524" t="s">
        <v>13</v>
      </c>
      <c r="F3524">
        <v>10558</v>
      </c>
      <c r="G3524" t="s">
        <v>42403</v>
      </c>
      <c r="H3524">
        <v>5.2540521997890002</v>
      </c>
      <c r="I3524">
        <v>51.862410184803998</v>
      </c>
      <c r="J3524" t="s">
        <v>59209</v>
      </c>
    </row>
    <row r="3525" spans="1:10" x14ac:dyDescent="0.25">
      <c r="A3525" t="s">
        <v>42397</v>
      </c>
      <c r="B3525" t="s">
        <v>42398</v>
      </c>
      <c r="C3525" t="s">
        <v>42399</v>
      </c>
      <c r="D3525" t="s">
        <v>42369</v>
      </c>
      <c r="E3525" t="s">
        <v>13</v>
      </c>
      <c r="F3525">
        <v>10557</v>
      </c>
      <c r="G3525" t="s">
        <v>42400</v>
      </c>
      <c r="H3525">
        <v>5.3222009065420002</v>
      </c>
      <c r="I3525">
        <v>51.872680540927</v>
      </c>
      <c r="J3525" t="s">
        <v>59210</v>
      </c>
    </row>
    <row r="3526" spans="1:10" x14ac:dyDescent="0.25">
      <c r="A3526" t="s">
        <v>42394</v>
      </c>
      <c r="B3526" t="s">
        <v>42395</v>
      </c>
      <c r="C3526" t="s">
        <v>12318</v>
      </c>
      <c r="D3526" t="s">
        <v>42369</v>
      </c>
      <c r="E3526" t="s">
        <v>13</v>
      </c>
      <c r="F3526">
        <v>10556</v>
      </c>
      <c r="G3526" t="s">
        <v>42396</v>
      </c>
      <c r="H3526">
        <v>5.312234022428</v>
      </c>
      <c r="I3526">
        <v>51.889344467077002</v>
      </c>
      <c r="J3526" t="s">
        <v>59211</v>
      </c>
    </row>
    <row r="3527" spans="1:10" x14ac:dyDescent="0.25">
      <c r="A3527" t="s">
        <v>42391</v>
      </c>
      <c r="B3527" t="s">
        <v>42392</v>
      </c>
      <c r="C3527" t="s">
        <v>12322</v>
      </c>
      <c r="D3527" t="s">
        <v>42369</v>
      </c>
      <c r="E3527" t="s">
        <v>13</v>
      </c>
      <c r="F3527">
        <v>10555</v>
      </c>
      <c r="G3527" t="s">
        <v>42393</v>
      </c>
      <c r="H3527">
        <v>5.2699051215869996</v>
      </c>
      <c r="I3527">
        <v>51.880602598791</v>
      </c>
      <c r="J3527" t="s">
        <v>59212</v>
      </c>
    </row>
    <row r="3528" spans="1:10" x14ac:dyDescent="0.25">
      <c r="A3528" t="s">
        <v>42387</v>
      </c>
      <c r="B3528" t="s">
        <v>42388</v>
      </c>
      <c r="C3528" t="s">
        <v>42389</v>
      </c>
      <c r="D3528" t="s">
        <v>42369</v>
      </c>
      <c r="E3528" t="s">
        <v>13</v>
      </c>
      <c r="F3528">
        <v>10554</v>
      </c>
      <c r="G3528" t="s">
        <v>42390</v>
      </c>
      <c r="H3528">
        <v>5.3039479994749996</v>
      </c>
      <c r="I3528">
        <v>51.874588473582001</v>
      </c>
      <c r="J3528" t="s">
        <v>59213</v>
      </c>
    </row>
    <row r="3529" spans="1:10" x14ac:dyDescent="0.25">
      <c r="A3529" t="s">
        <v>42383</v>
      </c>
      <c r="B3529" t="s">
        <v>42384</v>
      </c>
      <c r="C3529" t="s">
        <v>42385</v>
      </c>
      <c r="D3529" t="s">
        <v>42369</v>
      </c>
      <c r="E3529" t="s">
        <v>13</v>
      </c>
      <c r="F3529">
        <v>10553</v>
      </c>
      <c r="G3529" t="s">
        <v>42386</v>
      </c>
      <c r="H3529">
        <v>5.2938538245359998</v>
      </c>
      <c r="I3529">
        <v>51.878329549150003</v>
      </c>
      <c r="J3529" t="s">
        <v>59214</v>
      </c>
    </row>
    <row r="3530" spans="1:10" x14ac:dyDescent="0.25">
      <c r="A3530" t="s">
        <v>42379</v>
      </c>
      <c r="B3530" t="s">
        <v>42380</v>
      </c>
      <c r="C3530" t="s">
        <v>42381</v>
      </c>
      <c r="D3530" t="s">
        <v>42369</v>
      </c>
      <c r="E3530" t="s">
        <v>13</v>
      </c>
      <c r="F3530">
        <v>10552</v>
      </c>
      <c r="G3530" t="s">
        <v>42382</v>
      </c>
      <c r="H3530">
        <v>5.3038736957159998</v>
      </c>
      <c r="I3530">
        <v>51.885615918680998</v>
      </c>
      <c r="J3530" t="s">
        <v>59215</v>
      </c>
    </row>
    <row r="3531" spans="1:10" x14ac:dyDescent="0.25">
      <c r="A3531" t="s">
        <v>42375</v>
      </c>
      <c r="B3531" t="s">
        <v>42376</v>
      </c>
      <c r="C3531" t="s">
        <v>42377</v>
      </c>
      <c r="D3531" t="s">
        <v>42369</v>
      </c>
      <c r="E3531" t="s">
        <v>13</v>
      </c>
      <c r="F3531">
        <v>10551</v>
      </c>
      <c r="G3531" t="s">
        <v>42378</v>
      </c>
      <c r="H3531">
        <v>5.2767293194190001</v>
      </c>
      <c r="I3531">
        <v>51.880799845911</v>
      </c>
      <c r="J3531" t="s">
        <v>59216</v>
      </c>
    </row>
    <row r="3532" spans="1:10" x14ac:dyDescent="0.25">
      <c r="A3532" t="s">
        <v>42371</v>
      </c>
      <c r="B3532" t="s">
        <v>42372</v>
      </c>
      <c r="C3532" t="s">
        <v>42373</v>
      </c>
      <c r="D3532" t="s">
        <v>42369</v>
      </c>
      <c r="E3532" t="s">
        <v>13</v>
      </c>
      <c r="F3532">
        <v>10550</v>
      </c>
      <c r="G3532" t="s">
        <v>42374</v>
      </c>
      <c r="H3532">
        <v>5.2845000139199998</v>
      </c>
      <c r="I3532">
        <v>51.880445896311997</v>
      </c>
      <c r="J3532" t="s">
        <v>59217</v>
      </c>
    </row>
    <row r="3533" spans="1:10" x14ac:dyDescent="0.25">
      <c r="A3533" t="s">
        <v>42366</v>
      </c>
      <c r="B3533" t="s">
        <v>42367</v>
      </c>
      <c r="C3533" t="s">
        <v>42368</v>
      </c>
      <c r="D3533" t="s">
        <v>42369</v>
      </c>
      <c r="E3533" t="s">
        <v>13</v>
      </c>
      <c r="F3533">
        <v>10549</v>
      </c>
      <c r="G3533" t="s">
        <v>42370</v>
      </c>
      <c r="H3533">
        <v>5.2954318022939999</v>
      </c>
      <c r="I3533">
        <v>51.884263823319998</v>
      </c>
      <c r="J3533" t="s">
        <v>59218</v>
      </c>
    </row>
    <row r="3534" spans="1:10" x14ac:dyDescent="0.25">
      <c r="A3534" t="s">
        <v>42362</v>
      </c>
      <c r="B3534" t="s">
        <v>42363</v>
      </c>
      <c r="C3534" t="s">
        <v>42364</v>
      </c>
      <c r="D3534" t="s">
        <v>1621</v>
      </c>
      <c r="E3534" t="s">
        <v>13</v>
      </c>
      <c r="F3534">
        <v>10548</v>
      </c>
      <c r="G3534" t="s">
        <v>42365</v>
      </c>
      <c r="H3534">
        <v>5.0874559242039998</v>
      </c>
      <c r="I3534">
        <v>51.737093962804003</v>
      </c>
      <c r="J3534" t="s">
        <v>59219</v>
      </c>
    </row>
    <row r="3535" spans="1:10" x14ac:dyDescent="0.25">
      <c r="A3535" t="s">
        <v>42358</v>
      </c>
      <c r="B3535" t="s">
        <v>42359</v>
      </c>
      <c r="C3535" t="s">
        <v>42360</v>
      </c>
      <c r="D3535" t="s">
        <v>1621</v>
      </c>
      <c r="E3535" t="s">
        <v>13</v>
      </c>
      <c r="F3535">
        <v>10547</v>
      </c>
      <c r="G3535" t="s">
        <v>42361</v>
      </c>
      <c r="H3535">
        <v>5.0869011919230003</v>
      </c>
      <c r="I3535">
        <v>51.736061832179999</v>
      </c>
      <c r="J3535" t="s">
        <v>59220</v>
      </c>
    </row>
    <row r="3536" spans="1:10" x14ac:dyDescent="0.25">
      <c r="A3536" t="s">
        <v>42354</v>
      </c>
      <c r="B3536" t="s">
        <v>42355</v>
      </c>
      <c r="C3536" t="s">
        <v>42356</v>
      </c>
      <c r="D3536" t="s">
        <v>1621</v>
      </c>
      <c r="E3536" t="s">
        <v>13</v>
      </c>
      <c r="F3536">
        <v>10546</v>
      </c>
      <c r="G3536" t="s">
        <v>42357</v>
      </c>
      <c r="H3536">
        <v>5.0435137679619997</v>
      </c>
      <c r="I3536">
        <v>51.719267147502997</v>
      </c>
      <c r="J3536" t="s">
        <v>59221</v>
      </c>
    </row>
    <row r="3537" spans="1:10" x14ac:dyDescent="0.25">
      <c r="A3537" t="s">
        <v>42350</v>
      </c>
      <c r="B3537" t="s">
        <v>42351</v>
      </c>
      <c r="C3537" t="s">
        <v>42352</v>
      </c>
      <c r="D3537" t="s">
        <v>1621</v>
      </c>
      <c r="E3537" t="s">
        <v>13</v>
      </c>
      <c r="F3537">
        <v>10545</v>
      </c>
      <c r="G3537" t="s">
        <v>42353</v>
      </c>
      <c r="H3537">
        <v>5.0544845881729996</v>
      </c>
      <c r="I3537">
        <v>51.715923185778003</v>
      </c>
      <c r="J3537" t="s">
        <v>59222</v>
      </c>
    </row>
    <row r="3538" spans="1:10" x14ac:dyDescent="0.25">
      <c r="A3538" t="s">
        <v>42346</v>
      </c>
      <c r="B3538" t="s">
        <v>42347</v>
      </c>
      <c r="C3538" t="s">
        <v>42348</v>
      </c>
      <c r="D3538" t="s">
        <v>1621</v>
      </c>
      <c r="E3538" t="s">
        <v>13</v>
      </c>
      <c r="F3538">
        <v>10544</v>
      </c>
      <c r="G3538" t="s">
        <v>42349</v>
      </c>
      <c r="H3538">
        <v>5.0484030712930004</v>
      </c>
      <c r="I3538">
        <v>51.736054093214001</v>
      </c>
      <c r="J3538" t="s">
        <v>59223</v>
      </c>
    </row>
    <row r="3539" spans="1:10" x14ac:dyDescent="0.25">
      <c r="A3539" t="s">
        <v>42342</v>
      </c>
      <c r="B3539" t="s">
        <v>42343</v>
      </c>
      <c r="C3539" t="s">
        <v>42344</v>
      </c>
      <c r="D3539" t="s">
        <v>1621</v>
      </c>
      <c r="E3539" t="s">
        <v>13</v>
      </c>
      <c r="F3539">
        <v>10543</v>
      </c>
      <c r="G3539" t="s">
        <v>42345</v>
      </c>
      <c r="H3539">
        <v>5.0521275972149997</v>
      </c>
      <c r="I3539">
        <v>51.731532910570003</v>
      </c>
      <c r="J3539" t="s">
        <v>59224</v>
      </c>
    </row>
    <row r="3540" spans="1:10" x14ac:dyDescent="0.25">
      <c r="A3540" t="s">
        <v>42338</v>
      </c>
      <c r="B3540" t="s">
        <v>42339</v>
      </c>
      <c r="C3540" t="s">
        <v>42340</v>
      </c>
      <c r="D3540" t="s">
        <v>1621</v>
      </c>
      <c r="E3540" t="s">
        <v>13</v>
      </c>
      <c r="F3540">
        <v>10542</v>
      </c>
      <c r="G3540" t="s">
        <v>42341</v>
      </c>
      <c r="H3540">
        <v>5.0092879647329998</v>
      </c>
      <c r="I3540">
        <v>51.726979203616999</v>
      </c>
      <c r="J3540" t="s">
        <v>59225</v>
      </c>
    </row>
    <row r="3541" spans="1:10" x14ac:dyDescent="0.25">
      <c r="A3541" t="s">
        <v>42334</v>
      </c>
      <c r="B3541" t="s">
        <v>42335</v>
      </c>
      <c r="C3541" t="s">
        <v>42336</v>
      </c>
      <c r="D3541" t="s">
        <v>1621</v>
      </c>
      <c r="E3541" t="s">
        <v>13</v>
      </c>
      <c r="F3541">
        <v>10541</v>
      </c>
      <c r="G3541" t="s">
        <v>42337</v>
      </c>
      <c r="H3541">
        <v>5.0138412264829997</v>
      </c>
      <c r="I3541">
        <v>51.727308194460001</v>
      </c>
      <c r="J3541" t="s">
        <v>59226</v>
      </c>
    </row>
    <row r="3542" spans="1:10" x14ac:dyDescent="0.25">
      <c r="A3542" t="s">
        <v>42330</v>
      </c>
      <c r="B3542" t="s">
        <v>42331</v>
      </c>
      <c r="C3542" t="s">
        <v>42332</v>
      </c>
      <c r="D3542" t="s">
        <v>1621</v>
      </c>
      <c r="E3542" t="s">
        <v>13</v>
      </c>
      <c r="F3542">
        <v>10540</v>
      </c>
      <c r="G3542" t="s">
        <v>42333</v>
      </c>
      <c r="H3542">
        <v>5.0258405631959997</v>
      </c>
      <c r="I3542">
        <v>51.751960601477997</v>
      </c>
      <c r="J3542" t="s">
        <v>59227</v>
      </c>
    </row>
    <row r="3543" spans="1:10" x14ac:dyDescent="0.25">
      <c r="A3543" t="s">
        <v>42326</v>
      </c>
      <c r="B3543" t="s">
        <v>42327</v>
      </c>
      <c r="C3543" t="s">
        <v>42328</v>
      </c>
      <c r="D3543" t="s">
        <v>1621</v>
      </c>
      <c r="E3543" t="s">
        <v>13</v>
      </c>
      <c r="F3543">
        <v>10539</v>
      </c>
      <c r="G3543" t="s">
        <v>42329</v>
      </c>
      <c r="H3543">
        <v>5.0182518819409996</v>
      </c>
      <c r="I3543">
        <v>51.743338573919999</v>
      </c>
      <c r="J3543" t="s">
        <v>59228</v>
      </c>
    </row>
    <row r="3544" spans="1:10" x14ac:dyDescent="0.25">
      <c r="A3544" t="s">
        <v>42322</v>
      </c>
      <c r="B3544" t="s">
        <v>42323</v>
      </c>
      <c r="C3544" t="s">
        <v>42324</v>
      </c>
      <c r="D3544" t="s">
        <v>1621</v>
      </c>
      <c r="E3544" t="s">
        <v>13</v>
      </c>
      <c r="F3544">
        <v>10538</v>
      </c>
      <c r="G3544" t="s">
        <v>42325</v>
      </c>
      <c r="H3544">
        <v>5.0805230016180003</v>
      </c>
      <c r="I3544">
        <v>51.756592495615998</v>
      </c>
      <c r="J3544" t="s">
        <v>59229</v>
      </c>
    </row>
    <row r="3545" spans="1:10" x14ac:dyDescent="0.25">
      <c r="A3545" t="s">
        <v>42318</v>
      </c>
      <c r="B3545" t="s">
        <v>42319</v>
      </c>
      <c r="C3545" t="s">
        <v>42320</v>
      </c>
      <c r="D3545" t="s">
        <v>1621</v>
      </c>
      <c r="E3545" t="s">
        <v>13</v>
      </c>
      <c r="F3545">
        <v>10537</v>
      </c>
      <c r="G3545" t="s">
        <v>42321</v>
      </c>
      <c r="H3545">
        <v>5.1210003237719999</v>
      </c>
      <c r="I3545">
        <v>51.758639048486003</v>
      </c>
      <c r="J3545" t="s">
        <v>59230</v>
      </c>
    </row>
    <row r="3546" spans="1:10" x14ac:dyDescent="0.25">
      <c r="A3546" t="s">
        <v>42315</v>
      </c>
      <c r="B3546" t="s">
        <v>42316</v>
      </c>
      <c r="C3546" t="s">
        <v>12562</v>
      </c>
      <c r="D3546" t="s">
        <v>1621</v>
      </c>
      <c r="E3546" t="s">
        <v>13</v>
      </c>
      <c r="F3546">
        <v>10536</v>
      </c>
      <c r="G3546" t="s">
        <v>42317</v>
      </c>
      <c r="H3546">
        <v>5.1182057832490004</v>
      </c>
      <c r="I3546">
        <v>51.768899318317999</v>
      </c>
      <c r="J3546" t="s">
        <v>59231</v>
      </c>
    </row>
    <row r="3547" spans="1:10" x14ac:dyDescent="0.25">
      <c r="A3547" t="s">
        <v>42311</v>
      </c>
      <c r="B3547" t="s">
        <v>42312</v>
      </c>
      <c r="C3547" t="s">
        <v>42313</v>
      </c>
      <c r="D3547" t="s">
        <v>1621</v>
      </c>
      <c r="E3547" t="s">
        <v>13</v>
      </c>
      <c r="F3547">
        <v>10535</v>
      </c>
      <c r="G3547" t="s">
        <v>42314</v>
      </c>
      <c r="H3547">
        <v>5.1260818052700001</v>
      </c>
      <c r="I3547">
        <v>51.759281047222998</v>
      </c>
      <c r="J3547" t="s">
        <v>59232</v>
      </c>
    </row>
    <row r="3548" spans="1:10" x14ac:dyDescent="0.25">
      <c r="A3548" t="s">
        <v>42307</v>
      </c>
      <c r="B3548" t="s">
        <v>42308</v>
      </c>
      <c r="C3548" t="s">
        <v>42309</v>
      </c>
      <c r="D3548" t="s">
        <v>1621</v>
      </c>
      <c r="E3548" t="s">
        <v>13</v>
      </c>
      <c r="F3548">
        <v>10534</v>
      </c>
      <c r="G3548" t="s">
        <v>42310</v>
      </c>
      <c r="H3548">
        <v>5.1299058579160004</v>
      </c>
      <c r="I3548">
        <v>51.752031749967003</v>
      </c>
      <c r="J3548" t="s">
        <v>59233</v>
      </c>
    </row>
    <row r="3549" spans="1:10" x14ac:dyDescent="0.25">
      <c r="A3549" t="s">
        <v>42303</v>
      </c>
      <c r="B3549" t="s">
        <v>42304</v>
      </c>
      <c r="C3549" t="s">
        <v>42305</v>
      </c>
      <c r="D3549" t="s">
        <v>1621</v>
      </c>
      <c r="E3549" t="s">
        <v>13</v>
      </c>
      <c r="F3549">
        <v>10533</v>
      </c>
      <c r="G3549" t="s">
        <v>42306</v>
      </c>
      <c r="H3549">
        <v>5.0913466311219997</v>
      </c>
      <c r="I3549">
        <v>51.770769711737998</v>
      </c>
      <c r="J3549" t="s">
        <v>59234</v>
      </c>
    </row>
    <row r="3550" spans="1:10" x14ac:dyDescent="0.25">
      <c r="A3550" t="s">
        <v>42299</v>
      </c>
      <c r="B3550" t="s">
        <v>42300</v>
      </c>
      <c r="C3550" t="s">
        <v>42301</v>
      </c>
      <c r="D3550" t="s">
        <v>1621</v>
      </c>
      <c r="E3550" t="s">
        <v>13</v>
      </c>
      <c r="F3550">
        <v>10532</v>
      </c>
      <c r="G3550" t="s">
        <v>42302</v>
      </c>
      <c r="H3550">
        <v>5.0946434440060004</v>
      </c>
      <c r="I3550">
        <v>51.783032430570003</v>
      </c>
      <c r="J3550" t="s">
        <v>59235</v>
      </c>
    </row>
    <row r="3551" spans="1:10" x14ac:dyDescent="0.25">
      <c r="A3551" t="s">
        <v>42295</v>
      </c>
      <c r="B3551" t="s">
        <v>42296</v>
      </c>
      <c r="C3551" t="s">
        <v>42297</v>
      </c>
      <c r="D3551" t="s">
        <v>1621</v>
      </c>
      <c r="E3551" t="s">
        <v>13</v>
      </c>
      <c r="F3551">
        <v>10531</v>
      </c>
      <c r="G3551" t="s">
        <v>42298</v>
      </c>
      <c r="H3551">
        <v>5.0943757749590004</v>
      </c>
      <c r="I3551">
        <v>51.775205013589002</v>
      </c>
      <c r="J3551" t="s">
        <v>59236</v>
      </c>
    </row>
    <row r="3552" spans="1:10" x14ac:dyDescent="0.25">
      <c r="A3552" t="s">
        <v>42291</v>
      </c>
      <c r="B3552" t="s">
        <v>42292</v>
      </c>
      <c r="C3552" t="s">
        <v>42293</v>
      </c>
      <c r="D3552" t="s">
        <v>1621</v>
      </c>
      <c r="E3552" t="s">
        <v>13</v>
      </c>
      <c r="F3552">
        <v>10530</v>
      </c>
      <c r="G3552" t="s">
        <v>42294</v>
      </c>
      <c r="H3552">
        <v>5.1047274148120003</v>
      </c>
      <c r="I3552">
        <v>51.779004446830001</v>
      </c>
      <c r="J3552" t="s">
        <v>59237</v>
      </c>
    </row>
    <row r="3553" spans="1:10" x14ac:dyDescent="0.25">
      <c r="A3553" t="s">
        <v>1715</v>
      </c>
      <c r="B3553" t="s">
        <v>1716</v>
      </c>
      <c r="C3553" t="s">
        <v>1717</v>
      </c>
      <c r="D3553" t="s">
        <v>1621</v>
      </c>
      <c r="E3553" t="s">
        <v>13</v>
      </c>
      <c r="F3553">
        <v>10529</v>
      </c>
      <c r="G3553" t="s">
        <v>1718</v>
      </c>
      <c r="H3553">
        <v>4.9799611225960003</v>
      </c>
      <c r="I3553">
        <v>51.762552682817002</v>
      </c>
      <c r="J3553" t="s">
        <v>59238</v>
      </c>
    </row>
    <row r="3554" spans="1:10" x14ac:dyDescent="0.25">
      <c r="A3554" t="s">
        <v>1711</v>
      </c>
      <c r="B3554" t="s">
        <v>1712</v>
      </c>
      <c r="C3554" t="s">
        <v>1713</v>
      </c>
      <c r="D3554" t="s">
        <v>1621</v>
      </c>
      <c r="E3554" t="s">
        <v>13</v>
      </c>
      <c r="F3554">
        <v>10528</v>
      </c>
      <c r="G3554" t="s">
        <v>1714</v>
      </c>
      <c r="H3554">
        <v>4.9553785348580002</v>
      </c>
      <c r="I3554">
        <v>51.784324675116999</v>
      </c>
      <c r="J3554" t="s">
        <v>59239</v>
      </c>
    </row>
    <row r="3555" spans="1:10" x14ac:dyDescent="0.25">
      <c r="A3555" t="s">
        <v>1707</v>
      </c>
      <c r="B3555" t="s">
        <v>1708</v>
      </c>
      <c r="C3555" t="s">
        <v>1709</v>
      </c>
      <c r="D3555" t="s">
        <v>1621</v>
      </c>
      <c r="E3555" t="s">
        <v>13</v>
      </c>
      <c r="F3555">
        <v>10527</v>
      </c>
      <c r="G3555" t="s">
        <v>1710</v>
      </c>
      <c r="H3555">
        <v>4.9413476862800003</v>
      </c>
      <c r="I3555">
        <v>51.792105526679997</v>
      </c>
      <c r="J3555" t="s">
        <v>59240</v>
      </c>
    </row>
    <row r="3556" spans="1:10" x14ac:dyDescent="0.25">
      <c r="A3556" t="s">
        <v>42287</v>
      </c>
      <c r="B3556" t="s">
        <v>42288</v>
      </c>
      <c r="C3556" t="s">
        <v>42289</v>
      </c>
      <c r="D3556" t="s">
        <v>1621</v>
      </c>
      <c r="E3556" t="s">
        <v>13</v>
      </c>
      <c r="F3556">
        <v>10526</v>
      </c>
      <c r="G3556" t="s">
        <v>42290</v>
      </c>
      <c r="H3556">
        <v>4.9649717635329997</v>
      </c>
      <c r="I3556">
        <v>51.771890621512</v>
      </c>
      <c r="J3556" t="s">
        <v>59241</v>
      </c>
    </row>
    <row r="3557" spans="1:10" x14ac:dyDescent="0.25">
      <c r="A3557" t="s">
        <v>1703</v>
      </c>
      <c r="B3557" t="s">
        <v>1704</v>
      </c>
      <c r="C3557" t="s">
        <v>1705</v>
      </c>
      <c r="D3557" t="s">
        <v>1621</v>
      </c>
      <c r="E3557" t="s">
        <v>13</v>
      </c>
      <c r="F3557">
        <v>10525</v>
      </c>
      <c r="G3557" t="s">
        <v>1706</v>
      </c>
      <c r="H3557">
        <v>4.952486175822</v>
      </c>
      <c r="I3557">
        <v>51.770133294361003</v>
      </c>
      <c r="J3557" t="s">
        <v>59242</v>
      </c>
    </row>
    <row r="3558" spans="1:10" x14ac:dyDescent="0.25">
      <c r="A3558" t="s">
        <v>42283</v>
      </c>
      <c r="B3558" t="s">
        <v>42284</v>
      </c>
      <c r="C3558" t="s">
        <v>42285</v>
      </c>
      <c r="D3558" t="s">
        <v>1621</v>
      </c>
      <c r="E3558" t="s">
        <v>13</v>
      </c>
      <c r="F3558">
        <v>10524</v>
      </c>
      <c r="G3558" t="s">
        <v>42286</v>
      </c>
      <c r="H3558">
        <v>5.0577692777880001</v>
      </c>
      <c r="I3558">
        <v>51.777345346006001</v>
      </c>
      <c r="J3558" t="s">
        <v>59243</v>
      </c>
    </row>
    <row r="3559" spans="1:10" x14ac:dyDescent="0.25">
      <c r="A3559" t="s">
        <v>42279</v>
      </c>
      <c r="B3559" t="s">
        <v>42280</v>
      </c>
      <c r="C3559" t="s">
        <v>42281</v>
      </c>
      <c r="D3559" t="s">
        <v>1621</v>
      </c>
      <c r="E3559" t="s">
        <v>13</v>
      </c>
      <c r="F3559">
        <v>10523</v>
      </c>
      <c r="G3559" t="s">
        <v>42282</v>
      </c>
      <c r="H3559">
        <v>5.0568368400040002</v>
      </c>
      <c r="I3559">
        <v>51.782626359581997</v>
      </c>
      <c r="J3559" t="s">
        <v>59244</v>
      </c>
    </row>
    <row r="3560" spans="1:10" x14ac:dyDescent="0.25">
      <c r="A3560" t="s">
        <v>42275</v>
      </c>
      <c r="B3560" t="s">
        <v>42276</v>
      </c>
      <c r="C3560" t="s">
        <v>42277</v>
      </c>
      <c r="D3560" t="s">
        <v>1621</v>
      </c>
      <c r="E3560" t="s">
        <v>13</v>
      </c>
      <c r="F3560">
        <v>10522</v>
      </c>
      <c r="G3560" t="s">
        <v>42278</v>
      </c>
      <c r="H3560">
        <v>5.0274897989319998</v>
      </c>
      <c r="I3560">
        <v>51.783227490092997</v>
      </c>
      <c r="J3560" t="s">
        <v>59245</v>
      </c>
    </row>
    <row r="3561" spans="1:10" x14ac:dyDescent="0.25">
      <c r="A3561" t="s">
        <v>42271</v>
      </c>
      <c r="B3561" t="s">
        <v>42272</v>
      </c>
      <c r="C3561" t="s">
        <v>42273</v>
      </c>
      <c r="D3561" t="s">
        <v>1621</v>
      </c>
      <c r="E3561" t="s">
        <v>13</v>
      </c>
      <c r="F3561">
        <v>10521</v>
      </c>
      <c r="G3561" t="s">
        <v>42274</v>
      </c>
      <c r="H3561">
        <v>5.0351854386449997</v>
      </c>
      <c r="I3561">
        <v>51.779890881371003</v>
      </c>
      <c r="J3561" t="s">
        <v>59246</v>
      </c>
    </row>
    <row r="3562" spans="1:10" x14ac:dyDescent="0.25">
      <c r="A3562" t="s">
        <v>42267</v>
      </c>
      <c r="B3562" t="s">
        <v>42268</v>
      </c>
      <c r="C3562" t="s">
        <v>42269</v>
      </c>
      <c r="D3562" t="s">
        <v>1621</v>
      </c>
      <c r="E3562" t="s">
        <v>13</v>
      </c>
      <c r="F3562">
        <v>10520</v>
      </c>
      <c r="G3562" t="s">
        <v>42270</v>
      </c>
      <c r="H3562">
        <v>5.0318041462189997</v>
      </c>
      <c r="I3562">
        <v>51.791362130496999</v>
      </c>
      <c r="J3562" t="s">
        <v>59247</v>
      </c>
    </row>
    <row r="3563" spans="1:10" x14ac:dyDescent="0.25">
      <c r="A3563" t="s">
        <v>42263</v>
      </c>
      <c r="B3563" t="s">
        <v>42264</v>
      </c>
      <c r="C3563" t="s">
        <v>42265</v>
      </c>
      <c r="D3563" t="s">
        <v>1621</v>
      </c>
      <c r="E3563" t="s">
        <v>13</v>
      </c>
      <c r="F3563">
        <v>10519</v>
      </c>
      <c r="G3563" t="s">
        <v>42266</v>
      </c>
      <c r="H3563">
        <v>4.9986711992819997</v>
      </c>
      <c r="I3563">
        <v>51.774401924732999</v>
      </c>
      <c r="J3563" t="s">
        <v>59248</v>
      </c>
    </row>
    <row r="3564" spans="1:10" x14ac:dyDescent="0.25">
      <c r="A3564" t="s">
        <v>42259</v>
      </c>
      <c r="B3564" t="s">
        <v>42260</v>
      </c>
      <c r="C3564" t="s">
        <v>42261</v>
      </c>
      <c r="D3564" t="s">
        <v>1621</v>
      </c>
      <c r="E3564" t="s">
        <v>13</v>
      </c>
      <c r="F3564">
        <v>10518</v>
      </c>
      <c r="G3564" t="s">
        <v>42262</v>
      </c>
      <c r="H3564">
        <v>5.0067517025269996</v>
      </c>
      <c r="I3564">
        <v>51.777255878101997</v>
      </c>
      <c r="J3564" t="s">
        <v>59249</v>
      </c>
    </row>
    <row r="3565" spans="1:10" x14ac:dyDescent="0.25">
      <c r="A3565" t="s">
        <v>42255</v>
      </c>
      <c r="B3565" t="s">
        <v>42256</v>
      </c>
      <c r="C3565" t="s">
        <v>42257</v>
      </c>
      <c r="D3565" t="s">
        <v>1621</v>
      </c>
      <c r="E3565" t="s">
        <v>13</v>
      </c>
      <c r="F3565">
        <v>10517</v>
      </c>
      <c r="G3565" t="s">
        <v>42258</v>
      </c>
      <c r="H3565">
        <v>4.9988758065930003</v>
      </c>
      <c r="I3565">
        <v>51.788288649465002</v>
      </c>
      <c r="J3565" t="s">
        <v>59250</v>
      </c>
    </row>
    <row r="3566" spans="1:10" x14ac:dyDescent="0.25">
      <c r="A3566" t="s">
        <v>42251</v>
      </c>
      <c r="B3566" t="s">
        <v>42252</v>
      </c>
      <c r="C3566" t="s">
        <v>42253</v>
      </c>
      <c r="D3566" t="s">
        <v>1621</v>
      </c>
      <c r="E3566" t="s">
        <v>13</v>
      </c>
      <c r="F3566">
        <v>10516</v>
      </c>
      <c r="G3566" t="s">
        <v>42254</v>
      </c>
      <c r="H3566">
        <v>5.0063611276550004</v>
      </c>
      <c r="I3566">
        <v>51.786765439687997</v>
      </c>
      <c r="J3566" t="s">
        <v>59251</v>
      </c>
    </row>
    <row r="3567" spans="1:10" x14ac:dyDescent="0.25">
      <c r="A3567" t="s">
        <v>42247</v>
      </c>
      <c r="B3567" t="s">
        <v>42248</v>
      </c>
      <c r="C3567" t="s">
        <v>42249</v>
      </c>
      <c r="D3567" t="s">
        <v>1621</v>
      </c>
      <c r="E3567" t="s">
        <v>13</v>
      </c>
      <c r="F3567">
        <v>10515</v>
      </c>
      <c r="G3567" t="s">
        <v>42250</v>
      </c>
      <c r="H3567">
        <v>5.00874433155</v>
      </c>
      <c r="I3567">
        <v>51.800967871909997</v>
      </c>
      <c r="J3567" t="s">
        <v>59252</v>
      </c>
    </row>
    <row r="3568" spans="1:10" x14ac:dyDescent="0.25">
      <c r="A3568" t="s">
        <v>42243</v>
      </c>
      <c r="B3568" t="s">
        <v>42244</v>
      </c>
      <c r="C3568" t="s">
        <v>42245</v>
      </c>
      <c r="D3568" t="s">
        <v>1621</v>
      </c>
      <c r="E3568" t="s">
        <v>13</v>
      </c>
      <c r="F3568">
        <v>10514</v>
      </c>
      <c r="G3568" t="s">
        <v>42246</v>
      </c>
      <c r="H3568">
        <v>5.0234595138150002</v>
      </c>
      <c r="I3568">
        <v>51.798108949853997</v>
      </c>
      <c r="J3568" t="s">
        <v>59253</v>
      </c>
    </row>
    <row r="3569" spans="1:10" x14ac:dyDescent="0.25">
      <c r="A3569" t="s">
        <v>42239</v>
      </c>
      <c r="B3569" t="s">
        <v>42240</v>
      </c>
      <c r="C3569" t="s">
        <v>42241</v>
      </c>
      <c r="D3569" t="s">
        <v>1621</v>
      </c>
      <c r="E3569" t="s">
        <v>13</v>
      </c>
      <c r="F3569">
        <v>10513</v>
      </c>
      <c r="G3569" t="s">
        <v>42242</v>
      </c>
      <c r="H3569">
        <v>4.9795826782020001</v>
      </c>
      <c r="I3569">
        <v>51.808643847063998</v>
      </c>
      <c r="J3569" t="s">
        <v>59254</v>
      </c>
    </row>
    <row r="3570" spans="1:10" x14ac:dyDescent="0.25">
      <c r="A3570" t="s">
        <v>42235</v>
      </c>
      <c r="B3570" t="s">
        <v>42236</v>
      </c>
      <c r="C3570" t="s">
        <v>42237</v>
      </c>
      <c r="D3570" t="s">
        <v>1621</v>
      </c>
      <c r="E3570" t="s">
        <v>13</v>
      </c>
      <c r="F3570">
        <v>10512</v>
      </c>
      <c r="G3570" t="s">
        <v>42238</v>
      </c>
      <c r="H3570">
        <v>4.9746990762900003</v>
      </c>
      <c r="I3570">
        <v>51.807311955589</v>
      </c>
      <c r="J3570" t="s">
        <v>59255</v>
      </c>
    </row>
    <row r="3571" spans="1:10" x14ac:dyDescent="0.25">
      <c r="A3571" t="s">
        <v>42231</v>
      </c>
      <c r="B3571" t="s">
        <v>42232</v>
      </c>
      <c r="C3571" t="s">
        <v>42233</v>
      </c>
      <c r="D3571" t="s">
        <v>1621</v>
      </c>
      <c r="E3571" t="s">
        <v>13</v>
      </c>
      <c r="F3571">
        <v>10511</v>
      </c>
      <c r="G3571" t="s">
        <v>42234</v>
      </c>
      <c r="H3571">
        <v>4.9991804907280004</v>
      </c>
      <c r="I3571">
        <v>51.811104299897004</v>
      </c>
      <c r="J3571" t="s">
        <v>59256</v>
      </c>
    </row>
    <row r="3572" spans="1:10" x14ac:dyDescent="0.25">
      <c r="A3572" t="s">
        <v>42227</v>
      </c>
      <c r="B3572" t="s">
        <v>42228</v>
      </c>
      <c r="C3572" t="s">
        <v>42229</v>
      </c>
      <c r="D3572" t="s">
        <v>1621</v>
      </c>
      <c r="E3572" t="s">
        <v>13</v>
      </c>
      <c r="F3572">
        <v>10510</v>
      </c>
      <c r="G3572" t="s">
        <v>42230</v>
      </c>
      <c r="H3572">
        <v>4.999433621174</v>
      </c>
      <c r="I3572">
        <v>51.815998690286001</v>
      </c>
      <c r="J3572" t="s">
        <v>59257</v>
      </c>
    </row>
    <row r="3573" spans="1:10" x14ac:dyDescent="0.25">
      <c r="A3573" t="s">
        <v>1699</v>
      </c>
      <c r="B3573" t="s">
        <v>1700</v>
      </c>
      <c r="C3573" t="s">
        <v>1701</v>
      </c>
      <c r="D3573" t="s">
        <v>1621</v>
      </c>
      <c r="E3573" t="s">
        <v>13</v>
      </c>
      <c r="F3573">
        <v>10509</v>
      </c>
      <c r="G3573" t="s">
        <v>1702</v>
      </c>
      <c r="H3573">
        <v>4.957457287325</v>
      </c>
      <c r="I3573">
        <v>51.728601714682</v>
      </c>
      <c r="J3573" t="s">
        <v>59258</v>
      </c>
    </row>
    <row r="3574" spans="1:10" x14ac:dyDescent="0.25">
      <c r="A3574" t="s">
        <v>42223</v>
      </c>
      <c r="B3574" t="s">
        <v>42224</v>
      </c>
      <c r="C3574" t="s">
        <v>42225</v>
      </c>
      <c r="D3574" t="s">
        <v>1621</v>
      </c>
      <c r="E3574" t="s">
        <v>13</v>
      </c>
      <c r="F3574">
        <v>10508</v>
      </c>
      <c r="G3574" t="s">
        <v>42226</v>
      </c>
      <c r="H3574">
        <v>4.9743772105290001</v>
      </c>
      <c r="I3574">
        <v>51.742895238827998</v>
      </c>
      <c r="J3574" t="s">
        <v>59259</v>
      </c>
    </row>
    <row r="3575" spans="1:10" x14ac:dyDescent="0.25">
      <c r="A3575" t="s">
        <v>42219</v>
      </c>
      <c r="B3575" t="s">
        <v>42220</v>
      </c>
      <c r="C3575" t="s">
        <v>42221</v>
      </c>
      <c r="D3575" t="s">
        <v>1621</v>
      </c>
      <c r="E3575" t="s">
        <v>13</v>
      </c>
      <c r="F3575">
        <v>10507</v>
      </c>
      <c r="G3575" t="s">
        <v>42222</v>
      </c>
      <c r="H3575">
        <v>4.9634218464620004</v>
      </c>
      <c r="I3575">
        <v>51.733876836801002</v>
      </c>
      <c r="J3575" t="s">
        <v>59260</v>
      </c>
    </row>
    <row r="3576" spans="1:10" x14ac:dyDescent="0.25">
      <c r="A3576" t="s">
        <v>1695</v>
      </c>
      <c r="B3576" t="s">
        <v>1696</v>
      </c>
      <c r="C3576" t="s">
        <v>1697</v>
      </c>
      <c r="D3576" t="s">
        <v>1621</v>
      </c>
      <c r="E3576" t="s">
        <v>13</v>
      </c>
      <c r="F3576">
        <v>10506</v>
      </c>
      <c r="G3576" t="s">
        <v>1698</v>
      </c>
      <c r="H3576">
        <v>4.8741245804900002</v>
      </c>
      <c r="I3576">
        <v>51.738866884594003</v>
      </c>
      <c r="J3576" t="s">
        <v>59261</v>
      </c>
    </row>
    <row r="3577" spans="1:10" x14ac:dyDescent="0.25">
      <c r="A3577" t="s">
        <v>1691</v>
      </c>
      <c r="B3577" t="s">
        <v>1692</v>
      </c>
      <c r="C3577" t="s">
        <v>1693</v>
      </c>
      <c r="D3577" t="s">
        <v>1621</v>
      </c>
      <c r="E3577" t="s">
        <v>13</v>
      </c>
      <c r="F3577">
        <v>10505</v>
      </c>
      <c r="G3577" t="s">
        <v>1694</v>
      </c>
      <c r="H3577">
        <v>4.9192654266010001</v>
      </c>
      <c r="I3577">
        <v>51.737397964793999</v>
      </c>
      <c r="J3577" t="s">
        <v>59262</v>
      </c>
    </row>
    <row r="3578" spans="1:10" x14ac:dyDescent="0.25">
      <c r="A3578" t="s">
        <v>1687</v>
      </c>
      <c r="B3578" t="s">
        <v>1688</v>
      </c>
      <c r="C3578" t="s">
        <v>1689</v>
      </c>
      <c r="D3578" t="s">
        <v>1621</v>
      </c>
      <c r="E3578" t="s">
        <v>13</v>
      </c>
      <c r="F3578">
        <v>10504</v>
      </c>
      <c r="G3578" t="s">
        <v>1690</v>
      </c>
      <c r="H3578">
        <v>4.8835918653770003</v>
      </c>
      <c r="I3578">
        <v>51.725885559802002</v>
      </c>
      <c r="J3578" t="s">
        <v>59263</v>
      </c>
    </row>
    <row r="3579" spans="1:10" x14ac:dyDescent="0.25">
      <c r="A3579" t="s">
        <v>1683</v>
      </c>
      <c r="B3579" t="s">
        <v>1684</v>
      </c>
      <c r="C3579" t="s">
        <v>1685</v>
      </c>
      <c r="D3579" t="s">
        <v>1621</v>
      </c>
      <c r="E3579" t="s">
        <v>13</v>
      </c>
      <c r="F3579">
        <v>10503</v>
      </c>
      <c r="G3579" t="s">
        <v>1686</v>
      </c>
      <c r="H3579">
        <v>4.899315300084</v>
      </c>
      <c r="I3579">
        <v>51.737593795461997</v>
      </c>
      <c r="J3579" t="s">
        <v>59264</v>
      </c>
    </row>
    <row r="3580" spans="1:10" x14ac:dyDescent="0.25">
      <c r="A3580" t="s">
        <v>1679</v>
      </c>
      <c r="B3580" t="s">
        <v>1680</v>
      </c>
      <c r="C3580" t="s">
        <v>1681</v>
      </c>
      <c r="D3580" t="s">
        <v>1621</v>
      </c>
      <c r="E3580" t="s">
        <v>13</v>
      </c>
      <c r="F3580">
        <v>10502</v>
      </c>
      <c r="G3580" t="s">
        <v>1682</v>
      </c>
      <c r="H3580">
        <v>4.9072096266059999</v>
      </c>
      <c r="I3580">
        <v>51.765414046385999</v>
      </c>
      <c r="J3580" t="s">
        <v>59265</v>
      </c>
    </row>
    <row r="3581" spans="1:10" x14ac:dyDescent="0.25">
      <c r="A3581" t="s">
        <v>1675</v>
      </c>
      <c r="B3581" t="s">
        <v>1676</v>
      </c>
      <c r="C3581" t="s">
        <v>1677</v>
      </c>
      <c r="D3581" t="s">
        <v>1621</v>
      </c>
      <c r="E3581" t="s">
        <v>13</v>
      </c>
      <c r="F3581">
        <v>10501</v>
      </c>
      <c r="G3581" t="s">
        <v>1678</v>
      </c>
      <c r="H3581">
        <v>4.9245298575009997</v>
      </c>
      <c r="I3581">
        <v>51.782366518735998</v>
      </c>
      <c r="J3581" t="s">
        <v>59266</v>
      </c>
    </row>
    <row r="3582" spans="1:10" x14ac:dyDescent="0.25">
      <c r="A3582" t="s">
        <v>1671</v>
      </c>
      <c r="B3582" t="s">
        <v>1672</v>
      </c>
      <c r="C3582" t="s">
        <v>1673</v>
      </c>
      <c r="D3582" t="s">
        <v>1621</v>
      </c>
      <c r="E3582" t="s">
        <v>13</v>
      </c>
      <c r="F3582">
        <v>10500</v>
      </c>
      <c r="G3582" t="s">
        <v>1674</v>
      </c>
      <c r="H3582">
        <v>4.9195673938309996</v>
      </c>
      <c r="I3582">
        <v>51.774590123724998</v>
      </c>
      <c r="J3582" t="s">
        <v>59267</v>
      </c>
    </row>
    <row r="3583" spans="1:10" x14ac:dyDescent="0.25">
      <c r="A3583" t="s">
        <v>1667</v>
      </c>
      <c r="B3583" t="s">
        <v>1668</v>
      </c>
      <c r="C3583" t="s">
        <v>1669</v>
      </c>
      <c r="D3583" t="s">
        <v>1621</v>
      </c>
      <c r="E3583" t="s">
        <v>13</v>
      </c>
      <c r="F3583">
        <v>10499</v>
      </c>
      <c r="G3583" t="s">
        <v>1670</v>
      </c>
      <c r="H3583">
        <v>4.9383707788970002</v>
      </c>
      <c r="I3583">
        <v>51.815136662306003</v>
      </c>
      <c r="J3583" t="s">
        <v>59268</v>
      </c>
    </row>
    <row r="3584" spans="1:10" x14ac:dyDescent="0.25">
      <c r="A3584" t="s">
        <v>1663</v>
      </c>
      <c r="B3584" t="s">
        <v>1664</v>
      </c>
      <c r="C3584" t="s">
        <v>1665</v>
      </c>
      <c r="D3584" t="s">
        <v>1621</v>
      </c>
      <c r="E3584" t="s">
        <v>13</v>
      </c>
      <c r="F3584">
        <v>10498</v>
      </c>
      <c r="G3584" t="s">
        <v>1666</v>
      </c>
      <c r="H3584">
        <v>4.9538041708250002</v>
      </c>
      <c r="I3584">
        <v>51.811378986483</v>
      </c>
      <c r="J3584" t="s">
        <v>59269</v>
      </c>
    </row>
    <row r="3585" spans="1:10" x14ac:dyDescent="0.25">
      <c r="A3585" t="s">
        <v>42215</v>
      </c>
      <c r="B3585" t="s">
        <v>42216</v>
      </c>
      <c r="C3585" t="s">
        <v>42217</v>
      </c>
      <c r="D3585" t="s">
        <v>1621</v>
      </c>
      <c r="E3585" t="s">
        <v>13</v>
      </c>
      <c r="F3585">
        <v>10497</v>
      </c>
      <c r="G3585" t="s">
        <v>42218</v>
      </c>
      <c r="H3585">
        <v>4.9497616813979999</v>
      </c>
      <c r="I3585">
        <v>51.816499255247997</v>
      </c>
      <c r="J3585" t="s">
        <v>59270</v>
      </c>
    </row>
    <row r="3586" spans="1:10" x14ac:dyDescent="0.25">
      <c r="A3586" t="s">
        <v>1659</v>
      </c>
      <c r="B3586" t="s">
        <v>1660</v>
      </c>
      <c r="C3586" t="s">
        <v>1661</v>
      </c>
      <c r="D3586" t="s">
        <v>1621</v>
      </c>
      <c r="E3586" t="s">
        <v>13</v>
      </c>
      <c r="F3586">
        <v>10496</v>
      </c>
      <c r="G3586" t="s">
        <v>1662</v>
      </c>
      <c r="H3586">
        <v>4.7987715889239997</v>
      </c>
      <c r="I3586">
        <v>51.771787616871002</v>
      </c>
      <c r="J3586" t="s">
        <v>59271</v>
      </c>
    </row>
    <row r="3587" spans="1:10" x14ac:dyDescent="0.25">
      <c r="A3587" t="s">
        <v>1655</v>
      </c>
      <c r="B3587" t="s">
        <v>1656</v>
      </c>
      <c r="C3587" t="s">
        <v>1657</v>
      </c>
      <c r="D3587" t="s">
        <v>1621</v>
      </c>
      <c r="E3587" t="s">
        <v>13</v>
      </c>
      <c r="F3587">
        <v>10495</v>
      </c>
      <c r="G3587" t="s">
        <v>1658</v>
      </c>
      <c r="H3587">
        <v>4.8823754363139997</v>
      </c>
      <c r="I3587">
        <v>51.775792690819998</v>
      </c>
      <c r="J3587" t="s">
        <v>59272</v>
      </c>
    </row>
    <row r="3588" spans="1:10" x14ac:dyDescent="0.25">
      <c r="A3588" t="s">
        <v>1651</v>
      </c>
      <c r="B3588" t="s">
        <v>1652</v>
      </c>
      <c r="C3588" t="s">
        <v>1653</v>
      </c>
      <c r="D3588" t="s">
        <v>1621</v>
      </c>
      <c r="E3588" t="s">
        <v>13</v>
      </c>
      <c r="F3588">
        <v>10494</v>
      </c>
      <c r="G3588" t="s">
        <v>1654</v>
      </c>
      <c r="H3588">
        <v>4.916602838068</v>
      </c>
      <c r="I3588">
        <v>51.799957125974998</v>
      </c>
      <c r="J3588" t="s">
        <v>59273</v>
      </c>
    </row>
    <row r="3589" spans="1:10" x14ac:dyDescent="0.25">
      <c r="A3589" t="s">
        <v>1647</v>
      </c>
      <c r="B3589" t="s">
        <v>1648</v>
      </c>
      <c r="C3589" t="s">
        <v>1649</v>
      </c>
      <c r="D3589" t="s">
        <v>1621</v>
      </c>
      <c r="E3589" t="s">
        <v>13</v>
      </c>
      <c r="F3589">
        <v>10493</v>
      </c>
      <c r="G3589" t="s">
        <v>1650</v>
      </c>
      <c r="H3589">
        <v>4.9038861554580002</v>
      </c>
      <c r="I3589">
        <v>51.817656574277002</v>
      </c>
      <c r="J3589" t="s">
        <v>59274</v>
      </c>
    </row>
    <row r="3590" spans="1:10" x14ac:dyDescent="0.25">
      <c r="A3590" t="s">
        <v>1643</v>
      </c>
      <c r="B3590" t="s">
        <v>1644</v>
      </c>
      <c r="C3590" t="s">
        <v>1645</v>
      </c>
      <c r="D3590" t="s">
        <v>1621</v>
      </c>
      <c r="E3590" t="s">
        <v>13</v>
      </c>
      <c r="F3590">
        <v>10492</v>
      </c>
      <c r="G3590" t="s">
        <v>1646</v>
      </c>
      <c r="H3590">
        <v>4.8824451813490004</v>
      </c>
      <c r="I3590">
        <v>51.802842743794002</v>
      </c>
      <c r="J3590" t="s">
        <v>59275</v>
      </c>
    </row>
    <row r="3591" spans="1:10" x14ac:dyDescent="0.25">
      <c r="A3591" t="s">
        <v>1639</v>
      </c>
      <c r="B3591" t="s">
        <v>1640</v>
      </c>
      <c r="C3591" t="s">
        <v>1641</v>
      </c>
      <c r="D3591" t="s">
        <v>1621</v>
      </c>
      <c r="E3591" t="s">
        <v>13</v>
      </c>
      <c r="F3591">
        <v>10491</v>
      </c>
      <c r="G3591" t="s">
        <v>1642</v>
      </c>
      <c r="H3591">
        <v>4.9009063832970003</v>
      </c>
      <c r="I3591">
        <v>51.804961969380003</v>
      </c>
      <c r="J3591" t="s">
        <v>59276</v>
      </c>
    </row>
    <row r="3592" spans="1:10" x14ac:dyDescent="0.25">
      <c r="A3592" t="s">
        <v>1635</v>
      </c>
      <c r="B3592" t="s">
        <v>1636</v>
      </c>
      <c r="C3592" t="s">
        <v>1637</v>
      </c>
      <c r="D3592" t="s">
        <v>1621</v>
      </c>
      <c r="E3592" t="s">
        <v>13</v>
      </c>
      <c r="F3592">
        <v>10490</v>
      </c>
      <c r="G3592" t="s">
        <v>1638</v>
      </c>
      <c r="H3592">
        <v>4.8995508278589996</v>
      </c>
      <c r="I3592">
        <v>51.809780057925003</v>
      </c>
      <c r="J3592" t="s">
        <v>59277</v>
      </c>
    </row>
    <row r="3593" spans="1:10" x14ac:dyDescent="0.25">
      <c r="A3593" t="s">
        <v>1631</v>
      </c>
      <c r="B3593" t="s">
        <v>1632</v>
      </c>
      <c r="C3593" t="s">
        <v>1633</v>
      </c>
      <c r="D3593" t="s">
        <v>1621</v>
      </c>
      <c r="E3593" t="s">
        <v>13</v>
      </c>
      <c r="F3593">
        <v>10489</v>
      </c>
      <c r="G3593" t="s">
        <v>1634</v>
      </c>
      <c r="H3593">
        <v>4.9079390731299997</v>
      </c>
      <c r="I3593">
        <v>51.810239398965003</v>
      </c>
      <c r="J3593" t="s">
        <v>59278</v>
      </c>
    </row>
    <row r="3594" spans="1:10" x14ac:dyDescent="0.25">
      <c r="A3594" t="s">
        <v>1627</v>
      </c>
      <c r="B3594" t="s">
        <v>1628</v>
      </c>
      <c r="C3594" t="s">
        <v>1629</v>
      </c>
      <c r="D3594" t="s">
        <v>1621</v>
      </c>
      <c r="E3594" t="s">
        <v>13</v>
      </c>
      <c r="F3594">
        <v>10488</v>
      </c>
      <c r="G3594" t="s">
        <v>1630</v>
      </c>
      <c r="H3594">
        <v>4.8864877321230002</v>
      </c>
      <c r="I3594">
        <v>51.806131083566001</v>
      </c>
      <c r="J3594" t="s">
        <v>59279</v>
      </c>
    </row>
    <row r="3595" spans="1:10" x14ac:dyDescent="0.25">
      <c r="A3595" t="s">
        <v>1623</v>
      </c>
      <c r="B3595" t="s">
        <v>1624</v>
      </c>
      <c r="C3595" t="s">
        <v>1625</v>
      </c>
      <c r="D3595" t="s">
        <v>1621</v>
      </c>
      <c r="E3595" t="s">
        <v>13</v>
      </c>
      <c r="F3595">
        <v>10487</v>
      </c>
      <c r="G3595" t="s">
        <v>1626</v>
      </c>
      <c r="H3595">
        <v>4.8902682508300002</v>
      </c>
      <c r="I3595">
        <v>51.809931365259999</v>
      </c>
      <c r="J3595" t="s">
        <v>59280</v>
      </c>
    </row>
    <row r="3596" spans="1:10" x14ac:dyDescent="0.25">
      <c r="A3596" t="s">
        <v>1618</v>
      </c>
      <c r="B3596" t="s">
        <v>1619</v>
      </c>
      <c r="C3596" t="s">
        <v>1620</v>
      </c>
      <c r="D3596" t="s">
        <v>1621</v>
      </c>
      <c r="E3596" t="s">
        <v>13</v>
      </c>
      <c r="F3596">
        <v>10486</v>
      </c>
      <c r="G3596" t="s">
        <v>1622</v>
      </c>
      <c r="H3596">
        <v>4.896714689005</v>
      </c>
      <c r="I3596">
        <v>51.815466033865</v>
      </c>
      <c r="J3596" t="s">
        <v>59281</v>
      </c>
    </row>
    <row r="3597" spans="1:10" x14ac:dyDescent="0.25">
      <c r="A3597" t="s">
        <v>42211</v>
      </c>
      <c r="B3597" t="s">
        <v>42212</v>
      </c>
      <c r="C3597" t="s">
        <v>42213</v>
      </c>
      <c r="D3597" t="s">
        <v>42111</v>
      </c>
      <c r="E3597" t="s">
        <v>13</v>
      </c>
      <c r="F3597">
        <v>10485</v>
      </c>
      <c r="G3597" t="s">
        <v>42214</v>
      </c>
      <c r="H3597">
        <v>6.1450989883110001</v>
      </c>
      <c r="I3597">
        <v>51.960712605166002</v>
      </c>
      <c r="J3597" t="s">
        <v>59282</v>
      </c>
    </row>
    <row r="3598" spans="1:10" x14ac:dyDescent="0.25">
      <c r="A3598" t="s">
        <v>42207</v>
      </c>
      <c r="B3598" t="s">
        <v>42208</v>
      </c>
      <c r="C3598" t="s">
        <v>42209</v>
      </c>
      <c r="D3598" t="s">
        <v>42111</v>
      </c>
      <c r="E3598" t="s">
        <v>13</v>
      </c>
      <c r="F3598">
        <v>10484</v>
      </c>
      <c r="G3598" t="s">
        <v>42210</v>
      </c>
      <c r="H3598">
        <v>6.163241248846</v>
      </c>
      <c r="I3598">
        <v>51.929391346593</v>
      </c>
      <c r="J3598" t="s">
        <v>59283</v>
      </c>
    </row>
    <row r="3599" spans="1:10" x14ac:dyDescent="0.25">
      <c r="A3599" t="s">
        <v>42203</v>
      </c>
      <c r="B3599" t="s">
        <v>42204</v>
      </c>
      <c r="C3599" t="s">
        <v>42205</v>
      </c>
      <c r="D3599" t="s">
        <v>42111</v>
      </c>
      <c r="E3599" t="s">
        <v>13</v>
      </c>
      <c r="F3599">
        <v>10483</v>
      </c>
      <c r="G3599" t="s">
        <v>42206</v>
      </c>
      <c r="H3599">
        <v>6.1184783318019997</v>
      </c>
      <c r="I3599">
        <v>51.931492325470998</v>
      </c>
      <c r="J3599" t="s">
        <v>59284</v>
      </c>
    </row>
    <row r="3600" spans="1:10" x14ac:dyDescent="0.25">
      <c r="A3600" t="s">
        <v>42199</v>
      </c>
      <c r="B3600" t="s">
        <v>42200</v>
      </c>
      <c r="C3600" t="s">
        <v>42201</v>
      </c>
      <c r="D3600" t="s">
        <v>42111</v>
      </c>
      <c r="E3600" t="s">
        <v>13</v>
      </c>
      <c r="F3600">
        <v>10482</v>
      </c>
      <c r="G3600" t="s">
        <v>42202</v>
      </c>
      <c r="H3600">
        <v>6.1094333162450001</v>
      </c>
      <c r="I3600">
        <v>51.954793179002998</v>
      </c>
      <c r="J3600" t="s">
        <v>59285</v>
      </c>
    </row>
    <row r="3601" spans="1:10" x14ac:dyDescent="0.25">
      <c r="A3601" t="s">
        <v>42195</v>
      </c>
      <c r="B3601" t="s">
        <v>42196</v>
      </c>
      <c r="C3601" t="s">
        <v>42197</v>
      </c>
      <c r="D3601" t="s">
        <v>42111</v>
      </c>
      <c r="E3601" t="s">
        <v>13</v>
      </c>
      <c r="F3601">
        <v>10481</v>
      </c>
      <c r="G3601" t="s">
        <v>42198</v>
      </c>
      <c r="H3601">
        <v>6.1485288830730003</v>
      </c>
      <c r="I3601">
        <v>51.944198064786001</v>
      </c>
      <c r="J3601" t="s">
        <v>59286</v>
      </c>
    </row>
    <row r="3602" spans="1:10" x14ac:dyDescent="0.25">
      <c r="A3602" t="s">
        <v>42191</v>
      </c>
      <c r="B3602" t="s">
        <v>42192</v>
      </c>
      <c r="C3602" t="s">
        <v>42193</v>
      </c>
      <c r="D3602" t="s">
        <v>42111</v>
      </c>
      <c r="E3602" t="s">
        <v>13</v>
      </c>
      <c r="F3602">
        <v>10480</v>
      </c>
      <c r="G3602" t="s">
        <v>42194</v>
      </c>
      <c r="H3602">
        <v>6.1562196517879997</v>
      </c>
      <c r="I3602">
        <v>51.932733720243</v>
      </c>
      <c r="J3602" t="s">
        <v>59287</v>
      </c>
    </row>
    <row r="3603" spans="1:10" x14ac:dyDescent="0.25">
      <c r="A3603" t="s">
        <v>42187</v>
      </c>
      <c r="B3603" t="s">
        <v>42188</v>
      </c>
      <c r="C3603" t="s">
        <v>42189</v>
      </c>
      <c r="D3603" t="s">
        <v>42111</v>
      </c>
      <c r="E3603" t="s">
        <v>13</v>
      </c>
      <c r="F3603">
        <v>10479</v>
      </c>
      <c r="G3603" t="s">
        <v>42190</v>
      </c>
      <c r="H3603">
        <v>6.1426588523300003</v>
      </c>
      <c r="I3603">
        <v>51.952501552657999</v>
      </c>
      <c r="J3603" t="s">
        <v>59288</v>
      </c>
    </row>
    <row r="3604" spans="1:10" x14ac:dyDescent="0.25">
      <c r="A3604" t="s">
        <v>42183</v>
      </c>
      <c r="B3604" t="s">
        <v>42184</v>
      </c>
      <c r="C3604" t="s">
        <v>42185</v>
      </c>
      <c r="D3604" t="s">
        <v>42111</v>
      </c>
      <c r="E3604" t="s">
        <v>13</v>
      </c>
      <c r="F3604">
        <v>10478</v>
      </c>
      <c r="G3604" t="s">
        <v>42186</v>
      </c>
      <c r="H3604">
        <v>6.1332245236869998</v>
      </c>
      <c r="I3604">
        <v>51.943427167929997</v>
      </c>
      <c r="J3604" t="s">
        <v>59289</v>
      </c>
    </row>
    <row r="3605" spans="1:10" x14ac:dyDescent="0.25">
      <c r="A3605" t="s">
        <v>42179</v>
      </c>
      <c r="B3605" t="s">
        <v>42180</v>
      </c>
      <c r="C3605" t="s">
        <v>42181</v>
      </c>
      <c r="D3605" t="s">
        <v>42111</v>
      </c>
      <c r="E3605" t="s">
        <v>13</v>
      </c>
      <c r="F3605">
        <v>10477</v>
      </c>
      <c r="G3605" t="s">
        <v>42182</v>
      </c>
      <c r="H3605">
        <v>6.1319859810550001</v>
      </c>
      <c r="I3605">
        <v>51.935225253953</v>
      </c>
      <c r="J3605" t="s">
        <v>59290</v>
      </c>
    </row>
    <row r="3606" spans="1:10" x14ac:dyDescent="0.25">
      <c r="A3606" t="s">
        <v>42175</v>
      </c>
      <c r="B3606" t="s">
        <v>42176</v>
      </c>
      <c r="C3606" t="s">
        <v>42177</v>
      </c>
      <c r="D3606" t="s">
        <v>42111</v>
      </c>
      <c r="E3606" t="s">
        <v>13</v>
      </c>
      <c r="F3606">
        <v>10476</v>
      </c>
      <c r="G3606" t="s">
        <v>42178</v>
      </c>
      <c r="H3606">
        <v>6.2223805163429997</v>
      </c>
      <c r="I3606">
        <v>51.900958979248998</v>
      </c>
      <c r="J3606" t="s">
        <v>59291</v>
      </c>
    </row>
    <row r="3607" spans="1:10" x14ac:dyDescent="0.25">
      <c r="A3607" t="s">
        <v>42171</v>
      </c>
      <c r="B3607" t="s">
        <v>42172</v>
      </c>
      <c r="C3607" t="s">
        <v>42173</v>
      </c>
      <c r="D3607" t="s">
        <v>42111</v>
      </c>
      <c r="E3607" t="s">
        <v>13</v>
      </c>
      <c r="F3607">
        <v>10475</v>
      </c>
      <c r="G3607" t="s">
        <v>42174</v>
      </c>
      <c r="H3607">
        <v>6.1816540731879996</v>
      </c>
      <c r="I3607">
        <v>51.908815355144</v>
      </c>
      <c r="J3607" t="s">
        <v>59292</v>
      </c>
    </row>
    <row r="3608" spans="1:10" x14ac:dyDescent="0.25">
      <c r="A3608" t="s">
        <v>42167</v>
      </c>
      <c r="B3608" t="s">
        <v>42168</v>
      </c>
      <c r="C3608" t="s">
        <v>42169</v>
      </c>
      <c r="D3608" t="s">
        <v>42111</v>
      </c>
      <c r="E3608" t="s">
        <v>13</v>
      </c>
      <c r="F3608">
        <v>10474</v>
      </c>
      <c r="G3608" t="s">
        <v>42170</v>
      </c>
      <c r="H3608">
        <v>6.2340590346629998</v>
      </c>
      <c r="I3608">
        <v>51.936457930346997</v>
      </c>
      <c r="J3608" t="s">
        <v>59293</v>
      </c>
    </row>
    <row r="3609" spans="1:10" x14ac:dyDescent="0.25">
      <c r="A3609" t="s">
        <v>42163</v>
      </c>
      <c r="B3609" t="s">
        <v>42164</v>
      </c>
      <c r="C3609" t="s">
        <v>42165</v>
      </c>
      <c r="D3609" t="s">
        <v>42111</v>
      </c>
      <c r="E3609" t="s">
        <v>13</v>
      </c>
      <c r="F3609">
        <v>10473</v>
      </c>
      <c r="G3609" t="s">
        <v>42166</v>
      </c>
      <c r="H3609">
        <v>6.1997165151529998</v>
      </c>
      <c r="I3609">
        <v>51.929568419634997</v>
      </c>
      <c r="J3609" t="s">
        <v>59294</v>
      </c>
    </row>
    <row r="3610" spans="1:10" x14ac:dyDescent="0.25">
      <c r="A3610" t="s">
        <v>42159</v>
      </c>
      <c r="B3610" t="s">
        <v>42160</v>
      </c>
      <c r="C3610" t="s">
        <v>42161</v>
      </c>
      <c r="D3610" t="s">
        <v>42111</v>
      </c>
      <c r="E3610" t="s">
        <v>13</v>
      </c>
      <c r="F3610">
        <v>10472</v>
      </c>
      <c r="G3610" t="s">
        <v>42162</v>
      </c>
      <c r="H3610">
        <v>6.1960894344230004</v>
      </c>
      <c r="I3610">
        <v>51.919400722123001</v>
      </c>
      <c r="J3610" t="s">
        <v>59295</v>
      </c>
    </row>
    <row r="3611" spans="1:10" x14ac:dyDescent="0.25">
      <c r="A3611" t="s">
        <v>42155</v>
      </c>
      <c r="B3611" t="s">
        <v>42156</v>
      </c>
      <c r="C3611" t="s">
        <v>42157</v>
      </c>
      <c r="D3611" t="s">
        <v>42111</v>
      </c>
      <c r="E3611" t="s">
        <v>13</v>
      </c>
      <c r="F3611">
        <v>10471</v>
      </c>
      <c r="G3611" t="s">
        <v>42158</v>
      </c>
      <c r="H3611">
        <v>6.231661059076</v>
      </c>
      <c r="I3611">
        <v>51.937537086062001</v>
      </c>
      <c r="J3611" t="s">
        <v>59296</v>
      </c>
    </row>
    <row r="3612" spans="1:10" x14ac:dyDescent="0.25">
      <c r="A3612" t="s">
        <v>42152</v>
      </c>
      <c r="B3612" t="s">
        <v>42153</v>
      </c>
      <c r="C3612" t="s">
        <v>29280</v>
      </c>
      <c r="D3612" t="s">
        <v>42111</v>
      </c>
      <c r="E3612" t="s">
        <v>13</v>
      </c>
      <c r="F3612">
        <v>10470</v>
      </c>
      <c r="G3612" t="s">
        <v>42154</v>
      </c>
      <c r="H3612">
        <v>6.189960942051</v>
      </c>
      <c r="I3612">
        <v>51.907096560338999</v>
      </c>
      <c r="J3612" t="s">
        <v>59297</v>
      </c>
    </row>
    <row r="3613" spans="1:10" x14ac:dyDescent="0.25">
      <c r="A3613" t="s">
        <v>42149</v>
      </c>
      <c r="B3613" t="s">
        <v>42150</v>
      </c>
      <c r="C3613" t="s">
        <v>36041</v>
      </c>
      <c r="D3613" t="s">
        <v>42111</v>
      </c>
      <c r="E3613" t="s">
        <v>13</v>
      </c>
      <c r="F3613">
        <v>10469</v>
      </c>
      <c r="G3613" t="s">
        <v>42151</v>
      </c>
      <c r="H3613">
        <v>6.2224511657440003</v>
      </c>
      <c r="I3613">
        <v>51.878463229757998</v>
      </c>
      <c r="J3613" t="s">
        <v>59298</v>
      </c>
    </row>
    <row r="3614" spans="1:10" x14ac:dyDescent="0.25">
      <c r="A3614" t="s">
        <v>42145</v>
      </c>
      <c r="B3614" t="s">
        <v>42146</v>
      </c>
      <c r="C3614" t="s">
        <v>42147</v>
      </c>
      <c r="D3614" t="s">
        <v>42111</v>
      </c>
      <c r="E3614" t="s">
        <v>13</v>
      </c>
      <c r="F3614">
        <v>10468</v>
      </c>
      <c r="G3614" t="s">
        <v>42148</v>
      </c>
      <c r="H3614">
        <v>6.2996865688829997</v>
      </c>
      <c r="I3614">
        <v>51.885234047007998</v>
      </c>
      <c r="J3614" t="s">
        <v>59299</v>
      </c>
    </row>
    <row r="3615" spans="1:10" x14ac:dyDescent="0.25">
      <c r="A3615" t="s">
        <v>42141</v>
      </c>
      <c r="B3615" t="s">
        <v>42142</v>
      </c>
      <c r="C3615" t="s">
        <v>42143</v>
      </c>
      <c r="D3615" t="s">
        <v>42111</v>
      </c>
      <c r="E3615" t="s">
        <v>13</v>
      </c>
      <c r="F3615">
        <v>10467</v>
      </c>
      <c r="G3615" t="s">
        <v>42144</v>
      </c>
      <c r="H3615">
        <v>6.2800474115230003</v>
      </c>
      <c r="I3615">
        <v>51.922770028991998</v>
      </c>
      <c r="J3615" t="s">
        <v>59300</v>
      </c>
    </row>
    <row r="3616" spans="1:10" x14ac:dyDescent="0.25">
      <c r="A3616" t="s">
        <v>42137</v>
      </c>
      <c r="B3616" t="s">
        <v>42138</v>
      </c>
      <c r="C3616" t="s">
        <v>42139</v>
      </c>
      <c r="D3616" t="s">
        <v>42111</v>
      </c>
      <c r="E3616" t="s">
        <v>13</v>
      </c>
      <c r="F3616">
        <v>10466</v>
      </c>
      <c r="G3616" t="s">
        <v>42140</v>
      </c>
      <c r="H3616">
        <v>6.2568314640929996</v>
      </c>
      <c r="I3616">
        <v>51.885292937841001</v>
      </c>
      <c r="J3616" t="s">
        <v>59301</v>
      </c>
    </row>
    <row r="3617" spans="1:10" x14ac:dyDescent="0.25">
      <c r="A3617" t="s">
        <v>42133</v>
      </c>
      <c r="B3617" t="s">
        <v>42134</v>
      </c>
      <c r="C3617" t="s">
        <v>42135</v>
      </c>
      <c r="D3617" t="s">
        <v>42111</v>
      </c>
      <c r="E3617" t="s">
        <v>13</v>
      </c>
      <c r="F3617">
        <v>10465</v>
      </c>
      <c r="G3617" t="s">
        <v>42136</v>
      </c>
      <c r="H3617">
        <v>6.2638288440299998</v>
      </c>
      <c r="I3617">
        <v>51.904500404510998</v>
      </c>
      <c r="J3617" t="s">
        <v>59302</v>
      </c>
    </row>
    <row r="3618" spans="1:10" x14ac:dyDescent="0.25">
      <c r="A3618" t="s">
        <v>42129</v>
      </c>
      <c r="B3618" t="s">
        <v>42130</v>
      </c>
      <c r="C3618" t="s">
        <v>42131</v>
      </c>
      <c r="D3618" t="s">
        <v>42111</v>
      </c>
      <c r="E3618" t="s">
        <v>13</v>
      </c>
      <c r="F3618">
        <v>10464</v>
      </c>
      <c r="G3618" t="s">
        <v>42132</v>
      </c>
      <c r="H3618">
        <v>6.2214009341240004</v>
      </c>
      <c r="I3618">
        <v>51.878520895389002</v>
      </c>
      <c r="J3618" t="s">
        <v>59303</v>
      </c>
    </row>
    <row r="3619" spans="1:10" x14ac:dyDescent="0.25">
      <c r="A3619" t="s">
        <v>42125</v>
      </c>
      <c r="B3619" t="s">
        <v>42126</v>
      </c>
      <c r="C3619" t="s">
        <v>42127</v>
      </c>
      <c r="D3619" t="s">
        <v>42111</v>
      </c>
      <c r="E3619" t="s">
        <v>13</v>
      </c>
      <c r="F3619">
        <v>10463</v>
      </c>
      <c r="G3619" t="s">
        <v>42128</v>
      </c>
      <c r="H3619">
        <v>6.2648206860600002</v>
      </c>
      <c r="I3619">
        <v>51.924146521129003</v>
      </c>
      <c r="J3619" t="s">
        <v>59304</v>
      </c>
    </row>
    <row r="3620" spans="1:10" x14ac:dyDescent="0.25">
      <c r="A3620" t="s">
        <v>42121</v>
      </c>
      <c r="B3620" t="s">
        <v>42122</v>
      </c>
      <c r="C3620" t="s">
        <v>42123</v>
      </c>
      <c r="D3620" t="s">
        <v>42111</v>
      </c>
      <c r="E3620" t="s">
        <v>13</v>
      </c>
      <c r="F3620">
        <v>10462</v>
      </c>
      <c r="G3620" t="s">
        <v>42124</v>
      </c>
      <c r="H3620">
        <v>6.3065044577879998</v>
      </c>
      <c r="I3620">
        <v>51.886643979344001</v>
      </c>
      <c r="J3620" t="s">
        <v>59305</v>
      </c>
    </row>
    <row r="3621" spans="1:10" x14ac:dyDescent="0.25">
      <c r="A3621" t="s">
        <v>42117</v>
      </c>
      <c r="B3621" t="s">
        <v>42118</v>
      </c>
      <c r="C3621" t="s">
        <v>42119</v>
      </c>
      <c r="D3621" t="s">
        <v>42111</v>
      </c>
      <c r="E3621" t="s">
        <v>13</v>
      </c>
      <c r="F3621">
        <v>10461</v>
      </c>
      <c r="G3621" t="s">
        <v>42120</v>
      </c>
      <c r="H3621">
        <v>6.2622674263520004</v>
      </c>
      <c r="I3621">
        <v>51.902994908002</v>
      </c>
      <c r="J3621" t="s">
        <v>59306</v>
      </c>
    </row>
    <row r="3622" spans="1:10" x14ac:dyDescent="0.25">
      <c r="A3622" t="s">
        <v>42113</v>
      </c>
      <c r="B3622" t="s">
        <v>42114</v>
      </c>
      <c r="C3622" t="s">
        <v>42115</v>
      </c>
      <c r="D3622" t="s">
        <v>42111</v>
      </c>
      <c r="E3622" t="s">
        <v>13</v>
      </c>
      <c r="F3622">
        <v>10460</v>
      </c>
      <c r="G3622" t="s">
        <v>42116</v>
      </c>
      <c r="H3622">
        <v>6.2615939642100003</v>
      </c>
      <c r="I3622">
        <v>51.877183273806999</v>
      </c>
      <c r="J3622" t="s">
        <v>59307</v>
      </c>
    </row>
    <row r="3623" spans="1:10" x14ac:dyDescent="0.25">
      <c r="A3623" t="s">
        <v>42108</v>
      </c>
      <c r="B3623" t="s">
        <v>42109</v>
      </c>
      <c r="C3623" t="s">
        <v>42110</v>
      </c>
      <c r="D3623" t="s">
        <v>42111</v>
      </c>
      <c r="E3623" t="s">
        <v>13</v>
      </c>
      <c r="F3623">
        <v>10459</v>
      </c>
      <c r="G3623" t="s">
        <v>42112</v>
      </c>
      <c r="H3623">
        <v>6.2461553403490004</v>
      </c>
      <c r="I3623">
        <v>51.875172510047001</v>
      </c>
      <c r="J3623" t="s">
        <v>59308</v>
      </c>
    </row>
    <row r="3624" spans="1:10" x14ac:dyDescent="0.25">
      <c r="A3624" t="s">
        <v>42104</v>
      </c>
      <c r="B3624" t="s">
        <v>42105</v>
      </c>
      <c r="C3624" t="s">
        <v>42106</v>
      </c>
      <c r="D3624" t="s">
        <v>41997</v>
      </c>
      <c r="E3624" t="s">
        <v>13</v>
      </c>
      <c r="F3624">
        <v>10458</v>
      </c>
      <c r="G3624" t="s">
        <v>42107</v>
      </c>
      <c r="H3624">
        <v>5.9051843319259998</v>
      </c>
      <c r="I3624">
        <v>50.968877387379003</v>
      </c>
      <c r="J3624" t="s">
        <v>59309</v>
      </c>
    </row>
    <row r="3625" spans="1:10" x14ac:dyDescent="0.25">
      <c r="A3625" t="s">
        <v>42100</v>
      </c>
      <c r="B3625" t="s">
        <v>42101</v>
      </c>
      <c r="C3625" t="s">
        <v>42102</v>
      </c>
      <c r="D3625" t="s">
        <v>41997</v>
      </c>
      <c r="E3625" t="s">
        <v>13</v>
      </c>
      <c r="F3625">
        <v>10457</v>
      </c>
      <c r="G3625" t="s">
        <v>42103</v>
      </c>
      <c r="H3625">
        <v>5.9031930800590002</v>
      </c>
      <c r="I3625">
        <v>50.958484318803997</v>
      </c>
      <c r="J3625" t="s">
        <v>59310</v>
      </c>
    </row>
    <row r="3626" spans="1:10" x14ac:dyDescent="0.25">
      <c r="A3626" t="s">
        <v>42096</v>
      </c>
      <c r="B3626" t="s">
        <v>42097</v>
      </c>
      <c r="C3626" t="s">
        <v>42098</v>
      </c>
      <c r="D3626" t="s">
        <v>41997</v>
      </c>
      <c r="E3626" t="s">
        <v>13</v>
      </c>
      <c r="F3626">
        <v>10456</v>
      </c>
      <c r="G3626" t="s">
        <v>42099</v>
      </c>
      <c r="H3626">
        <v>5.9140179207369998</v>
      </c>
      <c r="I3626">
        <v>50.949570348896003</v>
      </c>
      <c r="J3626" t="s">
        <v>59311</v>
      </c>
    </row>
    <row r="3627" spans="1:10" x14ac:dyDescent="0.25">
      <c r="A3627" t="s">
        <v>42092</v>
      </c>
      <c r="B3627" t="s">
        <v>42093</v>
      </c>
      <c r="C3627" t="s">
        <v>42094</v>
      </c>
      <c r="D3627" t="s">
        <v>41997</v>
      </c>
      <c r="E3627" t="s">
        <v>13</v>
      </c>
      <c r="F3627">
        <v>10455</v>
      </c>
      <c r="G3627" t="s">
        <v>42095</v>
      </c>
      <c r="H3627">
        <v>5.9273334933299999</v>
      </c>
      <c r="I3627">
        <v>50.942712525350998</v>
      </c>
      <c r="J3627" t="s">
        <v>59312</v>
      </c>
    </row>
    <row r="3628" spans="1:10" x14ac:dyDescent="0.25">
      <c r="A3628" t="s">
        <v>42089</v>
      </c>
      <c r="B3628" t="s">
        <v>42090</v>
      </c>
      <c r="C3628" t="s">
        <v>5274</v>
      </c>
      <c r="D3628" t="s">
        <v>41997</v>
      </c>
      <c r="E3628" t="s">
        <v>13</v>
      </c>
      <c r="F3628">
        <v>10454</v>
      </c>
      <c r="G3628" t="s">
        <v>42091</v>
      </c>
      <c r="H3628">
        <v>5.8656303455419998</v>
      </c>
      <c r="I3628">
        <v>50.956901930164001</v>
      </c>
      <c r="J3628" t="s">
        <v>59313</v>
      </c>
    </row>
    <row r="3629" spans="1:10" x14ac:dyDescent="0.25">
      <c r="A3629" t="s">
        <v>42086</v>
      </c>
      <c r="B3629" t="s">
        <v>42087</v>
      </c>
      <c r="C3629" t="s">
        <v>42032</v>
      </c>
      <c r="D3629" t="s">
        <v>41997</v>
      </c>
      <c r="E3629" t="s">
        <v>13</v>
      </c>
      <c r="F3629">
        <v>10453</v>
      </c>
      <c r="G3629" t="s">
        <v>42088</v>
      </c>
      <c r="H3629">
        <v>5.9163363399850004</v>
      </c>
      <c r="I3629">
        <v>50.936659896405999</v>
      </c>
      <c r="J3629" t="s">
        <v>59314</v>
      </c>
    </row>
    <row r="3630" spans="1:10" x14ac:dyDescent="0.25">
      <c r="A3630" t="s">
        <v>42082</v>
      </c>
      <c r="B3630" t="s">
        <v>42083</v>
      </c>
      <c r="C3630" t="s">
        <v>42084</v>
      </c>
      <c r="D3630" t="s">
        <v>41997</v>
      </c>
      <c r="E3630" t="s">
        <v>13</v>
      </c>
      <c r="F3630">
        <v>10452</v>
      </c>
      <c r="G3630" t="s">
        <v>42085</v>
      </c>
      <c r="H3630">
        <v>5.9006333127310002</v>
      </c>
      <c r="I3630">
        <v>50.937365672553</v>
      </c>
      <c r="J3630" t="s">
        <v>59315</v>
      </c>
    </row>
    <row r="3631" spans="1:10" x14ac:dyDescent="0.25">
      <c r="A3631" t="s">
        <v>42078</v>
      </c>
      <c r="B3631" t="s">
        <v>42079</v>
      </c>
      <c r="C3631" t="s">
        <v>42080</v>
      </c>
      <c r="D3631" t="s">
        <v>41997</v>
      </c>
      <c r="E3631" t="s">
        <v>13</v>
      </c>
      <c r="F3631">
        <v>10451</v>
      </c>
      <c r="G3631" t="s">
        <v>42081</v>
      </c>
      <c r="H3631">
        <v>5.8489084310620001</v>
      </c>
      <c r="I3631">
        <v>50.952987531913003</v>
      </c>
      <c r="J3631" t="s">
        <v>59316</v>
      </c>
    </row>
    <row r="3632" spans="1:10" x14ac:dyDescent="0.25">
      <c r="A3632" t="s">
        <v>42074</v>
      </c>
      <c r="B3632" t="s">
        <v>42075</v>
      </c>
      <c r="C3632" t="s">
        <v>42076</v>
      </c>
      <c r="D3632" t="s">
        <v>41997</v>
      </c>
      <c r="E3632" t="s">
        <v>13</v>
      </c>
      <c r="F3632">
        <v>10450</v>
      </c>
      <c r="G3632" t="s">
        <v>42077</v>
      </c>
      <c r="H3632">
        <v>5.8672539436099997</v>
      </c>
      <c r="I3632">
        <v>50.934366569235998</v>
      </c>
      <c r="J3632" t="s">
        <v>59317</v>
      </c>
    </row>
    <row r="3633" spans="1:10" x14ac:dyDescent="0.25">
      <c r="A3633" t="s">
        <v>42070</v>
      </c>
      <c r="B3633" t="s">
        <v>42071</v>
      </c>
      <c r="C3633" t="s">
        <v>42072</v>
      </c>
      <c r="D3633" t="s">
        <v>41997</v>
      </c>
      <c r="E3633" t="s">
        <v>13</v>
      </c>
      <c r="F3633">
        <v>10449</v>
      </c>
      <c r="G3633" t="s">
        <v>42073</v>
      </c>
      <c r="H3633">
        <v>5.8701529979630003</v>
      </c>
      <c r="I3633">
        <v>50.954396628839</v>
      </c>
      <c r="J3633" t="s">
        <v>59318</v>
      </c>
    </row>
    <row r="3634" spans="1:10" x14ac:dyDescent="0.25">
      <c r="A3634" t="s">
        <v>42066</v>
      </c>
      <c r="B3634" t="s">
        <v>42067</v>
      </c>
      <c r="C3634" t="s">
        <v>42068</v>
      </c>
      <c r="D3634" t="s">
        <v>41997</v>
      </c>
      <c r="E3634" t="s">
        <v>13</v>
      </c>
      <c r="F3634">
        <v>10448</v>
      </c>
      <c r="G3634" t="s">
        <v>42069</v>
      </c>
      <c r="H3634">
        <v>5.8881781339000003</v>
      </c>
      <c r="I3634">
        <v>50.944846303989003</v>
      </c>
      <c r="J3634" t="s">
        <v>59319</v>
      </c>
    </row>
    <row r="3635" spans="1:10" x14ac:dyDescent="0.25">
      <c r="A3635" t="s">
        <v>42062</v>
      </c>
      <c r="B3635" t="s">
        <v>42063</v>
      </c>
      <c r="C3635" t="s">
        <v>42064</v>
      </c>
      <c r="D3635" t="s">
        <v>41997</v>
      </c>
      <c r="E3635" t="s">
        <v>13</v>
      </c>
      <c r="F3635">
        <v>10447</v>
      </c>
      <c r="G3635" t="s">
        <v>42065</v>
      </c>
      <c r="H3635">
        <v>5.8109870927239999</v>
      </c>
      <c r="I3635">
        <v>50.911948745997996</v>
      </c>
      <c r="J3635" t="s">
        <v>59320</v>
      </c>
    </row>
    <row r="3636" spans="1:10" x14ac:dyDescent="0.25">
      <c r="A3636" t="s">
        <v>42058</v>
      </c>
      <c r="B3636" t="s">
        <v>42059</v>
      </c>
      <c r="C3636" t="s">
        <v>42060</v>
      </c>
      <c r="D3636" t="s">
        <v>41997</v>
      </c>
      <c r="E3636" t="s">
        <v>13</v>
      </c>
      <c r="F3636">
        <v>10446</v>
      </c>
      <c r="G3636" t="s">
        <v>42061</v>
      </c>
      <c r="H3636">
        <v>5.8131047359409997</v>
      </c>
      <c r="I3636">
        <v>50.895459522717999</v>
      </c>
      <c r="J3636" t="s">
        <v>59321</v>
      </c>
    </row>
    <row r="3637" spans="1:10" x14ac:dyDescent="0.25">
      <c r="A3637" t="s">
        <v>42054</v>
      </c>
      <c r="B3637" t="s">
        <v>42055</v>
      </c>
      <c r="C3637" t="s">
        <v>42056</v>
      </c>
      <c r="D3637" t="s">
        <v>41997</v>
      </c>
      <c r="E3637" t="s">
        <v>13</v>
      </c>
      <c r="F3637">
        <v>10445</v>
      </c>
      <c r="G3637" t="s">
        <v>42057</v>
      </c>
      <c r="H3637">
        <v>5.8298270942289996</v>
      </c>
      <c r="I3637">
        <v>50.907457080332001</v>
      </c>
      <c r="J3637" t="s">
        <v>59322</v>
      </c>
    </row>
    <row r="3638" spans="1:10" x14ac:dyDescent="0.25">
      <c r="A3638" t="s">
        <v>42050</v>
      </c>
      <c r="B3638" t="s">
        <v>42051</v>
      </c>
      <c r="C3638" t="s">
        <v>42052</v>
      </c>
      <c r="D3638" t="s">
        <v>41997</v>
      </c>
      <c r="E3638" t="s">
        <v>13</v>
      </c>
      <c r="F3638">
        <v>10444</v>
      </c>
      <c r="G3638" t="s">
        <v>42053</v>
      </c>
      <c r="H3638">
        <v>5.841794285103</v>
      </c>
      <c r="I3638">
        <v>50.888117232051002</v>
      </c>
      <c r="J3638" t="s">
        <v>59323</v>
      </c>
    </row>
    <row r="3639" spans="1:10" x14ac:dyDescent="0.25">
      <c r="A3639" t="s">
        <v>42046</v>
      </c>
      <c r="B3639" t="s">
        <v>42047</v>
      </c>
      <c r="C3639" t="s">
        <v>42048</v>
      </c>
      <c r="D3639" t="s">
        <v>41997</v>
      </c>
      <c r="E3639" t="s">
        <v>13</v>
      </c>
      <c r="F3639">
        <v>10443</v>
      </c>
      <c r="G3639" t="s">
        <v>42049</v>
      </c>
      <c r="H3639">
        <v>5.8474518334679999</v>
      </c>
      <c r="I3639">
        <v>50.900499311532002</v>
      </c>
      <c r="J3639" t="s">
        <v>59324</v>
      </c>
    </row>
    <row r="3640" spans="1:10" x14ac:dyDescent="0.25">
      <c r="A3640" t="s">
        <v>42042</v>
      </c>
      <c r="B3640" t="s">
        <v>42043</v>
      </c>
      <c r="C3640" t="s">
        <v>42044</v>
      </c>
      <c r="D3640" t="s">
        <v>41997</v>
      </c>
      <c r="E3640" t="s">
        <v>13</v>
      </c>
      <c r="F3640">
        <v>10442</v>
      </c>
      <c r="G3640" t="s">
        <v>42045</v>
      </c>
      <c r="H3640">
        <v>5.8664704759550004</v>
      </c>
      <c r="I3640">
        <v>50.888885915995999</v>
      </c>
      <c r="J3640" t="s">
        <v>59325</v>
      </c>
    </row>
    <row r="3641" spans="1:10" x14ac:dyDescent="0.25">
      <c r="A3641" t="s">
        <v>42038</v>
      </c>
      <c r="B3641" t="s">
        <v>42039</v>
      </c>
      <c r="C3641" t="s">
        <v>42040</v>
      </c>
      <c r="D3641" t="s">
        <v>41997</v>
      </c>
      <c r="E3641" t="s">
        <v>13</v>
      </c>
      <c r="F3641">
        <v>10441</v>
      </c>
      <c r="G3641" t="s">
        <v>42041</v>
      </c>
      <c r="H3641">
        <v>5.8991605836219998</v>
      </c>
      <c r="I3641">
        <v>50.901608099035997</v>
      </c>
      <c r="J3641" t="s">
        <v>59326</v>
      </c>
    </row>
    <row r="3642" spans="1:10" x14ac:dyDescent="0.25">
      <c r="A3642" t="s">
        <v>42034</v>
      </c>
      <c r="B3642" t="s">
        <v>42035</v>
      </c>
      <c r="C3642" t="s">
        <v>42036</v>
      </c>
      <c r="D3642" t="s">
        <v>41997</v>
      </c>
      <c r="E3642" t="s">
        <v>13</v>
      </c>
      <c r="F3642">
        <v>10440</v>
      </c>
      <c r="G3642" t="s">
        <v>42037</v>
      </c>
      <c r="H3642">
        <v>5.8742999111909997</v>
      </c>
      <c r="I3642">
        <v>50.901165973931001</v>
      </c>
      <c r="J3642" t="s">
        <v>59327</v>
      </c>
    </row>
    <row r="3643" spans="1:10" x14ac:dyDescent="0.25">
      <c r="A3643" t="s">
        <v>42030</v>
      </c>
      <c r="B3643" t="s">
        <v>42031</v>
      </c>
      <c r="C3643" t="s">
        <v>42032</v>
      </c>
      <c r="D3643" t="s">
        <v>41997</v>
      </c>
      <c r="E3643" t="s">
        <v>13</v>
      </c>
      <c r="F3643">
        <v>10439</v>
      </c>
      <c r="G3643" t="s">
        <v>42033</v>
      </c>
      <c r="H3643">
        <v>5.9138831689089999</v>
      </c>
      <c r="I3643">
        <v>50.932029516611003</v>
      </c>
      <c r="J3643" t="s">
        <v>59328</v>
      </c>
    </row>
    <row r="3644" spans="1:10" x14ac:dyDescent="0.25">
      <c r="A3644" t="s">
        <v>42026</v>
      </c>
      <c r="B3644" t="s">
        <v>42027</v>
      </c>
      <c r="C3644" t="s">
        <v>42028</v>
      </c>
      <c r="D3644" t="s">
        <v>41997</v>
      </c>
      <c r="E3644" t="s">
        <v>13</v>
      </c>
      <c r="F3644">
        <v>10438</v>
      </c>
      <c r="G3644" t="s">
        <v>42029</v>
      </c>
      <c r="H3644">
        <v>5.8968421760340002</v>
      </c>
      <c r="I3644">
        <v>50.926420381794998</v>
      </c>
      <c r="J3644" t="s">
        <v>59329</v>
      </c>
    </row>
    <row r="3645" spans="1:10" x14ac:dyDescent="0.25">
      <c r="A3645" t="s">
        <v>42022</v>
      </c>
      <c r="B3645" t="s">
        <v>42023</v>
      </c>
      <c r="C3645" t="s">
        <v>42024</v>
      </c>
      <c r="D3645" t="s">
        <v>41997</v>
      </c>
      <c r="E3645" t="s">
        <v>13</v>
      </c>
      <c r="F3645">
        <v>10437</v>
      </c>
      <c r="G3645" t="s">
        <v>42025</v>
      </c>
      <c r="H3645">
        <v>5.8779437062859996</v>
      </c>
      <c r="I3645">
        <v>50.925958761506998</v>
      </c>
      <c r="J3645" t="s">
        <v>59330</v>
      </c>
    </row>
    <row r="3646" spans="1:10" x14ac:dyDescent="0.25">
      <c r="A3646" t="s">
        <v>42018</v>
      </c>
      <c r="B3646" t="s">
        <v>42019</v>
      </c>
      <c r="C3646" t="s">
        <v>42020</v>
      </c>
      <c r="D3646" t="s">
        <v>41997</v>
      </c>
      <c r="E3646" t="s">
        <v>13</v>
      </c>
      <c r="F3646">
        <v>10436</v>
      </c>
      <c r="G3646" t="s">
        <v>42021</v>
      </c>
      <c r="H3646">
        <v>5.8587610096310003</v>
      </c>
      <c r="I3646">
        <v>50.915156477620002</v>
      </c>
      <c r="J3646" t="s">
        <v>59331</v>
      </c>
    </row>
    <row r="3647" spans="1:10" x14ac:dyDescent="0.25">
      <c r="A3647" t="s">
        <v>42014</v>
      </c>
      <c r="B3647" t="s">
        <v>42015</v>
      </c>
      <c r="C3647" t="s">
        <v>42016</v>
      </c>
      <c r="D3647" t="s">
        <v>41997</v>
      </c>
      <c r="E3647" t="s">
        <v>13</v>
      </c>
      <c r="F3647">
        <v>10435</v>
      </c>
      <c r="G3647" t="s">
        <v>42017</v>
      </c>
      <c r="H3647">
        <v>5.8853717602369997</v>
      </c>
      <c r="I3647">
        <v>50.914148070555001</v>
      </c>
      <c r="J3647" t="s">
        <v>59332</v>
      </c>
    </row>
    <row r="3648" spans="1:10" x14ac:dyDescent="0.25">
      <c r="A3648" t="s">
        <v>42011</v>
      </c>
      <c r="B3648" t="s">
        <v>42012</v>
      </c>
      <c r="C3648" t="s">
        <v>5274</v>
      </c>
      <c r="D3648" t="s">
        <v>41997</v>
      </c>
      <c r="E3648" t="s">
        <v>13</v>
      </c>
      <c r="F3648">
        <v>10434</v>
      </c>
      <c r="G3648" t="s">
        <v>42013</v>
      </c>
      <c r="H3648">
        <v>5.9973719271770003</v>
      </c>
      <c r="I3648">
        <v>50.972034789459002</v>
      </c>
      <c r="J3648" t="s">
        <v>59333</v>
      </c>
    </row>
    <row r="3649" spans="1:10" x14ac:dyDescent="0.25">
      <c r="A3649" t="s">
        <v>42007</v>
      </c>
      <c r="B3649" t="s">
        <v>42008</v>
      </c>
      <c r="C3649" t="s">
        <v>42009</v>
      </c>
      <c r="D3649" t="s">
        <v>41997</v>
      </c>
      <c r="E3649" t="s">
        <v>13</v>
      </c>
      <c r="F3649">
        <v>10433</v>
      </c>
      <c r="G3649" t="s">
        <v>42010</v>
      </c>
      <c r="H3649">
        <v>5.9405200131419997</v>
      </c>
      <c r="I3649">
        <v>50.957395438257002</v>
      </c>
      <c r="J3649" t="s">
        <v>59334</v>
      </c>
    </row>
    <row r="3650" spans="1:10" x14ac:dyDescent="0.25">
      <c r="A3650" t="s">
        <v>42003</v>
      </c>
      <c r="B3650" t="s">
        <v>42004</v>
      </c>
      <c r="C3650" t="s">
        <v>42005</v>
      </c>
      <c r="D3650" t="s">
        <v>41997</v>
      </c>
      <c r="E3650" t="s">
        <v>13</v>
      </c>
      <c r="F3650">
        <v>10432</v>
      </c>
      <c r="G3650" t="s">
        <v>42006</v>
      </c>
      <c r="H3650">
        <v>5.93288119245</v>
      </c>
      <c r="I3650">
        <v>50.969745395874</v>
      </c>
      <c r="J3650" t="s">
        <v>59335</v>
      </c>
    </row>
    <row r="3651" spans="1:10" x14ac:dyDescent="0.25">
      <c r="A3651" t="s">
        <v>41999</v>
      </c>
      <c r="B3651" t="s">
        <v>42000</v>
      </c>
      <c r="C3651" t="s">
        <v>42001</v>
      </c>
      <c r="D3651" t="s">
        <v>41997</v>
      </c>
      <c r="E3651" t="s">
        <v>13</v>
      </c>
      <c r="F3651">
        <v>10431</v>
      </c>
      <c r="G3651" t="s">
        <v>42002</v>
      </c>
      <c r="H3651">
        <v>5.9502473102579998</v>
      </c>
      <c r="I3651">
        <v>50.978315669300002</v>
      </c>
      <c r="J3651" t="s">
        <v>59336</v>
      </c>
    </row>
    <row r="3652" spans="1:10" x14ac:dyDescent="0.25">
      <c r="A3652" t="s">
        <v>41994</v>
      </c>
      <c r="B3652" t="s">
        <v>41995</v>
      </c>
      <c r="C3652" t="s">
        <v>41996</v>
      </c>
      <c r="D3652" t="s">
        <v>41997</v>
      </c>
      <c r="E3652" t="s">
        <v>13</v>
      </c>
      <c r="F3652">
        <v>10430</v>
      </c>
      <c r="G3652" t="s">
        <v>41998</v>
      </c>
      <c r="H3652">
        <v>5.9803963909820004</v>
      </c>
      <c r="I3652">
        <v>50.968264634627999</v>
      </c>
      <c r="J3652" t="s">
        <v>59337</v>
      </c>
    </row>
    <row r="3653" spans="1:10" x14ac:dyDescent="0.25">
      <c r="A3653" t="s">
        <v>41990</v>
      </c>
      <c r="B3653" t="s">
        <v>41991</v>
      </c>
      <c r="C3653" t="s">
        <v>41992</v>
      </c>
      <c r="D3653" t="s">
        <v>41637</v>
      </c>
      <c r="E3653" t="s">
        <v>13</v>
      </c>
      <c r="F3653">
        <v>10429</v>
      </c>
      <c r="G3653" t="s">
        <v>41993</v>
      </c>
      <c r="H3653">
        <v>6.9276607231979996</v>
      </c>
      <c r="I3653">
        <v>53.145584666033997</v>
      </c>
      <c r="J3653" t="s">
        <v>59338</v>
      </c>
    </row>
    <row r="3654" spans="1:10" x14ac:dyDescent="0.25">
      <c r="A3654" t="s">
        <v>41986</v>
      </c>
      <c r="B3654" t="s">
        <v>41987</v>
      </c>
      <c r="C3654" t="s">
        <v>41988</v>
      </c>
      <c r="D3654" t="s">
        <v>41637</v>
      </c>
      <c r="E3654" t="s">
        <v>13</v>
      </c>
      <c r="F3654">
        <v>10428</v>
      </c>
      <c r="G3654" t="s">
        <v>41989</v>
      </c>
      <c r="H3654">
        <v>6.9212592454450004</v>
      </c>
      <c r="I3654">
        <v>53.136084320656003</v>
      </c>
      <c r="J3654" t="s">
        <v>59339</v>
      </c>
    </row>
    <row r="3655" spans="1:10" x14ac:dyDescent="0.25">
      <c r="A3655" t="s">
        <v>41982</v>
      </c>
      <c r="B3655" t="s">
        <v>41983</v>
      </c>
      <c r="C3655" t="s">
        <v>41984</v>
      </c>
      <c r="D3655" t="s">
        <v>41637</v>
      </c>
      <c r="E3655" t="s">
        <v>13</v>
      </c>
      <c r="F3655">
        <v>10427</v>
      </c>
      <c r="G3655" t="s">
        <v>41985</v>
      </c>
      <c r="H3655">
        <v>6.8827571005559998</v>
      </c>
      <c r="I3655">
        <v>53.162176620194003</v>
      </c>
      <c r="J3655" t="s">
        <v>59340</v>
      </c>
    </row>
    <row r="3656" spans="1:10" x14ac:dyDescent="0.25">
      <c r="A3656" t="s">
        <v>41978</v>
      </c>
      <c r="B3656" t="s">
        <v>41979</v>
      </c>
      <c r="C3656" t="s">
        <v>41980</v>
      </c>
      <c r="D3656" t="s">
        <v>41637</v>
      </c>
      <c r="E3656" t="s">
        <v>13</v>
      </c>
      <c r="F3656">
        <v>10426</v>
      </c>
      <c r="G3656" t="s">
        <v>41981</v>
      </c>
      <c r="H3656">
        <v>6.8941881360180002</v>
      </c>
      <c r="I3656">
        <v>53.174257820881998</v>
      </c>
      <c r="J3656" t="s">
        <v>59341</v>
      </c>
    </row>
    <row r="3657" spans="1:10" x14ac:dyDescent="0.25">
      <c r="A3657" t="s">
        <v>41974</v>
      </c>
      <c r="B3657" t="s">
        <v>41975</v>
      </c>
      <c r="C3657" t="s">
        <v>41976</v>
      </c>
      <c r="D3657" t="s">
        <v>41637</v>
      </c>
      <c r="E3657" t="s">
        <v>13</v>
      </c>
      <c r="F3657">
        <v>10425</v>
      </c>
      <c r="G3657" t="s">
        <v>41977</v>
      </c>
      <c r="H3657">
        <v>6.8452061574789997</v>
      </c>
      <c r="I3657">
        <v>53.174646386768998</v>
      </c>
      <c r="J3657" t="s">
        <v>59342</v>
      </c>
    </row>
    <row r="3658" spans="1:10" x14ac:dyDescent="0.25">
      <c r="A3658" t="s">
        <v>41970</v>
      </c>
      <c r="B3658" t="s">
        <v>41971</v>
      </c>
      <c r="C3658" t="s">
        <v>41972</v>
      </c>
      <c r="D3658" t="s">
        <v>41637</v>
      </c>
      <c r="E3658" t="s">
        <v>13</v>
      </c>
      <c r="F3658">
        <v>10424</v>
      </c>
      <c r="G3658" t="s">
        <v>41973</v>
      </c>
      <c r="H3658">
        <v>6.8714896519590001</v>
      </c>
      <c r="I3658">
        <v>53.166078604691997</v>
      </c>
      <c r="J3658" t="s">
        <v>59343</v>
      </c>
    </row>
    <row r="3659" spans="1:10" x14ac:dyDescent="0.25">
      <c r="A3659" t="s">
        <v>41967</v>
      </c>
      <c r="B3659" t="s">
        <v>41968</v>
      </c>
      <c r="C3659" t="s">
        <v>9846</v>
      </c>
      <c r="D3659" t="s">
        <v>41637</v>
      </c>
      <c r="E3659" t="s">
        <v>13</v>
      </c>
      <c r="F3659">
        <v>10423</v>
      </c>
      <c r="G3659" t="s">
        <v>41969</v>
      </c>
      <c r="H3659">
        <v>6.8552530656039998</v>
      </c>
      <c r="I3659">
        <v>53.163567671739997</v>
      </c>
      <c r="J3659" t="s">
        <v>59344</v>
      </c>
    </row>
    <row r="3660" spans="1:10" x14ac:dyDescent="0.25">
      <c r="A3660" t="s">
        <v>41963</v>
      </c>
      <c r="B3660" t="s">
        <v>41964</v>
      </c>
      <c r="C3660" t="s">
        <v>41965</v>
      </c>
      <c r="D3660" t="s">
        <v>41637</v>
      </c>
      <c r="E3660" t="s">
        <v>13</v>
      </c>
      <c r="F3660">
        <v>10422</v>
      </c>
      <c r="G3660" t="s">
        <v>41966</v>
      </c>
      <c r="H3660">
        <v>6.8774408275159997</v>
      </c>
      <c r="I3660">
        <v>53.201925771534</v>
      </c>
      <c r="J3660" t="s">
        <v>59345</v>
      </c>
    </row>
    <row r="3661" spans="1:10" x14ac:dyDescent="0.25">
      <c r="A3661" t="s">
        <v>41959</v>
      </c>
      <c r="B3661" t="s">
        <v>41960</v>
      </c>
      <c r="C3661" t="s">
        <v>41961</v>
      </c>
      <c r="D3661" t="s">
        <v>41637</v>
      </c>
      <c r="E3661" t="s">
        <v>13</v>
      </c>
      <c r="F3661">
        <v>10421</v>
      </c>
      <c r="G3661" t="s">
        <v>41962</v>
      </c>
      <c r="H3661">
        <v>6.8711707289630004</v>
      </c>
      <c r="I3661">
        <v>53.196685132096</v>
      </c>
      <c r="J3661" t="s">
        <v>59346</v>
      </c>
    </row>
    <row r="3662" spans="1:10" x14ac:dyDescent="0.25">
      <c r="A3662" t="s">
        <v>41955</v>
      </c>
      <c r="B3662" t="s">
        <v>41956</v>
      </c>
      <c r="C3662" t="s">
        <v>41957</v>
      </c>
      <c r="D3662" t="s">
        <v>41637</v>
      </c>
      <c r="E3662" t="s">
        <v>13</v>
      </c>
      <c r="F3662">
        <v>10420</v>
      </c>
      <c r="G3662" t="s">
        <v>41958</v>
      </c>
      <c r="H3662">
        <v>6.8075897137550001</v>
      </c>
      <c r="I3662">
        <v>53.133069659744002</v>
      </c>
      <c r="J3662" t="s">
        <v>59347</v>
      </c>
    </row>
    <row r="3663" spans="1:10" x14ac:dyDescent="0.25">
      <c r="A3663" t="s">
        <v>41951</v>
      </c>
      <c r="B3663" t="s">
        <v>41952</v>
      </c>
      <c r="C3663" t="s">
        <v>41953</v>
      </c>
      <c r="D3663" t="s">
        <v>41637</v>
      </c>
      <c r="E3663" t="s">
        <v>13</v>
      </c>
      <c r="F3663">
        <v>10419</v>
      </c>
      <c r="G3663" t="s">
        <v>41954</v>
      </c>
      <c r="H3663">
        <v>6.8287929492410004</v>
      </c>
      <c r="I3663">
        <v>53.140439875894998</v>
      </c>
      <c r="J3663" t="s">
        <v>59348</v>
      </c>
    </row>
    <row r="3664" spans="1:10" x14ac:dyDescent="0.25">
      <c r="A3664" t="s">
        <v>41947</v>
      </c>
      <c r="B3664" t="s">
        <v>41948</v>
      </c>
      <c r="C3664" t="s">
        <v>41949</v>
      </c>
      <c r="D3664" t="s">
        <v>41637</v>
      </c>
      <c r="E3664" t="s">
        <v>13</v>
      </c>
      <c r="F3664">
        <v>10418</v>
      </c>
      <c r="G3664" t="s">
        <v>41950</v>
      </c>
      <c r="H3664">
        <v>6.8504047666219998</v>
      </c>
      <c r="I3664">
        <v>53.142316556537999</v>
      </c>
      <c r="J3664" t="s">
        <v>59349</v>
      </c>
    </row>
    <row r="3665" spans="1:10" x14ac:dyDescent="0.25">
      <c r="A3665" t="s">
        <v>41943</v>
      </c>
      <c r="B3665" t="s">
        <v>41944</v>
      </c>
      <c r="C3665" t="s">
        <v>41945</v>
      </c>
      <c r="D3665" t="s">
        <v>41637</v>
      </c>
      <c r="E3665" t="s">
        <v>13</v>
      </c>
      <c r="F3665">
        <v>10417</v>
      </c>
      <c r="G3665" t="s">
        <v>41946</v>
      </c>
      <c r="H3665">
        <v>6.8840820953110002</v>
      </c>
      <c r="I3665">
        <v>53.144378246094</v>
      </c>
      <c r="J3665" t="s">
        <v>59350</v>
      </c>
    </row>
    <row r="3666" spans="1:10" x14ac:dyDescent="0.25">
      <c r="A3666" t="s">
        <v>41939</v>
      </c>
      <c r="B3666" t="s">
        <v>41940</v>
      </c>
      <c r="C3666" t="s">
        <v>41941</v>
      </c>
      <c r="D3666" t="s">
        <v>41637</v>
      </c>
      <c r="E3666" t="s">
        <v>13</v>
      </c>
      <c r="F3666">
        <v>10416</v>
      </c>
      <c r="G3666" t="s">
        <v>41942</v>
      </c>
      <c r="H3666">
        <v>6.8735411005760003</v>
      </c>
      <c r="I3666">
        <v>53.130815364607997</v>
      </c>
      <c r="J3666" t="s">
        <v>59351</v>
      </c>
    </row>
    <row r="3667" spans="1:10" x14ac:dyDescent="0.25">
      <c r="A3667" t="s">
        <v>41935</v>
      </c>
      <c r="B3667" t="s">
        <v>41936</v>
      </c>
      <c r="C3667" t="s">
        <v>41937</v>
      </c>
      <c r="D3667" t="s">
        <v>41637</v>
      </c>
      <c r="E3667" t="s">
        <v>13</v>
      </c>
      <c r="F3667">
        <v>10415</v>
      </c>
      <c r="G3667" t="s">
        <v>41938</v>
      </c>
      <c r="H3667">
        <v>6.8618507541040001</v>
      </c>
      <c r="I3667">
        <v>53.136037702128</v>
      </c>
      <c r="J3667" t="s">
        <v>59352</v>
      </c>
    </row>
    <row r="3668" spans="1:10" x14ac:dyDescent="0.25">
      <c r="A3668" t="s">
        <v>41931</v>
      </c>
      <c r="B3668" t="s">
        <v>41932</v>
      </c>
      <c r="C3668" t="s">
        <v>41933</v>
      </c>
      <c r="D3668" t="s">
        <v>41637</v>
      </c>
      <c r="E3668" t="s">
        <v>13</v>
      </c>
      <c r="F3668">
        <v>10414</v>
      </c>
      <c r="G3668" t="s">
        <v>41934</v>
      </c>
      <c r="H3668">
        <v>6.8466530857950003</v>
      </c>
      <c r="I3668">
        <v>53.2775739167</v>
      </c>
      <c r="J3668" t="s">
        <v>59353</v>
      </c>
    </row>
    <row r="3669" spans="1:10" x14ac:dyDescent="0.25">
      <c r="A3669" t="s">
        <v>41927</v>
      </c>
      <c r="B3669" t="s">
        <v>41928</v>
      </c>
      <c r="C3669" t="s">
        <v>41929</v>
      </c>
      <c r="D3669" t="s">
        <v>41637</v>
      </c>
      <c r="E3669" t="s">
        <v>13</v>
      </c>
      <c r="F3669">
        <v>10413</v>
      </c>
      <c r="G3669" t="s">
        <v>41930</v>
      </c>
      <c r="H3669">
        <v>6.8798706805769996</v>
      </c>
      <c r="I3669">
        <v>53.277383582275</v>
      </c>
      <c r="J3669" t="s">
        <v>59354</v>
      </c>
    </row>
    <row r="3670" spans="1:10" x14ac:dyDescent="0.25">
      <c r="A3670" t="s">
        <v>41923</v>
      </c>
      <c r="B3670" t="s">
        <v>41924</v>
      </c>
      <c r="C3670" t="s">
        <v>41925</v>
      </c>
      <c r="D3670" t="s">
        <v>41637</v>
      </c>
      <c r="E3670" t="s">
        <v>13</v>
      </c>
      <c r="F3670">
        <v>10412</v>
      </c>
      <c r="G3670" t="s">
        <v>41926</v>
      </c>
      <c r="H3670">
        <v>6.7177466632589997</v>
      </c>
      <c r="I3670">
        <v>53.244321431464002</v>
      </c>
      <c r="J3670" t="s">
        <v>59355</v>
      </c>
    </row>
    <row r="3671" spans="1:10" x14ac:dyDescent="0.25">
      <c r="A3671" t="s">
        <v>41919</v>
      </c>
      <c r="B3671" t="s">
        <v>41920</v>
      </c>
      <c r="C3671" t="s">
        <v>41921</v>
      </c>
      <c r="D3671" t="s">
        <v>41637</v>
      </c>
      <c r="E3671" t="s">
        <v>13</v>
      </c>
      <c r="F3671">
        <v>10411</v>
      </c>
      <c r="G3671" t="s">
        <v>41922</v>
      </c>
      <c r="H3671">
        <v>6.7387046866049998</v>
      </c>
      <c r="I3671">
        <v>53.249580221186001</v>
      </c>
      <c r="J3671" t="s">
        <v>59356</v>
      </c>
    </row>
    <row r="3672" spans="1:10" x14ac:dyDescent="0.25">
      <c r="A3672" t="s">
        <v>41915</v>
      </c>
      <c r="B3672" t="s">
        <v>41916</v>
      </c>
      <c r="C3672" t="s">
        <v>41917</v>
      </c>
      <c r="D3672" t="s">
        <v>41637</v>
      </c>
      <c r="E3672" t="s">
        <v>13</v>
      </c>
      <c r="F3672">
        <v>10410</v>
      </c>
      <c r="G3672" t="s">
        <v>41918</v>
      </c>
      <c r="H3672">
        <v>6.7809261217329997</v>
      </c>
      <c r="I3672">
        <v>53.272185093798001</v>
      </c>
      <c r="J3672" t="s">
        <v>59357</v>
      </c>
    </row>
    <row r="3673" spans="1:10" x14ac:dyDescent="0.25">
      <c r="A3673" t="s">
        <v>41911</v>
      </c>
      <c r="B3673" t="s">
        <v>41912</v>
      </c>
      <c r="C3673" t="s">
        <v>41913</v>
      </c>
      <c r="D3673" t="s">
        <v>41637</v>
      </c>
      <c r="E3673" t="s">
        <v>13</v>
      </c>
      <c r="F3673">
        <v>10409</v>
      </c>
      <c r="G3673" t="s">
        <v>41914</v>
      </c>
      <c r="H3673">
        <v>6.7847657183359997</v>
      </c>
      <c r="I3673">
        <v>53.282597400975</v>
      </c>
      <c r="J3673" t="s">
        <v>59358</v>
      </c>
    </row>
    <row r="3674" spans="1:10" x14ac:dyDescent="0.25">
      <c r="A3674" t="s">
        <v>41907</v>
      </c>
      <c r="B3674" t="s">
        <v>41908</v>
      </c>
      <c r="C3674" t="s">
        <v>41909</v>
      </c>
      <c r="D3674" t="s">
        <v>41637</v>
      </c>
      <c r="E3674" t="s">
        <v>13</v>
      </c>
      <c r="F3674">
        <v>10408</v>
      </c>
      <c r="G3674" t="s">
        <v>41910</v>
      </c>
      <c r="H3674">
        <v>6.8819380769149996</v>
      </c>
      <c r="I3674">
        <v>53.247240279974001</v>
      </c>
      <c r="J3674" t="s">
        <v>59359</v>
      </c>
    </row>
    <row r="3675" spans="1:10" x14ac:dyDescent="0.25">
      <c r="A3675" t="s">
        <v>41903</v>
      </c>
      <c r="B3675" t="s">
        <v>41904</v>
      </c>
      <c r="C3675" t="s">
        <v>41905</v>
      </c>
      <c r="D3675" t="s">
        <v>41637</v>
      </c>
      <c r="E3675" t="s">
        <v>13</v>
      </c>
      <c r="F3675">
        <v>10407</v>
      </c>
      <c r="G3675" t="s">
        <v>41906</v>
      </c>
      <c r="H3675">
        <v>6.8793166187150003</v>
      </c>
      <c r="I3675">
        <v>53.244641852664998</v>
      </c>
      <c r="J3675" t="s">
        <v>59360</v>
      </c>
    </row>
    <row r="3676" spans="1:10" x14ac:dyDescent="0.25">
      <c r="A3676" t="s">
        <v>41899</v>
      </c>
      <c r="B3676" t="s">
        <v>41900</v>
      </c>
      <c r="C3676" t="s">
        <v>41901</v>
      </c>
      <c r="D3676" t="s">
        <v>41637</v>
      </c>
      <c r="E3676" t="s">
        <v>13</v>
      </c>
      <c r="F3676">
        <v>10406</v>
      </c>
      <c r="G3676" t="s">
        <v>41902</v>
      </c>
      <c r="H3676">
        <v>6.8642584268790001</v>
      </c>
      <c r="I3676">
        <v>53.248957692505002</v>
      </c>
      <c r="J3676" t="s">
        <v>59361</v>
      </c>
    </row>
    <row r="3677" spans="1:10" x14ac:dyDescent="0.25">
      <c r="A3677" t="s">
        <v>41895</v>
      </c>
      <c r="B3677" t="s">
        <v>41896</v>
      </c>
      <c r="C3677" t="s">
        <v>41897</v>
      </c>
      <c r="D3677" t="s">
        <v>41637</v>
      </c>
      <c r="E3677" t="s">
        <v>13</v>
      </c>
      <c r="F3677">
        <v>10405</v>
      </c>
      <c r="G3677" t="s">
        <v>41898</v>
      </c>
      <c r="H3677">
        <v>6.8273626942799996</v>
      </c>
      <c r="I3677">
        <v>53.254641037540999</v>
      </c>
      <c r="J3677" t="s">
        <v>59362</v>
      </c>
    </row>
    <row r="3678" spans="1:10" x14ac:dyDescent="0.25">
      <c r="A3678" t="s">
        <v>41891</v>
      </c>
      <c r="B3678" t="s">
        <v>41892</v>
      </c>
      <c r="C3678" t="s">
        <v>41893</v>
      </c>
      <c r="D3678" t="s">
        <v>41637</v>
      </c>
      <c r="E3678" t="s">
        <v>13</v>
      </c>
      <c r="F3678">
        <v>10404</v>
      </c>
      <c r="G3678" t="s">
        <v>41894</v>
      </c>
      <c r="H3678">
        <v>6.8393665236160004</v>
      </c>
      <c r="I3678">
        <v>53.241178335983001</v>
      </c>
      <c r="J3678" t="s">
        <v>59363</v>
      </c>
    </row>
    <row r="3679" spans="1:10" x14ac:dyDescent="0.25">
      <c r="A3679" t="s">
        <v>41887</v>
      </c>
      <c r="B3679" t="s">
        <v>41888</v>
      </c>
      <c r="C3679" t="s">
        <v>41889</v>
      </c>
      <c r="D3679" t="s">
        <v>41637</v>
      </c>
      <c r="E3679" t="s">
        <v>13</v>
      </c>
      <c r="F3679">
        <v>10403</v>
      </c>
      <c r="G3679" t="s">
        <v>41890</v>
      </c>
      <c r="H3679">
        <v>6.8337199038590004</v>
      </c>
      <c r="I3679">
        <v>53.221712016045998</v>
      </c>
      <c r="J3679" t="s">
        <v>59364</v>
      </c>
    </row>
    <row r="3680" spans="1:10" x14ac:dyDescent="0.25">
      <c r="A3680" t="s">
        <v>41883</v>
      </c>
      <c r="B3680" t="s">
        <v>41884</v>
      </c>
      <c r="C3680" t="s">
        <v>41885</v>
      </c>
      <c r="D3680" t="s">
        <v>41637</v>
      </c>
      <c r="E3680" t="s">
        <v>13</v>
      </c>
      <c r="F3680">
        <v>10402</v>
      </c>
      <c r="G3680" t="s">
        <v>41886</v>
      </c>
      <c r="H3680">
        <v>6.7913533532020001</v>
      </c>
      <c r="I3680">
        <v>53.246201562598003</v>
      </c>
      <c r="J3680" t="s">
        <v>59365</v>
      </c>
    </row>
    <row r="3681" spans="1:10" x14ac:dyDescent="0.25">
      <c r="A3681" t="s">
        <v>41879</v>
      </c>
      <c r="B3681" t="s">
        <v>41880</v>
      </c>
      <c r="C3681" t="s">
        <v>41881</v>
      </c>
      <c r="D3681" t="s">
        <v>41637</v>
      </c>
      <c r="E3681" t="s">
        <v>13</v>
      </c>
      <c r="F3681">
        <v>10401</v>
      </c>
      <c r="G3681" t="s">
        <v>41882</v>
      </c>
      <c r="H3681">
        <v>6.8100904482660001</v>
      </c>
      <c r="I3681">
        <v>53.232619579069997</v>
      </c>
      <c r="J3681" t="s">
        <v>59366</v>
      </c>
    </row>
    <row r="3682" spans="1:10" x14ac:dyDescent="0.25">
      <c r="A3682" t="s">
        <v>41875</v>
      </c>
      <c r="B3682" t="s">
        <v>41876</v>
      </c>
      <c r="C3682" t="s">
        <v>41877</v>
      </c>
      <c r="D3682" t="s">
        <v>41637</v>
      </c>
      <c r="E3682" t="s">
        <v>13</v>
      </c>
      <c r="F3682">
        <v>10400</v>
      </c>
      <c r="G3682" t="s">
        <v>41878</v>
      </c>
      <c r="H3682">
        <v>6.8134413647740004</v>
      </c>
      <c r="I3682">
        <v>53.201471014303003</v>
      </c>
      <c r="J3682" t="s">
        <v>59367</v>
      </c>
    </row>
    <row r="3683" spans="1:10" x14ac:dyDescent="0.25">
      <c r="A3683" t="s">
        <v>41871</v>
      </c>
      <c r="B3683" t="s">
        <v>41872</v>
      </c>
      <c r="C3683" t="s">
        <v>41873</v>
      </c>
      <c r="D3683" t="s">
        <v>41637</v>
      </c>
      <c r="E3683" t="s">
        <v>13</v>
      </c>
      <c r="F3683">
        <v>10399</v>
      </c>
      <c r="G3683" t="s">
        <v>41874</v>
      </c>
      <c r="H3683">
        <v>6.7735965394119999</v>
      </c>
      <c r="I3683">
        <v>53.222913605278002</v>
      </c>
      <c r="J3683" t="s">
        <v>59368</v>
      </c>
    </row>
    <row r="3684" spans="1:10" x14ac:dyDescent="0.25">
      <c r="A3684" t="s">
        <v>41867</v>
      </c>
      <c r="B3684" t="s">
        <v>41868</v>
      </c>
      <c r="C3684" t="s">
        <v>41869</v>
      </c>
      <c r="D3684" t="s">
        <v>41637</v>
      </c>
      <c r="E3684" t="s">
        <v>13</v>
      </c>
      <c r="F3684">
        <v>10398</v>
      </c>
      <c r="G3684" t="s">
        <v>41870</v>
      </c>
      <c r="H3684">
        <v>6.7991386238859999</v>
      </c>
      <c r="I3684">
        <v>53.211588715921998</v>
      </c>
      <c r="J3684" t="s">
        <v>59369</v>
      </c>
    </row>
    <row r="3685" spans="1:10" x14ac:dyDescent="0.25">
      <c r="A3685" t="s">
        <v>41863</v>
      </c>
      <c r="B3685" t="s">
        <v>41864</v>
      </c>
      <c r="C3685" t="s">
        <v>41865</v>
      </c>
      <c r="D3685" t="s">
        <v>41637</v>
      </c>
      <c r="E3685" t="s">
        <v>13</v>
      </c>
      <c r="F3685">
        <v>10397</v>
      </c>
      <c r="G3685" t="s">
        <v>41866</v>
      </c>
      <c r="H3685">
        <v>6.7616847124539996</v>
      </c>
      <c r="I3685">
        <v>53.205095872796001</v>
      </c>
      <c r="J3685" t="s">
        <v>59370</v>
      </c>
    </row>
    <row r="3686" spans="1:10" x14ac:dyDescent="0.25">
      <c r="A3686" t="s">
        <v>41859</v>
      </c>
      <c r="B3686" t="s">
        <v>41860</v>
      </c>
      <c r="C3686" t="s">
        <v>41861</v>
      </c>
      <c r="D3686" t="s">
        <v>41637</v>
      </c>
      <c r="E3686" t="s">
        <v>13</v>
      </c>
      <c r="F3686">
        <v>10396</v>
      </c>
      <c r="G3686" t="s">
        <v>41862</v>
      </c>
      <c r="H3686">
        <v>6.7837805941460001</v>
      </c>
      <c r="I3686">
        <v>53.186594465185003</v>
      </c>
      <c r="J3686" t="s">
        <v>59371</v>
      </c>
    </row>
    <row r="3687" spans="1:10" x14ac:dyDescent="0.25">
      <c r="A3687" t="s">
        <v>41855</v>
      </c>
      <c r="B3687" t="s">
        <v>41856</v>
      </c>
      <c r="C3687" t="s">
        <v>41857</v>
      </c>
      <c r="D3687" t="s">
        <v>41637</v>
      </c>
      <c r="E3687" t="s">
        <v>13</v>
      </c>
      <c r="F3687">
        <v>10395</v>
      </c>
      <c r="G3687" t="s">
        <v>41858</v>
      </c>
      <c r="H3687">
        <v>6.7767014222809996</v>
      </c>
      <c r="I3687">
        <v>53.193030000721997</v>
      </c>
      <c r="J3687" t="s">
        <v>59372</v>
      </c>
    </row>
    <row r="3688" spans="1:10" x14ac:dyDescent="0.25">
      <c r="A3688" t="s">
        <v>41851</v>
      </c>
      <c r="B3688" t="s">
        <v>41852</v>
      </c>
      <c r="C3688" t="s">
        <v>41853</v>
      </c>
      <c r="D3688" t="s">
        <v>41637</v>
      </c>
      <c r="E3688" t="s">
        <v>13</v>
      </c>
      <c r="F3688">
        <v>10394</v>
      </c>
      <c r="G3688" t="s">
        <v>41854</v>
      </c>
      <c r="H3688">
        <v>6.7379449800510001</v>
      </c>
      <c r="I3688">
        <v>53.191089379954001</v>
      </c>
      <c r="J3688" t="s">
        <v>59373</v>
      </c>
    </row>
    <row r="3689" spans="1:10" x14ac:dyDescent="0.25">
      <c r="A3689" t="s">
        <v>41847</v>
      </c>
      <c r="B3689" t="s">
        <v>41848</v>
      </c>
      <c r="C3689" t="s">
        <v>41849</v>
      </c>
      <c r="D3689" t="s">
        <v>41637</v>
      </c>
      <c r="E3689" t="s">
        <v>13</v>
      </c>
      <c r="F3689">
        <v>10393</v>
      </c>
      <c r="G3689" t="s">
        <v>41850</v>
      </c>
      <c r="H3689">
        <v>6.7617324783520001</v>
      </c>
      <c r="I3689">
        <v>53.174867747523002</v>
      </c>
      <c r="J3689" t="s">
        <v>59374</v>
      </c>
    </row>
    <row r="3690" spans="1:10" x14ac:dyDescent="0.25">
      <c r="A3690" t="s">
        <v>41843</v>
      </c>
      <c r="B3690" t="s">
        <v>41844</v>
      </c>
      <c r="C3690" t="s">
        <v>41845</v>
      </c>
      <c r="D3690" t="s">
        <v>41637</v>
      </c>
      <c r="E3690" t="s">
        <v>13</v>
      </c>
      <c r="F3690">
        <v>10392</v>
      </c>
      <c r="G3690" t="s">
        <v>41846</v>
      </c>
      <c r="H3690">
        <v>6.739469208149</v>
      </c>
      <c r="I3690">
        <v>53.171852463257999</v>
      </c>
      <c r="J3690" t="s">
        <v>59375</v>
      </c>
    </row>
    <row r="3691" spans="1:10" x14ac:dyDescent="0.25">
      <c r="A3691" t="s">
        <v>41839</v>
      </c>
      <c r="B3691" t="s">
        <v>41840</v>
      </c>
      <c r="C3691" t="s">
        <v>41841</v>
      </c>
      <c r="D3691" t="s">
        <v>41637</v>
      </c>
      <c r="E3691" t="s">
        <v>13</v>
      </c>
      <c r="F3691">
        <v>10391</v>
      </c>
      <c r="G3691" t="s">
        <v>41842</v>
      </c>
      <c r="H3691">
        <v>6.7479443183940004</v>
      </c>
      <c r="I3691">
        <v>53.181304928751999</v>
      </c>
      <c r="J3691" t="s">
        <v>59376</v>
      </c>
    </row>
    <row r="3692" spans="1:10" x14ac:dyDescent="0.25">
      <c r="A3692" t="s">
        <v>41835</v>
      </c>
      <c r="B3692" t="s">
        <v>41836</v>
      </c>
      <c r="C3692" t="s">
        <v>41837</v>
      </c>
      <c r="D3692" t="s">
        <v>41637</v>
      </c>
      <c r="E3692" t="s">
        <v>13</v>
      </c>
      <c r="F3692">
        <v>10390</v>
      </c>
      <c r="G3692" t="s">
        <v>41838</v>
      </c>
      <c r="H3692">
        <v>6.7413736272089997</v>
      </c>
      <c r="I3692">
        <v>53.222017001349997</v>
      </c>
      <c r="J3692" t="s">
        <v>59377</v>
      </c>
    </row>
    <row r="3693" spans="1:10" x14ac:dyDescent="0.25">
      <c r="A3693" t="s">
        <v>41831</v>
      </c>
      <c r="B3693" t="s">
        <v>41832</v>
      </c>
      <c r="C3693" t="s">
        <v>41833</v>
      </c>
      <c r="D3693" t="s">
        <v>41637</v>
      </c>
      <c r="E3693" t="s">
        <v>13</v>
      </c>
      <c r="F3693">
        <v>10389</v>
      </c>
      <c r="G3693" t="s">
        <v>41834</v>
      </c>
      <c r="H3693">
        <v>6.7325094840190003</v>
      </c>
      <c r="I3693">
        <v>53.233439250872003</v>
      </c>
      <c r="J3693" t="s">
        <v>59378</v>
      </c>
    </row>
    <row r="3694" spans="1:10" x14ac:dyDescent="0.25">
      <c r="A3694" t="s">
        <v>41827</v>
      </c>
      <c r="B3694" t="s">
        <v>41828</v>
      </c>
      <c r="C3694" t="s">
        <v>41829</v>
      </c>
      <c r="D3694" t="s">
        <v>41637</v>
      </c>
      <c r="E3694" t="s">
        <v>13</v>
      </c>
      <c r="F3694">
        <v>10388</v>
      </c>
      <c r="G3694" t="s">
        <v>41830</v>
      </c>
      <c r="H3694">
        <v>6.716433044935</v>
      </c>
      <c r="I3694">
        <v>53.198359097375999</v>
      </c>
      <c r="J3694" t="s">
        <v>59379</v>
      </c>
    </row>
    <row r="3695" spans="1:10" x14ac:dyDescent="0.25">
      <c r="A3695" t="s">
        <v>41823</v>
      </c>
      <c r="B3695" t="s">
        <v>41824</v>
      </c>
      <c r="C3695" t="s">
        <v>41825</v>
      </c>
      <c r="D3695" t="s">
        <v>41637</v>
      </c>
      <c r="E3695" t="s">
        <v>13</v>
      </c>
      <c r="F3695">
        <v>10387</v>
      </c>
      <c r="G3695" t="s">
        <v>41826</v>
      </c>
      <c r="H3695">
        <v>6.7098866854350003</v>
      </c>
      <c r="I3695">
        <v>53.199201624719002</v>
      </c>
      <c r="J3695" t="s">
        <v>59380</v>
      </c>
    </row>
    <row r="3696" spans="1:10" x14ac:dyDescent="0.25">
      <c r="A3696" t="s">
        <v>41819</v>
      </c>
      <c r="B3696" t="s">
        <v>41820</v>
      </c>
      <c r="C3696" t="s">
        <v>41821</v>
      </c>
      <c r="D3696" t="s">
        <v>41637</v>
      </c>
      <c r="E3696" t="s">
        <v>13</v>
      </c>
      <c r="F3696">
        <v>10386</v>
      </c>
      <c r="G3696" t="s">
        <v>41822</v>
      </c>
      <c r="H3696">
        <v>6.6909669527010003</v>
      </c>
      <c r="I3696">
        <v>53.203920899662997</v>
      </c>
      <c r="J3696" t="s">
        <v>59381</v>
      </c>
    </row>
    <row r="3697" spans="1:10" x14ac:dyDescent="0.25">
      <c r="A3697" t="s">
        <v>41815</v>
      </c>
      <c r="B3697" t="s">
        <v>41816</v>
      </c>
      <c r="C3697" t="s">
        <v>41817</v>
      </c>
      <c r="D3697" t="s">
        <v>41637</v>
      </c>
      <c r="E3697" t="s">
        <v>13</v>
      </c>
      <c r="F3697">
        <v>10385</v>
      </c>
      <c r="G3697" t="s">
        <v>41818</v>
      </c>
      <c r="H3697">
        <v>6.7151337540349996</v>
      </c>
      <c r="I3697">
        <v>53.222634221458001</v>
      </c>
      <c r="J3697" t="s">
        <v>59382</v>
      </c>
    </row>
    <row r="3698" spans="1:10" x14ac:dyDescent="0.25">
      <c r="A3698" t="s">
        <v>41811</v>
      </c>
      <c r="B3698" t="s">
        <v>41812</v>
      </c>
      <c r="C3698" t="s">
        <v>41813</v>
      </c>
      <c r="D3698" t="s">
        <v>41637</v>
      </c>
      <c r="E3698" t="s">
        <v>13</v>
      </c>
      <c r="F3698">
        <v>10384</v>
      </c>
      <c r="G3698" t="s">
        <v>41814</v>
      </c>
      <c r="H3698">
        <v>6.7007521166500004</v>
      </c>
      <c r="I3698">
        <v>53.216203196675998</v>
      </c>
      <c r="J3698" t="s">
        <v>59383</v>
      </c>
    </row>
    <row r="3699" spans="1:10" x14ac:dyDescent="0.25">
      <c r="A3699" t="s">
        <v>41807</v>
      </c>
      <c r="B3699" t="s">
        <v>41808</v>
      </c>
      <c r="C3699" t="s">
        <v>41809</v>
      </c>
      <c r="D3699" t="s">
        <v>41637</v>
      </c>
      <c r="E3699" t="s">
        <v>13</v>
      </c>
      <c r="F3699">
        <v>10383</v>
      </c>
      <c r="G3699" t="s">
        <v>41810</v>
      </c>
      <c r="H3699">
        <v>6.6759884813100001</v>
      </c>
      <c r="I3699">
        <v>53.171247828958002</v>
      </c>
      <c r="J3699" t="s">
        <v>59384</v>
      </c>
    </row>
    <row r="3700" spans="1:10" x14ac:dyDescent="0.25">
      <c r="A3700" t="s">
        <v>41803</v>
      </c>
      <c r="B3700" t="s">
        <v>41804</v>
      </c>
      <c r="C3700" t="s">
        <v>41805</v>
      </c>
      <c r="D3700" t="s">
        <v>41637</v>
      </c>
      <c r="E3700" t="s">
        <v>13</v>
      </c>
      <c r="F3700">
        <v>10382</v>
      </c>
      <c r="G3700" t="s">
        <v>41806</v>
      </c>
      <c r="H3700">
        <v>6.6813061849370001</v>
      </c>
      <c r="I3700">
        <v>53.176184011865999</v>
      </c>
      <c r="J3700" t="s">
        <v>59385</v>
      </c>
    </row>
    <row r="3701" spans="1:10" x14ac:dyDescent="0.25">
      <c r="A3701" t="s">
        <v>41799</v>
      </c>
      <c r="B3701" t="s">
        <v>41800</v>
      </c>
      <c r="C3701" t="s">
        <v>41801</v>
      </c>
      <c r="D3701" t="s">
        <v>41637</v>
      </c>
      <c r="E3701" t="s">
        <v>13</v>
      </c>
      <c r="F3701">
        <v>10381</v>
      </c>
      <c r="G3701" t="s">
        <v>41802</v>
      </c>
      <c r="H3701">
        <v>6.6781814284649998</v>
      </c>
      <c r="I3701">
        <v>53.187826871653002</v>
      </c>
      <c r="J3701" t="s">
        <v>59386</v>
      </c>
    </row>
    <row r="3702" spans="1:10" x14ac:dyDescent="0.25">
      <c r="A3702" t="s">
        <v>41795</v>
      </c>
      <c r="B3702" t="s">
        <v>41796</v>
      </c>
      <c r="C3702" t="s">
        <v>41797</v>
      </c>
      <c r="D3702" t="s">
        <v>41637</v>
      </c>
      <c r="E3702" t="s">
        <v>13</v>
      </c>
      <c r="F3702">
        <v>10380</v>
      </c>
      <c r="G3702" t="s">
        <v>41798</v>
      </c>
      <c r="H3702">
        <v>6.6879127766820003</v>
      </c>
      <c r="I3702">
        <v>53.183543741205</v>
      </c>
      <c r="J3702" t="s">
        <v>59387</v>
      </c>
    </row>
    <row r="3703" spans="1:10" x14ac:dyDescent="0.25">
      <c r="A3703" t="s">
        <v>41791</v>
      </c>
      <c r="B3703" t="s">
        <v>41792</v>
      </c>
      <c r="C3703" t="s">
        <v>41793</v>
      </c>
      <c r="D3703" t="s">
        <v>41637</v>
      </c>
      <c r="E3703" t="s">
        <v>13</v>
      </c>
      <c r="F3703">
        <v>10379</v>
      </c>
      <c r="G3703" t="s">
        <v>41794</v>
      </c>
      <c r="H3703">
        <v>6.648952607439</v>
      </c>
      <c r="I3703">
        <v>53.185420867471997</v>
      </c>
      <c r="J3703" t="s">
        <v>59388</v>
      </c>
    </row>
    <row r="3704" spans="1:10" x14ac:dyDescent="0.25">
      <c r="A3704" t="s">
        <v>41787</v>
      </c>
      <c r="B3704" t="s">
        <v>41788</v>
      </c>
      <c r="C3704" t="s">
        <v>41789</v>
      </c>
      <c r="D3704" t="s">
        <v>41637</v>
      </c>
      <c r="E3704" t="s">
        <v>13</v>
      </c>
      <c r="F3704">
        <v>10378</v>
      </c>
      <c r="G3704" t="s">
        <v>41790</v>
      </c>
      <c r="H3704">
        <v>6.712485172918</v>
      </c>
      <c r="I3704">
        <v>53.169253938068998</v>
      </c>
      <c r="J3704" t="s">
        <v>59389</v>
      </c>
    </row>
    <row r="3705" spans="1:10" x14ac:dyDescent="0.25">
      <c r="A3705" t="s">
        <v>41783</v>
      </c>
      <c r="B3705" t="s">
        <v>41784</v>
      </c>
      <c r="C3705" t="s">
        <v>41785</v>
      </c>
      <c r="D3705" t="s">
        <v>41637</v>
      </c>
      <c r="E3705" t="s">
        <v>13</v>
      </c>
      <c r="F3705">
        <v>10377</v>
      </c>
      <c r="G3705" t="s">
        <v>41786</v>
      </c>
      <c r="H3705">
        <v>6.7221008379020004</v>
      </c>
      <c r="I3705">
        <v>53.168005862328997</v>
      </c>
      <c r="J3705" t="s">
        <v>59390</v>
      </c>
    </row>
    <row r="3706" spans="1:10" x14ac:dyDescent="0.25">
      <c r="A3706" t="s">
        <v>41779</v>
      </c>
      <c r="B3706" t="s">
        <v>41780</v>
      </c>
      <c r="C3706" t="s">
        <v>41781</v>
      </c>
      <c r="D3706" t="s">
        <v>41637</v>
      </c>
      <c r="E3706" t="s">
        <v>13</v>
      </c>
      <c r="F3706">
        <v>10376</v>
      </c>
      <c r="G3706" t="s">
        <v>41782</v>
      </c>
      <c r="H3706">
        <v>6.733986661985</v>
      </c>
      <c r="I3706">
        <v>53.132458797101997</v>
      </c>
      <c r="J3706" t="s">
        <v>59391</v>
      </c>
    </row>
    <row r="3707" spans="1:10" x14ac:dyDescent="0.25">
      <c r="A3707" t="s">
        <v>41775</v>
      </c>
      <c r="B3707" t="s">
        <v>41776</v>
      </c>
      <c r="C3707" t="s">
        <v>41777</v>
      </c>
      <c r="D3707" t="s">
        <v>41637</v>
      </c>
      <c r="E3707" t="s">
        <v>13</v>
      </c>
      <c r="F3707">
        <v>10375</v>
      </c>
      <c r="G3707" t="s">
        <v>41778</v>
      </c>
      <c r="H3707">
        <v>6.7036194267119997</v>
      </c>
      <c r="I3707">
        <v>53.145200360628003</v>
      </c>
      <c r="J3707" t="s">
        <v>59392</v>
      </c>
    </row>
    <row r="3708" spans="1:10" x14ac:dyDescent="0.25">
      <c r="A3708" t="s">
        <v>41771</v>
      </c>
      <c r="B3708" t="s">
        <v>41772</v>
      </c>
      <c r="C3708" t="s">
        <v>41773</v>
      </c>
      <c r="D3708" t="s">
        <v>41637</v>
      </c>
      <c r="E3708" t="s">
        <v>13</v>
      </c>
      <c r="F3708">
        <v>10374</v>
      </c>
      <c r="G3708" t="s">
        <v>41774</v>
      </c>
      <c r="H3708">
        <v>6.71616436498</v>
      </c>
      <c r="I3708">
        <v>53.145728750990997</v>
      </c>
      <c r="J3708" t="s">
        <v>59393</v>
      </c>
    </row>
    <row r="3709" spans="1:10" x14ac:dyDescent="0.25">
      <c r="A3709" t="s">
        <v>41767</v>
      </c>
      <c r="B3709" t="s">
        <v>41768</v>
      </c>
      <c r="C3709" t="s">
        <v>41769</v>
      </c>
      <c r="D3709" t="s">
        <v>41637</v>
      </c>
      <c r="E3709" t="s">
        <v>13</v>
      </c>
      <c r="F3709">
        <v>10373</v>
      </c>
      <c r="G3709" t="s">
        <v>41770</v>
      </c>
      <c r="H3709">
        <v>6.7225770395769997</v>
      </c>
      <c r="I3709">
        <v>53.134383992773003</v>
      </c>
      <c r="J3709" t="s">
        <v>59394</v>
      </c>
    </row>
    <row r="3710" spans="1:10" x14ac:dyDescent="0.25">
      <c r="A3710" t="s">
        <v>41763</v>
      </c>
      <c r="B3710" t="s">
        <v>41764</v>
      </c>
      <c r="C3710" t="s">
        <v>41765</v>
      </c>
      <c r="D3710" t="s">
        <v>41637</v>
      </c>
      <c r="E3710" t="s">
        <v>13</v>
      </c>
      <c r="F3710">
        <v>10372</v>
      </c>
      <c r="G3710" t="s">
        <v>41766</v>
      </c>
      <c r="H3710">
        <v>6.7739028825760004</v>
      </c>
      <c r="I3710">
        <v>53.112196164514998</v>
      </c>
      <c r="J3710" t="s">
        <v>59395</v>
      </c>
    </row>
    <row r="3711" spans="1:10" x14ac:dyDescent="0.25">
      <c r="A3711" t="s">
        <v>41759</v>
      </c>
      <c r="B3711" t="s">
        <v>41760</v>
      </c>
      <c r="C3711" t="s">
        <v>41761</v>
      </c>
      <c r="D3711" t="s">
        <v>41637</v>
      </c>
      <c r="E3711" t="s">
        <v>13</v>
      </c>
      <c r="F3711">
        <v>10371</v>
      </c>
      <c r="G3711" t="s">
        <v>41762</v>
      </c>
      <c r="H3711">
        <v>6.7807092398969999</v>
      </c>
      <c r="I3711">
        <v>53.110686085327004</v>
      </c>
      <c r="J3711" t="s">
        <v>59396</v>
      </c>
    </row>
    <row r="3712" spans="1:10" x14ac:dyDescent="0.25">
      <c r="A3712" t="s">
        <v>41755</v>
      </c>
      <c r="B3712" t="s">
        <v>41756</v>
      </c>
      <c r="C3712" t="s">
        <v>41757</v>
      </c>
      <c r="D3712" t="s">
        <v>41637</v>
      </c>
      <c r="E3712" t="s">
        <v>13</v>
      </c>
      <c r="F3712">
        <v>10370</v>
      </c>
      <c r="G3712" t="s">
        <v>41758</v>
      </c>
      <c r="H3712">
        <v>6.7966432230310003</v>
      </c>
      <c r="I3712">
        <v>53.175468160427002</v>
      </c>
      <c r="J3712" t="s">
        <v>59397</v>
      </c>
    </row>
    <row r="3713" spans="1:10" x14ac:dyDescent="0.25">
      <c r="A3713" t="s">
        <v>41751</v>
      </c>
      <c r="B3713" t="s">
        <v>41752</v>
      </c>
      <c r="C3713" t="s">
        <v>41753</v>
      </c>
      <c r="D3713" t="s">
        <v>41637</v>
      </c>
      <c r="E3713" t="s">
        <v>13</v>
      </c>
      <c r="F3713">
        <v>10369</v>
      </c>
      <c r="G3713" t="s">
        <v>41754</v>
      </c>
      <c r="H3713">
        <v>6.8062606265480001</v>
      </c>
      <c r="I3713">
        <v>53.153880264538998</v>
      </c>
      <c r="J3713" t="s">
        <v>59398</v>
      </c>
    </row>
    <row r="3714" spans="1:10" x14ac:dyDescent="0.25">
      <c r="A3714" t="s">
        <v>41747</v>
      </c>
      <c r="B3714" t="s">
        <v>41748</v>
      </c>
      <c r="C3714" t="s">
        <v>41749</v>
      </c>
      <c r="D3714" t="s">
        <v>41637</v>
      </c>
      <c r="E3714" t="s">
        <v>13</v>
      </c>
      <c r="F3714">
        <v>10368</v>
      </c>
      <c r="G3714" t="s">
        <v>41750</v>
      </c>
      <c r="H3714">
        <v>6.7900837574960002</v>
      </c>
      <c r="I3714">
        <v>53.148972889475999</v>
      </c>
      <c r="J3714" t="s">
        <v>59399</v>
      </c>
    </row>
    <row r="3715" spans="1:10" x14ac:dyDescent="0.25">
      <c r="A3715" t="s">
        <v>41743</v>
      </c>
      <c r="B3715" t="s">
        <v>41744</v>
      </c>
      <c r="C3715" t="s">
        <v>41745</v>
      </c>
      <c r="D3715" t="s">
        <v>41637</v>
      </c>
      <c r="E3715" t="s">
        <v>13</v>
      </c>
      <c r="F3715">
        <v>10367</v>
      </c>
      <c r="G3715" t="s">
        <v>41746</v>
      </c>
      <c r="H3715">
        <v>6.7820685326390002</v>
      </c>
      <c r="I3715">
        <v>53.157094418695998</v>
      </c>
      <c r="J3715" t="s">
        <v>59400</v>
      </c>
    </row>
    <row r="3716" spans="1:10" x14ac:dyDescent="0.25">
      <c r="A3716" t="s">
        <v>41739</v>
      </c>
      <c r="B3716" t="s">
        <v>41740</v>
      </c>
      <c r="C3716" t="s">
        <v>41741</v>
      </c>
      <c r="D3716" t="s">
        <v>41637</v>
      </c>
      <c r="E3716" t="s">
        <v>13</v>
      </c>
      <c r="F3716">
        <v>10366</v>
      </c>
      <c r="G3716" t="s">
        <v>41742</v>
      </c>
      <c r="H3716">
        <v>6.791057547796</v>
      </c>
      <c r="I3716">
        <v>53.161654668145999</v>
      </c>
      <c r="J3716" t="s">
        <v>59401</v>
      </c>
    </row>
    <row r="3717" spans="1:10" x14ac:dyDescent="0.25">
      <c r="A3717" t="s">
        <v>41735</v>
      </c>
      <c r="B3717" t="s">
        <v>41736</v>
      </c>
      <c r="C3717" t="s">
        <v>41737</v>
      </c>
      <c r="D3717" t="s">
        <v>41637</v>
      </c>
      <c r="E3717" t="s">
        <v>13</v>
      </c>
      <c r="F3717">
        <v>10365</v>
      </c>
      <c r="G3717" t="s">
        <v>41738</v>
      </c>
      <c r="H3717">
        <v>6.7836065537100003</v>
      </c>
      <c r="I3717">
        <v>53.161850878989</v>
      </c>
      <c r="J3717" t="s">
        <v>59402</v>
      </c>
    </row>
    <row r="3718" spans="1:10" x14ac:dyDescent="0.25">
      <c r="A3718" t="s">
        <v>41731</v>
      </c>
      <c r="B3718" t="s">
        <v>41732</v>
      </c>
      <c r="C3718" t="s">
        <v>41733</v>
      </c>
      <c r="D3718" t="s">
        <v>41637</v>
      </c>
      <c r="E3718" t="s">
        <v>13</v>
      </c>
      <c r="F3718">
        <v>10364</v>
      </c>
      <c r="G3718" t="s">
        <v>41734</v>
      </c>
      <c r="H3718">
        <v>6.7777295103080002</v>
      </c>
      <c r="I3718">
        <v>53.161677011168003</v>
      </c>
      <c r="J3718" t="s">
        <v>59403</v>
      </c>
    </row>
    <row r="3719" spans="1:10" x14ac:dyDescent="0.25">
      <c r="A3719" t="s">
        <v>41727</v>
      </c>
      <c r="B3719" t="s">
        <v>41728</v>
      </c>
      <c r="C3719" t="s">
        <v>41729</v>
      </c>
      <c r="D3719" t="s">
        <v>41637</v>
      </c>
      <c r="E3719" t="s">
        <v>13</v>
      </c>
      <c r="F3719">
        <v>10363</v>
      </c>
      <c r="G3719" t="s">
        <v>41730</v>
      </c>
      <c r="H3719">
        <v>6.8025092916609999</v>
      </c>
      <c r="I3719">
        <v>53.166031840024999</v>
      </c>
      <c r="J3719" t="s">
        <v>59404</v>
      </c>
    </row>
    <row r="3720" spans="1:10" x14ac:dyDescent="0.25">
      <c r="A3720" t="s">
        <v>41723</v>
      </c>
      <c r="B3720" t="s">
        <v>41724</v>
      </c>
      <c r="C3720" t="s">
        <v>41725</v>
      </c>
      <c r="D3720" t="s">
        <v>41637</v>
      </c>
      <c r="E3720" t="s">
        <v>13</v>
      </c>
      <c r="F3720">
        <v>10362</v>
      </c>
      <c r="G3720" t="s">
        <v>41726</v>
      </c>
      <c r="H3720">
        <v>6.7824414352910001</v>
      </c>
      <c r="I3720">
        <v>53.166258310486</v>
      </c>
      <c r="J3720" t="s">
        <v>59405</v>
      </c>
    </row>
    <row r="3721" spans="1:10" x14ac:dyDescent="0.25">
      <c r="A3721" t="s">
        <v>41719</v>
      </c>
      <c r="B3721" t="s">
        <v>41720</v>
      </c>
      <c r="C3721" t="s">
        <v>41721</v>
      </c>
      <c r="D3721" t="s">
        <v>41637</v>
      </c>
      <c r="E3721" t="s">
        <v>13</v>
      </c>
      <c r="F3721">
        <v>10361</v>
      </c>
      <c r="G3721" t="s">
        <v>41722</v>
      </c>
      <c r="H3721">
        <v>6.788396449255</v>
      </c>
      <c r="I3721">
        <v>53.127239670965999</v>
      </c>
      <c r="J3721" t="s">
        <v>59406</v>
      </c>
    </row>
    <row r="3722" spans="1:10" x14ac:dyDescent="0.25">
      <c r="A3722" t="s">
        <v>41715</v>
      </c>
      <c r="B3722" t="s">
        <v>41716</v>
      </c>
      <c r="C3722" t="s">
        <v>41717</v>
      </c>
      <c r="D3722" t="s">
        <v>41637</v>
      </c>
      <c r="E3722" t="s">
        <v>13</v>
      </c>
      <c r="F3722">
        <v>10360</v>
      </c>
      <c r="G3722" t="s">
        <v>41718</v>
      </c>
      <c r="H3722">
        <v>6.7648956729440002</v>
      </c>
      <c r="I3722">
        <v>53.153022962648997</v>
      </c>
      <c r="J3722" t="s">
        <v>59407</v>
      </c>
    </row>
    <row r="3723" spans="1:10" x14ac:dyDescent="0.25">
      <c r="A3723" t="s">
        <v>41711</v>
      </c>
      <c r="B3723" t="s">
        <v>41712</v>
      </c>
      <c r="C3723" t="s">
        <v>41713</v>
      </c>
      <c r="D3723" t="s">
        <v>41637</v>
      </c>
      <c r="E3723" t="s">
        <v>13</v>
      </c>
      <c r="F3723">
        <v>10359</v>
      </c>
      <c r="G3723" t="s">
        <v>41714</v>
      </c>
      <c r="H3723">
        <v>6.773166167756</v>
      </c>
      <c r="I3723">
        <v>53.157093196105002</v>
      </c>
      <c r="J3723" t="s">
        <v>59408</v>
      </c>
    </row>
    <row r="3724" spans="1:10" x14ac:dyDescent="0.25">
      <c r="A3724" t="s">
        <v>41708</v>
      </c>
      <c r="B3724" t="s">
        <v>41709</v>
      </c>
      <c r="C3724" t="s">
        <v>4875</v>
      </c>
      <c r="D3724" t="s">
        <v>41637</v>
      </c>
      <c r="E3724" t="s">
        <v>13</v>
      </c>
      <c r="F3724">
        <v>10358</v>
      </c>
      <c r="G3724" t="s">
        <v>41710</v>
      </c>
      <c r="H3724">
        <v>6.7604154565389996</v>
      </c>
      <c r="I3724">
        <v>53.146506719340998</v>
      </c>
      <c r="J3724" t="s">
        <v>59409</v>
      </c>
    </row>
    <row r="3725" spans="1:10" x14ac:dyDescent="0.25">
      <c r="A3725" t="s">
        <v>41705</v>
      </c>
      <c r="B3725" t="s">
        <v>41706</v>
      </c>
      <c r="C3725" t="s">
        <v>6552</v>
      </c>
      <c r="D3725" t="s">
        <v>41637</v>
      </c>
      <c r="E3725" t="s">
        <v>13</v>
      </c>
      <c r="F3725">
        <v>10357</v>
      </c>
      <c r="G3725" t="s">
        <v>41707</v>
      </c>
      <c r="H3725">
        <v>6.7626332351510001</v>
      </c>
      <c r="I3725">
        <v>53.15765127673</v>
      </c>
      <c r="J3725" t="s">
        <v>59410</v>
      </c>
    </row>
    <row r="3726" spans="1:10" x14ac:dyDescent="0.25">
      <c r="A3726" t="s">
        <v>41701</v>
      </c>
      <c r="B3726" t="s">
        <v>41702</v>
      </c>
      <c r="C3726" t="s">
        <v>41703</v>
      </c>
      <c r="D3726" t="s">
        <v>41637</v>
      </c>
      <c r="E3726" t="s">
        <v>13</v>
      </c>
      <c r="F3726">
        <v>10356</v>
      </c>
      <c r="G3726" t="s">
        <v>41704</v>
      </c>
      <c r="H3726">
        <v>6.756780451389</v>
      </c>
      <c r="I3726">
        <v>53.155313745169998</v>
      </c>
      <c r="J3726" t="s">
        <v>59411</v>
      </c>
    </row>
    <row r="3727" spans="1:10" x14ac:dyDescent="0.25">
      <c r="A3727" t="s">
        <v>41697</v>
      </c>
      <c r="B3727" t="s">
        <v>41698</v>
      </c>
      <c r="C3727" t="s">
        <v>41699</v>
      </c>
      <c r="D3727" t="s">
        <v>41637</v>
      </c>
      <c r="E3727" t="s">
        <v>13</v>
      </c>
      <c r="F3727">
        <v>10355</v>
      </c>
      <c r="G3727" t="s">
        <v>41700</v>
      </c>
      <c r="H3727">
        <v>6.73029371302</v>
      </c>
      <c r="I3727">
        <v>53.154204910895999</v>
      </c>
      <c r="J3727" t="s">
        <v>59412</v>
      </c>
    </row>
    <row r="3728" spans="1:10" x14ac:dyDescent="0.25">
      <c r="A3728" t="s">
        <v>41693</v>
      </c>
      <c r="B3728" t="s">
        <v>41694</v>
      </c>
      <c r="C3728" t="s">
        <v>41695</v>
      </c>
      <c r="D3728" t="s">
        <v>41637</v>
      </c>
      <c r="E3728" t="s">
        <v>13</v>
      </c>
      <c r="F3728">
        <v>10354</v>
      </c>
      <c r="G3728" t="s">
        <v>41696</v>
      </c>
      <c r="H3728">
        <v>6.7313857786269997</v>
      </c>
      <c r="I3728">
        <v>53.159517905142998</v>
      </c>
      <c r="J3728" t="s">
        <v>59413</v>
      </c>
    </row>
    <row r="3729" spans="1:10" x14ac:dyDescent="0.25">
      <c r="A3729" t="s">
        <v>41689</v>
      </c>
      <c r="B3729" t="s">
        <v>41690</v>
      </c>
      <c r="C3729" t="s">
        <v>41691</v>
      </c>
      <c r="D3729" t="s">
        <v>41637</v>
      </c>
      <c r="E3729" t="s">
        <v>13</v>
      </c>
      <c r="F3729">
        <v>10353</v>
      </c>
      <c r="G3729" t="s">
        <v>41692</v>
      </c>
      <c r="H3729">
        <v>6.7524690076700002</v>
      </c>
      <c r="I3729">
        <v>53.146889038566997</v>
      </c>
      <c r="J3729" t="s">
        <v>59414</v>
      </c>
    </row>
    <row r="3730" spans="1:10" x14ac:dyDescent="0.25">
      <c r="A3730" t="s">
        <v>41685</v>
      </c>
      <c r="B3730" t="s">
        <v>41686</v>
      </c>
      <c r="C3730" t="s">
        <v>41687</v>
      </c>
      <c r="D3730" t="s">
        <v>41637</v>
      </c>
      <c r="E3730" t="s">
        <v>13</v>
      </c>
      <c r="F3730">
        <v>10352</v>
      </c>
      <c r="G3730" t="s">
        <v>41688</v>
      </c>
      <c r="H3730">
        <v>6.7450900579580004</v>
      </c>
      <c r="I3730">
        <v>53.147247983804</v>
      </c>
      <c r="J3730" t="s">
        <v>59415</v>
      </c>
    </row>
    <row r="3731" spans="1:10" x14ac:dyDescent="0.25">
      <c r="A3731" t="s">
        <v>41681</v>
      </c>
      <c r="B3731" t="s">
        <v>41682</v>
      </c>
      <c r="C3731" t="s">
        <v>41683</v>
      </c>
      <c r="D3731" t="s">
        <v>41637</v>
      </c>
      <c r="E3731" t="s">
        <v>13</v>
      </c>
      <c r="F3731">
        <v>10351</v>
      </c>
      <c r="G3731" t="s">
        <v>41684</v>
      </c>
      <c r="H3731">
        <v>6.7371095674510002</v>
      </c>
      <c r="I3731">
        <v>53.147386691819001</v>
      </c>
      <c r="J3731" t="s">
        <v>59416</v>
      </c>
    </row>
    <row r="3732" spans="1:10" x14ac:dyDescent="0.25">
      <c r="A3732" t="s">
        <v>41677</v>
      </c>
      <c r="B3732" t="s">
        <v>41678</v>
      </c>
      <c r="C3732" t="s">
        <v>41679</v>
      </c>
      <c r="D3732" t="s">
        <v>41637</v>
      </c>
      <c r="E3732" t="s">
        <v>13</v>
      </c>
      <c r="F3732">
        <v>10350</v>
      </c>
      <c r="G3732" t="s">
        <v>41680</v>
      </c>
      <c r="H3732">
        <v>6.7485758645300002</v>
      </c>
      <c r="I3732">
        <v>53.153521271245999</v>
      </c>
      <c r="J3732" t="s">
        <v>59417</v>
      </c>
    </row>
    <row r="3733" spans="1:10" x14ac:dyDescent="0.25">
      <c r="A3733" t="s">
        <v>41673</v>
      </c>
      <c r="B3733" t="s">
        <v>41674</v>
      </c>
      <c r="C3733" t="s">
        <v>41675</v>
      </c>
      <c r="D3733" t="s">
        <v>41637</v>
      </c>
      <c r="E3733" t="s">
        <v>13</v>
      </c>
      <c r="F3733">
        <v>10349</v>
      </c>
      <c r="G3733" t="s">
        <v>41676</v>
      </c>
      <c r="H3733">
        <v>6.738973277266</v>
      </c>
      <c r="I3733">
        <v>53.154011891328999</v>
      </c>
      <c r="J3733" t="s">
        <v>59418</v>
      </c>
    </row>
    <row r="3734" spans="1:10" x14ac:dyDescent="0.25">
      <c r="A3734" t="s">
        <v>41669</v>
      </c>
      <c r="B3734" t="s">
        <v>41670</v>
      </c>
      <c r="C3734" t="s">
        <v>41671</v>
      </c>
      <c r="D3734" t="s">
        <v>41637</v>
      </c>
      <c r="E3734" t="s">
        <v>13</v>
      </c>
      <c r="F3734">
        <v>10348</v>
      </c>
      <c r="G3734" t="s">
        <v>41672</v>
      </c>
      <c r="H3734">
        <v>6.7481528347259996</v>
      </c>
      <c r="I3734">
        <v>53.156236759388001</v>
      </c>
      <c r="J3734" t="s">
        <v>59419</v>
      </c>
    </row>
    <row r="3735" spans="1:10" x14ac:dyDescent="0.25">
      <c r="A3735" t="s">
        <v>41665</v>
      </c>
      <c r="B3735" t="s">
        <v>41666</v>
      </c>
      <c r="C3735" t="s">
        <v>41667</v>
      </c>
      <c r="D3735" t="s">
        <v>41637</v>
      </c>
      <c r="E3735" t="s">
        <v>13</v>
      </c>
      <c r="F3735">
        <v>10347</v>
      </c>
      <c r="G3735" t="s">
        <v>41668</v>
      </c>
      <c r="H3735">
        <v>6.7380952967630003</v>
      </c>
      <c r="I3735">
        <v>53.157274695056998</v>
      </c>
      <c r="J3735" t="s">
        <v>59420</v>
      </c>
    </row>
    <row r="3736" spans="1:10" x14ac:dyDescent="0.25">
      <c r="A3736" t="s">
        <v>41661</v>
      </c>
      <c r="B3736" t="s">
        <v>41662</v>
      </c>
      <c r="C3736" t="s">
        <v>41663</v>
      </c>
      <c r="D3736" t="s">
        <v>41637</v>
      </c>
      <c r="E3736" t="s">
        <v>13</v>
      </c>
      <c r="F3736">
        <v>10346</v>
      </c>
      <c r="G3736" t="s">
        <v>41664</v>
      </c>
      <c r="H3736">
        <v>6.7470117079970002</v>
      </c>
      <c r="I3736">
        <v>53.159224836135998</v>
      </c>
      <c r="J3736" t="s">
        <v>59421</v>
      </c>
    </row>
    <row r="3737" spans="1:10" x14ac:dyDescent="0.25">
      <c r="A3737" t="s">
        <v>41657</v>
      </c>
      <c r="B3737" t="s">
        <v>41658</v>
      </c>
      <c r="C3737" t="s">
        <v>41659</v>
      </c>
      <c r="D3737" t="s">
        <v>41637</v>
      </c>
      <c r="E3737" t="s">
        <v>13</v>
      </c>
      <c r="F3737">
        <v>10345</v>
      </c>
      <c r="G3737" t="s">
        <v>41660</v>
      </c>
      <c r="H3737">
        <v>6.7358804353429997</v>
      </c>
      <c r="I3737">
        <v>53.166406520012004</v>
      </c>
      <c r="J3737" t="s">
        <v>59422</v>
      </c>
    </row>
    <row r="3738" spans="1:10" x14ac:dyDescent="0.25">
      <c r="A3738" t="s">
        <v>41653</v>
      </c>
      <c r="B3738" t="s">
        <v>41654</v>
      </c>
      <c r="C3738" t="s">
        <v>41655</v>
      </c>
      <c r="D3738" t="s">
        <v>41637</v>
      </c>
      <c r="E3738" t="s">
        <v>13</v>
      </c>
      <c r="F3738">
        <v>10344</v>
      </c>
      <c r="G3738" t="s">
        <v>41656</v>
      </c>
      <c r="H3738">
        <v>6.7539015922479999</v>
      </c>
      <c r="I3738">
        <v>53.164545775233996</v>
      </c>
      <c r="J3738" t="s">
        <v>59423</v>
      </c>
    </row>
    <row r="3739" spans="1:10" x14ac:dyDescent="0.25">
      <c r="A3739" t="s">
        <v>41649</v>
      </c>
      <c r="B3739" t="s">
        <v>41650</v>
      </c>
      <c r="C3739" t="s">
        <v>41651</v>
      </c>
      <c r="D3739" t="s">
        <v>41637</v>
      </c>
      <c r="E3739" t="s">
        <v>13</v>
      </c>
      <c r="F3739">
        <v>10343</v>
      </c>
      <c r="G3739" t="s">
        <v>41652</v>
      </c>
      <c r="H3739">
        <v>6.7419417779549997</v>
      </c>
      <c r="I3739">
        <v>53.162436561375003</v>
      </c>
      <c r="J3739" t="s">
        <v>59424</v>
      </c>
    </row>
    <row r="3740" spans="1:10" x14ac:dyDescent="0.25">
      <c r="A3740" t="s">
        <v>41646</v>
      </c>
      <c r="B3740" t="s">
        <v>41647</v>
      </c>
      <c r="C3740" t="s">
        <v>5659</v>
      </c>
      <c r="D3740" t="s">
        <v>41637</v>
      </c>
      <c r="E3740" t="s">
        <v>13</v>
      </c>
      <c r="F3740">
        <v>10342</v>
      </c>
      <c r="G3740" t="s">
        <v>41648</v>
      </c>
      <c r="H3740">
        <v>6.770656124207</v>
      </c>
      <c r="I3740">
        <v>53.161881296906998</v>
      </c>
      <c r="J3740" t="s">
        <v>59425</v>
      </c>
    </row>
    <row r="3741" spans="1:10" x14ac:dyDescent="0.25">
      <c r="A3741" t="s">
        <v>41642</v>
      </c>
      <c r="B3741" t="s">
        <v>41643</v>
      </c>
      <c r="C3741" t="s">
        <v>41644</v>
      </c>
      <c r="D3741" t="s">
        <v>41637</v>
      </c>
      <c r="E3741" t="s">
        <v>13</v>
      </c>
      <c r="F3741">
        <v>10341</v>
      </c>
      <c r="G3741" t="s">
        <v>41645</v>
      </c>
      <c r="H3741">
        <v>6.7659239917459999</v>
      </c>
      <c r="I3741">
        <v>53.162024672564002</v>
      </c>
      <c r="J3741" t="s">
        <v>59426</v>
      </c>
    </row>
    <row r="3742" spans="1:10" x14ac:dyDescent="0.25">
      <c r="A3742" t="s">
        <v>41639</v>
      </c>
      <c r="B3742" t="s">
        <v>41640</v>
      </c>
      <c r="C3742" t="s">
        <v>6695</v>
      </c>
      <c r="D3742" t="s">
        <v>41637</v>
      </c>
      <c r="E3742" t="s">
        <v>13</v>
      </c>
      <c r="F3742">
        <v>10340</v>
      </c>
      <c r="G3742" t="s">
        <v>41641</v>
      </c>
      <c r="H3742">
        <v>6.7605480967840004</v>
      </c>
      <c r="I3742">
        <v>53.161864974845003</v>
      </c>
      <c r="J3742" t="s">
        <v>59427</v>
      </c>
    </row>
    <row r="3743" spans="1:10" x14ac:dyDescent="0.25">
      <c r="A3743" t="s">
        <v>41634</v>
      </c>
      <c r="B3743" t="s">
        <v>41635</v>
      </c>
      <c r="C3743" t="s">
        <v>41636</v>
      </c>
      <c r="D3743" t="s">
        <v>41637</v>
      </c>
      <c r="E3743" t="s">
        <v>13</v>
      </c>
      <c r="F3743">
        <v>10339</v>
      </c>
      <c r="G3743" t="s">
        <v>41638</v>
      </c>
      <c r="H3743">
        <v>6.7657447267529998</v>
      </c>
      <c r="I3743">
        <v>53.166112808466998</v>
      </c>
      <c r="J3743" t="s">
        <v>59428</v>
      </c>
    </row>
    <row r="3744" spans="1:10" x14ac:dyDescent="0.25">
      <c r="A3744" t="s">
        <v>41630</v>
      </c>
      <c r="B3744" t="s">
        <v>41631</v>
      </c>
      <c r="C3744" t="s">
        <v>41632</v>
      </c>
      <c r="D3744" t="s">
        <v>41401</v>
      </c>
      <c r="E3744" t="s">
        <v>13</v>
      </c>
      <c r="F3744">
        <v>10338</v>
      </c>
      <c r="G3744" t="s">
        <v>41633</v>
      </c>
      <c r="H3744">
        <v>7.0618949400639996</v>
      </c>
      <c r="I3744">
        <v>52.862938006348003</v>
      </c>
      <c r="J3744" t="s">
        <v>59429</v>
      </c>
    </row>
    <row r="3745" spans="1:10" x14ac:dyDescent="0.25">
      <c r="A3745" t="s">
        <v>41627</v>
      </c>
      <c r="B3745" t="s">
        <v>41628</v>
      </c>
      <c r="C3745" t="s">
        <v>6663</v>
      </c>
      <c r="D3745" t="s">
        <v>41401</v>
      </c>
      <c r="E3745" t="s">
        <v>13</v>
      </c>
      <c r="F3745">
        <v>10337</v>
      </c>
      <c r="G3745" t="s">
        <v>41629</v>
      </c>
      <c r="H3745">
        <v>7.0615371775759996</v>
      </c>
      <c r="I3745">
        <v>52.859857309869</v>
      </c>
      <c r="J3745" t="s">
        <v>59430</v>
      </c>
    </row>
    <row r="3746" spans="1:10" x14ac:dyDescent="0.25">
      <c r="A3746" t="s">
        <v>41623</v>
      </c>
      <c r="B3746" t="s">
        <v>41624</v>
      </c>
      <c r="C3746" t="s">
        <v>41625</v>
      </c>
      <c r="D3746" t="s">
        <v>41401</v>
      </c>
      <c r="E3746" t="s">
        <v>13</v>
      </c>
      <c r="F3746">
        <v>10336</v>
      </c>
      <c r="G3746" t="s">
        <v>41626</v>
      </c>
      <c r="H3746">
        <v>7.0915590147509997</v>
      </c>
      <c r="I3746">
        <v>52.911823320593001</v>
      </c>
      <c r="J3746" t="s">
        <v>59431</v>
      </c>
    </row>
    <row r="3747" spans="1:10" x14ac:dyDescent="0.25">
      <c r="A3747" t="s">
        <v>41619</v>
      </c>
      <c r="B3747" t="s">
        <v>41620</v>
      </c>
      <c r="C3747" t="s">
        <v>41621</v>
      </c>
      <c r="D3747" t="s">
        <v>41401</v>
      </c>
      <c r="E3747" t="s">
        <v>13</v>
      </c>
      <c r="F3747">
        <v>10335</v>
      </c>
      <c r="G3747" t="s">
        <v>41622</v>
      </c>
      <c r="H3747">
        <v>7.1177077861219997</v>
      </c>
      <c r="I3747">
        <v>52.894451055278999</v>
      </c>
      <c r="J3747" t="s">
        <v>59432</v>
      </c>
    </row>
    <row r="3748" spans="1:10" x14ac:dyDescent="0.25">
      <c r="A3748" t="s">
        <v>41615</v>
      </c>
      <c r="B3748" t="s">
        <v>41616</v>
      </c>
      <c r="C3748" t="s">
        <v>41617</v>
      </c>
      <c r="D3748" t="s">
        <v>41401</v>
      </c>
      <c r="E3748" t="s">
        <v>13</v>
      </c>
      <c r="F3748">
        <v>10334</v>
      </c>
      <c r="G3748" t="s">
        <v>41618</v>
      </c>
      <c r="H3748">
        <v>7.0571198699429996</v>
      </c>
      <c r="I3748">
        <v>52.897394492620002</v>
      </c>
      <c r="J3748" t="s">
        <v>59433</v>
      </c>
    </row>
    <row r="3749" spans="1:10" x14ac:dyDescent="0.25">
      <c r="A3749" t="s">
        <v>41611</v>
      </c>
      <c r="B3749" t="s">
        <v>41612</v>
      </c>
      <c r="C3749" t="s">
        <v>41613</v>
      </c>
      <c r="D3749" t="s">
        <v>41401</v>
      </c>
      <c r="E3749" t="s">
        <v>13</v>
      </c>
      <c r="F3749">
        <v>10333</v>
      </c>
      <c r="G3749" t="s">
        <v>41614</v>
      </c>
      <c r="H3749">
        <v>7.0635234773439999</v>
      </c>
      <c r="I3749">
        <v>52.885045250338003</v>
      </c>
      <c r="J3749" t="s">
        <v>59434</v>
      </c>
    </row>
    <row r="3750" spans="1:10" x14ac:dyDescent="0.25">
      <c r="A3750" t="s">
        <v>41607</v>
      </c>
      <c r="B3750" t="s">
        <v>41608</v>
      </c>
      <c r="C3750" t="s">
        <v>41609</v>
      </c>
      <c r="D3750" t="s">
        <v>41401</v>
      </c>
      <c r="E3750" t="s">
        <v>13</v>
      </c>
      <c r="F3750">
        <v>10332</v>
      </c>
      <c r="G3750" t="s">
        <v>41610</v>
      </c>
      <c r="H3750">
        <v>7.0827028657820001</v>
      </c>
      <c r="I3750">
        <v>52.871047124424997</v>
      </c>
      <c r="J3750" t="s">
        <v>59435</v>
      </c>
    </row>
    <row r="3751" spans="1:10" x14ac:dyDescent="0.25">
      <c r="A3751" t="s">
        <v>41603</v>
      </c>
      <c r="B3751" t="s">
        <v>41604</v>
      </c>
      <c r="C3751" t="s">
        <v>41605</v>
      </c>
      <c r="D3751" t="s">
        <v>41401</v>
      </c>
      <c r="E3751" t="s">
        <v>13</v>
      </c>
      <c r="F3751">
        <v>10331</v>
      </c>
      <c r="G3751" t="s">
        <v>41606</v>
      </c>
      <c r="H3751">
        <v>7.0785962111730001</v>
      </c>
      <c r="I3751">
        <v>52.861250800313002</v>
      </c>
      <c r="J3751" t="s">
        <v>59436</v>
      </c>
    </row>
    <row r="3752" spans="1:10" x14ac:dyDescent="0.25">
      <c r="A3752" t="s">
        <v>41599</v>
      </c>
      <c r="B3752" t="s">
        <v>41600</v>
      </c>
      <c r="C3752" t="s">
        <v>41601</v>
      </c>
      <c r="D3752" t="s">
        <v>41401</v>
      </c>
      <c r="E3752" t="s">
        <v>13</v>
      </c>
      <c r="F3752">
        <v>10330</v>
      </c>
      <c r="G3752" t="s">
        <v>41602</v>
      </c>
      <c r="H3752">
        <v>7.0815252824029997</v>
      </c>
      <c r="I3752">
        <v>52.843675629867001</v>
      </c>
      <c r="J3752" t="s">
        <v>59437</v>
      </c>
    </row>
    <row r="3753" spans="1:10" x14ac:dyDescent="0.25">
      <c r="A3753" t="s">
        <v>41595</v>
      </c>
      <c r="B3753" t="s">
        <v>41596</v>
      </c>
      <c r="C3753" t="s">
        <v>41597</v>
      </c>
      <c r="D3753" t="s">
        <v>41401</v>
      </c>
      <c r="E3753" t="s">
        <v>13</v>
      </c>
      <c r="F3753">
        <v>10329</v>
      </c>
      <c r="G3753" t="s">
        <v>41598</v>
      </c>
      <c r="H3753">
        <v>7.0392432487359997</v>
      </c>
      <c r="I3753">
        <v>52.919493412872001</v>
      </c>
      <c r="J3753" t="s">
        <v>59438</v>
      </c>
    </row>
    <row r="3754" spans="1:10" x14ac:dyDescent="0.25">
      <c r="A3754" t="s">
        <v>41591</v>
      </c>
      <c r="B3754" t="s">
        <v>41592</v>
      </c>
      <c r="C3754" t="s">
        <v>41593</v>
      </c>
      <c r="D3754" t="s">
        <v>41401</v>
      </c>
      <c r="E3754" t="s">
        <v>13</v>
      </c>
      <c r="F3754">
        <v>10328</v>
      </c>
      <c r="G3754" t="s">
        <v>41594</v>
      </c>
      <c r="H3754">
        <v>7.0303421841639997</v>
      </c>
      <c r="I3754">
        <v>52.874077476431999</v>
      </c>
      <c r="J3754" t="s">
        <v>59439</v>
      </c>
    </row>
    <row r="3755" spans="1:10" x14ac:dyDescent="0.25">
      <c r="A3755" t="s">
        <v>41587</v>
      </c>
      <c r="B3755" t="s">
        <v>41588</v>
      </c>
      <c r="C3755" t="s">
        <v>41589</v>
      </c>
      <c r="D3755" t="s">
        <v>41401</v>
      </c>
      <c r="E3755" t="s">
        <v>13</v>
      </c>
      <c r="F3755">
        <v>10327</v>
      </c>
      <c r="G3755" t="s">
        <v>41590</v>
      </c>
      <c r="H3755">
        <v>7.047651204228</v>
      </c>
      <c r="I3755">
        <v>52.902953545857997</v>
      </c>
      <c r="J3755" t="s">
        <v>59440</v>
      </c>
    </row>
    <row r="3756" spans="1:10" x14ac:dyDescent="0.25">
      <c r="A3756" t="s">
        <v>41583</v>
      </c>
      <c r="B3756" t="s">
        <v>41584</v>
      </c>
      <c r="C3756" t="s">
        <v>41585</v>
      </c>
      <c r="D3756" t="s">
        <v>41401</v>
      </c>
      <c r="E3756" t="s">
        <v>13</v>
      </c>
      <c r="F3756">
        <v>10326</v>
      </c>
      <c r="G3756" t="s">
        <v>41586</v>
      </c>
      <c r="H3756">
        <v>7.0867350728989997</v>
      </c>
      <c r="I3756">
        <v>52.857048157298003</v>
      </c>
      <c r="J3756" t="s">
        <v>59441</v>
      </c>
    </row>
    <row r="3757" spans="1:10" x14ac:dyDescent="0.25">
      <c r="A3757" t="s">
        <v>41579</v>
      </c>
      <c r="B3757" t="s">
        <v>41580</v>
      </c>
      <c r="C3757" t="s">
        <v>41581</v>
      </c>
      <c r="D3757" t="s">
        <v>41401</v>
      </c>
      <c r="E3757" t="s">
        <v>13</v>
      </c>
      <c r="F3757">
        <v>10325</v>
      </c>
      <c r="G3757" t="s">
        <v>41582</v>
      </c>
      <c r="H3757">
        <v>7.0560055595430002</v>
      </c>
      <c r="I3757">
        <v>52.878662485456999</v>
      </c>
      <c r="J3757" t="s">
        <v>59442</v>
      </c>
    </row>
    <row r="3758" spans="1:10" x14ac:dyDescent="0.25">
      <c r="A3758" t="s">
        <v>41575</v>
      </c>
      <c r="B3758" t="s">
        <v>41576</v>
      </c>
      <c r="C3758" t="s">
        <v>41577</v>
      </c>
      <c r="D3758" t="s">
        <v>41401</v>
      </c>
      <c r="E3758" t="s">
        <v>13</v>
      </c>
      <c r="F3758">
        <v>10324</v>
      </c>
      <c r="G3758" t="s">
        <v>41578</v>
      </c>
      <c r="H3758">
        <v>7.1030634715280003</v>
      </c>
      <c r="I3758">
        <v>52.974547186422001</v>
      </c>
      <c r="J3758" t="s">
        <v>59443</v>
      </c>
    </row>
    <row r="3759" spans="1:10" x14ac:dyDescent="0.25">
      <c r="A3759" t="s">
        <v>41571</v>
      </c>
      <c r="B3759" t="s">
        <v>41572</v>
      </c>
      <c r="C3759" t="s">
        <v>41573</v>
      </c>
      <c r="D3759" t="s">
        <v>41401</v>
      </c>
      <c r="E3759" t="s">
        <v>13</v>
      </c>
      <c r="F3759">
        <v>10323</v>
      </c>
      <c r="G3759" t="s">
        <v>41574</v>
      </c>
      <c r="H3759">
        <v>7.1029781955829998</v>
      </c>
      <c r="I3759">
        <v>52.965401387135998</v>
      </c>
      <c r="J3759" t="s">
        <v>59444</v>
      </c>
    </row>
    <row r="3760" spans="1:10" x14ac:dyDescent="0.25">
      <c r="A3760" t="s">
        <v>41567</v>
      </c>
      <c r="B3760" t="s">
        <v>41568</v>
      </c>
      <c r="C3760" t="s">
        <v>41569</v>
      </c>
      <c r="D3760" t="s">
        <v>41401</v>
      </c>
      <c r="E3760" t="s">
        <v>13</v>
      </c>
      <c r="F3760">
        <v>10322</v>
      </c>
      <c r="G3760" t="s">
        <v>41570</v>
      </c>
      <c r="H3760">
        <v>7.0824114945360002</v>
      </c>
      <c r="I3760">
        <v>52.937246804438999</v>
      </c>
      <c r="J3760" t="s">
        <v>59445</v>
      </c>
    </row>
    <row r="3761" spans="1:10" x14ac:dyDescent="0.25">
      <c r="A3761" t="s">
        <v>41563</v>
      </c>
      <c r="B3761" t="s">
        <v>41564</v>
      </c>
      <c r="C3761" t="s">
        <v>41565</v>
      </c>
      <c r="D3761" t="s">
        <v>41401</v>
      </c>
      <c r="E3761" t="s">
        <v>13</v>
      </c>
      <c r="F3761">
        <v>10321</v>
      </c>
      <c r="G3761" t="s">
        <v>41566</v>
      </c>
      <c r="H3761">
        <v>7.0869961872429998</v>
      </c>
      <c r="I3761">
        <v>52.997625890423002</v>
      </c>
      <c r="J3761" t="s">
        <v>59446</v>
      </c>
    </row>
    <row r="3762" spans="1:10" x14ac:dyDescent="0.25">
      <c r="A3762" t="s">
        <v>41559</v>
      </c>
      <c r="B3762" t="s">
        <v>41560</v>
      </c>
      <c r="C3762" t="s">
        <v>41561</v>
      </c>
      <c r="D3762" t="s">
        <v>41401</v>
      </c>
      <c r="E3762" t="s">
        <v>13</v>
      </c>
      <c r="F3762">
        <v>10320</v>
      </c>
      <c r="G3762" t="s">
        <v>41562</v>
      </c>
      <c r="H3762">
        <v>7.1741062174739998</v>
      </c>
      <c r="I3762">
        <v>53.000781029548001</v>
      </c>
      <c r="J3762" t="s">
        <v>59447</v>
      </c>
    </row>
    <row r="3763" spans="1:10" x14ac:dyDescent="0.25">
      <c r="A3763" t="s">
        <v>41555</v>
      </c>
      <c r="B3763" t="s">
        <v>41556</v>
      </c>
      <c r="C3763" t="s">
        <v>41557</v>
      </c>
      <c r="D3763" t="s">
        <v>41401</v>
      </c>
      <c r="E3763" t="s">
        <v>13</v>
      </c>
      <c r="F3763">
        <v>10319</v>
      </c>
      <c r="G3763" t="s">
        <v>41558</v>
      </c>
      <c r="H3763">
        <v>7.1094405022220002</v>
      </c>
      <c r="I3763">
        <v>53.044311064002997</v>
      </c>
      <c r="J3763" t="s">
        <v>59448</v>
      </c>
    </row>
    <row r="3764" spans="1:10" x14ac:dyDescent="0.25">
      <c r="A3764" t="s">
        <v>41551</v>
      </c>
      <c r="B3764" t="s">
        <v>41552</v>
      </c>
      <c r="C3764" t="s">
        <v>41553</v>
      </c>
      <c r="D3764" t="s">
        <v>41401</v>
      </c>
      <c r="E3764" t="s">
        <v>13</v>
      </c>
      <c r="F3764">
        <v>10318</v>
      </c>
      <c r="G3764" t="s">
        <v>41554</v>
      </c>
      <c r="H3764">
        <v>7.1831455719159996</v>
      </c>
      <c r="I3764">
        <v>53.034880517626</v>
      </c>
      <c r="J3764" t="s">
        <v>59449</v>
      </c>
    </row>
    <row r="3765" spans="1:10" x14ac:dyDescent="0.25">
      <c r="A3765" t="s">
        <v>41547</v>
      </c>
      <c r="B3765" t="s">
        <v>41548</v>
      </c>
      <c r="C3765" t="s">
        <v>41549</v>
      </c>
      <c r="D3765" t="s">
        <v>41401</v>
      </c>
      <c r="E3765" t="s">
        <v>13</v>
      </c>
      <c r="F3765">
        <v>10317</v>
      </c>
      <c r="G3765" t="s">
        <v>41550</v>
      </c>
      <c r="H3765">
        <v>7.1582365112520003</v>
      </c>
      <c r="I3765">
        <v>53.020559678006997</v>
      </c>
      <c r="J3765" t="s">
        <v>59450</v>
      </c>
    </row>
    <row r="3766" spans="1:10" x14ac:dyDescent="0.25">
      <c r="A3766" t="s">
        <v>41543</v>
      </c>
      <c r="B3766" t="s">
        <v>41544</v>
      </c>
      <c r="C3766" t="s">
        <v>41545</v>
      </c>
      <c r="D3766" t="s">
        <v>41401</v>
      </c>
      <c r="E3766" t="s">
        <v>13</v>
      </c>
      <c r="F3766">
        <v>10316</v>
      </c>
      <c r="G3766" t="s">
        <v>41546</v>
      </c>
      <c r="H3766">
        <v>7.1389661122810004</v>
      </c>
      <c r="I3766">
        <v>53.024510701951002</v>
      </c>
      <c r="J3766" t="s">
        <v>59451</v>
      </c>
    </row>
    <row r="3767" spans="1:10" x14ac:dyDescent="0.25">
      <c r="A3767" t="s">
        <v>41539</v>
      </c>
      <c r="B3767" t="s">
        <v>41540</v>
      </c>
      <c r="C3767" t="s">
        <v>41541</v>
      </c>
      <c r="D3767" t="s">
        <v>41401</v>
      </c>
      <c r="E3767" t="s">
        <v>13</v>
      </c>
      <c r="F3767">
        <v>10315</v>
      </c>
      <c r="G3767" t="s">
        <v>41542</v>
      </c>
      <c r="H3767">
        <v>7.2002677935110002</v>
      </c>
      <c r="I3767">
        <v>52.996962550623003</v>
      </c>
      <c r="J3767" t="s">
        <v>59452</v>
      </c>
    </row>
    <row r="3768" spans="1:10" x14ac:dyDescent="0.25">
      <c r="A3768" t="s">
        <v>41535</v>
      </c>
      <c r="B3768" t="s">
        <v>41536</v>
      </c>
      <c r="C3768" t="s">
        <v>41537</v>
      </c>
      <c r="D3768" t="s">
        <v>41401</v>
      </c>
      <c r="E3768" t="s">
        <v>13</v>
      </c>
      <c r="F3768">
        <v>10314</v>
      </c>
      <c r="G3768" t="s">
        <v>41538</v>
      </c>
      <c r="H3768">
        <v>7.1880091355050002</v>
      </c>
      <c r="I3768">
        <v>53.008211114715003</v>
      </c>
      <c r="J3768" t="s">
        <v>59453</v>
      </c>
    </row>
    <row r="3769" spans="1:10" x14ac:dyDescent="0.25">
      <c r="A3769" t="s">
        <v>41531</v>
      </c>
      <c r="B3769" t="s">
        <v>41532</v>
      </c>
      <c r="C3769" t="s">
        <v>41533</v>
      </c>
      <c r="D3769" t="s">
        <v>41401</v>
      </c>
      <c r="E3769" t="s">
        <v>13</v>
      </c>
      <c r="F3769">
        <v>10313</v>
      </c>
      <c r="G3769" t="s">
        <v>41534</v>
      </c>
      <c r="H3769">
        <v>7.1202260558120001</v>
      </c>
      <c r="I3769">
        <v>53.009281810327998</v>
      </c>
      <c r="J3769" t="s">
        <v>59454</v>
      </c>
    </row>
    <row r="3770" spans="1:10" x14ac:dyDescent="0.25">
      <c r="A3770" t="s">
        <v>41527</v>
      </c>
      <c r="B3770" t="s">
        <v>41528</v>
      </c>
      <c r="C3770" t="s">
        <v>41529</v>
      </c>
      <c r="D3770" t="s">
        <v>41401</v>
      </c>
      <c r="E3770" t="s">
        <v>13</v>
      </c>
      <c r="F3770">
        <v>10312</v>
      </c>
      <c r="G3770" t="s">
        <v>41530</v>
      </c>
      <c r="H3770">
        <v>7.1118739264839999</v>
      </c>
      <c r="I3770">
        <v>53.016097677105002</v>
      </c>
      <c r="J3770" t="s">
        <v>59455</v>
      </c>
    </row>
    <row r="3771" spans="1:10" x14ac:dyDescent="0.25">
      <c r="A3771" t="s">
        <v>41523</v>
      </c>
      <c r="B3771" t="s">
        <v>41524</v>
      </c>
      <c r="C3771" t="s">
        <v>41525</v>
      </c>
      <c r="D3771" t="s">
        <v>41401</v>
      </c>
      <c r="E3771" t="s">
        <v>13</v>
      </c>
      <c r="F3771">
        <v>10311</v>
      </c>
      <c r="G3771" t="s">
        <v>41526</v>
      </c>
      <c r="H3771">
        <v>7.0861407323109997</v>
      </c>
      <c r="I3771">
        <v>53.044259954221999</v>
      </c>
      <c r="J3771" t="s">
        <v>59456</v>
      </c>
    </row>
    <row r="3772" spans="1:10" x14ac:dyDescent="0.25">
      <c r="A3772" t="s">
        <v>41519</v>
      </c>
      <c r="B3772" t="s">
        <v>41520</v>
      </c>
      <c r="C3772" t="s">
        <v>41521</v>
      </c>
      <c r="D3772" t="s">
        <v>41401</v>
      </c>
      <c r="E3772" t="s">
        <v>13</v>
      </c>
      <c r="F3772">
        <v>10310</v>
      </c>
      <c r="G3772" t="s">
        <v>41522</v>
      </c>
      <c r="H3772">
        <v>7.1338652856389997</v>
      </c>
      <c r="I3772">
        <v>53.010943573641001</v>
      </c>
      <c r="J3772" t="s">
        <v>59457</v>
      </c>
    </row>
    <row r="3773" spans="1:10" x14ac:dyDescent="0.25">
      <c r="A3773" t="s">
        <v>41515</v>
      </c>
      <c r="B3773" t="s">
        <v>41516</v>
      </c>
      <c r="C3773" t="s">
        <v>41517</v>
      </c>
      <c r="D3773" t="s">
        <v>41401</v>
      </c>
      <c r="E3773" t="s">
        <v>13</v>
      </c>
      <c r="F3773">
        <v>10309</v>
      </c>
      <c r="G3773" t="s">
        <v>41518</v>
      </c>
      <c r="H3773">
        <v>7.1514136055220003</v>
      </c>
      <c r="I3773">
        <v>52.993655366444003</v>
      </c>
      <c r="J3773" t="s">
        <v>59458</v>
      </c>
    </row>
    <row r="3774" spans="1:10" x14ac:dyDescent="0.25">
      <c r="A3774" t="s">
        <v>41511</v>
      </c>
      <c r="B3774" t="s">
        <v>41512</v>
      </c>
      <c r="C3774" t="s">
        <v>41513</v>
      </c>
      <c r="D3774" t="s">
        <v>41401</v>
      </c>
      <c r="E3774" t="s">
        <v>13</v>
      </c>
      <c r="F3774">
        <v>10308</v>
      </c>
      <c r="G3774" t="s">
        <v>41514</v>
      </c>
      <c r="H3774">
        <v>7.1129411022879996</v>
      </c>
      <c r="I3774">
        <v>53.028719946867</v>
      </c>
      <c r="J3774" t="s">
        <v>59459</v>
      </c>
    </row>
    <row r="3775" spans="1:10" x14ac:dyDescent="0.25">
      <c r="A3775" t="s">
        <v>41507</v>
      </c>
      <c r="B3775" t="s">
        <v>41508</v>
      </c>
      <c r="C3775" t="s">
        <v>41509</v>
      </c>
      <c r="D3775" t="s">
        <v>41401</v>
      </c>
      <c r="E3775" t="s">
        <v>13</v>
      </c>
      <c r="F3775">
        <v>10307</v>
      </c>
      <c r="G3775" t="s">
        <v>41510</v>
      </c>
      <c r="H3775">
        <v>7.1429885192849998</v>
      </c>
      <c r="I3775">
        <v>52.952326918112</v>
      </c>
      <c r="J3775" t="s">
        <v>59460</v>
      </c>
    </row>
    <row r="3776" spans="1:10" x14ac:dyDescent="0.25">
      <c r="A3776" t="s">
        <v>41503</v>
      </c>
      <c r="B3776" t="s">
        <v>41504</v>
      </c>
      <c r="C3776" t="s">
        <v>41505</v>
      </c>
      <c r="D3776" t="s">
        <v>41401</v>
      </c>
      <c r="E3776" t="s">
        <v>13</v>
      </c>
      <c r="F3776">
        <v>10306</v>
      </c>
      <c r="G3776" t="s">
        <v>41506</v>
      </c>
      <c r="H3776">
        <v>7.1684687977810002</v>
      </c>
      <c r="I3776">
        <v>52.949940819447001</v>
      </c>
      <c r="J3776" t="s">
        <v>59461</v>
      </c>
    </row>
    <row r="3777" spans="1:10" x14ac:dyDescent="0.25">
      <c r="A3777" t="s">
        <v>41499</v>
      </c>
      <c r="B3777" t="s">
        <v>41500</v>
      </c>
      <c r="C3777" t="s">
        <v>41501</v>
      </c>
      <c r="D3777" t="s">
        <v>41401</v>
      </c>
      <c r="E3777" t="s">
        <v>13</v>
      </c>
      <c r="F3777">
        <v>10305</v>
      </c>
      <c r="G3777" t="s">
        <v>41502</v>
      </c>
      <c r="H3777">
        <v>7.1542810047309997</v>
      </c>
      <c r="I3777">
        <v>52.961101310289003</v>
      </c>
      <c r="J3777" t="s">
        <v>59462</v>
      </c>
    </row>
    <row r="3778" spans="1:10" x14ac:dyDescent="0.25">
      <c r="A3778" t="s">
        <v>41495</v>
      </c>
      <c r="B3778" t="s">
        <v>41496</v>
      </c>
      <c r="C3778" t="s">
        <v>41497</v>
      </c>
      <c r="D3778" t="s">
        <v>41401</v>
      </c>
      <c r="E3778" t="s">
        <v>13</v>
      </c>
      <c r="F3778">
        <v>10304</v>
      </c>
      <c r="G3778" t="s">
        <v>41498</v>
      </c>
      <c r="H3778">
        <v>7.1500595783080003</v>
      </c>
      <c r="I3778">
        <v>52.979919924766001</v>
      </c>
      <c r="J3778" t="s">
        <v>59463</v>
      </c>
    </row>
    <row r="3779" spans="1:10" x14ac:dyDescent="0.25">
      <c r="A3779" t="s">
        <v>41491</v>
      </c>
      <c r="B3779" t="s">
        <v>41492</v>
      </c>
      <c r="C3779" t="s">
        <v>41493</v>
      </c>
      <c r="D3779" t="s">
        <v>41401</v>
      </c>
      <c r="E3779" t="s">
        <v>13</v>
      </c>
      <c r="F3779">
        <v>10303</v>
      </c>
      <c r="G3779" t="s">
        <v>41494</v>
      </c>
      <c r="H3779">
        <v>7.1265226042189997</v>
      </c>
      <c r="I3779">
        <v>52.926615724641998</v>
      </c>
      <c r="J3779" t="s">
        <v>59464</v>
      </c>
    </row>
    <row r="3780" spans="1:10" x14ac:dyDescent="0.25">
      <c r="A3780" t="s">
        <v>41487</v>
      </c>
      <c r="B3780" t="s">
        <v>41488</v>
      </c>
      <c r="C3780" t="s">
        <v>41489</v>
      </c>
      <c r="D3780" t="s">
        <v>41401</v>
      </c>
      <c r="E3780" t="s">
        <v>13</v>
      </c>
      <c r="F3780">
        <v>10302</v>
      </c>
      <c r="G3780" t="s">
        <v>41490</v>
      </c>
      <c r="H3780">
        <v>7.1500862892460004</v>
      </c>
      <c r="I3780">
        <v>52.946139400257003</v>
      </c>
      <c r="J3780" t="s">
        <v>59465</v>
      </c>
    </row>
    <row r="3781" spans="1:10" x14ac:dyDescent="0.25">
      <c r="A3781" t="s">
        <v>41483</v>
      </c>
      <c r="B3781" t="s">
        <v>41484</v>
      </c>
      <c r="C3781" t="s">
        <v>41485</v>
      </c>
      <c r="D3781" t="s">
        <v>41401</v>
      </c>
      <c r="E3781" t="s">
        <v>13</v>
      </c>
      <c r="F3781">
        <v>10301</v>
      </c>
      <c r="G3781" t="s">
        <v>41486</v>
      </c>
      <c r="H3781">
        <v>7.0833007719690002</v>
      </c>
      <c r="I3781">
        <v>53.078533805799999</v>
      </c>
      <c r="J3781" t="s">
        <v>59466</v>
      </c>
    </row>
    <row r="3782" spans="1:10" x14ac:dyDescent="0.25">
      <c r="A3782" t="s">
        <v>41479</v>
      </c>
      <c r="B3782" t="s">
        <v>41480</v>
      </c>
      <c r="C3782" t="s">
        <v>41481</v>
      </c>
      <c r="D3782" t="s">
        <v>41401</v>
      </c>
      <c r="E3782" t="s">
        <v>13</v>
      </c>
      <c r="F3782">
        <v>10300</v>
      </c>
      <c r="G3782" t="s">
        <v>41482</v>
      </c>
      <c r="H3782">
        <v>7.045661157184</v>
      </c>
      <c r="I3782">
        <v>53.080459558907997</v>
      </c>
      <c r="J3782" t="s">
        <v>59467</v>
      </c>
    </row>
    <row r="3783" spans="1:10" x14ac:dyDescent="0.25">
      <c r="A3783" t="s">
        <v>41475</v>
      </c>
      <c r="B3783" t="s">
        <v>41476</v>
      </c>
      <c r="C3783" t="s">
        <v>41477</v>
      </c>
      <c r="D3783" t="s">
        <v>41401</v>
      </c>
      <c r="E3783" t="s">
        <v>13</v>
      </c>
      <c r="F3783">
        <v>10299</v>
      </c>
      <c r="G3783" t="s">
        <v>41478</v>
      </c>
      <c r="H3783">
        <v>7.0498362780199999</v>
      </c>
      <c r="I3783">
        <v>53.106841725019002</v>
      </c>
      <c r="J3783" t="s">
        <v>59468</v>
      </c>
    </row>
    <row r="3784" spans="1:10" x14ac:dyDescent="0.25">
      <c r="A3784" t="s">
        <v>41471</v>
      </c>
      <c r="B3784" t="s">
        <v>41472</v>
      </c>
      <c r="C3784" t="s">
        <v>41473</v>
      </c>
      <c r="D3784" t="s">
        <v>41401</v>
      </c>
      <c r="E3784" t="s">
        <v>13</v>
      </c>
      <c r="F3784">
        <v>10298</v>
      </c>
      <c r="G3784" t="s">
        <v>41474</v>
      </c>
      <c r="H3784">
        <v>7.0854000620670003</v>
      </c>
      <c r="I3784">
        <v>53.121849898710998</v>
      </c>
      <c r="J3784" t="s">
        <v>59469</v>
      </c>
    </row>
    <row r="3785" spans="1:10" x14ac:dyDescent="0.25">
      <c r="A3785" t="s">
        <v>41467</v>
      </c>
      <c r="B3785" t="s">
        <v>41468</v>
      </c>
      <c r="C3785" t="s">
        <v>41469</v>
      </c>
      <c r="D3785" t="s">
        <v>41401</v>
      </c>
      <c r="E3785" t="s">
        <v>13</v>
      </c>
      <c r="F3785">
        <v>10297</v>
      </c>
      <c r="G3785" t="s">
        <v>41470</v>
      </c>
      <c r="H3785">
        <v>7.0688911145939999</v>
      </c>
      <c r="I3785">
        <v>53.087677475458001</v>
      </c>
      <c r="J3785" t="s">
        <v>59470</v>
      </c>
    </row>
    <row r="3786" spans="1:10" x14ac:dyDescent="0.25">
      <c r="A3786" t="s">
        <v>41463</v>
      </c>
      <c r="B3786" t="s">
        <v>41464</v>
      </c>
      <c r="C3786" t="s">
        <v>41465</v>
      </c>
      <c r="D3786" t="s">
        <v>41401</v>
      </c>
      <c r="E3786" t="s">
        <v>13</v>
      </c>
      <c r="F3786">
        <v>10296</v>
      </c>
      <c r="G3786" t="s">
        <v>41466</v>
      </c>
      <c r="H3786">
        <v>7.0925722169960004</v>
      </c>
      <c r="I3786">
        <v>53.063333862942997</v>
      </c>
      <c r="J3786" t="s">
        <v>59471</v>
      </c>
    </row>
    <row r="3787" spans="1:10" x14ac:dyDescent="0.25">
      <c r="A3787" t="s">
        <v>41459</v>
      </c>
      <c r="B3787" t="s">
        <v>41460</v>
      </c>
      <c r="C3787" t="s">
        <v>41461</v>
      </c>
      <c r="D3787" t="s">
        <v>41401</v>
      </c>
      <c r="E3787" t="s">
        <v>13</v>
      </c>
      <c r="F3787">
        <v>10295</v>
      </c>
      <c r="G3787" t="s">
        <v>41462</v>
      </c>
      <c r="H3787">
        <v>7.0760445276889996</v>
      </c>
      <c r="I3787">
        <v>53.068024043453001</v>
      </c>
      <c r="J3787" t="s">
        <v>59472</v>
      </c>
    </row>
    <row r="3788" spans="1:10" x14ac:dyDescent="0.25">
      <c r="A3788" t="s">
        <v>41455</v>
      </c>
      <c r="B3788" t="s">
        <v>41456</v>
      </c>
      <c r="C3788" t="s">
        <v>41457</v>
      </c>
      <c r="D3788" t="s">
        <v>41401</v>
      </c>
      <c r="E3788" t="s">
        <v>13</v>
      </c>
      <c r="F3788">
        <v>10294</v>
      </c>
      <c r="G3788" t="s">
        <v>41458</v>
      </c>
      <c r="H3788">
        <v>7.0710730591470004</v>
      </c>
      <c r="I3788">
        <v>53.099451897643</v>
      </c>
      <c r="J3788" t="s">
        <v>59473</v>
      </c>
    </row>
    <row r="3789" spans="1:10" x14ac:dyDescent="0.25">
      <c r="A3789" t="s">
        <v>41451</v>
      </c>
      <c r="B3789" t="s">
        <v>41452</v>
      </c>
      <c r="C3789" t="s">
        <v>41453</v>
      </c>
      <c r="D3789" t="s">
        <v>41401</v>
      </c>
      <c r="E3789" t="s">
        <v>13</v>
      </c>
      <c r="F3789">
        <v>10293</v>
      </c>
      <c r="G3789" t="s">
        <v>41454</v>
      </c>
      <c r="H3789">
        <v>7.0802135616769997</v>
      </c>
      <c r="I3789">
        <v>53.109413549046003</v>
      </c>
      <c r="J3789" t="s">
        <v>59474</v>
      </c>
    </row>
    <row r="3790" spans="1:10" x14ac:dyDescent="0.25">
      <c r="A3790" t="s">
        <v>41447</v>
      </c>
      <c r="B3790" t="s">
        <v>41448</v>
      </c>
      <c r="C3790" t="s">
        <v>41449</v>
      </c>
      <c r="D3790" t="s">
        <v>41401</v>
      </c>
      <c r="E3790" t="s">
        <v>13</v>
      </c>
      <c r="F3790">
        <v>10292</v>
      </c>
      <c r="G3790" t="s">
        <v>41450</v>
      </c>
      <c r="H3790">
        <v>7.1665410951190003</v>
      </c>
      <c r="I3790">
        <v>53.063435897877</v>
      </c>
      <c r="J3790" t="s">
        <v>59475</v>
      </c>
    </row>
    <row r="3791" spans="1:10" x14ac:dyDescent="0.25">
      <c r="A3791" t="s">
        <v>41443</v>
      </c>
      <c r="B3791" t="s">
        <v>41444</v>
      </c>
      <c r="C3791" t="s">
        <v>41445</v>
      </c>
      <c r="D3791" t="s">
        <v>41401</v>
      </c>
      <c r="E3791" t="s">
        <v>13</v>
      </c>
      <c r="F3791">
        <v>10291</v>
      </c>
      <c r="G3791" t="s">
        <v>41446</v>
      </c>
      <c r="H3791">
        <v>7.1913492263689998</v>
      </c>
      <c r="I3791">
        <v>53.097484897458997</v>
      </c>
      <c r="J3791" t="s">
        <v>59476</v>
      </c>
    </row>
    <row r="3792" spans="1:10" x14ac:dyDescent="0.25">
      <c r="A3792" t="s">
        <v>41439</v>
      </c>
      <c r="B3792" t="s">
        <v>41440</v>
      </c>
      <c r="C3792" t="s">
        <v>41441</v>
      </c>
      <c r="D3792" t="s">
        <v>41401</v>
      </c>
      <c r="E3792" t="s">
        <v>13</v>
      </c>
      <c r="F3792">
        <v>10290</v>
      </c>
      <c r="G3792" t="s">
        <v>41442</v>
      </c>
      <c r="H3792">
        <v>7.1786136078269998</v>
      </c>
      <c r="I3792">
        <v>53.080716941124003</v>
      </c>
      <c r="J3792" t="s">
        <v>59477</v>
      </c>
    </row>
    <row r="3793" spans="1:10" x14ac:dyDescent="0.25">
      <c r="A3793" t="s">
        <v>41435</v>
      </c>
      <c r="B3793" t="s">
        <v>41436</v>
      </c>
      <c r="C3793" t="s">
        <v>41437</v>
      </c>
      <c r="D3793" t="s">
        <v>41401</v>
      </c>
      <c r="E3793" t="s">
        <v>13</v>
      </c>
      <c r="F3793">
        <v>10289</v>
      </c>
      <c r="G3793" t="s">
        <v>41438</v>
      </c>
      <c r="H3793">
        <v>7.1261431334759999</v>
      </c>
      <c r="I3793">
        <v>53.053447780483999</v>
      </c>
      <c r="J3793" t="s">
        <v>59478</v>
      </c>
    </row>
    <row r="3794" spans="1:10" x14ac:dyDescent="0.25">
      <c r="A3794" t="s">
        <v>41431</v>
      </c>
      <c r="B3794" t="s">
        <v>41432</v>
      </c>
      <c r="C3794" t="s">
        <v>41433</v>
      </c>
      <c r="D3794" t="s">
        <v>41401</v>
      </c>
      <c r="E3794" t="s">
        <v>13</v>
      </c>
      <c r="F3794">
        <v>10288</v>
      </c>
      <c r="G3794" t="s">
        <v>41434</v>
      </c>
      <c r="H3794">
        <v>7.1362952595419999</v>
      </c>
      <c r="I3794">
        <v>53.120457030003003</v>
      </c>
      <c r="J3794" t="s">
        <v>59479</v>
      </c>
    </row>
    <row r="3795" spans="1:10" x14ac:dyDescent="0.25">
      <c r="A3795" t="s">
        <v>41427</v>
      </c>
      <c r="B3795" t="s">
        <v>41428</v>
      </c>
      <c r="C3795" t="s">
        <v>41429</v>
      </c>
      <c r="D3795" t="s">
        <v>41401</v>
      </c>
      <c r="E3795" t="s">
        <v>13</v>
      </c>
      <c r="F3795">
        <v>10287</v>
      </c>
      <c r="G3795" t="s">
        <v>41430</v>
      </c>
      <c r="H3795">
        <v>7.1378561042079998</v>
      </c>
      <c r="I3795">
        <v>53.076751841997002</v>
      </c>
      <c r="J3795" t="s">
        <v>59480</v>
      </c>
    </row>
    <row r="3796" spans="1:10" x14ac:dyDescent="0.25">
      <c r="A3796" t="s">
        <v>41423</v>
      </c>
      <c r="B3796" t="s">
        <v>41424</v>
      </c>
      <c r="C3796" t="s">
        <v>41425</v>
      </c>
      <c r="D3796" t="s">
        <v>41401</v>
      </c>
      <c r="E3796" t="s">
        <v>13</v>
      </c>
      <c r="F3796">
        <v>10286</v>
      </c>
      <c r="G3796" t="s">
        <v>41426</v>
      </c>
      <c r="H3796">
        <v>7.1715528666950004</v>
      </c>
      <c r="I3796">
        <v>53.103186406295997</v>
      </c>
      <c r="J3796" t="s">
        <v>59481</v>
      </c>
    </row>
    <row r="3797" spans="1:10" x14ac:dyDescent="0.25">
      <c r="A3797" t="s">
        <v>41419</v>
      </c>
      <c r="B3797" t="s">
        <v>41420</v>
      </c>
      <c r="C3797" t="s">
        <v>41421</v>
      </c>
      <c r="D3797" t="s">
        <v>41401</v>
      </c>
      <c r="E3797" t="s">
        <v>13</v>
      </c>
      <c r="F3797">
        <v>10285</v>
      </c>
      <c r="G3797" t="s">
        <v>41422</v>
      </c>
      <c r="H3797">
        <v>7.1446736497829999</v>
      </c>
      <c r="I3797">
        <v>53.156179293454002</v>
      </c>
      <c r="J3797" t="s">
        <v>59482</v>
      </c>
    </row>
    <row r="3798" spans="1:10" x14ac:dyDescent="0.25">
      <c r="A3798" t="s">
        <v>41415</v>
      </c>
      <c r="B3798" t="s">
        <v>41416</v>
      </c>
      <c r="C3798" t="s">
        <v>41417</v>
      </c>
      <c r="D3798" t="s">
        <v>41401</v>
      </c>
      <c r="E3798" t="s">
        <v>13</v>
      </c>
      <c r="F3798">
        <v>10284</v>
      </c>
      <c r="G3798" t="s">
        <v>41418</v>
      </c>
      <c r="H3798">
        <v>7.1387763180789996</v>
      </c>
      <c r="I3798">
        <v>53.138126061816997</v>
      </c>
      <c r="J3798" t="s">
        <v>59483</v>
      </c>
    </row>
    <row r="3799" spans="1:10" x14ac:dyDescent="0.25">
      <c r="A3799" t="s">
        <v>41411</v>
      </c>
      <c r="B3799" t="s">
        <v>41412</v>
      </c>
      <c r="C3799" t="s">
        <v>41413</v>
      </c>
      <c r="D3799" t="s">
        <v>41401</v>
      </c>
      <c r="E3799" t="s">
        <v>13</v>
      </c>
      <c r="F3799">
        <v>10283</v>
      </c>
      <c r="G3799" t="s">
        <v>41414</v>
      </c>
      <c r="H3799">
        <v>7.1132651030170004</v>
      </c>
      <c r="I3799">
        <v>53.069763699250998</v>
      </c>
      <c r="J3799" t="s">
        <v>59484</v>
      </c>
    </row>
    <row r="3800" spans="1:10" x14ac:dyDescent="0.25">
      <c r="A3800" t="s">
        <v>41407</v>
      </c>
      <c r="B3800" t="s">
        <v>41408</v>
      </c>
      <c r="C3800" t="s">
        <v>41409</v>
      </c>
      <c r="D3800" t="s">
        <v>41401</v>
      </c>
      <c r="E3800" t="s">
        <v>13</v>
      </c>
      <c r="F3800">
        <v>10282</v>
      </c>
      <c r="G3800" t="s">
        <v>41410</v>
      </c>
      <c r="H3800">
        <v>7.1569432905200001</v>
      </c>
      <c r="I3800">
        <v>53.092683951757998</v>
      </c>
      <c r="J3800" t="s">
        <v>59485</v>
      </c>
    </row>
    <row r="3801" spans="1:10" x14ac:dyDescent="0.25">
      <c r="A3801" t="s">
        <v>41403</v>
      </c>
      <c r="B3801" t="s">
        <v>41404</v>
      </c>
      <c r="C3801" t="s">
        <v>41405</v>
      </c>
      <c r="D3801" t="s">
        <v>41401</v>
      </c>
      <c r="E3801" t="s">
        <v>13</v>
      </c>
      <c r="F3801">
        <v>10281</v>
      </c>
      <c r="G3801" t="s">
        <v>41406</v>
      </c>
      <c r="H3801">
        <v>7.1313402271569997</v>
      </c>
      <c r="I3801">
        <v>53.08448236569</v>
      </c>
      <c r="J3801" t="s">
        <v>59486</v>
      </c>
    </row>
    <row r="3802" spans="1:10" x14ac:dyDescent="0.25">
      <c r="A3802" t="s">
        <v>41398</v>
      </c>
      <c r="B3802" t="s">
        <v>41399</v>
      </c>
      <c r="C3802" t="s">
        <v>41400</v>
      </c>
      <c r="D3802" t="s">
        <v>41401</v>
      </c>
      <c r="E3802" t="s">
        <v>13</v>
      </c>
      <c r="F3802">
        <v>10280</v>
      </c>
      <c r="G3802" t="s">
        <v>41402</v>
      </c>
      <c r="H3802">
        <v>7.1633899216970001</v>
      </c>
      <c r="I3802">
        <v>53.116085591607003</v>
      </c>
      <c r="J3802" t="s">
        <v>59487</v>
      </c>
    </row>
    <row r="3803" spans="1:10" x14ac:dyDescent="0.25">
      <c r="A3803" t="s">
        <v>41394</v>
      </c>
      <c r="B3803" t="s">
        <v>41395</v>
      </c>
      <c r="C3803" t="s">
        <v>41396</v>
      </c>
      <c r="D3803" t="s">
        <v>41030</v>
      </c>
      <c r="E3803" t="s">
        <v>13</v>
      </c>
      <c r="F3803">
        <v>10279</v>
      </c>
      <c r="G3803" t="s">
        <v>41397</v>
      </c>
      <c r="H3803">
        <v>5.5407171226580001</v>
      </c>
      <c r="I3803">
        <v>51.592565453699002</v>
      </c>
      <c r="J3803" t="s">
        <v>59488</v>
      </c>
    </row>
    <row r="3804" spans="1:10" x14ac:dyDescent="0.25">
      <c r="A3804" t="s">
        <v>41390</v>
      </c>
      <c r="B3804" t="s">
        <v>41391</v>
      </c>
      <c r="C3804" t="s">
        <v>41392</v>
      </c>
      <c r="D3804" t="s">
        <v>41030</v>
      </c>
      <c r="E3804" t="s">
        <v>13</v>
      </c>
      <c r="F3804">
        <v>10278</v>
      </c>
      <c r="G3804" t="s">
        <v>41393</v>
      </c>
      <c r="H3804">
        <v>5.5378514656990001</v>
      </c>
      <c r="I3804">
        <v>51.621421773366002</v>
      </c>
      <c r="J3804" t="s">
        <v>59489</v>
      </c>
    </row>
    <row r="3805" spans="1:10" x14ac:dyDescent="0.25">
      <c r="A3805" t="s">
        <v>41386</v>
      </c>
      <c r="B3805" t="s">
        <v>41387</v>
      </c>
      <c r="C3805" t="s">
        <v>41388</v>
      </c>
      <c r="D3805" t="s">
        <v>41030</v>
      </c>
      <c r="E3805" t="s">
        <v>13</v>
      </c>
      <c r="F3805">
        <v>10277</v>
      </c>
      <c r="G3805" t="s">
        <v>41389</v>
      </c>
      <c r="H3805">
        <v>5.551541950432</v>
      </c>
      <c r="I3805">
        <v>51.609443316897</v>
      </c>
      <c r="J3805" t="s">
        <v>59490</v>
      </c>
    </row>
    <row r="3806" spans="1:10" x14ac:dyDescent="0.25">
      <c r="A3806" t="s">
        <v>41382</v>
      </c>
      <c r="B3806" t="s">
        <v>41383</v>
      </c>
      <c r="C3806" t="s">
        <v>41384</v>
      </c>
      <c r="D3806" t="s">
        <v>41030</v>
      </c>
      <c r="E3806" t="s">
        <v>13</v>
      </c>
      <c r="F3806">
        <v>10276</v>
      </c>
      <c r="G3806" t="s">
        <v>41385</v>
      </c>
      <c r="H3806">
        <v>5.5497982223619999</v>
      </c>
      <c r="I3806">
        <v>51.612472791902</v>
      </c>
      <c r="J3806" t="s">
        <v>59491</v>
      </c>
    </row>
    <row r="3807" spans="1:10" x14ac:dyDescent="0.25">
      <c r="A3807" t="s">
        <v>41378</v>
      </c>
      <c r="B3807" t="s">
        <v>41379</v>
      </c>
      <c r="C3807" t="s">
        <v>41380</v>
      </c>
      <c r="D3807" t="s">
        <v>41030</v>
      </c>
      <c r="E3807" t="s">
        <v>13</v>
      </c>
      <c r="F3807">
        <v>10275</v>
      </c>
      <c r="G3807" t="s">
        <v>41381</v>
      </c>
      <c r="H3807">
        <v>5.5455338742129996</v>
      </c>
      <c r="I3807">
        <v>51.617555830352998</v>
      </c>
      <c r="J3807" t="s">
        <v>59492</v>
      </c>
    </row>
    <row r="3808" spans="1:10" x14ac:dyDescent="0.25">
      <c r="A3808" t="s">
        <v>41374</v>
      </c>
      <c r="B3808" t="s">
        <v>41375</v>
      </c>
      <c r="C3808" t="s">
        <v>41376</v>
      </c>
      <c r="D3808" t="s">
        <v>41030</v>
      </c>
      <c r="E3808" t="s">
        <v>13</v>
      </c>
      <c r="F3808">
        <v>10274</v>
      </c>
      <c r="G3808" t="s">
        <v>41377</v>
      </c>
      <c r="H3808">
        <v>5.5618428382729999</v>
      </c>
      <c r="I3808">
        <v>51.613584019836999</v>
      </c>
      <c r="J3808" t="s">
        <v>59493</v>
      </c>
    </row>
    <row r="3809" spans="1:10" x14ac:dyDescent="0.25">
      <c r="A3809" t="s">
        <v>41370</v>
      </c>
      <c r="B3809" t="s">
        <v>41371</v>
      </c>
      <c r="C3809" t="s">
        <v>41372</v>
      </c>
      <c r="D3809" t="s">
        <v>41030</v>
      </c>
      <c r="E3809" t="s">
        <v>13</v>
      </c>
      <c r="F3809">
        <v>10273</v>
      </c>
      <c r="G3809" t="s">
        <v>41373</v>
      </c>
      <c r="H3809">
        <v>5.5346233846809998</v>
      </c>
      <c r="I3809">
        <v>51.616938229680997</v>
      </c>
      <c r="J3809" t="s">
        <v>59494</v>
      </c>
    </row>
    <row r="3810" spans="1:10" x14ac:dyDescent="0.25">
      <c r="A3810" t="s">
        <v>41366</v>
      </c>
      <c r="B3810" t="s">
        <v>41367</v>
      </c>
      <c r="C3810" t="s">
        <v>41368</v>
      </c>
      <c r="D3810" t="s">
        <v>41030</v>
      </c>
      <c r="E3810" t="s">
        <v>13</v>
      </c>
      <c r="F3810">
        <v>10272</v>
      </c>
      <c r="G3810" t="s">
        <v>41369</v>
      </c>
      <c r="H3810">
        <v>5.5805888406689999</v>
      </c>
      <c r="I3810">
        <v>51.633716683894001</v>
      </c>
      <c r="J3810" t="s">
        <v>59495</v>
      </c>
    </row>
    <row r="3811" spans="1:10" x14ac:dyDescent="0.25">
      <c r="A3811" t="s">
        <v>41362</v>
      </c>
      <c r="B3811" t="s">
        <v>41363</v>
      </c>
      <c r="C3811" t="s">
        <v>41364</v>
      </c>
      <c r="D3811" t="s">
        <v>41030</v>
      </c>
      <c r="E3811" t="s">
        <v>13</v>
      </c>
      <c r="F3811">
        <v>10271</v>
      </c>
      <c r="G3811" t="s">
        <v>41365</v>
      </c>
      <c r="H3811">
        <v>5.5430094858379997</v>
      </c>
      <c r="I3811">
        <v>51.610598271992998</v>
      </c>
      <c r="J3811" t="s">
        <v>59496</v>
      </c>
    </row>
    <row r="3812" spans="1:10" x14ac:dyDescent="0.25">
      <c r="A3812" t="s">
        <v>41358</v>
      </c>
      <c r="B3812" t="s">
        <v>41359</v>
      </c>
      <c r="C3812" t="s">
        <v>41360</v>
      </c>
      <c r="D3812" t="s">
        <v>41030</v>
      </c>
      <c r="E3812" t="s">
        <v>13</v>
      </c>
      <c r="F3812">
        <v>10270</v>
      </c>
      <c r="G3812" t="s">
        <v>41361</v>
      </c>
      <c r="H3812">
        <v>5.5400704907750002</v>
      </c>
      <c r="I3812">
        <v>51.606982896123</v>
      </c>
      <c r="J3812" t="s">
        <v>59497</v>
      </c>
    </row>
    <row r="3813" spans="1:10" x14ac:dyDescent="0.25">
      <c r="A3813" t="s">
        <v>41354</v>
      </c>
      <c r="B3813" t="s">
        <v>41355</v>
      </c>
      <c r="C3813" t="s">
        <v>41356</v>
      </c>
      <c r="D3813" t="s">
        <v>41030</v>
      </c>
      <c r="E3813" t="s">
        <v>13</v>
      </c>
      <c r="F3813">
        <v>10269</v>
      </c>
      <c r="G3813" t="s">
        <v>41357</v>
      </c>
      <c r="H3813">
        <v>5.5570872523019998</v>
      </c>
      <c r="I3813">
        <v>51.619965804880998</v>
      </c>
      <c r="J3813" t="s">
        <v>59498</v>
      </c>
    </row>
    <row r="3814" spans="1:10" x14ac:dyDescent="0.25">
      <c r="A3814" t="s">
        <v>41350</v>
      </c>
      <c r="B3814" t="s">
        <v>41351</v>
      </c>
      <c r="C3814" t="s">
        <v>41352</v>
      </c>
      <c r="D3814" t="s">
        <v>41030</v>
      </c>
      <c r="E3814" t="s">
        <v>13</v>
      </c>
      <c r="F3814">
        <v>10268</v>
      </c>
      <c r="G3814" t="s">
        <v>41353</v>
      </c>
      <c r="H3814">
        <v>5.5453112986099997</v>
      </c>
      <c r="I3814">
        <v>51.622931736174003</v>
      </c>
      <c r="J3814" t="s">
        <v>59499</v>
      </c>
    </row>
    <row r="3815" spans="1:10" x14ac:dyDescent="0.25">
      <c r="A3815" t="s">
        <v>41346</v>
      </c>
      <c r="B3815" t="s">
        <v>41347</v>
      </c>
      <c r="C3815" t="s">
        <v>41348</v>
      </c>
      <c r="D3815" t="s">
        <v>41030</v>
      </c>
      <c r="E3815" t="s">
        <v>13</v>
      </c>
      <c r="F3815">
        <v>10267</v>
      </c>
      <c r="G3815" t="s">
        <v>41349</v>
      </c>
      <c r="H3815">
        <v>5.5403462586570003</v>
      </c>
      <c r="I3815">
        <v>51.613658302049998</v>
      </c>
      <c r="J3815" t="s">
        <v>59500</v>
      </c>
    </row>
    <row r="3816" spans="1:10" x14ac:dyDescent="0.25">
      <c r="A3816" t="s">
        <v>41342</v>
      </c>
      <c r="B3816" t="s">
        <v>41343</v>
      </c>
      <c r="C3816" t="s">
        <v>41344</v>
      </c>
      <c r="D3816" t="s">
        <v>41030</v>
      </c>
      <c r="E3816" t="s">
        <v>13</v>
      </c>
      <c r="F3816">
        <v>10266</v>
      </c>
      <c r="G3816" t="s">
        <v>41345</v>
      </c>
      <c r="H3816">
        <v>5.5535975096429997</v>
      </c>
      <c r="I3816">
        <v>51.627173728445001</v>
      </c>
      <c r="J3816" t="s">
        <v>59501</v>
      </c>
    </row>
    <row r="3817" spans="1:10" x14ac:dyDescent="0.25">
      <c r="A3817" t="s">
        <v>41338</v>
      </c>
      <c r="B3817" t="s">
        <v>41339</v>
      </c>
      <c r="C3817" t="s">
        <v>41340</v>
      </c>
      <c r="D3817" t="s">
        <v>41030</v>
      </c>
      <c r="E3817" t="s">
        <v>13</v>
      </c>
      <c r="F3817">
        <v>10265</v>
      </c>
      <c r="G3817" t="s">
        <v>41341</v>
      </c>
      <c r="H3817">
        <v>5.5674825832270001</v>
      </c>
      <c r="I3817">
        <v>51.603896066368002</v>
      </c>
      <c r="J3817" t="s">
        <v>59502</v>
      </c>
    </row>
    <row r="3818" spans="1:10" x14ac:dyDescent="0.25">
      <c r="A3818" t="s">
        <v>41334</v>
      </c>
      <c r="B3818" t="s">
        <v>41335</v>
      </c>
      <c r="C3818" t="s">
        <v>41336</v>
      </c>
      <c r="D3818" t="s">
        <v>41030</v>
      </c>
      <c r="E3818" t="s">
        <v>13</v>
      </c>
      <c r="F3818">
        <v>10264</v>
      </c>
      <c r="G3818" t="s">
        <v>41337</v>
      </c>
      <c r="H3818">
        <v>5.4978212490610003</v>
      </c>
      <c r="I3818">
        <v>51.604334929879997</v>
      </c>
      <c r="J3818" t="s">
        <v>59503</v>
      </c>
    </row>
    <row r="3819" spans="1:10" x14ac:dyDescent="0.25">
      <c r="A3819" t="s">
        <v>41330</v>
      </c>
      <c r="B3819" t="s">
        <v>41331</v>
      </c>
      <c r="C3819" t="s">
        <v>41332</v>
      </c>
      <c r="D3819" t="s">
        <v>41030</v>
      </c>
      <c r="E3819" t="s">
        <v>13</v>
      </c>
      <c r="F3819">
        <v>10263</v>
      </c>
      <c r="G3819" t="s">
        <v>41333</v>
      </c>
      <c r="H3819">
        <v>5.5150569814950003</v>
      </c>
      <c r="I3819">
        <v>51.610572659820001</v>
      </c>
      <c r="J3819" t="s">
        <v>59504</v>
      </c>
    </row>
    <row r="3820" spans="1:10" x14ac:dyDescent="0.25">
      <c r="A3820" t="s">
        <v>41326</v>
      </c>
      <c r="B3820" t="s">
        <v>41327</v>
      </c>
      <c r="C3820" t="s">
        <v>41328</v>
      </c>
      <c r="D3820" t="s">
        <v>41030</v>
      </c>
      <c r="E3820" t="s">
        <v>13</v>
      </c>
      <c r="F3820">
        <v>10262</v>
      </c>
      <c r="G3820" t="s">
        <v>41329</v>
      </c>
      <c r="H3820">
        <v>5.5215265186269997</v>
      </c>
      <c r="I3820">
        <v>51.597208520658</v>
      </c>
      <c r="J3820" t="s">
        <v>59505</v>
      </c>
    </row>
    <row r="3821" spans="1:10" x14ac:dyDescent="0.25">
      <c r="A3821" t="s">
        <v>41322</v>
      </c>
      <c r="B3821" t="s">
        <v>41323</v>
      </c>
      <c r="C3821" t="s">
        <v>41324</v>
      </c>
      <c r="D3821" t="s">
        <v>41030</v>
      </c>
      <c r="E3821" t="s">
        <v>13</v>
      </c>
      <c r="F3821">
        <v>10261</v>
      </c>
      <c r="G3821" t="s">
        <v>41325</v>
      </c>
      <c r="H3821">
        <v>5.5535346957099998</v>
      </c>
      <c r="I3821">
        <v>51.606260024116999</v>
      </c>
      <c r="J3821" t="s">
        <v>59506</v>
      </c>
    </row>
    <row r="3822" spans="1:10" x14ac:dyDescent="0.25">
      <c r="A3822" t="s">
        <v>41318</v>
      </c>
      <c r="B3822" t="s">
        <v>41319</v>
      </c>
      <c r="C3822" t="s">
        <v>41320</v>
      </c>
      <c r="D3822" t="s">
        <v>41030</v>
      </c>
      <c r="E3822" t="s">
        <v>13</v>
      </c>
      <c r="F3822">
        <v>10260</v>
      </c>
      <c r="G3822" t="s">
        <v>41321</v>
      </c>
      <c r="H3822">
        <v>5.552344403157</v>
      </c>
      <c r="I3822">
        <v>51.623972318401002</v>
      </c>
      <c r="J3822" t="s">
        <v>59507</v>
      </c>
    </row>
    <row r="3823" spans="1:10" x14ac:dyDescent="0.25">
      <c r="A3823" t="s">
        <v>41314</v>
      </c>
      <c r="B3823" t="s">
        <v>41315</v>
      </c>
      <c r="C3823" t="s">
        <v>41316</v>
      </c>
      <c r="D3823" t="s">
        <v>41030</v>
      </c>
      <c r="E3823" t="s">
        <v>13</v>
      </c>
      <c r="F3823">
        <v>10259</v>
      </c>
      <c r="G3823" t="s">
        <v>41317</v>
      </c>
      <c r="H3823">
        <v>5.5636480830680002</v>
      </c>
      <c r="I3823">
        <v>51.623718409727999</v>
      </c>
      <c r="J3823" t="s">
        <v>59508</v>
      </c>
    </row>
    <row r="3824" spans="1:10" x14ac:dyDescent="0.25">
      <c r="A3824" t="s">
        <v>41310</v>
      </c>
      <c r="B3824" t="s">
        <v>41311</v>
      </c>
      <c r="C3824" t="s">
        <v>41312</v>
      </c>
      <c r="D3824" t="s">
        <v>41030</v>
      </c>
      <c r="E3824" t="s">
        <v>13</v>
      </c>
      <c r="F3824">
        <v>10258</v>
      </c>
      <c r="G3824" t="s">
        <v>41313</v>
      </c>
      <c r="H3824">
        <v>5.563680028476</v>
      </c>
      <c r="I3824">
        <v>51.628368157540002</v>
      </c>
      <c r="J3824" t="s">
        <v>59509</v>
      </c>
    </row>
    <row r="3825" spans="1:10" x14ac:dyDescent="0.25">
      <c r="A3825" t="s">
        <v>41306</v>
      </c>
      <c r="B3825" t="s">
        <v>41307</v>
      </c>
      <c r="C3825" t="s">
        <v>41308</v>
      </c>
      <c r="D3825" t="s">
        <v>41030</v>
      </c>
      <c r="E3825" t="s">
        <v>13</v>
      </c>
      <c r="F3825">
        <v>10257</v>
      </c>
      <c r="G3825" t="s">
        <v>41309</v>
      </c>
      <c r="H3825">
        <v>5.5408906760110002</v>
      </c>
      <c r="I3825">
        <v>51.588222828014999</v>
      </c>
      <c r="J3825" t="s">
        <v>59510</v>
      </c>
    </row>
    <row r="3826" spans="1:10" x14ac:dyDescent="0.25">
      <c r="A3826" t="s">
        <v>41302</v>
      </c>
      <c r="B3826" t="s">
        <v>41303</v>
      </c>
      <c r="C3826" t="s">
        <v>41304</v>
      </c>
      <c r="D3826" t="s">
        <v>41030</v>
      </c>
      <c r="E3826" t="s">
        <v>13</v>
      </c>
      <c r="F3826">
        <v>10256</v>
      </c>
      <c r="G3826" t="s">
        <v>41305</v>
      </c>
      <c r="H3826">
        <v>5.5247085184319999</v>
      </c>
      <c r="I3826">
        <v>51.628213224379998</v>
      </c>
      <c r="J3826" t="s">
        <v>59511</v>
      </c>
    </row>
    <row r="3827" spans="1:10" x14ac:dyDescent="0.25">
      <c r="A3827" t="s">
        <v>41298</v>
      </c>
      <c r="B3827" t="s">
        <v>41299</v>
      </c>
      <c r="C3827" t="s">
        <v>41300</v>
      </c>
      <c r="D3827" t="s">
        <v>41030</v>
      </c>
      <c r="E3827" t="s">
        <v>13</v>
      </c>
      <c r="F3827">
        <v>10255</v>
      </c>
      <c r="G3827" t="s">
        <v>41301</v>
      </c>
      <c r="H3827">
        <v>5.5831675829909999</v>
      </c>
      <c r="I3827">
        <v>51.629042501717002</v>
      </c>
      <c r="J3827" t="s">
        <v>59512</v>
      </c>
    </row>
    <row r="3828" spans="1:10" x14ac:dyDescent="0.25">
      <c r="A3828" t="s">
        <v>41294</v>
      </c>
      <c r="B3828" t="s">
        <v>41295</v>
      </c>
      <c r="C3828" t="s">
        <v>41296</v>
      </c>
      <c r="D3828" t="s">
        <v>41030</v>
      </c>
      <c r="E3828" t="s">
        <v>13</v>
      </c>
      <c r="F3828">
        <v>10254</v>
      </c>
      <c r="G3828" t="s">
        <v>41297</v>
      </c>
      <c r="H3828">
        <v>5.5567092822350004</v>
      </c>
      <c r="I3828">
        <v>51.567745718152999</v>
      </c>
      <c r="J3828" t="s">
        <v>59513</v>
      </c>
    </row>
    <row r="3829" spans="1:10" x14ac:dyDescent="0.25">
      <c r="A3829" t="s">
        <v>41290</v>
      </c>
      <c r="B3829" t="s">
        <v>41291</v>
      </c>
      <c r="C3829" t="s">
        <v>41292</v>
      </c>
      <c r="D3829" t="s">
        <v>41030</v>
      </c>
      <c r="E3829" t="s">
        <v>13</v>
      </c>
      <c r="F3829">
        <v>10253</v>
      </c>
      <c r="G3829" t="s">
        <v>41293</v>
      </c>
      <c r="H3829">
        <v>5.569332899031</v>
      </c>
      <c r="I3829">
        <v>51.606041968273999</v>
      </c>
      <c r="J3829" t="s">
        <v>59514</v>
      </c>
    </row>
    <row r="3830" spans="1:10" x14ac:dyDescent="0.25">
      <c r="A3830" t="s">
        <v>41286</v>
      </c>
      <c r="B3830" t="s">
        <v>41287</v>
      </c>
      <c r="C3830" t="s">
        <v>41288</v>
      </c>
      <c r="D3830" t="s">
        <v>41030</v>
      </c>
      <c r="E3830" t="s">
        <v>13</v>
      </c>
      <c r="F3830">
        <v>10252</v>
      </c>
      <c r="G3830" t="s">
        <v>41289</v>
      </c>
      <c r="H3830">
        <v>5.4992995433200003</v>
      </c>
      <c r="I3830">
        <v>51.600463444051002</v>
      </c>
      <c r="J3830" t="s">
        <v>59515</v>
      </c>
    </row>
    <row r="3831" spans="1:10" x14ac:dyDescent="0.25">
      <c r="A3831" t="s">
        <v>41282</v>
      </c>
      <c r="B3831" t="s">
        <v>41283</v>
      </c>
      <c r="C3831" t="s">
        <v>41284</v>
      </c>
      <c r="D3831" t="s">
        <v>41030</v>
      </c>
      <c r="E3831" t="s">
        <v>13</v>
      </c>
      <c r="F3831">
        <v>10251</v>
      </c>
      <c r="G3831" t="s">
        <v>41285</v>
      </c>
      <c r="H3831">
        <v>5.5615996912029999</v>
      </c>
      <c r="I3831">
        <v>51.641635743103997</v>
      </c>
      <c r="J3831" t="s">
        <v>59516</v>
      </c>
    </row>
    <row r="3832" spans="1:10" x14ac:dyDescent="0.25">
      <c r="A3832" t="s">
        <v>41279</v>
      </c>
      <c r="B3832" t="s">
        <v>41280</v>
      </c>
      <c r="C3832" t="s">
        <v>24281</v>
      </c>
      <c r="D3832" t="s">
        <v>41030</v>
      </c>
      <c r="E3832" t="s">
        <v>13</v>
      </c>
      <c r="F3832">
        <v>10250</v>
      </c>
      <c r="G3832" t="s">
        <v>41281</v>
      </c>
      <c r="H3832">
        <v>5.5320439904949996</v>
      </c>
      <c r="I3832">
        <v>51.612029617301999</v>
      </c>
      <c r="J3832" t="s">
        <v>59517</v>
      </c>
    </row>
    <row r="3833" spans="1:10" x14ac:dyDescent="0.25">
      <c r="A3833" t="s">
        <v>41275</v>
      </c>
      <c r="B3833" t="s">
        <v>41276</v>
      </c>
      <c r="C3833" t="s">
        <v>41277</v>
      </c>
      <c r="D3833" t="s">
        <v>41030</v>
      </c>
      <c r="E3833" t="s">
        <v>13</v>
      </c>
      <c r="F3833">
        <v>10249</v>
      </c>
      <c r="G3833" t="s">
        <v>41278</v>
      </c>
      <c r="H3833">
        <v>5.5187375247770003</v>
      </c>
      <c r="I3833">
        <v>51.620503849350001</v>
      </c>
      <c r="J3833" t="s">
        <v>59518</v>
      </c>
    </row>
    <row r="3834" spans="1:10" x14ac:dyDescent="0.25">
      <c r="A3834" t="s">
        <v>41271</v>
      </c>
      <c r="B3834" t="s">
        <v>41272</v>
      </c>
      <c r="C3834" t="s">
        <v>41273</v>
      </c>
      <c r="D3834" t="s">
        <v>41030</v>
      </c>
      <c r="E3834" t="s">
        <v>13</v>
      </c>
      <c r="F3834">
        <v>10248</v>
      </c>
      <c r="G3834" t="s">
        <v>41274</v>
      </c>
      <c r="H3834">
        <v>5.5522093427219996</v>
      </c>
      <c r="I3834">
        <v>51.631624417487998</v>
      </c>
      <c r="J3834" t="s">
        <v>59519</v>
      </c>
    </row>
    <row r="3835" spans="1:10" x14ac:dyDescent="0.25">
      <c r="A3835" t="s">
        <v>41267</v>
      </c>
      <c r="B3835" t="s">
        <v>41268</v>
      </c>
      <c r="C3835" t="s">
        <v>41269</v>
      </c>
      <c r="D3835" t="s">
        <v>41030</v>
      </c>
      <c r="E3835" t="s">
        <v>13</v>
      </c>
      <c r="F3835">
        <v>10247</v>
      </c>
      <c r="G3835" t="s">
        <v>41270</v>
      </c>
      <c r="H3835">
        <v>5.56246126946</v>
      </c>
      <c r="I3835">
        <v>51.634106186741</v>
      </c>
      <c r="J3835" t="s">
        <v>59520</v>
      </c>
    </row>
    <row r="3836" spans="1:10" x14ac:dyDescent="0.25">
      <c r="A3836" t="s">
        <v>41263</v>
      </c>
      <c r="B3836" t="s">
        <v>41264</v>
      </c>
      <c r="C3836" t="s">
        <v>41265</v>
      </c>
      <c r="D3836" t="s">
        <v>41030</v>
      </c>
      <c r="E3836" t="s">
        <v>13</v>
      </c>
      <c r="F3836">
        <v>10246</v>
      </c>
      <c r="G3836" t="s">
        <v>41266</v>
      </c>
      <c r="H3836">
        <v>5.4621278230810004</v>
      </c>
      <c r="I3836">
        <v>51.559780875302003</v>
      </c>
      <c r="J3836" t="s">
        <v>59521</v>
      </c>
    </row>
    <row r="3837" spans="1:10" x14ac:dyDescent="0.25">
      <c r="A3837" t="s">
        <v>41259</v>
      </c>
      <c r="B3837" t="s">
        <v>41260</v>
      </c>
      <c r="C3837" t="s">
        <v>41261</v>
      </c>
      <c r="D3837" t="s">
        <v>41030</v>
      </c>
      <c r="E3837" t="s">
        <v>13</v>
      </c>
      <c r="F3837">
        <v>10245</v>
      </c>
      <c r="G3837" t="s">
        <v>41262</v>
      </c>
      <c r="H3837">
        <v>5.4591233337489999</v>
      </c>
      <c r="I3837">
        <v>51.564992005192003</v>
      </c>
      <c r="J3837" t="s">
        <v>59522</v>
      </c>
    </row>
    <row r="3838" spans="1:10" x14ac:dyDescent="0.25">
      <c r="A3838" t="s">
        <v>41255</v>
      </c>
      <c r="B3838" t="s">
        <v>41256</v>
      </c>
      <c r="C3838" t="s">
        <v>41257</v>
      </c>
      <c r="D3838" t="s">
        <v>41030</v>
      </c>
      <c r="E3838" t="s">
        <v>13</v>
      </c>
      <c r="F3838">
        <v>10244</v>
      </c>
      <c r="G3838" t="s">
        <v>41258</v>
      </c>
      <c r="H3838">
        <v>5.4060750332629999</v>
      </c>
      <c r="I3838">
        <v>51.581968668301997</v>
      </c>
      <c r="J3838" t="s">
        <v>59523</v>
      </c>
    </row>
    <row r="3839" spans="1:10" x14ac:dyDescent="0.25">
      <c r="A3839" t="s">
        <v>41251</v>
      </c>
      <c r="B3839" t="s">
        <v>41252</v>
      </c>
      <c r="C3839" t="s">
        <v>41253</v>
      </c>
      <c r="D3839" t="s">
        <v>41030</v>
      </c>
      <c r="E3839" t="s">
        <v>13</v>
      </c>
      <c r="F3839">
        <v>10243</v>
      </c>
      <c r="G3839" t="s">
        <v>41254</v>
      </c>
      <c r="H3839">
        <v>5.4820812979450002</v>
      </c>
      <c r="I3839">
        <v>51.552697179559999</v>
      </c>
      <c r="J3839" t="s">
        <v>59524</v>
      </c>
    </row>
    <row r="3840" spans="1:10" x14ac:dyDescent="0.25">
      <c r="A3840" t="s">
        <v>41247</v>
      </c>
      <c r="B3840" t="s">
        <v>41248</v>
      </c>
      <c r="C3840" t="s">
        <v>41249</v>
      </c>
      <c r="D3840" t="s">
        <v>41030</v>
      </c>
      <c r="E3840" t="s">
        <v>13</v>
      </c>
      <c r="F3840">
        <v>10242</v>
      </c>
      <c r="G3840" t="s">
        <v>41250</v>
      </c>
      <c r="H3840">
        <v>5.4569694341580002</v>
      </c>
      <c r="I3840">
        <v>51.573110962645998</v>
      </c>
      <c r="J3840" t="s">
        <v>59525</v>
      </c>
    </row>
    <row r="3841" spans="1:10" x14ac:dyDescent="0.25">
      <c r="A3841" t="s">
        <v>41243</v>
      </c>
      <c r="B3841" t="s">
        <v>41244</v>
      </c>
      <c r="C3841" t="s">
        <v>41245</v>
      </c>
      <c r="D3841" t="s">
        <v>41030</v>
      </c>
      <c r="E3841" t="s">
        <v>13</v>
      </c>
      <c r="F3841">
        <v>10241</v>
      </c>
      <c r="G3841" t="s">
        <v>41246</v>
      </c>
      <c r="H3841">
        <v>5.4525406248530004</v>
      </c>
      <c r="I3841">
        <v>51.576445684763002</v>
      </c>
      <c r="J3841" t="s">
        <v>59526</v>
      </c>
    </row>
    <row r="3842" spans="1:10" x14ac:dyDescent="0.25">
      <c r="A3842" t="s">
        <v>41239</v>
      </c>
      <c r="B3842" t="s">
        <v>41240</v>
      </c>
      <c r="C3842" t="s">
        <v>41241</v>
      </c>
      <c r="D3842" t="s">
        <v>41030</v>
      </c>
      <c r="E3842" t="s">
        <v>13</v>
      </c>
      <c r="F3842">
        <v>10240</v>
      </c>
      <c r="G3842" t="s">
        <v>41242</v>
      </c>
      <c r="H3842">
        <v>5.4683114245290003</v>
      </c>
      <c r="I3842">
        <v>51.574046343859997</v>
      </c>
      <c r="J3842" t="s">
        <v>59527</v>
      </c>
    </row>
    <row r="3843" spans="1:10" x14ac:dyDescent="0.25">
      <c r="A3843" t="s">
        <v>41235</v>
      </c>
      <c r="B3843" t="s">
        <v>41236</v>
      </c>
      <c r="C3843" t="s">
        <v>41237</v>
      </c>
      <c r="D3843" t="s">
        <v>41030</v>
      </c>
      <c r="E3843" t="s">
        <v>13</v>
      </c>
      <c r="F3843">
        <v>10239</v>
      </c>
      <c r="G3843" t="s">
        <v>41238</v>
      </c>
      <c r="H3843">
        <v>5.470622954405</v>
      </c>
      <c r="I3843">
        <v>51.568585304258001</v>
      </c>
      <c r="J3843" t="s">
        <v>59528</v>
      </c>
    </row>
    <row r="3844" spans="1:10" x14ac:dyDescent="0.25">
      <c r="A3844" t="s">
        <v>41231</v>
      </c>
      <c r="B3844" t="s">
        <v>41232</v>
      </c>
      <c r="C3844" t="s">
        <v>41233</v>
      </c>
      <c r="D3844" t="s">
        <v>41030</v>
      </c>
      <c r="E3844" t="s">
        <v>13</v>
      </c>
      <c r="F3844">
        <v>10238</v>
      </c>
      <c r="G3844" t="s">
        <v>41234</v>
      </c>
      <c r="H3844">
        <v>5.448904543936</v>
      </c>
      <c r="I3844">
        <v>51.569504006056</v>
      </c>
      <c r="J3844" t="s">
        <v>59529</v>
      </c>
    </row>
    <row r="3845" spans="1:10" x14ac:dyDescent="0.25">
      <c r="A3845" t="s">
        <v>41227</v>
      </c>
      <c r="B3845" t="s">
        <v>41228</v>
      </c>
      <c r="C3845" t="s">
        <v>41229</v>
      </c>
      <c r="D3845" t="s">
        <v>41030</v>
      </c>
      <c r="E3845" t="s">
        <v>13</v>
      </c>
      <c r="F3845">
        <v>10237</v>
      </c>
      <c r="G3845" t="s">
        <v>41230</v>
      </c>
      <c r="H3845">
        <v>5.510242423037</v>
      </c>
      <c r="I3845">
        <v>51.543952610048997</v>
      </c>
      <c r="J3845" t="s">
        <v>59530</v>
      </c>
    </row>
    <row r="3846" spans="1:10" x14ac:dyDescent="0.25">
      <c r="A3846" t="s">
        <v>41223</v>
      </c>
      <c r="B3846" t="s">
        <v>41224</v>
      </c>
      <c r="C3846" t="s">
        <v>41225</v>
      </c>
      <c r="D3846" t="s">
        <v>41030</v>
      </c>
      <c r="E3846" t="s">
        <v>13</v>
      </c>
      <c r="F3846">
        <v>10236</v>
      </c>
      <c r="G3846" t="s">
        <v>41226</v>
      </c>
      <c r="H3846">
        <v>5.4734927174330004</v>
      </c>
      <c r="I3846">
        <v>51.587040447583</v>
      </c>
      <c r="J3846" t="s">
        <v>59531</v>
      </c>
    </row>
    <row r="3847" spans="1:10" x14ac:dyDescent="0.25">
      <c r="A3847" t="s">
        <v>41219</v>
      </c>
      <c r="B3847" t="s">
        <v>41220</v>
      </c>
      <c r="C3847" t="s">
        <v>41221</v>
      </c>
      <c r="D3847" t="s">
        <v>41030</v>
      </c>
      <c r="E3847" t="s">
        <v>13</v>
      </c>
      <c r="F3847">
        <v>10235</v>
      </c>
      <c r="G3847" t="s">
        <v>41222</v>
      </c>
      <c r="H3847">
        <v>5.443729694021</v>
      </c>
      <c r="I3847">
        <v>51.580614361433</v>
      </c>
      <c r="J3847" t="s">
        <v>59532</v>
      </c>
    </row>
    <row r="3848" spans="1:10" x14ac:dyDescent="0.25">
      <c r="A3848" t="s">
        <v>41215</v>
      </c>
      <c r="B3848" t="s">
        <v>41216</v>
      </c>
      <c r="C3848" t="s">
        <v>41217</v>
      </c>
      <c r="D3848" t="s">
        <v>41030</v>
      </c>
      <c r="E3848" t="s">
        <v>13</v>
      </c>
      <c r="F3848">
        <v>10234</v>
      </c>
      <c r="G3848" t="s">
        <v>41218</v>
      </c>
      <c r="H3848">
        <v>5.4093532485680003</v>
      </c>
      <c r="I3848">
        <v>51.584221653945001</v>
      </c>
      <c r="J3848" t="s">
        <v>59533</v>
      </c>
    </row>
    <row r="3849" spans="1:10" x14ac:dyDescent="0.25">
      <c r="A3849" t="s">
        <v>41211</v>
      </c>
      <c r="B3849" t="s">
        <v>41212</v>
      </c>
      <c r="C3849" t="s">
        <v>41213</v>
      </c>
      <c r="D3849" t="s">
        <v>41030</v>
      </c>
      <c r="E3849" t="s">
        <v>13</v>
      </c>
      <c r="F3849">
        <v>10233</v>
      </c>
      <c r="G3849" t="s">
        <v>41214</v>
      </c>
      <c r="H3849">
        <v>5.4671468076250003</v>
      </c>
      <c r="I3849">
        <v>51.547927240515001</v>
      </c>
      <c r="J3849" t="s">
        <v>59534</v>
      </c>
    </row>
    <row r="3850" spans="1:10" x14ac:dyDescent="0.25">
      <c r="A3850" t="s">
        <v>41207</v>
      </c>
      <c r="B3850" t="s">
        <v>41208</v>
      </c>
      <c r="C3850" t="s">
        <v>41209</v>
      </c>
      <c r="D3850" t="s">
        <v>41030</v>
      </c>
      <c r="E3850" t="s">
        <v>13</v>
      </c>
      <c r="F3850">
        <v>10232</v>
      </c>
      <c r="G3850" t="s">
        <v>41210</v>
      </c>
      <c r="H3850">
        <v>5.5156707200069999</v>
      </c>
      <c r="I3850">
        <v>51.570708331989003</v>
      </c>
      <c r="J3850" t="s">
        <v>59535</v>
      </c>
    </row>
    <row r="3851" spans="1:10" x14ac:dyDescent="0.25">
      <c r="A3851" t="s">
        <v>41203</v>
      </c>
      <c r="B3851" t="s">
        <v>41204</v>
      </c>
      <c r="C3851" t="s">
        <v>41205</v>
      </c>
      <c r="D3851" t="s">
        <v>41030</v>
      </c>
      <c r="E3851" t="s">
        <v>13</v>
      </c>
      <c r="F3851">
        <v>10231</v>
      </c>
      <c r="G3851" t="s">
        <v>41206</v>
      </c>
      <c r="H3851">
        <v>5.4282176339910002</v>
      </c>
      <c r="I3851">
        <v>51.551987987806001</v>
      </c>
      <c r="J3851" t="s">
        <v>59536</v>
      </c>
    </row>
    <row r="3852" spans="1:10" x14ac:dyDescent="0.25">
      <c r="A3852" t="s">
        <v>41199</v>
      </c>
      <c r="B3852" t="s">
        <v>41200</v>
      </c>
      <c r="C3852" t="s">
        <v>41201</v>
      </c>
      <c r="D3852" t="s">
        <v>41030</v>
      </c>
      <c r="E3852" t="s">
        <v>13</v>
      </c>
      <c r="F3852">
        <v>10230</v>
      </c>
      <c r="G3852" t="s">
        <v>41202</v>
      </c>
      <c r="H3852">
        <v>5.4187445362729996</v>
      </c>
      <c r="I3852">
        <v>51.550634204105002</v>
      </c>
      <c r="J3852" t="s">
        <v>59537</v>
      </c>
    </row>
    <row r="3853" spans="1:10" x14ac:dyDescent="0.25">
      <c r="A3853" t="s">
        <v>41195</v>
      </c>
      <c r="B3853" t="s">
        <v>41196</v>
      </c>
      <c r="C3853" t="s">
        <v>41197</v>
      </c>
      <c r="D3853" t="s">
        <v>41030</v>
      </c>
      <c r="E3853" t="s">
        <v>13</v>
      </c>
      <c r="F3853">
        <v>10229</v>
      </c>
      <c r="G3853" t="s">
        <v>41198</v>
      </c>
      <c r="H3853">
        <v>5.4607622419980002</v>
      </c>
      <c r="I3853">
        <v>51.569172541893003</v>
      </c>
      <c r="J3853" t="s">
        <v>59538</v>
      </c>
    </row>
    <row r="3854" spans="1:10" x14ac:dyDescent="0.25">
      <c r="A3854" t="s">
        <v>41191</v>
      </c>
      <c r="B3854" t="s">
        <v>41192</v>
      </c>
      <c r="C3854" t="s">
        <v>41193</v>
      </c>
      <c r="D3854" t="s">
        <v>41030</v>
      </c>
      <c r="E3854" t="s">
        <v>13</v>
      </c>
      <c r="F3854">
        <v>10228</v>
      </c>
      <c r="G3854" t="s">
        <v>41194</v>
      </c>
      <c r="H3854">
        <v>5.4670336949270002</v>
      </c>
      <c r="I3854">
        <v>51.617236902019997</v>
      </c>
      <c r="J3854" t="s">
        <v>59539</v>
      </c>
    </row>
    <row r="3855" spans="1:10" x14ac:dyDescent="0.25">
      <c r="A3855" t="s">
        <v>41187</v>
      </c>
      <c r="B3855" t="s">
        <v>41188</v>
      </c>
      <c r="C3855" t="s">
        <v>41189</v>
      </c>
      <c r="D3855" t="s">
        <v>41030</v>
      </c>
      <c r="E3855" t="s">
        <v>13</v>
      </c>
      <c r="F3855">
        <v>10227</v>
      </c>
      <c r="G3855" t="s">
        <v>41190</v>
      </c>
      <c r="H3855">
        <v>5.4288491455500001</v>
      </c>
      <c r="I3855">
        <v>51.620631015969998</v>
      </c>
      <c r="J3855" t="s">
        <v>59540</v>
      </c>
    </row>
    <row r="3856" spans="1:10" x14ac:dyDescent="0.25">
      <c r="A3856" t="s">
        <v>41183</v>
      </c>
      <c r="B3856" t="s">
        <v>41184</v>
      </c>
      <c r="C3856" t="s">
        <v>41185</v>
      </c>
      <c r="D3856" t="s">
        <v>41030</v>
      </c>
      <c r="E3856" t="s">
        <v>13</v>
      </c>
      <c r="F3856">
        <v>10226</v>
      </c>
      <c r="G3856" t="s">
        <v>41186</v>
      </c>
      <c r="H3856">
        <v>5.4333009578510003</v>
      </c>
      <c r="I3856">
        <v>51.622599086904998</v>
      </c>
      <c r="J3856" t="s">
        <v>59541</v>
      </c>
    </row>
    <row r="3857" spans="1:10" x14ac:dyDescent="0.25">
      <c r="A3857" t="s">
        <v>41179</v>
      </c>
      <c r="B3857" t="s">
        <v>41180</v>
      </c>
      <c r="C3857" t="s">
        <v>41181</v>
      </c>
      <c r="D3857" t="s">
        <v>41030</v>
      </c>
      <c r="E3857" t="s">
        <v>13</v>
      </c>
      <c r="F3857">
        <v>10225</v>
      </c>
      <c r="G3857" t="s">
        <v>41182</v>
      </c>
      <c r="H3857">
        <v>5.4329442533129999</v>
      </c>
      <c r="I3857">
        <v>51.617692153313001</v>
      </c>
      <c r="J3857" t="s">
        <v>59542</v>
      </c>
    </row>
    <row r="3858" spans="1:10" x14ac:dyDescent="0.25">
      <c r="A3858" t="s">
        <v>41175</v>
      </c>
      <c r="B3858" t="s">
        <v>41176</v>
      </c>
      <c r="C3858" t="s">
        <v>41177</v>
      </c>
      <c r="D3858" t="s">
        <v>41030</v>
      </c>
      <c r="E3858" t="s">
        <v>13</v>
      </c>
      <c r="F3858">
        <v>10224</v>
      </c>
      <c r="G3858" t="s">
        <v>41178</v>
      </c>
      <c r="H3858">
        <v>5.437114419217</v>
      </c>
      <c r="I3858">
        <v>51.618926689360002</v>
      </c>
      <c r="J3858" t="s">
        <v>59543</v>
      </c>
    </row>
    <row r="3859" spans="1:10" x14ac:dyDescent="0.25">
      <c r="A3859" t="s">
        <v>41171</v>
      </c>
      <c r="B3859" t="s">
        <v>41172</v>
      </c>
      <c r="C3859" t="s">
        <v>41173</v>
      </c>
      <c r="D3859" t="s">
        <v>41030</v>
      </c>
      <c r="E3859" t="s">
        <v>13</v>
      </c>
      <c r="F3859">
        <v>10223</v>
      </c>
      <c r="G3859" t="s">
        <v>41174</v>
      </c>
      <c r="H3859">
        <v>5.4438000665619999</v>
      </c>
      <c r="I3859">
        <v>51.606008265436003</v>
      </c>
      <c r="J3859" t="s">
        <v>59544</v>
      </c>
    </row>
    <row r="3860" spans="1:10" x14ac:dyDescent="0.25">
      <c r="A3860" t="s">
        <v>41167</v>
      </c>
      <c r="B3860" t="s">
        <v>41168</v>
      </c>
      <c r="C3860" t="s">
        <v>41169</v>
      </c>
      <c r="D3860" t="s">
        <v>41030</v>
      </c>
      <c r="E3860" t="s">
        <v>13</v>
      </c>
      <c r="F3860">
        <v>10222</v>
      </c>
      <c r="G3860" t="s">
        <v>41170</v>
      </c>
      <c r="H3860">
        <v>5.4364525035989999</v>
      </c>
      <c r="I3860">
        <v>51.614401239612</v>
      </c>
      <c r="J3860" t="s">
        <v>59545</v>
      </c>
    </row>
    <row r="3861" spans="1:10" x14ac:dyDescent="0.25">
      <c r="A3861" t="s">
        <v>41163</v>
      </c>
      <c r="B3861" t="s">
        <v>41164</v>
      </c>
      <c r="C3861" t="s">
        <v>41165</v>
      </c>
      <c r="D3861" t="s">
        <v>41030</v>
      </c>
      <c r="E3861" t="s">
        <v>13</v>
      </c>
      <c r="F3861">
        <v>10221</v>
      </c>
      <c r="G3861" t="s">
        <v>41166</v>
      </c>
      <c r="H3861">
        <v>5.443591434809</v>
      </c>
      <c r="I3861">
        <v>51.609996523839001</v>
      </c>
      <c r="J3861" t="s">
        <v>59546</v>
      </c>
    </row>
    <row r="3862" spans="1:10" x14ac:dyDescent="0.25">
      <c r="A3862" t="s">
        <v>41159</v>
      </c>
      <c r="B3862" t="s">
        <v>41160</v>
      </c>
      <c r="C3862" t="s">
        <v>41161</v>
      </c>
      <c r="D3862" t="s">
        <v>41030</v>
      </c>
      <c r="E3862" t="s">
        <v>13</v>
      </c>
      <c r="F3862">
        <v>10220</v>
      </c>
      <c r="G3862" t="s">
        <v>41162</v>
      </c>
      <c r="H3862">
        <v>5.4413680087660001</v>
      </c>
      <c r="I3862">
        <v>51.613247626372001</v>
      </c>
      <c r="J3862" t="s">
        <v>59547</v>
      </c>
    </row>
    <row r="3863" spans="1:10" x14ac:dyDescent="0.25">
      <c r="A3863" t="s">
        <v>41156</v>
      </c>
      <c r="B3863" t="s">
        <v>41157</v>
      </c>
      <c r="C3863" t="s">
        <v>1049</v>
      </c>
      <c r="D3863" t="s">
        <v>41030</v>
      </c>
      <c r="E3863" t="s">
        <v>13</v>
      </c>
      <c r="F3863">
        <v>10219</v>
      </c>
      <c r="G3863" t="s">
        <v>41158</v>
      </c>
      <c r="H3863">
        <v>5.4171656534899997</v>
      </c>
      <c r="I3863">
        <v>51.632572238310999</v>
      </c>
      <c r="J3863" t="s">
        <v>59548</v>
      </c>
    </row>
    <row r="3864" spans="1:10" x14ac:dyDescent="0.25">
      <c r="A3864" t="s">
        <v>41152</v>
      </c>
      <c r="B3864" t="s">
        <v>41153</v>
      </c>
      <c r="C3864" t="s">
        <v>41154</v>
      </c>
      <c r="D3864" t="s">
        <v>41030</v>
      </c>
      <c r="E3864" t="s">
        <v>13</v>
      </c>
      <c r="F3864">
        <v>10218</v>
      </c>
      <c r="G3864" t="s">
        <v>41155</v>
      </c>
      <c r="H3864">
        <v>5.452473805476</v>
      </c>
      <c r="I3864">
        <v>51.610132197106999</v>
      </c>
      <c r="J3864" t="s">
        <v>59549</v>
      </c>
    </row>
    <row r="3865" spans="1:10" x14ac:dyDescent="0.25">
      <c r="A3865" t="s">
        <v>41148</v>
      </c>
      <c r="B3865" t="s">
        <v>41149</v>
      </c>
      <c r="C3865" t="s">
        <v>41150</v>
      </c>
      <c r="D3865" t="s">
        <v>41030</v>
      </c>
      <c r="E3865" t="s">
        <v>13</v>
      </c>
      <c r="F3865">
        <v>10217</v>
      </c>
      <c r="G3865" t="s">
        <v>41151</v>
      </c>
      <c r="H3865">
        <v>5.4313691178579999</v>
      </c>
      <c r="I3865">
        <v>51.625563050658997</v>
      </c>
      <c r="J3865" t="s">
        <v>59550</v>
      </c>
    </row>
    <row r="3866" spans="1:10" x14ac:dyDescent="0.25">
      <c r="A3866" t="s">
        <v>41144</v>
      </c>
      <c r="B3866" t="s">
        <v>41145</v>
      </c>
      <c r="C3866" t="s">
        <v>41146</v>
      </c>
      <c r="D3866" t="s">
        <v>41030</v>
      </c>
      <c r="E3866" t="s">
        <v>13</v>
      </c>
      <c r="F3866">
        <v>10216</v>
      </c>
      <c r="G3866" t="s">
        <v>41147</v>
      </c>
      <c r="H3866">
        <v>5.451013749216</v>
      </c>
      <c r="I3866">
        <v>51.614223775105003</v>
      </c>
      <c r="J3866" t="s">
        <v>59551</v>
      </c>
    </row>
    <row r="3867" spans="1:10" x14ac:dyDescent="0.25">
      <c r="A3867" t="s">
        <v>41140</v>
      </c>
      <c r="B3867" t="s">
        <v>41141</v>
      </c>
      <c r="C3867" t="s">
        <v>41142</v>
      </c>
      <c r="D3867" t="s">
        <v>41030</v>
      </c>
      <c r="E3867" t="s">
        <v>13</v>
      </c>
      <c r="F3867">
        <v>10215</v>
      </c>
      <c r="G3867" t="s">
        <v>41143</v>
      </c>
      <c r="H3867">
        <v>5.4142901936890002</v>
      </c>
      <c r="I3867">
        <v>51.627274851372</v>
      </c>
      <c r="J3867" t="s">
        <v>59552</v>
      </c>
    </row>
    <row r="3868" spans="1:10" x14ac:dyDescent="0.25">
      <c r="A3868" t="s">
        <v>41136</v>
      </c>
      <c r="B3868" t="s">
        <v>41137</v>
      </c>
      <c r="C3868" t="s">
        <v>41138</v>
      </c>
      <c r="D3868" t="s">
        <v>41030</v>
      </c>
      <c r="E3868" t="s">
        <v>13</v>
      </c>
      <c r="F3868">
        <v>10214</v>
      </c>
      <c r="G3868" t="s">
        <v>41139</v>
      </c>
      <c r="H3868">
        <v>5.4685071381429999</v>
      </c>
      <c r="I3868">
        <v>51.606492385621003</v>
      </c>
      <c r="J3868" t="s">
        <v>59553</v>
      </c>
    </row>
    <row r="3869" spans="1:10" x14ac:dyDescent="0.25">
      <c r="A3869" t="s">
        <v>41132</v>
      </c>
      <c r="B3869" t="s">
        <v>41133</v>
      </c>
      <c r="C3869" t="s">
        <v>41134</v>
      </c>
      <c r="D3869" t="s">
        <v>41030</v>
      </c>
      <c r="E3869" t="s">
        <v>13</v>
      </c>
      <c r="F3869">
        <v>10213</v>
      </c>
      <c r="G3869" t="s">
        <v>41135</v>
      </c>
      <c r="H3869">
        <v>5.4666765747369999</v>
      </c>
      <c r="I3869">
        <v>51.610952654511003</v>
      </c>
      <c r="J3869" t="s">
        <v>59554</v>
      </c>
    </row>
    <row r="3870" spans="1:10" x14ac:dyDescent="0.25">
      <c r="A3870" t="s">
        <v>41128</v>
      </c>
      <c r="B3870" t="s">
        <v>41129</v>
      </c>
      <c r="C3870" t="s">
        <v>41130</v>
      </c>
      <c r="D3870" t="s">
        <v>41030</v>
      </c>
      <c r="E3870" t="s">
        <v>13</v>
      </c>
      <c r="F3870">
        <v>10212</v>
      </c>
      <c r="G3870" t="s">
        <v>41131</v>
      </c>
      <c r="H3870">
        <v>5.4245637268150002</v>
      </c>
      <c r="I3870">
        <v>51.623358571887003</v>
      </c>
      <c r="J3870" t="s">
        <v>59555</v>
      </c>
    </row>
    <row r="3871" spans="1:10" x14ac:dyDescent="0.25">
      <c r="A3871" t="s">
        <v>41124</v>
      </c>
      <c r="B3871" t="s">
        <v>41125</v>
      </c>
      <c r="C3871" t="s">
        <v>41126</v>
      </c>
      <c r="D3871" t="s">
        <v>41030</v>
      </c>
      <c r="E3871" t="s">
        <v>13</v>
      </c>
      <c r="F3871">
        <v>10211</v>
      </c>
      <c r="G3871" t="s">
        <v>41127</v>
      </c>
      <c r="H3871">
        <v>5.4269756393790001</v>
      </c>
      <c r="I3871">
        <v>51.617219938040002</v>
      </c>
      <c r="J3871" t="s">
        <v>59556</v>
      </c>
    </row>
    <row r="3872" spans="1:10" x14ac:dyDescent="0.25">
      <c r="A3872" t="s">
        <v>41120</v>
      </c>
      <c r="B3872" t="s">
        <v>41121</v>
      </c>
      <c r="C3872" t="s">
        <v>41122</v>
      </c>
      <c r="D3872" t="s">
        <v>41030</v>
      </c>
      <c r="E3872" t="s">
        <v>13</v>
      </c>
      <c r="F3872">
        <v>10210</v>
      </c>
      <c r="G3872" t="s">
        <v>41123</v>
      </c>
      <c r="H3872">
        <v>5.4433644761229996</v>
      </c>
      <c r="I3872">
        <v>51.616196952552997</v>
      </c>
      <c r="J3872" t="s">
        <v>59557</v>
      </c>
    </row>
    <row r="3873" spans="1:10" x14ac:dyDescent="0.25">
      <c r="A3873" t="s">
        <v>41116</v>
      </c>
      <c r="B3873" t="s">
        <v>41117</v>
      </c>
      <c r="C3873" t="s">
        <v>41118</v>
      </c>
      <c r="D3873" t="s">
        <v>41030</v>
      </c>
      <c r="E3873" t="s">
        <v>13</v>
      </c>
      <c r="F3873">
        <v>10209</v>
      </c>
      <c r="G3873" t="s">
        <v>41119</v>
      </c>
      <c r="H3873">
        <v>5.444725284085</v>
      </c>
      <c r="I3873">
        <v>51.619860708331998</v>
      </c>
      <c r="J3873" t="s">
        <v>59558</v>
      </c>
    </row>
    <row r="3874" spans="1:10" x14ac:dyDescent="0.25">
      <c r="A3874" t="s">
        <v>41112</v>
      </c>
      <c r="B3874" t="s">
        <v>41113</v>
      </c>
      <c r="C3874" t="s">
        <v>41114</v>
      </c>
      <c r="D3874" t="s">
        <v>41030</v>
      </c>
      <c r="E3874" t="s">
        <v>13</v>
      </c>
      <c r="F3874">
        <v>10208</v>
      </c>
      <c r="G3874" t="s">
        <v>41115</v>
      </c>
      <c r="H3874">
        <v>5.4732452962279998</v>
      </c>
      <c r="I3874">
        <v>51.601348362450999</v>
      </c>
      <c r="J3874" t="s">
        <v>59559</v>
      </c>
    </row>
    <row r="3875" spans="1:10" x14ac:dyDescent="0.25">
      <c r="A3875" t="s">
        <v>41108</v>
      </c>
      <c r="B3875" t="s">
        <v>41109</v>
      </c>
      <c r="C3875" t="s">
        <v>41110</v>
      </c>
      <c r="D3875" t="s">
        <v>41030</v>
      </c>
      <c r="E3875" t="s">
        <v>13</v>
      </c>
      <c r="F3875">
        <v>10207</v>
      </c>
      <c r="G3875" t="s">
        <v>41111</v>
      </c>
      <c r="H3875">
        <v>5.4475501793929997</v>
      </c>
      <c r="I3875">
        <v>51.637952196002999</v>
      </c>
      <c r="J3875" t="s">
        <v>59560</v>
      </c>
    </row>
    <row r="3876" spans="1:10" x14ac:dyDescent="0.25">
      <c r="A3876" t="s">
        <v>41104</v>
      </c>
      <c r="B3876" t="s">
        <v>41105</v>
      </c>
      <c r="C3876" t="s">
        <v>41106</v>
      </c>
      <c r="D3876" t="s">
        <v>41030</v>
      </c>
      <c r="E3876" t="s">
        <v>13</v>
      </c>
      <c r="F3876">
        <v>10206</v>
      </c>
      <c r="G3876" t="s">
        <v>41107</v>
      </c>
      <c r="H3876">
        <v>5.4242084107119997</v>
      </c>
      <c r="I3876">
        <v>51.601082123165</v>
      </c>
      <c r="J3876" t="s">
        <v>59561</v>
      </c>
    </row>
    <row r="3877" spans="1:10" x14ac:dyDescent="0.25">
      <c r="A3877" t="s">
        <v>41100</v>
      </c>
      <c r="B3877" t="s">
        <v>41101</v>
      </c>
      <c r="C3877" t="s">
        <v>41102</v>
      </c>
      <c r="D3877" t="s">
        <v>41030</v>
      </c>
      <c r="E3877" t="s">
        <v>13</v>
      </c>
      <c r="F3877">
        <v>10205</v>
      </c>
      <c r="G3877" t="s">
        <v>41103</v>
      </c>
      <c r="H3877">
        <v>5.3966460251659996</v>
      </c>
      <c r="I3877">
        <v>51.628182622204001</v>
      </c>
      <c r="J3877" t="s">
        <v>59562</v>
      </c>
    </row>
    <row r="3878" spans="1:10" x14ac:dyDescent="0.25">
      <c r="A3878" t="s">
        <v>41096</v>
      </c>
      <c r="B3878" t="s">
        <v>41097</v>
      </c>
      <c r="C3878" t="s">
        <v>41098</v>
      </c>
      <c r="D3878" t="s">
        <v>41030</v>
      </c>
      <c r="E3878" t="s">
        <v>13</v>
      </c>
      <c r="F3878">
        <v>10204</v>
      </c>
      <c r="G3878" t="s">
        <v>41099</v>
      </c>
      <c r="H3878">
        <v>5.4135995283150002</v>
      </c>
      <c r="I3878">
        <v>51.642006923202999</v>
      </c>
      <c r="J3878" t="s">
        <v>59563</v>
      </c>
    </row>
    <row r="3879" spans="1:10" x14ac:dyDescent="0.25">
      <c r="A3879" t="s">
        <v>41092</v>
      </c>
      <c r="B3879" t="s">
        <v>41093</v>
      </c>
      <c r="C3879" t="s">
        <v>41094</v>
      </c>
      <c r="D3879" t="s">
        <v>41030</v>
      </c>
      <c r="E3879" t="s">
        <v>13</v>
      </c>
      <c r="F3879">
        <v>10203</v>
      </c>
      <c r="G3879" t="s">
        <v>41095</v>
      </c>
      <c r="H3879">
        <v>5.47389386478</v>
      </c>
      <c r="I3879">
        <v>51.624354924713003</v>
      </c>
      <c r="J3879" t="s">
        <v>59564</v>
      </c>
    </row>
    <row r="3880" spans="1:10" x14ac:dyDescent="0.25">
      <c r="A3880" t="s">
        <v>41088</v>
      </c>
      <c r="B3880" t="s">
        <v>41089</v>
      </c>
      <c r="C3880" t="s">
        <v>41090</v>
      </c>
      <c r="D3880" t="s">
        <v>41030</v>
      </c>
      <c r="E3880" t="s">
        <v>13</v>
      </c>
      <c r="F3880">
        <v>10202</v>
      </c>
      <c r="G3880" t="s">
        <v>41091</v>
      </c>
      <c r="H3880">
        <v>5.4078429780570003</v>
      </c>
      <c r="I3880">
        <v>51.612655817799997</v>
      </c>
      <c r="J3880" t="s">
        <v>59565</v>
      </c>
    </row>
    <row r="3881" spans="1:10" x14ac:dyDescent="0.25">
      <c r="A3881" t="s">
        <v>41084</v>
      </c>
      <c r="B3881" t="s">
        <v>41085</v>
      </c>
      <c r="C3881" t="s">
        <v>41086</v>
      </c>
      <c r="D3881" t="s">
        <v>41030</v>
      </c>
      <c r="E3881" t="s">
        <v>13</v>
      </c>
      <c r="F3881">
        <v>10201</v>
      </c>
      <c r="G3881" t="s">
        <v>41087</v>
      </c>
      <c r="H3881">
        <v>5.4190531713679997</v>
      </c>
      <c r="I3881">
        <v>51.624916709762999</v>
      </c>
      <c r="J3881" t="s">
        <v>59566</v>
      </c>
    </row>
    <row r="3882" spans="1:10" x14ac:dyDescent="0.25">
      <c r="A3882" t="s">
        <v>41080</v>
      </c>
      <c r="B3882" t="s">
        <v>41081</v>
      </c>
      <c r="C3882" t="s">
        <v>41082</v>
      </c>
      <c r="D3882" t="s">
        <v>41030</v>
      </c>
      <c r="E3882" t="s">
        <v>13</v>
      </c>
      <c r="F3882">
        <v>10200</v>
      </c>
      <c r="G3882" t="s">
        <v>41083</v>
      </c>
      <c r="H3882">
        <v>5.4241136750049996</v>
      </c>
      <c r="I3882">
        <v>51.629262039735998</v>
      </c>
      <c r="J3882" t="s">
        <v>59567</v>
      </c>
    </row>
    <row r="3883" spans="1:10" x14ac:dyDescent="0.25">
      <c r="A3883" t="s">
        <v>41076</v>
      </c>
      <c r="B3883" t="s">
        <v>41077</v>
      </c>
      <c r="C3883" t="s">
        <v>41078</v>
      </c>
      <c r="D3883" t="s">
        <v>41030</v>
      </c>
      <c r="E3883" t="s">
        <v>13</v>
      </c>
      <c r="F3883">
        <v>10199</v>
      </c>
      <c r="G3883" t="s">
        <v>41079</v>
      </c>
      <c r="H3883">
        <v>5.5974518029590001</v>
      </c>
      <c r="I3883">
        <v>51.600930673222997</v>
      </c>
      <c r="J3883" t="s">
        <v>59568</v>
      </c>
    </row>
    <row r="3884" spans="1:10" x14ac:dyDescent="0.25">
      <c r="A3884" t="s">
        <v>41072</v>
      </c>
      <c r="B3884" t="s">
        <v>41073</v>
      </c>
      <c r="C3884" t="s">
        <v>41074</v>
      </c>
      <c r="D3884" t="s">
        <v>41030</v>
      </c>
      <c r="E3884" t="s">
        <v>13</v>
      </c>
      <c r="F3884">
        <v>10198</v>
      </c>
      <c r="G3884" t="s">
        <v>41075</v>
      </c>
      <c r="H3884">
        <v>5.5849776595450003</v>
      </c>
      <c r="I3884">
        <v>51.587070764270997</v>
      </c>
      <c r="J3884" t="s">
        <v>59569</v>
      </c>
    </row>
    <row r="3885" spans="1:10" x14ac:dyDescent="0.25">
      <c r="A3885" t="s">
        <v>41068</v>
      </c>
      <c r="B3885" t="s">
        <v>41069</v>
      </c>
      <c r="C3885" t="s">
        <v>41070</v>
      </c>
      <c r="D3885" t="s">
        <v>41030</v>
      </c>
      <c r="E3885" t="s">
        <v>13</v>
      </c>
      <c r="F3885">
        <v>10197</v>
      </c>
      <c r="G3885" t="s">
        <v>41071</v>
      </c>
      <c r="H3885">
        <v>5.6173459790319997</v>
      </c>
      <c r="I3885">
        <v>51.593137510688003</v>
      </c>
      <c r="J3885" t="s">
        <v>59570</v>
      </c>
    </row>
    <row r="3886" spans="1:10" x14ac:dyDescent="0.25">
      <c r="A3886" t="s">
        <v>41064</v>
      </c>
      <c r="B3886" t="s">
        <v>41065</v>
      </c>
      <c r="C3886" t="s">
        <v>41066</v>
      </c>
      <c r="D3886" t="s">
        <v>41030</v>
      </c>
      <c r="E3886" t="s">
        <v>13</v>
      </c>
      <c r="F3886">
        <v>10196</v>
      </c>
      <c r="G3886" t="s">
        <v>41067</v>
      </c>
      <c r="H3886">
        <v>5.6104588447920003</v>
      </c>
      <c r="I3886">
        <v>51.600420287635004</v>
      </c>
      <c r="J3886" t="s">
        <v>59571</v>
      </c>
    </row>
    <row r="3887" spans="1:10" x14ac:dyDescent="0.25">
      <c r="A3887" t="s">
        <v>41060</v>
      </c>
      <c r="B3887" t="s">
        <v>41061</v>
      </c>
      <c r="C3887" t="s">
        <v>41062</v>
      </c>
      <c r="D3887" t="s">
        <v>41030</v>
      </c>
      <c r="E3887" t="s">
        <v>13</v>
      </c>
      <c r="F3887">
        <v>10195</v>
      </c>
      <c r="G3887" t="s">
        <v>41063</v>
      </c>
      <c r="H3887">
        <v>5.6059461421880004</v>
      </c>
      <c r="I3887">
        <v>51.598037815284997</v>
      </c>
      <c r="J3887" t="s">
        <v>59572</v>
      </c>
    </row>
    <row r="3888" spans="1:10" x14ac:dyDescent="0.25">
      <c r="A3888" t="s">
        <v>41056</v>
      </c>
      <c r="B3888" t="s">
        <v>41057</v>
      </c>
      <c r="C3888" t="s">
        <v>41058</v>
      </c>
      <c r="D3888" t="s">
        <v>41030</v>
      </c>
      <c r="E3888" t="s">
        <v>13</v>
      </c>
      <c r="F3888">
        <v>10194</v>
      </c>
      <c r="G3888" t="s">
        <v>41059</v>
      </c>
      <c r="H3888">
        <v>5.6251901581860002</v>
      </c>
      <c r="I3888">
        <v>51.611085588519003</v>
      </c>
      <c r="J3888" t="s">
        <v>59573</v>
      </c>
    </row>
    <row r="3889" spans="1:10" x14ac:dyDescent="0.25">
      <c r="A3889" t="s">
        <v>41052</v>
      </c>
      <c r="B3889" t="s">
        <v>41053</v>
      </c>
      <c r="C3889" t="s">
        <v>41054</v>
      </c>
      <c r="D3889" t="s">
        <v>41030</v>
      </c>
      <c r="E3889" t="s">
        <v>13</v>
      </c>
      <c r="F3889">
        <v>10193</v>
      </c>
      <c r="G3889" t="s">
        <v>41055</v>
      </c>
      <c r="H3889">
        <v>5.5997193939130003</v>
      </c>
      <c r="I3889">
        <v>51.582931699649002</v>
      </c>
      <c r="J3889" t="s">
        <v>59574</v>
      </c>
    </row>
    <row r="3890" spans="1:10" x14ac:dyDescent="0.25">
      <c r="A3890" t="s">
        <v>41048</v>
      </c>
      <c r="B3890" t="s">
        <v>41049</v>
      </c>
      <c r="C3890" t="s">
        <v>41050</v>
      </c>
      <c r="D3890" t="s">
        <v>41030</v>
      </c>
      <c r="E3890" t="s">
        <v>13</v>
      </c>
      <c r="F3890">
        <v>10192</v>
      </c>
      <c r="G3890" t="s">
        <v>41051</v>
      </c>
      <c r="H3890">
        <v>5.63401727876</v>
      </c>
      <c r="I3890">
        <v>51.583800941718003</v>
      </c>
      <c r="J3890" t="s">
        <v>59575</v>
      </c>
    </row>
    <row r="3891" spans="1:10" x14ac:dyDescent="0.25">
      <c r="A3891" t="s">
        <v>41044</v>
      </c>
      <c r="B3891" t="s">
        <v>41045</v>
      </c>
      <c r="C3891" t="s">
        <v>41046</v>
      </c>
      <c r="D3891" t="s">
        <v>41030</v>
      </c>
      <c r="E3891" t="s">
        <v>13</v>
      </c>
      <c r="F3891">
        <v>10191</v>
      </c>
      <c r="G3891" t="s">
        <v>41047</v>
      </c>
      <c r="H3891">
        <v>5.5783981818299999</v>
      </c>
      <c r="I3891">
        <v>51.573699187349</v>
      </c>
      <c r="J3891" t="s">
        <v>59576</v>
      </c>
    </row>
    <row r="3892" spans="1:10" x14ac:dyDescent="0.25">
      <c r="A3892" t="s">
        <v>41040</v>
      </c>
      <c r="B3892" t="s">
        <v>41041</v>
      </c>
      <c r="C3892" t="s">
        <v>41042</v>
      </c>
      <c r="D3892" t="s">
        <v>41030</v>
      </c>
      <c r="E3892" t="s">
        <v>13</v>
      </c>
      <c r="F3892">
        <v>10190</v>
      </c>
      <c r="G3892" t="s">
        <v>41043</v>
      </c>
      <c r="H3892">
        <v>5.5958478340099997</v>
      </c>
      <c r="I3892">
        <v>51.609326942373997</v>
      </c>
      <c r="J3892" t="s">
        <v>59577</v>
      </c>
    </row>
    <row r="3893" spans="1:10" x14ac:dyDescent="0.25">
      <c r="A3893" t="s">
        <v>41036</v>
      </c>
      <c r="B3893" t="s">
        <v>41037</v>
      </c>
      <c r="C3893" t="s">
        <v>41038</v>
      </c>
      <c r="D3893" t="s">
        <v>41030</v>
      </c>
      <c r="E3893" t="s">
        <v>13</v>
      </c>
      <c r="F3893">
        <v>10189</v>
      </c>
      <c r="G3893" t="s">
        <v>41039</v>
      </c>
      <c r="H3893">
        <v>5.6229459493710001</v>
      </c>
      <c r="I3893">
        <v>51.566532385655997</v>
      </c>
      <c r="J3893" t="s">
        <v>59578</v>
      </c>
    </row>
    <row r="3894" spans="1:10" x14ac:dyDescent="0.25">
      <c r="A3894" t="s">
        <v>41032</v>
      </c>
      <c r="B3894" t="s">
        <v>41033</v>
      </c>
      <c r="C3894" t="s">
        <v>41034</v>
      </c>
      <c r="D3894" t="s">
        <v>41030</v>
      </c>
      <c r="E3894" t="s">
        <v>13</v>
      </c>
      <c r="F3894">
        <v>10188</v>
      </c>
      <c r="G3894" t="s">
        <v>41035</v>
      </c>
      <c r="H3894">
        <v>5.6052640880869999</v>
      </c>
      <c r="I3894">
        <v>51.604967814666999</v>
      </c>
      <c r="J3894" t="s">
        <v>59579</v>
      </c>
    </row>
    <row r="3895" spans="1:10" x14ac:dyDescent="0.25">
      <c r="A3895" t="s">
        <v>41027</v>
      </c>
      <c r="B3895" t="s">
        <v>41028</v>
      </c>
      <c r="C3895" t="s">
        <v>41029</v>
      </c>
      <c r="D3895" t="s">
        <v>41030</v>
      </c>
      <c r="E3895" t="s">
        <v>13</v>
      </c>
      <c r="F3895">
        <v>10187</v>
      </c>
      <c r="G3895" t="s">
        <v>41031</v>
      </c>
      <c r="H3895">
        <v>5.6242736098049999</v>
      </c>
      <c r="I3895">
        <v>51.559030326151998</v>
      </c>
      <c r="J3895" t="s">
        <v>59580</v>
      </c>
    </row>
    <row r="3896" spans="1:10" x14ac:dyDescent="0.25">
      <c r="A3896" t="s">
        <v>41023</v>
      </c>
      <c r="B3896" t="s">
        <v>41024</v>
      </c>
      <c r="C3896" t="s">
        <v>41025</v>
      </c>
      <c r="D3896" t="s">
        <v>40867</v>
      </c>
      <c r="E3896" t="s">
        <v>13</v>
      </c>
      <c r="F3896">
        <v>10186</v>
      </c>
      <c r="G3896" t="s">
        <v>41026</v>
      </c>
      <c r="H3896">
        <v>5.9027822918029997</v>
      </c>
      <c r="I3896">
        <v>51.835182576200999</v>
      </c>
      <c r="J3896" t="s">
        <v>59581</v>
      </c>
    </row>
    <row r="3897" spans="1:10" x14ac:dyDescent="0.25">
      <c r="A3897" t="s">
        <v>41019</v>
      </c>
      <c r="B3897" t="s">
        <v>41020</v>
      </c>
      <c r="C3897" t="s">
        <v>41021</v>
      </c>
      <c r="D3897" t="s">
        <v>40867</v>
      </c>
      <c r="E3897" t="s">
        <v>13</v>
      </c>
      <c r="F3897">
        <v>10185</v>
      </c>
      <c r="G3897" t="s">
        <v>41022</v>
      </c>
      <c r="H3897">
        <v>5.9343383509910002</v>
      </c>
      <c r="I3897">
        <v>51.841937176291999</v>
      </c>
      <c r="J3897" t="s">
        <v>59582</v>
      </c>
    </row>
    <row r="3898" spans="1:10" x14ac:dyDescent="0.25">
      <c r="A3898" t="s">
        <v>41015</v>
      </c>
      <c r="B3898" t="s">
        <v>41016</v>
      </c>
      <c r="C3898" t="s">
        <v>41017</v>
      </c>
      <c r="D3898" t="s">
        <v>40867</v>
      </c>
      <c r="E3898" t="s">
        <v>13</v>
      </c>
      <c r="F3898">
        <v>10184</v>
      </c>
      <c r="G3898" t="s">
        <v>41018</v>
      </c>
      <c r="H3898">
        <v>5.9125363818689998</v>
      </c>
      <c r="I3898">
        <v>51.858572382986999</v>
      </c>
      <c r="J3898" t="s">
        <v>59583</v>
      </c>
    </row>
    <row r="3899" spans="1:10" x14ac:dyDescent="0.25">
      <c r="A3899" t="s">
        <v>41011</v>
      </c>
      <c r="B3899" t="s">
        <v>41012</v>
      </c>
      <c r="C3899" t="s">
        <v>41013</v>
      </c>
      <c r="D3899" t="s">
        <v>40867</v>
      </c>
      <c r="E3899" t="s">
        <v>13</v>
      </c>
      <c r="F3899">
        <v>10183</v>
      </c>
      <c r="G3899" t="s">
        <v>41014</v>
      </c>
      <c r="H3899">
        <v>5.9493244390689997</v>
      </c>
      <c r="I3899">
        <v>51.856744020198001</v>
      </c>
      <c r="J3899" t="s">
        <v>59584</v>
      </c>
    </row>
    <row r="3900" spans="1:10" x14ac:dyDescent="0.25">
      <c r="A3900" t="s">
        <v>41007</v>
      </c>
      <c r="B3900" t="s">
        <v>41008</v>
      </c>
      <c r="C3900" t="s">
        <v>41009</v>
      </c>
      <c r="D3900" t="s">
        <v>40867</v>
      </c>
      <c r="E3900" t="s">
        <v>13</v>
      </c>
      <c r="F3900">
        <v>10182</v>
      </c>
      <c r="G3900" t="s">
        <v>41010</v>
      </c>
      <c r="H3900">
        <v>5.9374762469190001</v>
      </c>
      <c r="I3900">
        <v>51.856140200962002</v>
      </c>
      <c r="J3900" t="s">
        <v>59585</v>
      </c>
    </row>
    <row r="3901" spans="1:10" x14ac:dyDescent="0.25">
      <c r="A3901" t="s">
        <v>41003</v>
      </c>
      <c r="B3901" t="s">
        <v>41004</v>
      </c>
      <c r="C3901" t="s">
        <v>41005</v>
      </c>
      <c r="D3901" t="s">
        <v>40867</v>
      </c>
      <c r="E3901" t="s">
        <v>13</v>
      </c>
      <c r="F3901">
        <v>10181</v>
      </c>
      <c r="G3901" t="s">
        <v>41006</v>
      </c>
      <c r="H3901">
        <v>6.0115391122890003</v>
      </c>
      <c r="I3901">
        <v>51.874063461161001</v>
      </c>
      <c r="J3901" t="s">
        <v>59586</v>
      </c>
    </row>
    <row r="3902" spans="1:10" x14ac:dyDescent="0.25">
      <c r="A3902" t="s">
        <v>41000</v>
      </c>
      <c r="B3902" t="s">
        <v>41001</v>
      </c>
      <c r="C3902" t="s">
        <v>18522</v>
      </c>
      <c r="D3902" t="s">
        <v>40867</v>
      </c>
      <c r="E3902" t="s">
        <v>13</v>
      </c>
      <c r="F3902">
        <v>10180</v>
      </c>
      <c r="G3902" t="s">
        <v>41002</v>
      </c>
      <c r="H3902">
        <v>6.0309616765139999</v>
      </c>
      <c r="I3902">
        <v>51.851358324627</v>
      </c>
      <c r="J3902" t="s">
        <v>59587</v>
      </c>
    </row>
    <row r="3903" spans="1:10" x14ac:dyDescent="0.25">
      <c r="A3903" t="s">
        <v>40996</v>
      </c>
      <c r="B3903" t="s">
        <v>40997</v>
      </c>
      <c r="C3903" t="s">
        <v>40998</v>
      </c>
      <c r="D3903" t="s">
        <v>40867</v>
      </c>
      <c r="E3903" t="s">
        <v>13</v>
      </c>
      <c r="F3903">
        <v>10179</v>
      </c>
      <c r="G3903" t="s">
        <v>40999</v>
      </c>
      <c r="H3903">
        <v>6.0308919505810001</v>
      </c>
      <c r="I3903">
        <v>51.868625685005</v>
      </c>
      <c r="J3903" t="s">
        <v>59588</v>
      </c>
    </row>
    <row r="3904" spans="1:10" x14ac:dyDescent="0.25">
      <c r="A3904" t="s">
        <v>40992</v>
      </c>
      <c r="B3904" t="s">
        <v>40993</v>
      </c>
      <c r="C3904" t="s">
        <v>40994</v>
      </c>
      <c r="D3904" t="s">
        <v>40867</v>
      </c>
      <c r="E3904" t="s">
        <v>13</v>
      </c>
      <c r="F3904">
        <v>10178</v>
      </c>
      <c r="G3904" t="s">
        <v>40995</v>
      </c>
      <c r="H3904">
        <v>6.0389980700179997</v>
      </c>
      <c r="I3904">
        <v>51.864850542039001</v>
      </c>
      <c r="J3904" t="s">
        <v>59589</v>
      </c>
    </row>
    <row r="3905" spans="1:10" x14ac:dyDescent="0.25">
      <c r="A3905" t="s">
        <v>40988</v>
      </c>
      <c r="B3905" t="s">
        <v>40989</v>
      </c>
      <c r="C3905" t="s">
        <v>40990</v>
      </c>
      <c r="D3905" t="s">
        <v>40867</v>
      </c>
      <c r="E3905" t="s">
        <v>13</v>
      </c>
      <c r="F3905">
        <v>10177</v>
      </c>
      <c r="G3905" t="s">
        <v>40991</v>
      </c>
      <c r="H3905">
        <v>6.0532386755549998</v>
      </c>
      <c r="I3905">
        <v>51.863902905822002</v>
      </c>
      <c r="J3905" t="s">
        <v>59590</v>
      </c>
    </row>
    <row r="3906" spans="1:10" x14ac:dyDescent="0.25">
      <c r="A3906" t="s">
        <v>40984</v>
      </c>
      <c r="B3906" t="s">
        <v>40985</v>
      </c>
      <c r="C3906" t="s">
        <v>40986</v>
      </c>
      <c r="D3906" t="s">
        <v>40867</v>
      </c>
      <c r="E3906" t="s">
        <v>13</v>
      </c>
      <c r="F3906">
        <v>10176</v>
      </c>
      <c r="G3906" t="s">
        <v>40987</v>
      </c>
      <c r="H3906">
        <v>5.9892527241730003</v>
      </c>
      <c r="I3906">
        <v>51.844293477169998</v>
      </c>
      <c r="J3906" t="s">
        <v>59591</v>
      </c>
    </row>
    <row r="3907" spans="1:10" x14ac:dyDescent="0.25">
      <c r="A3907" t="s">
        <v>40980</v>
      </c>
      <c r="B3907" t="s">
        <v>40981</v>
      </c>
      <c r="C3907" t="s">
        <v>40982</v>
      </c>
      <c r="D3907" t="s">
        <v>40867</v>
      </c>
      <c r="E3907" t="s">
        <v>13</v>
      </c>
      <c r="F3907">
        <v>10175</v>
      </c>
      <c r="G3907" t="s">
        <v>40983</v>
      </c>
      <c r="H3907">
        <v>5.999142433856</v>
      </c>
      <c r="I3907">
        <v>51.840969868671998</v>
      </c>
      <c r="J3907" t="s">
        <v>59592</v>
      </c>
    </row>
    <row r="3908" spans="1:10" x14ac:dyDescent="0.25">
      <c r="A3908" t="s">
        <v>40976</v>
      </c>
      <c r="B3908" t="s">
        <v>40977</v>
      </c>
      <c r="C3908" t="s">
        <v>40978</v>
      </c>
      <c r="D3908" t="s">
        <v>40867</v>
      </c>
      <c r="E3908" t="s">
        <v>13</v>
      </c>
      <c r="F3908">
        <v>10174</v>
      </c>
      <c r="G3908" t="s">
        <v>40979</v>
      </c>
      <c r="H3908">
        <v>5.9924013952740003</v>
      </c>
      <c r="I3908">
        <v>51.838974588962998</v>
      </c>
      <c r="J3908" t="s">
        <v>59593</v>
      </c>
    </row>
    <row r="3909" spans="1:10" x14ac:dyDescent="0.25">
      <c r="A3909" t="s">
        <v>40972</v>
      </c>
      <c r="B3909" t="s">
        <v>40973</v>
      </c>
      <c r="C3909" t="s">
        <v>40974</v>
      </c>
      <c r="D3909" t="s">
        <v>40867</v>
      </c>
      <c r="E3909" t="s">
        <v>13</v>
      </c>
      <c r="F3909">
        <v>10173</v>
      </c>
      <c r="G3909" t="s">
        <v>40975</v>
      </c>
      <c r="H3909">
        <v>6.0062633535819998</v>
      </c>
      <c r="I3909">
        <v>51.859795701225003</v>
      </c>
      <c r="J3909" t="s">
        <v>59594</v>
      </c>
    </row>
    <row r="3910" spans="1:10" x14ac:dyDescent="0.25">
      <c r="A3910" t="s">
        <v>40968</v>
      </c>
      <c r="B3910" t="s">
        <v>40969</v>
      </c>
      <c r="C3910" t="s">
        <v>40970</v>
      </c>
      <c r="D3910" t="s">
        <v>40867</v>
      </c>
      <c r="E3910" t="s">
        <v>13</v>
      </c>
      <c r="F3910">
        <v>10172</v>
      </c>
      <c r="G3910" t="s">
        <v>40971</v>
      </c>
      <c r="H3910">
        <v>6.0116711383070003</v>
      </c>
      <c r="I3910">
        <v>51.863039648861999</v>
      </c>
      <c r="J3910" t="s">
        <v>59595</v>
      </c>
    </row>
    <row r="3911" spans="1:10" x14ac:dyDescent="0.25">
      <c r="A3911" t="s">
        <v>40964</v>
      </c>
      <c r="B3911" t="s">
        <v>40965</v>
      </c>
      <c r="C3911" t="s">
        <v>40966</v>
      </c>
      <c r="D3911" t="s">
        <v>40867</v>
      </c>
      <c r="E3911" t="s">
        <v>13</v>
      </c>
      <c r="F3911">
        <v>10171</v>
      </c>
      <c r="G3911" t="s">
        <v>40967</v>
      </c>
      <c r="H3911">
        <v>5.8967404653679996</v>
      </c>
      <c r="I3911">
        <v>51.811572201891998</v>
      </c>
      <c r="J3911" t="s">
        <v>59596</v>
      </c>
    </row>
    <row r="3912" spans="1:10" x14ac:dyDescent="0.25">
      <c r="A3912" t="s">
        <v>40960</v>
      </c>
      <c r="B3912" t="s">
        <v>40961</v>
      </c>
      <c r="C3912" t="s">
        <v>40962</v>
      </c>
      <c r="D3912" t="s">
        <v>40867</v>
      </c>
      <c r="E3912" t="s">
        <v>13</v>
      </c>
      <c r="F3912">
        <v>10170</v>
      </c>
      <c r="G3912" t="s">
        <v>40963</v>
      </c>
      <c r="H3912">
        <v>5.8858564344559996</v>
      </c>
      <c r="I3912">
        <v>51.817766182919001</v>
      </c>
      <c r="J3912" t="s">
        <v>59597</v>
      </c>
    </row>
    <row r="3913" spans="1:10" x14ac:dyDescent="0.25">
      <c r="A3913" t="s">
        <v>40956</v>
      </c>
      <c r="B3913" t="s">
        <v>40957</v>
      </c>
      <c r="C3913" t="s">
        <v>40958</v>
      </c>
      <c r="D3913" t="s">
        <v>40867</v>
      </c>
      <c r="E3913" t="s">
        <v>13</v>
      </c>
      <c r="F3913">
        <v>10169</v>
      </c>
      <c r="G3913" t="s">
        <v>40959</v>
      </c>
      <c r="H3913">
        <v>5.9048900788119996</v>
      </c>
      <c r="I3913">
        <v>51.781553318424002</v>
      </c>
      <c r="J3913" t="s">
        <v>59598</v>
      </c>
    </row>
    <row r="3914" spans="1:10" x14ac:dyDescent="0.25">
      <c r="A3914" t="s">
        <v>40952</v>
      </c>
      <c r="B3914" t="s">
        <v>40953</v>
      </c>
      <c r="C3914" t="s">
        <v>40954</v>
      </c>
      <c r="D3914" t="s">
        <v>40867</v>
      </c>
      <c r="E3914" t="s">
        <v>13</v>
      </c>
      <c r="F3914">
        <v>10168</v>
      </c>
      <c r="G3914" t="s">
        <v>40955</v>
      </c>
      <c r="H3914">
        <v>5.9421910544919996</v>
      </c>
      <c r="I3914">
        <v>51.795522279312003</v>
      </c>
      <c r="J3914" t="s">
        <v>59599</v>
      </c>
    </row>
    <row r="3915" spans="1:10" x14ac:dyDescent="0.25">
      <c r="A3915" t="s">
        <v>40948</v>
      </c>
      <c r="B3915" t="s">
        <v>40949</v>
      </c>
      <c r="C3915" t="s">
        <v>40950</v>
      </c>
      <c r="D3915" t="s">
        <v>40867</v>
      </c>
      <c r="E3915" t="s">
        <v>13</v>
      </c>
      <c r="F3915">
        <v>10167</v>
      </c>
      <c r="G3915" t="s">
        <v>40951</v>
      </c>
      <c r="H3915">
        <v>5.9178582806250004</v>
      </c>
      <c r="I3915">
        <v>51.76605065831</v>
      </c>
      <c r="J3915" t="s">
        <v>59600</v>
      </c>
    </row>
    <row r="3916" spans="1:10" x14ac:dyDescent="0.25">
      <c r="A3916" t="s">
        <v>40944</v>
      </c>
      <c r="B3916" t="s">
        <v>40945</v>
      </c>
      <c r="C3916" t="s">
        <v>40946</v>
      </c>
      <c r="D3916" t="s">
        <v>40867</v>
      </c>
      <c r="E3916" t="s">
        <v>13</v>
      </c>
      <c r="F3916">
        <v>10166</v>
      </c>
      <c r="G3916" t="s">
        <v>40947</v>
      </c>
      <c r="H3916">
        <v>5.8954514865650003</v>
      </c>
      <c r="I3916">
        <v>51.796362861090003</v>
      </c>
      <c r="J3916" t="s">
        <v>59601</v>
      </c>
    </row>
    <row r="3917" spans="1:10" x14ac:dyDescent="0.25">
      <c r="A3917" t="s">
        <v>40940</v>
      </c>
      <c r="B3917" t="s">
        <v>40941</v>
      </c>
      <c r="C3917" t="s">
        <v>40942</v>
      </c>
      <c r="D3917" t="s">
        <v>40867</v>
      </c>
      <c r="E3917" t="s">
        <v>13</v>
      </c>
      <c r="F3917">
        <v>10165</v>
      </c>
      <c r="G3917" t="s">
        <v>40943</v>
      </c>
      <c r="H3917">
        <v>5.9503508511190004</v>
      </c>
      <c r="I3917">
        <v>51.778541645124001</v>
      </c>
      <c r="J3917" t="s">
        <v>59602</v>
      </c>
    </row>
    <row r="3918" spans="1:10" x14ac:dyDescent="0.25">
      <c r="A3918" t="s">
        <v>40936</v>
      </c>
      <c r="B3918" t="s">
        <v>40937</v>
      </c>
      <c r="C3918" t="s">
        <v>40938</v>
      </c>
      <c r="D3918" t="s">
        <v>40867</v>
      </c>
      <c r="E3918" t="s">
        <v>13</v>
      </c>
      <c r="F3918">
        <v>10164</v>
      </c>
      <c r="G3918" t="s">
        <v>40939</v>
      </c>
      <c r="H3918">
        <v>5.9510427084610003</v>
      </c>
      <c r="I3918">
        <v>51.775868698107999</v>
      </c>
      <c r="J3918" t="s">
        <v>59603</v>
      </c>
    </row>
    <row r="3919" spans="1:10" x14ac:dyDescent="0.25">
      <c r="A3919" t="s">
        <v>40932</v>
      </c>
      <c r="B3919" t="s">
        <v>40933</v>
      </c>
      <c r="C3919" t="s">
        <v>40934</v>
      </c>
      <c r="D3919" t="s">
        <v>40867</v>
      </c>
      <c r="E3919" t="s">
        <v>13</v>
      </c>
      <c r="F3919">
        <v>10163</v>
      </c>
      <c r="G3919" t="s">
        <v>40935</v>
      </c>
      <c r="H3919">
        <v>5.9234616675260003</v>
      </c>
      <c r="I3919">
        <v>51.783293879215002</v>
      </c>
      <c r="J3919" t="s">
        <v>59604</v>
      </c>
    </row>
    <row r="3920" spans="1:10" x14ac:dyDescent="0.25">
      <c r="A3920" t="s">
        <v>40928</v>
      </c>
      <c r="B3920" t="s">
        <v>40929</v>
      </c>
      <c r="C3920" t="s">
        <v>40930</v>
      </c>
      <c r="D3920" t="s">
        <v>40867</v>
      </c>
      <c r="E3920" t="s">
        <v>13</v>
      </c>
      <c r="F3920">
        <v>10162</v>
      </c>
      <c r="G3920" t="s">
        <v>40931</v>
      </c>
      <c r="H3920">
        <v>5.9320686133220004</v>
      </c>
      <c r="I3920">
        <v>51.769796688962998</v>
      </c>
      <c r="J3920" t="s">
        <v>59605</v>
      </c>
    </row>
    <row r="3921" spans="1:10" x14ac:dyDescent="0.25">
      <c r="A3921" t="s">
        <v>40924</v>
      </c>
      <c r="B3921" t="s">
        <v>40925</v>
      </c>
      <c r="C3921" t="s">
        <v>40926</v>
      </c>
      <c r="D3921" t="s">
        <v>40867</v>
      </c>
      <c r="E3921" t="s">
        <v>13</v>
      </c>
      <c r="F3921">
        <v>10161</v>
      </c>
      <c r="G3921" t="s">
        <v>40927</v>
      </c>
      <c r="H3921">
        <v>5.9409639673100001</v>
      </c>
      <c r="I3921">
        <v>51.772646805253999</v>
      </c>
      <c r="J3921" t="s">
        <v>59606</v>
      </c>
    </row>
    <row r="3922" spans="1:10" x14ac:dyDescent="0.25">
      <c r="A3922" t="s">
        <v>40920</v>
      </c>
      <c r="B3922" t="s">
        <v>40921</v>
      </c>
      <c r="C3922" t="s">
        <v>40922</v>
      </c>
      <c r="D3922" t="s">
        <v>40867</v>
      </c>
      <c r="E3922" t="s">
        <v>13</v>
      </c>
      <c r="F3922">
        <v>10160</v>
      </c>
      <c r="G3922" t="s">
        <v>40923</v>
      </c>
      <c r="H3922">
        <v>5.9431706876410004</v>
      </c>
      <c r="I3922">
        <v>51.769549585542002</v>
      </c>
      <c r="J3922" t="s">
        <v>59607</v>
      </c>
    </row>
    <row r="3923" spans="1:10" x14ac:dyDescent="0.25">
      <c r="A3923" t="s">
        <v>40916</v>
      </c>
      <c r="B3923" t="s">
        <v>40917</v>
      </c>
      <c r="C3923" t="s">
        <v>40918</v>
      </c>
      <c r="D3923" t="s">
        <v>40867</v>
      </c>
      <c r="E3923" t="s">
        <v>13</v>
      </c>
      <c r="F3923">
        <v>10159</v>
      </c>
      <c r="G3923" t="s">
        <v>40919</v>
      </c>
      <c r="H3923">
        <v>5.9350296009110002</v>
      </c>
      <c r="I3923">
        <v>51.781098896103003</v>
      </c>
      <c r="J3923" t="s">
        <v>59608</v>
      </c>
    </row>
    <row r="3924" spans="1:10" x14ac:dyDescent="0.25">
      <c r="A3924" t="s">
        <v>40912</v>
      </c>
      <c r="B3924" t="s">
        <v>40913</v>
      </c>
      <c r="C3924" t="s">
        <v>40914</v>
      </c>
      <c r="D3924" t="s">
        <v>40867</v>
      </c>
      <c r="E3924" t="s">
        <v>13</v>
      </c>
      <c r="F3924">
        <v>10158</v>
      </c>
      <c r="G3924" t="s">
        <v>40915</v>
      </c>
      <c r="H3924">
        <v>5.938137275301</v>
      </c>
      <c r="I3924">
        <v>51.775823973739001</v>
      </c>
      <c r="J3924" t="s">
        <v>59609</v>
      </c>
    </row>
    <row r="3925" spans="1:10" x14ac:dyDescent="0.25">
      <c r="A3925" t="s">
        <v>40908</v>
      </c>
      <c r="B3925" t="s">
        <v>40909</v>
      </c>
      <c r="C3925" t="s">
        <v>40910</v>
      </c>
      <c r="D3925" t="s">
        <v>40867</v>
      </c>
      <c r="E3925" t="s">
        <v>13</v>
      </c>
      <c r="F3925">
        <v>10157</v>
      </c>
      <c r="G3925" t="s">
        <v>40911</v>
      </c>
      <c r="H3925">
        <v>5.9594563476279996</v>
      </c>
      <c r="I3925">
        <v>51.846789297736997</v>
      </c>
      <c r="J3925" t="s">
        <v>59610</v>
      </c>
    </row>
    <row r="3926" spans="1:10" x14ac:dyDescent="0.25">
      <c r="A3926" t="s">
        <v>40904</v>
      </c>
      <c r="B3926" t="s">
        <v>40905</v>
      </c>
      <c r="C3926" t="s">
        <v>40906</v>
      </c>
      <c r="D3926" t="s">
        <v>40867</v>
      </c>
      <c r="E3926" t="s">
        <v>13</v>
      </c>
      <c r="F3926">
        <v>10156</v>
      </c>
      <c r="G3926" t="s">
        <v>40907</v>
      </c>
      <c r="H3926">
        <v>5.9700293507269997</v>
      </c>
      <c r="I3926">
        <v>51.774191359714997</v>
      </c>
      <c r="J3926" t="s">
        <v>59611</v>
      </c>
    </row>
    <row r="3927" spans="1:10" x14ac:dyDescent="0.25">
      <c r="A3927" t="s">
        <v>40901</v>
      </c>
      <c r="B3927" t="s">
        <v>40902</v>
      </c>
      <c r="C3927" t="s">
        <v>12446</v>
      </c>
      <c r="D3927" t="s">
        <v>40867</v>
      </c>
      <c r="E3927" t="s">
        <v>13</v>
      </c>
      <c r="F3927">
        <v>10155</v>
      </c>
      <c r="G3927" t="s">
        <v>40903</v>
      </c>
      <c r="H3927">
        <v>5.9683667060580001</v>
      </c>
      <c r="I3927">
        <v>51.775481014950998</v>
      </c>
      <c r="J3927" t="s">
        <v>59612</v>
      </c>
    </row>
    <row r="3928" spans="1:10" x14ac:dyDescent="0.25">
      <c r="A3928" t="s">
        <v>40897</v>
      </c>
      <c r="B3928" t="s">
        <v>40898</v>
      </c>
      <c r="C3928" t="s">
        <v>40899</v>
      </c>
      <c r="D3928" t="s">
        <v>40867</v>
      </c>
      <c r="E3928" t="s">
        <v>13</v>
      </c>
      <c r="F3928">
        <v>10154</v>
      </c>
      <c r="G3928" t="s">
        <v>40900</v>
      </c>
      <c r="H3928">
        <v>5.9464655978860002</v>
      </c>
      <c r="I3928">
        <v>51.754499548665997</v>
      </c>
      <c r="J3928" t="s">
        <v>59613</v>
      </c>
    </row>
    <row r="3929" spans="1:10" x14ac:dyDescent="0.25">
      <c r="A3929" t="s">
        <v>40893</v>
      </c>
      <c r="B3929" t="s">
        <v>40894</v>
      </c>
      <c r="C3929" t="s">
        <v>40895</v>
      </c>
      <c r="D3929" t="s">
        <v>40867</v>
      </c>
      <c r="E3929" t="s">
        <v>13</v>
      </c>
      <c r="F3929">
        <v>10153</v>
      </c>
      <c r="G3929" t="s">
        <v>40896</v>
      </c>
      <c r="H3929">
        <v>5.940582662403</v>
      </c>
      <c r="I3929">
        <v>51.758863067862002</v>
      </c>
      <c r="J3929" t="s">
        <v>59614</v>
      </c>
    </row>
    <row r="3930" spans="1:10" x14ac:dyDescent="0.25">
      <c r="A3930" t="s">
        <v>40889</v>
      </c>
      <c r="B3930" t="s">
        <v>40890</v>
      </c>
      <c r="C3930" t="s">
        <v>40891</v>
      </c>
      <c r="D3930" t="s">
        <v>40867</v>
      </c>
      <c r="E3930" t="s">
        <v>13</v>
      </c>
      <c r="F3930">
        <v>10152</v>
      </c>
      <c r="G3930" t="s">
        <v>40892</v>
      </c>
      <c r="H3930">
        <v>5.9232573568570004</v>
      </c>
      <c r="I3930">
        <v>51.814386577565003</v>
      </c>
      <c r="J3930" t="s">
        <v>59615</v>
      </c>
    </row>
    <row r="3931" spans="1:10" x14ac:dyDescent="0.25">
      <c r="A3931" t="s">
        <v>40885</v>
      </c>
      <c r="B3931" t="s">
        <v>40886</v>
      </c>
      <c r="C3931" t="s">
        <v>40887</v>
      </c>
      <c r="D3931" t="s">
        <v>40867</v>
      </c>
      <c r="E3931" t="s">
        <v>13</v>
      </c>
      <c r="F3931">
        <v>10151</v>
      </c>
      <c r="G3931" t="s">
        <v>40888</v>
      </c>
      <c r="H3931">
        <v>5.9213709715789999</v>
      </c>
      <c r="I3931">
        <v>51.817832287826</v>
      </c>
      <c r="J3931" t="s">
        <v>59616</v>
      </c>
    </row>
    <row r="3932" spans="1:10" x14ac:dyDescent="0.25">
      <c r="A3932" t="s">
        <v>40881</v>
      </c>
      <c r="B3932" t="s">
        <v>40882</v>
      </c>
      <c r="C3932" t="s">
        <v>40883</v>
      </c>
      <c r="D3932" t="s">
        <v>40867</v>
      </c>
      <c r="E3932" t="s">
        <v>13</v>
      </c>
      <c r="F3932">
        <v>10150</v>
      </c>
      <c r="G3932" t="s">
        <v>40884</v>
      </c>
      <c r="H3932">
        <v>5.9088021698000004</v>
      </c>
      <c r="I3932">
        <v>51.826279174349999</v>
      </c>
      <c r="J3932" t="s">
        <v>59617</v>
      </c>
    </row>
    <row r="3933" spans="1:10" x14ac:dyDescent="0.25">
      <c r="A3933" t="s">
        <v>40877</v>
      </c>
      <c r="B3933" t="s">
        <v>40878</v>
      </c>
      <c r="C3933" t="s">
        <v>40879</v>
      </c>
      <c r="D3933" t="s">
        <v>40867</v>
      </c>
      <c r="E3933" t="s">
        <v>13</v>
      </c>
      <c r="F3933">
        <v>10149</v>
      </c>
      <c r="G3933" t="s">
        <v>40880</v>
      </c>
      <c r="H3933">
        <v>5.9336294480290004</v>
      </c>
      <c r="I3933">
        <v>51.833204874453997</v>
      </c>
      <c r="J3933" t="s">
        <v>59618</v>
      </c>
    </row>
    <row r="3934" spans="1:10" x14ac:dyDescent="0.25">
      <c r="A3934" t="s">
        <v>40873</v>
      </c>
      <c r="B3934" t="s">
        <v>40874</v>
      </c>
      <c r="C3934" t="s">
        <v>40875</v>
      </c>
      <c r="D3934" t="s">
        <v>40867</v>
      </c>
      <c r="E3934" t="s">
        <v>13</v>
      </c>
      <c r="F3934">
        <v>10148</v>
      </c>
      <c r="G3934" t="s">
        <v>40876</v>
      </c>
      <c r="H3934">
        <v>5.9177390403099999</v>
      </c>
      <c r="I3934">
        <v>51.831444532650998</v>
      </c>
      <c r="J3934" t="s">
        <v>59619</v>
      </c>
    </row>
    <row r="3935" spans="1:10" x14ac:dyDescent="0.25">
      <c r="A3935" t="s">
        <v>40869</v>
      </c>
      <c r="B3935" t="s">
        <v>40870</v>
      </c>
      <c r="C3935" t="s">
        <v>40871</v>
      </c>
      <c r="D3935" t="s">
        <v>40867</v>
      </c>
      <c r="E3935" t="s">
        <v>13</v>
      </c>
      <c r="F3935">
        <v>10147</v>
      </c>
      <c r="G3935" t="s">
        <v>40872</v>
      </c>
      <c r="H3935">
        <v>5.9364426487699999</v>
      </c>
      <c r="I3935">
        <v>51.823807188290999</v>
      </c>
      <c r="J3935" t="s">
        <v>59620</v>
      </c>
    </row>
    <row r="3936" spans="1:10" x14ac:dyDescent="0.25">
      <c r="A3936" t="s">
        <v>40864</v>
      </c>
      <c r="B3936" t="s">
        <v>40865</v>
      </c>
      <c r="C3936" t="s">
        <v>40866</v>
      </c>
      <c r="D3936" t="s">
        <v>40867</v>
      </c>
      <c r="E3936" t="s">
        <v>13</v>
      </c>
      <c r="F3936">
        <v>10146</v>
      </c>
      <c r="G3936" t="s">
        <v>40868</v>
      </c>
      <c r="H3936">
        <v>5.9252697383589998</v>
      </c>
      <c r="I3936">
        <v>51.827893424754997</v>
      </c>
      <c r="J3936" t="s">
        <v>59621</v>
      </c>
    </row>
    <row r="3937" spans="1:10" x14ac:dyDescent="0.25">
      <c r="A3937" t="s">
        <v>40860</v>
      </c>
      <c r="B3937" t="s">
        <v>40861</v>
      </c>
      <c r="C3937" t="s">
        <v>40862</v>
      </c>
      <c r="D3937" t="s">
        <v>40647</v>
      </c>
      <c r="E3937" t="s">
        <v>13</v>
      </c>
      <c r="F3937">
        <v>10145</v>
      </c>
      <c r="G3937" t="s">
        <v>40863</v>
      </c>
      <c r="H3937">
        <v>5.1461779141420001</v>
      </c>
      <c r="I3937">
        <v>52.286887651657999</v>
      </c>
      <c r="J3937" t="s">
        <v>59622</v>
      </c>
    </row>
    <row r="3938" spans="1:10" x14ac:dyDescent="0.25">
      <c r="A3938" t="s">
        <v>40856</v>
      </c>
      <c r="B3938" t="s">
        <v>40857</v>
      </c>
      <c r="C3938" t="s">
        <v>40858</v>
      </c>
      <c r="D3938" t="s">
        <v>40647</v>
      </c>
      <c r="E3938" t="s">
        <v>13</v>
      </c>
      <c r="F3938">
        <v>10144</v>
      </c>
      <c r="G3938" t="s">
        <v>40859</v>
      </c>
      <c r="H3938">
        <v>5.1478715217150004</v>
      </c>
      <c r="I3938">
        <v>52.290041383858998</v>
      </c>
      <c r="J3938" t="s">
        <v>59623</v>
      </c>
    </row>
    <row r="3939" spans="1:10" x14ac:dyDescent="0.25">
      <c r="A3939" t="s">
        <v>40852</v>
      </c>
      <c r="B3939" t="s">
        <v>40853</v>
      </c>
      <c r="C3939" t="s">
        <v>40854</v>
      </c>
      <c r="D3939" t="s">
        <v>40647</v>
      </c>
      <c r="E3939" t="s">
        <v>13</v>
      </c>
      <c r="F3939">
        <v>10143</v>
      </c>
      <c r="G3939" t="s">
        <v>40855</v>
      </c>
      <c r="H3939">
        <v>5.1518062337390003</v>
      </c>
      <c r="I3939">
        <v>52.291632957636999</v>
      </c>
      <c r="J3939" t="s">
        <v>59624</v>
      </c>
    </row>
    <row r="3940" spans="1:10" x14ac:dyDescent="0.25">
      <c r="A3940" t="s">
        <v>40848</v>
      </c>
      <c r="B3940" t="s">
        <v>40849</v>
      </c>
      <c r="C3940" t="s">
        <v>40850</v>
      </c>
      <c r="D3940" t="s">
        <v>40647</v>
      </c>
      <c r="E3940" t="s">
        <v>13</v>
      </c>
      <c r="F3940">
        <v>10142</v>
      </c>
      <c r="G3940" t="s">
        <v>40851</v>
      </c>
      <c r="H3940">
        <v>5.1398935429010004</v>
      </c>
      <c r="I3940">
        <v>52.307367597780001</v>
      </c>
      <c r="J3940" t="s">
        <v>59625</v>
      </c>
    </row>
    <row r="3941" spans="1:10" x14ac:dyDescent="0.25">
      <c r="A3941" t="s">
        <v>40844</v>
      </c>
      <c r="B3941" t="s">
        <v>40845</v>
      </c>
      <c r="C3941" t="s">
        <v>40846</v>
      </c>
      <c r="D3941" t="s">
        <v>40647</v>
      </c>
      <c r="E3941" t="s">
        <v>13</v>
      </c>
      <c r="F3941">
        <v>10141</v>
      </c>
      <c r="G3941" t="s">
        <v>40847</v>
      </c>
      <c r="H3941">
        <v>5.1871588645519999</v>
      </c>
      <c r="I3941">
        <v>52.281799401049</v>
      </c>
      <c r="J3941" t="s">
        <v>59626</v>
      </c>
    </row>
    <row r="3942" spans="1:10" x14ac:dyDescent="0.25">
      <c r="A3942" t="s">
        <v>40840</v>
      </c>
      <c r="B3942" t="s">
        <v>40841</v>
      </c>
      <c r="C3942" t="s">
        <v>40842</v>
      </c>
      <c r="D3942" t="s">
        <v>40647</v>
      </c>
      <c r="E3942" t="s">
        <v>13</v>
      </c>
      <c r="F3942">
        <v>10140</v>
      </c>
      <c r="G3942" t="s">
        <v>40843</v>
      </c>
      <c r="H3942">
        <v>5.1222278661449998</v>
      </c>
      <c r="I3942">
        <v>52.294332899708998</v>
      </c>
      <c r="J3942" t="s">
        <v>59627</v>
      </c>
    </row>
    <row r="3943" spans="1:10" x14ac:dyDescent="0.25">
      <c r="A3943" t="s">
        <v>40836</v>
      </c>
      <c r="B3943" t="s">
        <v>40837</v>
      </c>
      <c r="C3943" t="s">
        <v>40838</v>
      </c>
      <c r="D3943" t="s">
        <v>40647</v>
      </c>
      <c r="E3943" t="s">
        <v>13</v>
      </c>
      <c r="F3943">
        <v>10139</v>
      </c>
      <c r="G3943" t="s">
        <v>40839</v>
      </c>
      <c r="H3943">
        <v>5.1732553999500004</v>
      </c>
      <c r="I3943">
        <v>52.306525409989</v>
      </c>
      <c r="J3943" t="s">
        <v>59628</v>
      </c>
    </row>
    <row r="3944" spans="1:10" x14ac:dyDescent="0.25">
      <c r="A3944" t="s">
        <v>40832</v>
      </c>
      <c r="B3944" t="s">
        <v>40833</v>
      </c>
      <c r="C3944" t="s">
        <v>40834</v>
      </c>
      <c r="D3944" t="s">
        <v>40647</v>
      </c>
      <c r="E3944" t="s">
        <v>13</v>
      </c>
      <c r="F3944">
        <v>10138</v>
      </c>
      <c r="G3944" t="s">
        <v>40835</v>
      </c>
      <c r="H3944">
        <v>5.1918324405950003</v>
      </c>
      <c r="I3944">
        <v>52.286008143834998</v>
      </c>
      <c r="J3944" t="s">
        <v>59629</v>
      </c>
    </row>
    <row r="3945" spans="1:10" x14ac:dyDescent="0.25">
      <c r="A3945" t="s">
        <v>40828</v>
      </c>
      <c r="B3945" t="s">
        <v>40829</v>
      </c>
      <c r="C3945" t="s">
        <v>40830</v>
      </c>
      <c r="D3945" t="s">
        <v>40647</v>
      </c>
      <c r="E3945" t="s">
        <v>13</v>
      </c>
      <c r="F3945">
        <v>10137</v>
      </c>
      <c r="G3945" t="s">
        <v>40831</v>
      </c>
      <c r="H3945">
        <v>5.1695038005329996</v>
      </c>
      <c r="I3945">
        <v>52.285062682913001</v>
      </c>
      <c r="J3945" t="s">
        <v>59630</v>
      </c>
    </row>
    <row r="3946" spans="1:10" x14ac:dyDescent="0.25">
      <c r="A3946" t="s">
        <v>40825</v>
      </c>
      <c r="B3946" t="s">
        <v>40826</v>
      </c>
      <c r="C3946" t="s">
        <v>2967</v>
      </c>
      <c r="D3946" t="s">
        <v>40647</v>
      </c>
      <c r="E3946" t="s">
        <v>13</v>
      </c>
      <c r="F3946">
        <v>10136</v>
      </c>
      <c r="G3946" t="s">
        <v>40827</v>
      </c>
      <c r="H3946">
        <v>5.1735827807390002</v>
      </c>
      <c r="I3946">
        <v>52.290065066775</v>
      </c>
      <c r="J3946" t="s">
        <v>59631</v>
      </c>
    </row>
    <row r="3947" spans="1:10" x14ac:dyDescent="0.25">
      <c r="A3947" t="s">
        <v>40821</v>
      </c>
      <c r="B3947" t="s">
        <v>40822</v>
      </c>
      <c r="C3947" t="s">
        <v>40823</v>
      </c>
      <c r="D3947" t="s">
        <v>40647</v>
      </c>
      <c r="E3947" t="s">
        <v>13</v>
      </c>
      <c r="F3947">
        <v>10135</v>
      </c>
      <c r="G3947" t="s">
        <v>40824</v>
      </c>
      <c r="H3947">
        <v>5.1500069656700003</v>
      </c>
      <c r="I3947">
        <v>52.283324053812002</v>
      </c>
      <c r="J3947" t="s">
        <v>59632</v>
      </c>
    </row>
    <row r="3948" spans="1:10" x14ac:dyDescent="0.25">
      <c r="A3948" t="s">
        <v>40817</v>
      </c>
      <c r="B3948" t="s">
        <v>40818</v>
      </c>
      <c r="C3948" t="s">
        <v>40819</v>
      </c>
      <c r="D3948" t="s">
        <v>40647</v>
      </c>
      <c r="E3948" t="s">
        <v>13</v>
      </c>
      <c r="F3948">
        <v>10134</v>
      </c>
      <c r="G3948" t="s">
        <v>40820</v>
      </c>
      <c r="H3948">
        <v>5.1567230288959998</v>
      </c>
      <c r="I3948">
        <v>52.285797016125997</v>
      </c>
      <c r="J3948" t="s">
        <v>59633</v>
      </c>
    </row>
    <row r="3949" spans="1:10" x14ac:dyDescent="0.25">
      <c r="A3949" t="s">
        <v>40813</v>
      </c>
      <c r="B3949" t="s">
        <v>40814</v>
      </c>
      <c r="C3949" t="s">
        <v>40815</v>
      </c>
      <c r="D3949" t="s">
        <v>40647</v>
      </c>
      <c r="E3949" t="s">
        <v>13</v>
      </c>
      <c r="F3949">
        <v>10133</v>
      </c>
      <c r="G3949" t="s">
        <v>40816</v>
      </c>
      <c r="H3949">
        <v>5.1569629187909998</v>
      </c>
      <c r="I3949">
        <v>52.289751821605002</v>
      </c>
      <c r="J3949" t="s">
        <v>59634</v>
      </c>
    </row>
    <row r="3950" spans="1:10" x14ac:dyDescent="0.25">
      <c r="A3950" t="s">
        <v>40809</v>
      </c>
      <c r="B3950" t="s">
        <v>40810</v>
      </c>
      <c r="C3950" t="s">
        <v>40811</v>
      </c>
      <c r="D3950" t="s">
        <v>40647</v>
      </c>
      <c r="E3950" t="s">
        <v>13</v>
      </c>
      <c r="F3950">
        <v>10132</v>
      </c>
      <c r="G3950" t="s">
        <v>40812</v>
      </c>
      <c r="H3950">
        <v>5.149569940108</v>
      </c>
      <c r="I3950">
        <v>52.303108905239</v>
      </c>
      <c r="J3950" t="s">
        <v>59635</v>
      </c>
    </row>
    <row r="3951" spans="1:10" x14ac:dyDescent="0.25">
      <c r="A3951" t="s">
        <v>40805</v>
      </c>
      <c r="B3951" t="s">
        <v>40806</v>
      </c>
      <c r="C3951" t="s">
        <v>40807</v>
      </c>
      <c r="D3951" t="s">
        <v>40647</v>
      </c>
      <c r="E3951" t="s">
        <v>13</v>
      </c>
      <c r="F3951">
        <v>10131</v>
      </c>
      <c r="G3951" t="s">
        <v>40808</v>
      </c>
      <c r="H3951">
        <v>5.1522533017269998</v>
      </c>
      <c r="I3951">
        <v>52.308094218370002</v>
      </c>
      <c r="J3951" t="s">
        <v>59636</v>
      </c>
    </row>
    <row r="3952" spans="1:10" x14ac:dyDescent="0.25">
      <c r="A3952" t="s">
        <v>40801</v>
      </c>
      <c r="B3952" t="s">
        <v>40802</v>
      </c>
      <c r="C3952" t="s">
        <v>40803</v>
      </c>
      <c r="D3952" t="s">
        <v>40647</v>
      </c>
      <c r="E3952" t="s">
        <v>13</v>
      </c>
      <c r="F3952">
        <v>10130</v>
      </c>
      <c r="G3952" t="s">
        <v>40804</v>
      </c>
      <c r="H3952">
        <v>5.1477779268389998</v>
      </c>
      <c r="I3952">
        <v>52.298555757693002</v>
      </c>
      <c r="J3952" t="s">
        <v>59637</v>
      </c>
    </row>
    <row r="3953" spans="1:10" x14ac:dyDescent="0.25">
      <c r="A3953" t="s">
        <v>40797</v>
      </c>
      <c r="B3953" t="s">
        <v>40798</v>
      </c>
      <c r="C3953" t="s">
        <v>40799</v>
      </c>
      <c r="D3953" t="s">
        <v>40647</v>
      </c>
      <c r="E3953" t="s">
        <v>13</v>
      </c>
      <c r="F3953">
        <v>10129</v>
      </c>
      <c r="G3953" t="s">
        <v>40800</v>
      </c>
      <c r="H3953">
        <v>5.1628430380130004</v>
      </c>
      <c r="I3953">
        <v>52.295680477984</v>
      </c>
      <c r="J3953" t="s">
        <v>59638</v>
      </c>
    </row>
    <row r="3954" spans="1:10" x14ac:dyDescent="0.25">
      <c r="A3954" t="s">
        <v>40794</v>
      </c>
      <c r="B3954" t="s">
        <v>40795</v>
      </c>
      <c r="C3954" t="s">
        <v>20928</v>
      </c>
      <c r="D3954" t="s">
        <v>40647</v>
      </c>
      <c r="E3954" t="s">
        <v>13</v>
      </c>
      <c r="F3954">
        <v>10128</v>
      </c>
      <c r="G3954" t="s">
        <v>40796</v>
      </c>
      <c r="H3954">
        <v>5.0928140760489997</v>
      </c>
      <c r="I3954">
        <v>52.323652128055002</v>
      </c>
      <c r="J3954" t="s">
        <v>59639</v>
      </c>
    </row>
    <row r="3955" spans="1:10" x14ac:dyDescent="0.25">
      <c r="A3955" t="s">
        <v>40790</v>
      </c>
      <c r="B3955" t="s">
        <v>40791</v>
      </c>
      <c r="C3955" t="s">
        <v>40792</v>
      </c>
      <c r="D3955" t="s">
        <v>40647</v>
      </c>
      <c r="E3955" t="s">
        <v>13</v>
      </c>
      <c r="F3955">
        <v>10127</v>
      </c>
      <c r="G3955" t="s">
        <v>40793</v>
      </c>
      <c r="H3955">
        <v>5.0957289113320003</v>
      </c>
      <c r="I3955">
        <v>52.349098740107998</v>
      </c>
      <c r="J3955" t="s">
        <v>59640</v>
      </c>
    </row>
    <row r="3956" spans="1:10" x14ac:dyDescent="0.25">
      <c r="A3956" t="s">
        <v>40786</v>
      </c>
      <c r="B3956" t="s">
        <v>40787</v>
      </c>
      <c r="C3956" t="s">
        <v>40788</v>
      </c>
      <c r="D3956" t="s">
        <v>40647</v>
      </c>
      <c r="E3956" t="s">
        <v>13</v>
      </c>
      <c r="F3956">
        <v>10126</v>
      </c>
      <c r="G3956" t="s">
        <v>40789</v>
      </c>
      <c r="H3956">
        <v>5.040077747132</v>
      </c>
      <c r="I3956">
        <v>52.329437100336001</v>
      </c>
      <c r="J3956" t="s">
        <v>59641</v>
      </c>
    </row>
    <row r="3957" spans="1:10" x14ac:dyDescent="0.25">
      <c r="A3957" t="s">
        <v>40782</v>
      </c>
      <c r="B3957" t="s">
        <v>40783</v>
      </c>
      <c r="C3957" t="s">
        <v>40784</v>
      </c>
      <c r="D3957" t="s">
        <v>40647</v>
      </c>
      <c r="E3957" t="s">
        <v>13</v>
      </c>
      <c r="F3957">
        <v>10125</v>
      </c>
      <c r="G3957" t="s">
        <v>40785</v>
      </c>
      <c r="H3957">
        <v>5.1238538497670003</v>
      </c>
      <c r="I3957">
        <v>52.324635331343003</v>
      </c>
      <c r="J3957" t="s">
        <v>59642</v>
      </c>
    </row>
    <row r="3958" spans="1:10" x14ac:dyDescent="0.25">
      <c r="A3958" t="s">
        <v>40778</v>
      </c>
      <c r="B3958" t="s">
        <v>40779</v>
      </c>
      <c r="C3958" t="s">
        <v>40780</v>
      </c>
      <c r="D3958" t="s">
        <v>40647</v>
      </c>
      <c r="E3958" t="s">
        <v>13</v>
      </c>
      <c r="F3958">
        <v>10124</v>
      </c>
      <c r="G3958" t="s">
        <v>40781</v>
      </c>
      <c r="H3958">
        <v>5.072636033277</v>
      </c>
      <c r="I3958">
        <v>52.326451888074999</v>
      </c>
      <c r="J3958" t="s">
        <v>59643</v>
      </c>
    </row>
    <row r="3959" spans="1:10" x14ac:dyDescent="0.25">
      <c r="A3959" t="s">
        <v>40774</v>
      </c>
      <c r="B3959" t="s">
        <v>40775</v>
      </c>
      <c r="C3959" t="s">
        <v>40776</v>
      </c>
      <c r="D3959" t="s">
        <v>40647</v>
      </c>
      <c r="E3959" t="s">
        <v>13</v>
      </c>
      <c r="F3959">
        <v>10123</v>
      </c>
      <c r="G3959" t="s">
        <v>40777</v>
      </c>
      <c r="H3959">
        <v>5.1143157064229996</v>
      </c>
      <c r="I3959">
        <v>52.324311460097</v>
      </c>
      <c r="J3959" t="s">
        <v>59644</v>
      </c>
    </row>
    <row r="3960" spans="1:10" x14ac:dyDescent="0.25">
      <c r="A3960" t="s">
        <v>40770</v>
      </c>
      <c r="B3960" t="s">
        <v>40771</v>
      </c>
      <c r="C3960" t="s">
        <v>40772</v>
      </c>
      <c r="D3960" t="s">
        <v>40647</v>
      </c>
      <c r="E3960" t="s">
        <v>13</v>
      </c>
      <c r="F3960">
        <v>10122</v>
      </c>
      <c r="G3960" t="s">
        <v>40773</v>
      </c>
      <c r="H3960">
        <v>5.0575340496849996</v>
      </c>
      <c r="I3960">
        <v>52.333087497938998</v>
      </c>
      <c r="J3960" t="s">
        <v>59645</v>
      </c>
    </row>
    <row r="3961" spans="1:10" x14ac:dyDescent="0.25">
      <c r="A3961" t="s">
        <v>40766</v>
      </c>
      <c r="B3961" t="s">
        <v>40767</v>
      </c>
      <c r="C3961" t="s">
        <v>40768</v>
      </c>
      <c r="D3961" t="s">
        <v>40647</v>
      </c>
      <c r="E3961" t="s">
        <v>13</v>
      </c>
      <c r="F3961">
        <v>10121</v>
      </c>
      <c r="G3961" t="s">
        <v>40769</v>
      </c>
      <c r="H3961">
        <v>5.0694412731240002</v>
      </c>
      <c r="I3961">
        <v>52.330822874040997</v>
      </c>
      <c r="J3961" t="s">
        <v>59646</v>
      </c>
    </row>
    <row r="3962" spans="1:10" x14ac:dyDescent="0.25">
      <c r="A3962" t="s">
        <v>40762</v>
      </c>
      <c r="B3962" t="s">
        <v>40763</v>
      </c>
      <c r="C3962" t="s">
        <v>40764</v>
      </c>
      <c r="D3962" t="s">
        <v>40647</v>
      </c>
      <c r="E3962" t="s">
        <v>13</v>
      </c>
      <c r="F3962">
        <v>10120</v>
      </c>
      <c r="G3962" t="s">
        <v>40765</v>
      </c>
      <c r="H3962">
        <v>5.1514371604729998</v>
      </c>
      <c r="I3962">
        <v>52.262150005202002</v>
      </c>
      <c r="J3962" t="s">
        <v>59647</v>
      </c>
    </row>
    <row r="3963" spans="1:10" x14ac:dyDescent="0.25">
      <c r="A3963" t="s">
        <v>40758</v>
      </c>
      <c r="B3963" t="s">
        <v>40759</v>
      </c>
      <c r="C3963" t="s">
        <v>40760</v>
      </c>
      <c r="D3963" t="s">
        <v>40647</v>
      </c>
      <c r="E3963" t="s">
        <v>13</v>
      </c>
      <c r="F3963">
        <v>10119</v>
      </c>
      <c r="G3963" t="s">
        <v>40761</v>
      </c>
      <c r="H3963">
        <v>5.1598420277320001</v>
      </c>
      <c r="I3963">
        <v>52.267062335639999</v>
      </c>
      <c r="J3963" t="s">
        <v>59648</v>
      </c>
    </row>
    <row r="3964" spans="1:10" x14ac:dyDescent="0.25">
      <c r="A3964" t="s">
        <v>40754</v>
      </c>
      <c r="B3964" t="s">
        <v>40755</v>
      </c>
      <c r="C3964" t="s">
        <v>40756</v>
      </c>
      <c r="D3964" t="s">
        <v>40647</v>
      </c>
      <c r="E3964" t="s">
        <v>13</v>
      </c>
      <c r="F3964">
        <v>10118</v>
      </c>
      <c r="G3964" t="s">
        <v>40757</v>
      </c>
      <c r="H3964">
        <v>5.1542461658040004</v>
      </c>
      <c r="I3964">
        <v>52.268664192701998</v>
      </c>
      <c r="J3964" t="s">
        <v>59649</v>
      </c>
    </row>
    <row r="3965" spans="1:10" x14ac:dyDescent="0.25">
      <c r="A3965" t="s">
        <v>40751</v>
      </c>
      <c r="B3965" t="s">
        <v>40752</v>
      </c>
      <c r="C3965" t="s">
        <v>19499</v>
      </c>
      <c r="D3965" t="s">
        <v>40647</v>
      </c>
      <c r="E3965" t="s">
        <v>13</v>
      </c>
      <c r="F3965">
        <v>10117</v>
      </c>
      <c r="G3965" t="s">
        <v>40753</v>
      </c>
      <c r="H3965">
        <v>5.1487623571530001</v>
      </c>
      <c r="I3965">
        <v>52.271510893299002</v>
      </c>
      <c r="J3965" t="s">
        <v>59650</v>
      </c>
    </row>
    <row r="3966" spans="1:10" x14ac:dyDescent="0.25">
      <c r="A3966" t="s">
        <v>40747</v>
      </c>
      <c r="B3966" t="s">
        <v>40748</v>
      </c>
      <c r="C3966" t="s">
        <v>40749</v>
      </c>
      <c r="D3966" t="s">
        <v>40647</v>
      </c>
      <c r="E3966" t="s">
        <v>13</v>
      </c>
      <c r="F3966">
        <v>10116</v>
      </c>
      <c r="G3966" t="s">
        <v>40750</v>
      </c>
      <c r="H3966">
        <v>5.1479540188639996</v>
      </c>
      <c r="I3966">
        <v>52.27598468739</v>
      </c>
      <c r="J3966" t="s">
        <v>59651</v>
      </c>
    </row>
    <row r="3967" spans="1:10" x14ac:dyDescent="0.25">
      <c r="A3967" t="s">
        <v>40743</v>
      </c>
      <c r="B3967" t="s">
        <v>40744</v>
      </c>
      <c r="C3967" t="s">
        <v>40745</v>
      </c>
      <c r="D3967" t="s">
        <v>40647</v>
      </c>
      <c r="E3967" t="s">
        <v>13</v>
      </c>
      <c r="F3967">
        <v>10115</v>
      </c>
      <c r="G3967" t="s">
        <v>40746</v>
      </c>
      <c r="H3967">
        <v>5.1568526337709999</v>
      </c>
      <c r="I3967">
        <v>52.276032374026002</v>
      </c>
      <c r="J3967" t="s">
        <v>59652</v>
      </c>
    </row>
    <row r="3968" spans="1:10" x14ac:dyDescent="0.25">
      <c r="A3968" t="s">
        <v>40739</v>
      </c>
      <c r="B3968" t="s">
        <v>40740</v>
      </c>
      <c r="C3968" t="s">
        <v>40741</v>
      </c>
      <c r="D3968" t="s">
        <v>40647</v>
      </c>
      <c r="E3968" t="s">
        <v>13</v>
      </c>
      <c r="F3968">
        <v>10114</v>
      </c>
      <c r="G3968" t="s">
        <v>40742</v>
      </c>
      <c r="H3968">
        <v>5.1535904404870001</v>
      </c>
      <c r="I3968">
        <v>52.279417312657003</v>
      </c>
      <c r="J3968" t="s">
        <v>59653</v>
      </c>
    </row>
    <row r="3969" spans="1:10" x14ac:dyDescent="0.25">
      <c r="A3969" t="s">
        <v>40735</v>
      </c>
      <c r="B3969" t="s">
        <v>40736</v>
      </c>
      <c r="C3969" t="s">
        <v>40737</v>
      </c>
      <c r="D3969" t="s">
        <v>40647</v>
      </c>
      <c r="E3969" t="s">
        <v>13</v>
      </c>
      <c r="F3969">
        <v>10113</v>
      </c>
      <c r="G3969" t="s">
        <v>40738</v>
      </c>
      <c r="H3969">
        <v>5.1677935774319996</v>
      </c>
      <c r="I3969">
        <v>52.262909414540999</v>
      </c>
      <c r="J3969" t="s">
        <v>59654</v>
      </c>
    </row>
    <row r="3970" spans="1:10" x14ac:dyDescent="0.25">
      <c r="A3970" t="s">
        <v>40731</v>
      </c>
      <c r="B3970" t="s">
        <v>40732</v>
      </c>
      <c r="C3970" t="s">
        <v>40733</v>
      </c>
      <c r="D3970" t="s">
        <v>40647</v>
      </c>
      <c r="E3970" t="s">
        <v>13</v>
      </c>
      <c r="F3970">
        <v>10112</v>
      </c>
      <c r="G3970" t="s">
        <v>40734</v>
      </c>
      <c r="H3970">
        <v>5.1729163064170001</v>
      </c>
      <c r="I3970">
        <v>52.264940539563</v>
      </c>
      <c r="J3970" t="s">
        <v>59655</v>
      </c>
    </row>
    <row r="3971" spans="1:10" x14ac:dyDescent="0.25">
      <c r="A3971" t="s">
        <v>40727</v>
      </c>
      <c r="B3971" t="s">
        <v>40728</v>
      </c>
      <c r="C3971" t="s">
        <v>40729</v>
      </c>
      <c r="D3971" t="s">
        <v>40647</v>
      </c>
      <c r="E3971" t="s">
        <v>13</v>
      </c>
      <c r="F3971">
        <v>10111</v>
      </c>
      <c r="G3971" t="s">
        <v>40730</v>
      </c>
      <c r="H3971">
        <v>5.1784065044040002</v>
      </c>
      <c r="I3971">
        <v>52.266072618807002</v>
      </c>
      <c r="J3971" t="s">
        <v>59656</v>
      </c>
    </row>
    <row r="3972" spans="1:10" x14ac:dyDescent="0.25">
      <c r="A3972" t="s">
        <v>40723</v>
      </c>
      <c r="B3972" t="s">
        <v>40724</v>
      </c>
      <c r="C3972" t="s">
        <v>40725</v>
      </c>
      <c r="D3972" t="s">
        <v>40647</v>
      </c>
      <c r="E3972" t="s">
        <v>13</v>
      </c>
      <c r="F3972">
        <v>10110</v>
      </c>
      <c r="G3972" t="s">
        <v>40726</v>
      </c>
      <c r="H3972">
        <v>5.1904483294509998</v>
      </c>
      <c r="I3972">
        <v>52.267572025558003</v>
      </c>
      <c r="J3972" t="s">
        <v>59657</v>
      </c>
    </row>
    <row r="3973" spans="1:10" x14ac:dyDescent="0.25">
      <c r="A3973" t="s">
        <v>40719</v>
      </c>
      <c r="B3973" t="s">
        <v>40720</v>
      </c>
      <c r="C3973" t="s">
        <v>40721</v>
      </c>
      <c r="D3973" t="s">
        <v>40647</v>
      </c>
      <c r="E3973" t="s">
        <v>13</v>
      </c>
      <c r="F3973">
        <v>10109</v>
      </c>
      <c r="G3973" t="s">
        <v>40722</v>
      </c>
      <c r="H3973">
        <v>5.189211993522</v>
      </c>
      <c r="I3973">
        <v>52.270665841639001</v>
      </c>
      <c r="J3973" t="s">
        <v>59658</v>
      </c>
    </row>
    <row r="3974" spans="1:10" x14ac:dyDescent="0.25">
      <c r="A3974" t="s">
        <v>40716</v>
      </c>
      <c r="B3974" t="s">
        <v>40717</v>
      </c>
      <c r="C3974" t="s">
        <v>479</v>
      </c>
      <c r="D3974" t="s">
        <v>40647</v>
      </c>
      <c r="E3974" t="s">
        <v>13</v>
      </c>
      <c r="F3974">
        <v>10108</v>
      </c>
      <c r="G3974" t="s">
        <v>40718</v>
      </c>
      <c r="H3974">
        <v>5.1848251284920002</v>
      </c>
      <c r="I3974">
        <v>52.272202328199</v>
      </c>
      <c r="J3974" t="s">
        <v>59659</v>
      </c>
    </row>
    <row r="3975" spans="1:10" x14ac:dyDescent="0.25">
      <c r="A3975" t="s">
        <v>40712</v>
      </c>
      <c r="B3975" t="s">
        <v>40713</v>
      </c>
      <c r="C3975" t="s">
        <v>40714</v>
      </c>
      <c r="D3975" t="s">
        <v>40647</v>
      </c>
      <c r="E3975" t="s">
        <v>13</v>
      </c>
      <c r="F3975">
        <v>10107</v>
      </c>
      <c r="G3975" t="s">
        <v>40715</v>
      </c>
      <c r="H3975">
        <v>5.1843172786240004</v>
      </c>
      <c r="I3975">
        <v>52.276077732060003</v>
      </c>
      <c r="J3975" t="s">
        <v>59660</v>
      </c>
    </row>
    <row r="3976" spans="1:10" x14ac:dyDescent="0.25">
      <c r="A3976" t="s">
        <v>40708</v>
      </c>
      <c r="B3976" t="s">
        <v>40709</v>
      </c>
      <c r="C3976" t="s">
        <v>40710</v>
      </c>
      <c r="D3976" t="s">
        <v>40647</v>
      </c>
      <c r="E3976" t="s">
        <v>13</v>
      </c>
      <c r="F3976">
        <v>10106</v>
      </c>
      <c r="G3976" t="s">
        <v>40711</v>
      </c>
      <c r="H3976">
        <v>5.1813853899469997</v>
      </c>
      <c r="I3976">
        <v>52.274983196499001</v>
      </c>
      <c r="J3976" t="s">
        <v>59661</v>
      </c>
    </row>
    <row r="3977" spans="1:10" x14ac:dyDescent="0.25">
      <c r="A3977" t="s">
        <v>40704</v>
      </c>
      <c r="B3977" t="s">
        <v>40705</v>
      </c>
      <c r="C3977" t="s">
        <v>40706</v>
      </c>
      <c r="D3977" t="s">
        <v>40647</v>
      </c>
      <c r="E3977" t="s">
        <v>13</v>
      </c>
      <c r="F3977">
        <v>10105</v>
      </c>
      <c r="G3977" t="s">
        <v>40707</v>
      </c>
      <c r="H3977">
        <v>5.1782442054170001</v>
      </c>
      <c r="I3977">
        <v>52.273866507291999</v>
      </c>
      <c r="J3977" t="s">
        <v>59662</v>
      </c>
    </row>
    <row r="3978" spans="1:10" x14ac:dyDescent="0.25">
      <c r="A3978" t="s">
        <v>40700</v>
      </c>
      <c r="B3978" t="s">
        <v>40701</v>
      </c>
      <c r="C3978" t="s">
        <v>40702</v>
      </c>
      <c r="D3978" t="s">
        <v>40647</v>
      </c>
      <c r="E3978" t="s">
        <v>13</v>
      </c>
      <c r="F3978">
        <v>10104</v>
      </c>
      <c r="G3978" t="s">
        <v>40703</v>
      </c>
      <c r="H3978">
        <v>5.1766742123789999</v>
      </c>
      <c r="I3978">
        <v>52.270685142605998</v>
      </c>
      <c r="J3978" t="s">
        <v>59663</v>
      </c>
    </row>
    <row r="3979" spans="1:10" x14ac:dyDescent="0.25">
      <c r="A3979" t="s">
        <v>40696</v>
      </c>
      <c r="B3979" t="s">
        <v>40697</v>
      </c>
      <c r="C3979" t="s">
        <v>40698</v>
      </c>
      <c r="D3979" t="s">
        <v>40647</v>
      </c>
      <c r="E3979" t="s">
        <v>13</v>
      </c>
      <c r="F3979">
        <v>10103</v>
      </c>
      <c r="G3979" t="s">
        <v>40699</v>
      </c>
      <c r="H3979">
        <v>5.1784191249590004</v>
      </c>
      <c r="I3979">
        <v>52.279319165791001</v>
      </c>
      <c r="J3979" t="s">
        <v>59664</v>
      </c>
    </row>
    <row r="3980" spans="1:10" x14ac:dyDescent="0.25">
      <c r="A3980" t="s">
        <v>40692</v>
      </c>
      <c r="B3980" t="s">
        <v>40693</v>
      </c>
      <c r="C3980" t="s">
        <v>40694</v>
      </c>
      <c r="D3980" t="s">
        <v>40647</v>
      </c>
      <c r="E3980" t="s">
        <v>13</v>
      </c>
      <c r="F3980">
        <v>10102</v>
      </c>
      <c r="G3980" t="s">
        <v>40695</v>
      </c>
      <c r="H3980">
        <v>5.1726925778249999</v>
      </c>
      <c r="I3980">
        <v>52.280315391797998</v>
      </c>
      <c r="J3980" t="s">
        <v>59665</v>
      </c>
    </row>
    <row r="3981" spans="1:10" x14ac:dyDescent="0.25">
      <c r="A3981" t="s">
        <v>40689</v>
      </c>
      <c r="B3981" t="s">
        <v>40690</v>
      </c>
      <c r="C3981" t="s">
        <v>16785</v>
      </c>
      <c r="D3981" t="s">
        <v>40647</v>
      </c>
      <c r="E3981" t="s">
        <v>13</v>
      </c>
      <c r="F3981">
        <v>10101</v>
      </c>
      <c r="G3981" t="s">
        <v>40691</v>
      </c>
      <c r="H3981">
        <v>5.168471846099</v>
      </c>
      <c r="I3981">
        <v>52.278471732078998</v>
      </c>
      <c r="J3981" t="s">
        <v>59666</v>
      </c>
    </row>
    <row r="3982" spans="1:10" x14ac:dyDescent="0.25">
      <c r="A3982" t="s">
        <v>40685</v>
      </c>
      <c r="B3982" t="s">
        <v>40686</v>
      </c>
      <c r="C3982" t="s">
        <v>40687</v>
      </c>
      <c r="D3982" t="s">
        <v>40647</v>
      </c>
      <c r="E3982" t="s">
        <v>13</v>
      </c>
      <c r="F3982">
        <v>10100</v>
      </c>
      <c r="G3982" t="s">
        <v>40688</v>
      </c>
      <c r="H3982">
        <v>5.1642711323129999</v>
      </c>
      <c r="I3982">
        <v>52.282557361473998</v>
      </c>
      <c r="J3982" t="s">
        <v>59667</v>
      </c>
    </row>
    <row r="3983" spans="1:10" x14ac:dyDescent="0.25">
      <c r="A3983" t="s">
        <v>40681</v>
      </c>
      <c r="B3983" t="s">
        <v>40682</v>
      </c>
      <c r="C3983" t="s">
        <v>40683</v>
      </c>
      <c r="D3983" t="s">
        <v>40647</v>
      </c>
      <c r="E3983" t="s">
        <v>13</v>
      </c>
      <c r="F3983">
        <v>10099</v>
      </c>
      <c r="G3983" t="s">
        <v>40684</v>
      </c>
      <c r="H3983">
        <v>5.1598278479099999</v>
      </c>
      <c r="I3983">
        <v>52.281057103762002</v>
      </c>
      <c r="J3983" t="s">
        <v>59668</v>
      </c>
    </row>
    <row r="3984" spans="1:10" x14ac:dyDescent="0.25">
      <c r="A3984" t="s">
        <v>40677</v>
      </c>
      <c r="B3984" t="s">
        <v>40678</v>
      </c>
      <c r="C3984" t="s">
        <v>40679</v>
      </c>
      <c r="D3984" t="s">
        <v>40647</v>
      </c>
      <c r="E3984" t="s">
        <v>13</v>
      </c>
      <c r="F3984">
        <v>10098</v>
      </c>
      <c r="G3984" t="s">
        <v>40680</v>
      </c>
      <c r="H3984">
        <v>5.1572716420939999</v>
      </c>
      <c r="I3984">
        <v>52.272661053032998</v>
      </c>
      <c r="J3984" t="s">
        <v>59669</v>
      </c>
    </row>
    <row r="3985" spans="1:10" x14ac:dyDescent="0.25">
      <c r="A3985" t="s">
        <v>40673</v>
      </c>
      <c r="B3985" t="s">
        <v>40674</v>
      </c>
      <c r="C3985" t="s">
        <v>40675</v>
      </c>
      <c r="D3985" t="s">
        <v>40647</v>
      </c>
      <c r="E3985" t="s">
        <v>13</v>
      </c>
      <c r="F3985">
        <v>10097</v>
      </c>
      <c r="G3985" t="s">
        <v>40676</v>
      </c>
      <c r="H3985">
        <v>5.1646896042680002</v>
      </c>
      <c r="I3985">
        <v>52.268875162482999</v>
      </c>
      <c r="J3985" t="s">
        <v>59670</v>
      </c>
    </row>
    <row r="3986" spans="1:10" x14ac:dyDescent="0.25">
      <c r="A3986" t="s">
        <v>40669</v>
      </c>
      <c r="B3986" t="s">
        <v>40670</v>
      </c>
      <c r="C3986" t="s">
        <v>40671</v>
      </c>
      <c r="D3986" t="s">
        <v>40647</v>
      </c>
      <c r="E3986" t="s">
        <v>13</v>
      </c>
      <c r="F3986">
        <v>10096</v>
      </c>
      <c r="G3986" t="s">
        <v>40672</v>
      </c>
      <c r="H3986">
        <v>5.1719648273510002</v>
      </c>
      <c r="I3986">
        <v>52.268370466077997</v>
      </c>
      <c r="J3986" t="s">
        <v>59671</v>
      </c>
    </row>
    <row r="3987" spans="1:10" x14ac:dyDescent="0.25">
      <c r="A3987" t="s">
        <v>40665</v>
      </c>
      <c r="B3987" t="s">
        <v>40666</v>
      </c>
      <c r="C3987" t="s">
        <v>40667</v>
      </c>
      <c r="D3987" t="s">
        <v>40647</v>
      </c>
      <c r="E3987" t="s">
        <v>13</v>
      </c>
      <c r="F3987">
        <v>10095</v>
      </c>
      <c r="G3987" t="s">
        <v>40668</v>
      </c>
      <c r="H3987">
        <v>5.1709126391559996</v>
      </c>
      <c r="I3987">
        <v>52.270176299435001</v>
      </c>
      <c r="J3987" t="s">
        <v>59672</v>
      </c>
    </row>
    <row r="3988" spans="1:10" x14ac:dyDescent="0.25">
      <c r="A3988" t="s">
        <v>40661</v>
      </c>
      <c r="B3988" t="s">
        <v>40662</v>
      </c>
      <c r="C3988" t="s">
        <v>40663</v>
      </c>
      <c r="D3988" t="s">
        <v>40647</v>
      </c>
      <c r="E3988" t="s">
        <v>13</v>
      </c>
      <c r="F3988">
        <v>10094</v>
      </c>
      <c r="G3988" t="s">
        <v>40664</v>
      </c>
      <c r="H3988">
        <v>5.1677804748489997</v>
      </c>
      <c r="I3988">
        <v>52.272244141792001</v>
      </c>
      <c r="J3988" t="s">
        <v>59673</v>
      </c>
    </row>
    <row r="3989" spans="1:10" x14ac:dyDescent="0.25">
      <c r="A3989" t="s">
        <v>40657</v>
      </c>
      <c r="B3989" t="s">
        <v>40658</v>
      </c>
      <c r="C3989" t="s">
        <v>40659</v>
      </c>
      <c r="D3989" t="s">
        <v>40647</v>
      </c>
      <c r="E3989" t="s">
        <v>13</v>
      </c>
      <c r="F3989">
        <v>10093</v>
      </c>
      <c r="G3989" t="s">
        <v>40660</v>
      </c>
      <c r="H3989">
        <v>5.1725132478129998</v>
      </c>
      <c r="I3989">
        <v>52.273573939031998</v>
      </c>
      <c r="J3989" t="s">
        <v>59674</v>
      </c>
    </row>
    <row r="3990" spans="1:10" x14ac:dyDescent="0.25">
      <c r="A3990" t="s">
        <v>40653</v>
      </c>
      <c r="B3990" t="s">
        <v>40654</v>
      </c>
      <c r="C3990" t="s">
        <v>40655</v>
      </c>
      <c r="D3990" t="s">
        <v>40647</v>
      </c>
      <c r="E3990" t="s">
        <v>13</v>
      </c>
      <c r="F3990">
        <v>10092</v>
      </c>
      <c r="G3990" t="s">
        <v>40656</v>
      </c>
      <c r="H3990">
        <v>5.1691901714300004</v>
      </c>
      <c r="I3990">
        <v>52.275482041876003</v>
      </c>
      <c r="J3990" t="s">
        <v>59675</v>
      </c>
    </row>
    <row r="3991" spans="1:10" x14ac:dyDescent="0.25">
      <c r="A3991" t="s">
        <v>40649</v>
      </c>
      <c r="B3991" t="s">
        <v>40650</v>
      </c>
      <c r="C3991" t="s">
        <v>40651</v>
      </c>
      <c r="D3991" t="s">
        <v>40647</v>
      </c>
      <c r="E3991" t="s">
        <v>13</v>
      </c>
      <c r="F3991">
        <v>10091</v>
      </c>
      <c r="G3991" t="s">
        <v>40652</v>
      </c>
      <c r="H3991">
        <v>5.1620177775</v>
      </c>
      <c r="I3991">
        <v>52.277855737895003</v>
      </c>
      <c r="J3991" t="s">
        <v>59676</v>
      </c>
    </row>
    <row r="3992" spans="1:10" x14ac:dyDescent="0.25">
      <c r="A3992" t="s">
        <v>40644</v>
      </c>
      <c r="B3992" t="s">
        <v>40645</v>
      </c>
      <c r="C3992" t="s">
        <v>40646</v>
      </c>
      <c r="D3992" t="s">
        <v>40647</v>
      </c>
      <c r="E3992" t="s">
        <v>13</v>
      </c>
      <c r="F3992">
        <v>10090</v>
      </c>
      <c r="G3992" t="s">
        <v>40648</v>
      </c>
      <c r="H3992">
        <v>5.1627705687469998</v>
      </c>
      <c r="I3992">
        <v>52.273575416381</v>
      </c>
      <c r="J3992" t="s">
        <v>59677</v>
      </c>
    </row>
    <row r="3993" spans="1:10" x14ac:dyDescent="0.25">
      <c r="A3993" t="s">
        <v>40640</v>
      </c>
      <c r="B3993" t="s">
        <v>40641</v>
      </c>
      <c r="C3993" t="s">
        <v>40642</v>
      </c>
      <c r="D3993" t="s">
        <v>40370</v>
      </c>
      <c r="E3993" t="s">
        <v>13</v>
      </c>
      <c r="F3993">
        <v>10089</v>
      </c>
      <c r="G3993" t="s">
        <v>40643</v>
      </c>
      <c r="H3993">
        <v>5.6216627037049998</v>
      </c>
      <c r="I3993">
        <v>52.891316786061999</v>
      </c>
      <c r="J3993" t="s">
        <v>59678</v>
      </c>
    </row>
    <row r="3994" spans="1:10" x14ac:dyDescent="0.25">
      <c r="A3994" t="s">
        <v>40636</v>
      </c>
      <c r="B3994" t="s">
        <v>40637</v>
      </c>
      <c r="C3994" t="s">
        <v>40638</v>
      </c>
      <c r="D3994" t="s">
        <v>40370</v>
      </c>
      <c r="E3994" t="s">
        <v>13</v>
      </c>
      <c r="F3994">
        <v>10088</v>
      </c>
      <c r="G3994" t="s">
        <v>40639</v>
      </c>
      <c r="H3994">
        <v>5.8433121716579999</v>
      </c>
      <c r="I3994">
        <v>53.005625288643998</v>
      </c>
      <c r="J3994" t="s">
        <v>59679</v>
      </c>
    </row>
    <row r="3995" spans="1:10" x14ac:dyDescent="0.25">
      <c r="A3995" t="s">
        <v>40632</v>
      </c>
      <c r="B3995" t="s">
        <v>40633</v>
      </c>
      <c r="C3995" t="s">
        <v>40634</v>
      </c>
      <c r="D3995" t="s">
        <v>40370</v>
      </c>
      <c r="E3995" t="s">
        <v>13</v>
      </c>
      <c r="F3995">
        <v>10087</v>
      </c>
      <c r="G3995" t="s">
        <v>40635</v>
      </c>
      <c r="H3995">
        <v>5.6790268517550002</v>
      </c>
      <c r="I3995">
        <v>52.912629458173001</v>
      </c>
      <c r="J3995" t="s">
        <v>59680</v>
      </c>
    </row>
    <row r="3996" spans="1:10" x14ac:dyDescent="0.25">
      <c r="A3996" t="s">
        <v>40628</v>
      </c>
      <c r="B3996" t="s">
        <v>40629</v>
      </c>
      <c r="C3996" t="s">
        <v>40630</v>
      </c>
      <c r="D3996" t="s">
        <v>40370</v>
      </c>
      <c r="E3996" t="s">
        <v>13</v>
      </c>
      <c r="F3996">
        <v>10086</v>
      </c>
      <c r="G3996" t="s">
        <v>40631</v>
      </c>
      <c r="H3996">
        <v>5.7028651439729998</v>
      </c>
      <c r="I3996">
        <v>52.937794873816003</v>
      </c>
      <c r="J3996" t="s">
        <v>59681</v>
      </c>
    </row>
    <row r="3997" spans="1:10" x14ac:dyDescent="0.25">
      <c r="A3997" t="s">
        <v>40624</v>
      </c>
      <c r="B3997" t="s">
        <v>40625</v>
      </c>
      <c r="C3997" t="s">
        <v>40626</v>
      </c>
      <c r="D3997" t="s">
        <v>40370</v>
      </c>
      <c r="E3997" t="s">
        <v>13</v>
      </c>
      <c r="F3997">
        <v>10085</v>
      </c>
      <c r="G3997" t="s">
        <v>40627</v>
      </c>
      <c r="H3997">
        <v>5.7897262498090001</v>
      </c>
      <c r="I3997">
        <v>53.016426197346</v>
      </c>
      <c r="J3997" t="s">
        <v>59682</v>
      </c>
    </row>
    <row r="3998" spans="1:10" x14ac:dyDescent="0.25">
      <c r="A3998" t="s">
        <v>40620</v>
      </c>
      <c r="B3998" t="s">
        <v>40621</v>
      </c>
      <c r="C3998" t="s">
        <v>40622</v>
      </c>
      <c r="D3998" t="s">
        <v>40370</v>
      </c>
      <c r="E3998" t="s">
        <v>13</v>
      </c>
      <c r="F3998">
        <v>10084</v>
      </c>
      <c r="G3998" t="s">
        <v>40623</v>
      </c>
      <c r="H3998">
        <v>5.787797553141</v>
      </c>
      <c r="I3998">
        <v>53.038461815230001</v>
      </c>
      <c r="J3998" t="s">
        <v>59683</v>
      </c>
    </row>
    <row r="3999" spans="1:10" x14ac:dyDescent="0.25">
      <c r="A3999" t="s">
        <v>40616</v>
      </c>
      <c r="B3999" t="s">
        <v>40617</v>
      </c>
      <c r="C3999" t="s">
        <v>40618</v>
      </c>
      <c r="D3999" t="s">
        <v>40370</v>
      </c>
      <c r="E3999" t="s">
        <v>13</v>
      </c>
      <c r="F3999">
        <v>10083</v>
      </c>
      <c r="G3999" t="s">
        <v>40619</v>
      </c>
      <c r="H3999">
        <v>5.6086703339139996</v>
      </c>
      <c r="I3999">
        <v>52.867223719389003</v>
      </c>
      <c r="J3999" t="s">
        <v>59684</v>
      </c>
    </row>
    <row r="4000" spans="1:10" x14ac:dyDescent="0.25">
      <c r="A4000" t="s">
        <v>40612</v>
      </c>
      <c r="B4000" t="s">
        <v>40613</v>
      </c>
      <c r="C4000" t="s">
        <v>40614</v>
      </c>
      <c r="D4000" t="s">
        <v>40370</v>
      </c>
      <c r="E4000" t="s">
        <v>13</v>
      </c>
      <c r="F4000">
        <v>10082</v>
      </c>
      <c r="G4000" t="s">
        <v>40615</v>
      </c>
      <c r="H4000">
        <v>5.7917977983669999</v>
      </c>
      <c r="I4000">
        <v>52.987244706108001</v>
      </c>
      <c r="J4000" t="s">
        <v>59685</v>
      </c>
    </row>
    <row r="4001" spans="1:10" x14ac:dyDescent="0.25">
      <c r="A4001" t="s">
        <v>40608</v>
      </c>
      <c r="B4001" t="s">
        <v>40609</v>
      </c>
      <c r="C4001" t="s">
        <v>40610</v>
      </c>
      <c r="D4001" t="s">
        <v>40370</v>
      </c>
      <c r="E4001" t="s">
        <v>13</v>
      </c>
      <c r="F4001">
        <v>10081</v>
      </c>
      <c r="G4001" t="s">
        <v>40611</v>
      </c>
      <c r="H4001">
        <v>5.6423052650079999</v>
      </c>
      <c r="I4001">
        <v>52.904167666585003</v>
      </c>
      <c r="J4001" t="s">
        <v>59686</v>
      </c>
    </row>
    <row r="4002" spans="1:10" x14ac:dyDescent="0.25">
      <c r="A4002" t="s">
        <v>40604</v>
      </c>
      <c r="B4002" t="s">
        <v>40605</v>
      </c>
      <c r="C4002" t="s">
        <v>40606</v>
      </c>
      <c r="D4002" t="s">
        <v>40370</v>
      </c>
      <c r="E4002" t="s">
        <v>13</v>
      </c>
      <c r="F4002">
        <v>10080</v>
      </c>
      <c r="G4002" t="s">
        <v>40607</v>
      </c>
      <c r="H4002">
        <v>5.8695962543300002</v>
      </c>
      <c r="I4002">
        <v>52.932755647062997</v>
      </c>
      <c r="J4002" t="s">
        <v>59687</v>
      </c>
    </row>
    <row r="4003" spans="1:10" x14ac:dyDescent="0.25">
      <c r="A4003" t="s">
        <v>40600</v>
      </c>
      <c r="B4003" t="s">
        <v>40601</v>
      </c>
      <c r="C4003" t="s">
        <v>40602</v>
      </c>
      <c r="D4003" t="s">
        <v>40370</v>
      </c>
      <c r="E4003" t="s">
        <v>13</v>
      </c>
      <c r="F4003">
        <v>10079</v>
      </c>
      <c r="G4003" t="s">
        <v>40603</v>
      </c>
      <c r="H4003">
        <v>5.7542594589140004</v>
      </c>
      <c r="I4003">
        <v>52.923221189186997</v>
      </c>
      <c r="J4003" t="s">
        <v>59688</v>
      </c>
    </row>
    <row r="4004" spans="1:10" x14ac:dyDescent="0.25">
      <c r="A4004" t="s">
        <v>40596</v>
      </c>
      <c r="B4004" t="s">
        <v>40597</v>
      </c>
      <c r="C4004" t="s">
        <v>40598</v>
      </c>
      <c r="D4004" t="s">
        <v>40370</v>
      </c>
      <c r="E4004" t="s">
        <v>13</v>
      </c>
      <c r="F4004">
        <v>10078</v>
      </c>
      <c r="G4004" t="s">
        <v>40599</v>
      </c>
      <c r="H4004">
        <v>5.7808272934409999</v>
      </c>
      <c r="I4004">
        <v>52.942467641451003</v>
      </c>
      <c r="J4004" t="s">
        <v>59689</v>
      </c>
    </row>
    <row r="4005" spans="1:10" x14ac:dyDescent="0.25">
      <c r="A4005" t="s">
        <v>40592</v>
      </c>
      <c r="B4005" t="s">
        <v>40593</v>
      </c>
      <c r="C4005" t="s">
        <v>40594</v>
      </c>
      <c r="D4005" t="s">
        <v>40370</v>
      </c>
      <c r="E4005" t="s">
        <v>13</v>
      </c>
      <c r="F4005">
        <v>10077</v>
      </c>
      <c r="G4005" t="s">
        <v>40595</v>
      </c>
      <c r="H4005">
        <v>5.5707666247079999</v>
      </c>
      <c r="I4005">
        <v>52.879865921733</v>
      </c>
      <c r="J4005" t="s">
        <v>59690</v>
      </c>
    </row>
    <row r="4006" spans="1:10" x14ac:dyDescent="0.25">
      <c r="A4006" t="s">
        <v>40588</v>
      </c>
      <c r="B4006" t="s">
        <v>40589</v>
      </c>
      <c r="C4006" t="s">
        <v>40590</v>
      </c>
      <c r="D4006" t="s">
        <v>40370</v>
      </c>
      <c r="E4006" t="s">
        <v>13</v>
      </c>
      <c r="F4006">
        <v>10076</v>
      </c>
      <c r="G4006" t="s">
        <v>40591</v>
      </c>
      <c r="H4006">
        <v>5.8978345864230004</v>
      </c>
      <c r="I4006">
        <v>52.939291258482001</v>
      </c>
      <c r="J4006" t="s">
        <v>59691</v>
      </c>
    </row>
    <row r="4007" spans="1:10" x14ac:dyDescent="0.25">
      <c r="A4007" t="s">
        <v>40584</v>
      </c>
      <c r="B4007" t="s">
        <v>40585</v>
      </c>
      <c r="C4007" t="s">
        <v>40586</v>
      </c>
      <c r="D4007" t="s">
        <v>40370</v>
      </c>
      <c r="E4007" t="s">
        <v>13</v>
      </c>
      <c r="F4007">
        <v>10075</v>
      </c>
      <c r="G4007" t="s">
        <v>40587</v>
      </c>
      <c r="H4007">
        <v>5.8554754783050003</v>
      </c>
      <c r="I4007">
        <v>52.918776175350999</v>
      </c>
      <c r="J4007" t="s">
        <v>59692</v>
      </c>
    </row>
    <row r="4008" spans="1:10" x14ac:dyDescent="0.25">
      <c r="A4008" t="s">
        <v>40580</v>
      </c>
      <c r="B4008" t="s">
        <v>40581</v>
      </c>
      <c r="C4008" t="s">
        <v>40582</v>
      </c>
      <c r="D4008" t="s">
        <v>40370</v>
      </c>
      <c r="E4008" t="s">
        <v>13</v>
      </c>
      <c r="F4008">
        <v>10074</v>
      </c>
      <c r="G4008" t="s">
        <v>40583</v>
      </c>
      <c r="H4008">
        <v>5.9043087506949998</v>
      </c>
      <c r="I4008">
        <v>52.908799410013003</v>
      </c>
      <c r="J4008" t="s">
        <v>59693</v>
      </c>
    </row>
    <row r="4009" spans="1:10" x14ac:dyDescent="0.25">
      <c r="A4009" t="s">
        <v>40576</v>
      </c>
      <c r="B4009" t="s">
        <v>40577</v>
      </c>
      <c r="C4009" t="s">
        <v>40578</v>
      </c>
      <c r="D4009" t="s">
        <v>40370</v>
      </c>
      <c r="E4009" t="s">
        <v>13</v>
      </c>
      <c r="F4009">
        <v>10073</v>
      </c>
      <c r="G4009" t="s">
        <v>40579</v>
      </c>
      <c r="H4009">
        <v>5.8306510223860002</v>
      </c>
      <c r="I4009">
        <v>52.911183006914001</v>
      </c>
      <c r="J4009" t="s">
        <v>59694</v>
      </c>
    </row>
    <row r="4010" spans="1:10" x14ac:dyDescent="0.25">
      <c r="A4010" t="s">
        <v>40572</v>
      </c>
      <c r="B4010" t="s">
        <v>40573</v>
      </c>
      <c r="C4010" t="s">
        <v>40574</v>
      </c>
      <c r="D4010" t="s">
        <v>40370</v>
      </c>
      <c r="E4010" t="s">
        <v>13</v>
      </c>
      <c r="F4010">
        <v>10072</v>
      </c>
      <c r="G4010" t="s">
        <v>40575</v>
      </c>
      <c r="H4010">
        <v>5.4950004302790001</v>
      </c>
      <c r="I4010">
        <v>52.863721015708002</v>
      </c>
      <c r="J4010" t="s">
        <v>59695</v>
      </c>
    </row>
    <row r="4011" spans="1:10" x14ac:dyDescent="0.25">
      <c r="A4011" t="s">
        <v>40568</v>
      </c>
      <c r="B4011" t="s">
        <v>40569</v>
      </c>
      <c r="C4011" t="s">
        <v>40570</v>
      </c>
      <c r="D4011" t="s">
        <v>40370</v>
      </c>
      <c r="E4011" t="s">
        <v>13</v>
      </c>
      <c r="F4011">
        <v>10071</v>
      </c>
      <c r="G4011" t="s">
        <v>40571</v>
      </c>
      <c r="H4011">
        <v>5.8072058439759999</v>
      </c>
      <c r="I4011">
        <v>52.930937308243998</v>
      </c>
      <c r="J4011" t="s">
        <v>59696</v>
      </c>
    </row>
    <row r="4012" spans="1:10" x14ac:dyDescent="0.25">
      <c r="A4012" t="s">
        <v>40564</v>
      </c>
      <c r="B4012" t="s">
        <v>40565</v>
      </c>
      <c r="C4012" t="s">
        <v>40566</v>
      </c>
      <c r="D4012" t="s">
        <v>40370</v>
      </c>
      <c r="E4012" t="s">
        <v>13</v>
      </c>
      <c r="F4012">
        <v>10070</v>
      </c>
      <c r="G4012" t="s">
        <v>40567</v>
      </c>
      <c r="H4012">
        <v>5.8126315453339998</v>
      </c>
      <c r="I4012">
        <v>52.939502023563001</v>
      </c>
      <c r="J4012" t="s">
        <v>59697</v>
      </c>
    </row>
    <row r="4013" spans="1:10" x14ac:dyDescent="0.25">
      <c r="A4013" t="s">
        <v>40560</v>
      </c>
      <c r="B4013" t="s">
        <v>40561</v>
      </c>
      <c r="C4013" t="s">
        <v>40562</v>
      </c>
      <c r="D4013" t="s">
        <v>40370</v>
      </c>
      <c r="E4013" t="s">
        <v>13</v>
      </c>
      <c r="F4013">
        <v>10069</v>
      </c>
      <c r="G4013" t="s">
        <v>40563</v>
      </c>
      <c r="H4013">
        <v>5.5341933628710001</v>
      </c>
      <c r="I4013">
        <v>52.852720287425001</v>
      </c>
      <c r="J4013" t="s">
        <v>59698</v>
      </c>
    </row>
    <row r="4014" spans="1:10" x14ac:dyDescent="0.25">
      <c r="A4014" t="s">
        <v>40556</v>
      </c>
      <c r="B4014" t="s">
        <v>40557</v>
      </c>
      <c r="C4014" t="s">
        <v>40558</v>
      </c>
      <c r="D4014" t="s">
        <v>40370</v>
      </c>
      <c r="E4014" t="s">
        <v>13</v>
      </c>
      <c r="F4014">
        <v>10068</v>
      </c>
      <c r="G4014" t="s">
        <v>40559</v>
      </c>
      <c r="H4014">
        <v>5.8656572448819997</v>
      </c>
      <c r="I4014">
        <v>52.959917621290998</v>
      </c>
      <c r="J4014" t="s">
        <v>59699</v>
      </c>
    </row>
    <row r="4015" spans="1:10" x14ac:dyDescent="0.25">
      <c r="A4015" t="s">
        <v>40553</v>
      </c>
      <c r="B4015" t="s">
        <v>40554</v>
      </c>
      <c r="C4015" t="s">
        <v>6162</v>
      </c>
      <c r="D4015" t="s">
        <v>40370</v>
      </c>
      <c r="E4015" t="s">
        <v>13</v>
      </c>
      <c r="F4015">
        <v>10067</v>
      </c>
      <c r="G4015" t="s">
        <v>40555</v>
      </c>
      <c r="H4015">
        <v>5.5155947028660002</v>
      </c>
      <c r="I4015">
        <v>52.909479872513998</v>
      </c>
      <c r="J4015" t="s">
        <v>59700</v>
      </c>
    </row>
    <row r="4016" spans="1:10" x14ac:dyDescent="0.25">
      <c r="A4016" t="s">
        <v>40549</v>
      </c>
      <c r="B4016" t="s">
        <v>40550</v>
      </c>
      <c r="C4016" t="s">
        <v>40551</v>
      </c>
      <c r="D4016" t="s">
        <v>40370</v>
      </c>
      <c r="E4016" t="s">
        <v>13</v>
      </c>
      <c r="F4016">
        <v>10066</v>
      </c>
      <c r="G4016" t="s">
        <v>40552</v>
      </c>
      <c r="H4016">
        <v>5.7743777254779998</v>
      </c>
      <c r="I4016">
        <v>52.873464002774</v>
      </c>
      <c r="J4016" t="s">
        <v>59701</v>
      </c>
    </row>
    <row r="4017" spans="1:10" x14ac:dyDescent="0.25">
      <c r="A4017" t="s">
        <v>40545</v>
      </c>
      <c r="B4017" t="s">
        <v>40546</v>
      </c>
      <c r="C4017" t="s">
        <v>40547</v>
      </c>
      <c r="D4017" t="s">
        <v>40370</v>
      </c>
      <c r="E4017" t="s">
        <v>13</v>
      </c>
      <c r="F4017">
        <v>10065</v>
      </c>
      <c r="G4017" t="s">
        <v>40548</v>
      </c>
      <c r="H4017">
        <v>5.764873094545</v>
      </c>
      <c r="I4017">
        <v>52.869990889161997</v>
      </c>
      <c r="J4017" t="s">
        <v>59702</v>
      </c>
    </row>
    <row r="4018" spans="1:10" x14ac:dyDescent="0.25">
      <c r="A4018" t="s">
        <v>40541</v>
      </c>
      <c r="B4018" t="s">
        <v>40542</v>
      </c>
      <c r="C4018" t="s">
        <v>40543</v>
      </c>
      <c r="D4018" t="s">
        <v>40370</v>
      </c>
      <c r="E4018" t="s">
        <v>13</v>
      </c>
      <c r="F4018">
        <v>10064</v>
      </c>
      <c r="G4018" t="s">
        <v>40544</v>
      </c>
      <c r="H4018">
        <v>5.7926370462219996</v>
      </c>
      <c r="I4018">
        <v>52.907938127078999</v>
      </c>
      <c r="J4018" t="s">
        <v>59703</v>
      </c>
    </row>
    <row r="4019" spans="1:10" x14ac:dyDescent="0.25">
      <c r="A4019" t="s">
        <v>40537</v>
      </c>
      <c r="B4019" t="s">
        <v>40538</v>
      </c>
      <c r="C4019" t="s">
        <v>40539</v>
      </c>
      <c r="D4019" t="s">
        <v>40370</v>
      </c>
      <c r="E4019" t="s">
        <v>13</v>
      </c>
      <c r="F4019">
        <v>10063</v>
      </c>
      <c r="G4019" t="s">
        <v>40540</v>
      </c>
      <c r="H4019">
        <v>5.5737982679579998</v>
      </c>
      <c r="I4019">
        <v>52.854462117544003</v>
      </c>
      <c r="J4019" t="s">
        <v>59704</v>
      </c>
    </row>
    <row r="4020" spans="1:10" x14ac:dyDescent="0.25">
      <c r="A4020" t="s">
        <v>40534</v>
      </c>
      <c r="B4020" t="s">
        <v>40535</v>
      </c>
      <c r="C4020" t="s">
        <v>5308</v>
      </c>
      <c r="D4020" t="s">
        <v>40370</v>
      </c>
      <c r="E4020" t="s">
        <v>13</v>
      </c>
      <c r="F4020">
        <v>10062</v>
      </c>
      <c r="G4020" t="s">
        <v>40536</v>
      </c>
      <c r="H4020">
        <v>5.897899664354</v>
      </c>
      <c r="I4020">
        <v>52.958485187567</v>
      </c>
      <c r="J4020" t="s">
        <v>59705</v>
      </c>
    </row>
    <row r="4021" spans="1:10" x14ac:dyDescent="0.25">
      <c r="A4021" t="s">
        <v>40530</v>
      </c>
      <c r="B4021" t="s">
        <v>40531</v>
      </c>
      <c r="C4021" t="s">
        <v>40532</v>
      </c>
      <c r="D4021" t="s">
        <v>40370</v>
      </c>
      <c r="E4021" t="s">
        <v>13</v>
      </c>
      <c r="F4021">
        <v>10061</v>
      </c>
      <c r="G4021" t="s">
        <v>40533</v>
      </c>
      <c r="H4021">
        <v>5.46272669753</v>
      </c>
      <c r="I4021">
        <v>52.857610626930999</v>
      </c>
      <c r="J4021" t="s">
        <v>59706</v>
      </c>
    </row>
    <row r="4022" spans="1:10" x14ac:dyDescent="0.25">
      <c r="A4022" t="s">
        <v>40526</v>
      </c>
      <c r="B4022" t="s">
        <v>40527</v>
      </c>
      <c r="C4022" t="s">
        <v>40528</v>
      </c>
      <c r="D4022" t="s">
        <v>40370</v>
      </c>
      <c r="E4022" t="s">
        <v>13</v>
      </c>
      <c r="F4022">
        <v>10060</v>
      </c>
      <c r="G4022" t="s">
        <v>40529</v>
      </c>
      <c r="H4022">
        <v>5.689318173467</v>
      </c>
      <c r="I4022">
        <v>52.847603002611997</v>
      </c>
      <c r="J4022" t="s">
        <v>59707</v>
      </c>
    </row>
    <row r="4023" spans="1:10" x14ac:dyDescent="0.25">
      <c r="A4023" t="s">
        <v>40522</v>
      </c>
      <c r="B4023" t="s">
        <v>40523</v>
      </c>
      <c r="C4023" t="s">
        <v>40524</v>
      </c>
      <c r="D4023" t="s">
        <v>40370</v>
      </c>
      <c r="E4023" t="s">
        <v>13</v>
      </c>
      <c r="F4023">
        <v>10059</v>
      </c>
      <c r="G4023" t="s">
        <v>40525</v>
      </c>
      <c r="H4023">
        <v>5.7289564610559998</v>
      </c>
      <c r="I4023">
        <v>52.848791724236001</v>
      </c>
      <c r="J4023" t="s">
        <v>59708</v>
      </c>
    </row>
    <row r="4024" spans="1:10" x14ac:dyDescent="0.25">
      <c r="A4024" t="s">
        <v>40518</v>
      </c>
      <c r="B4024" t="s">
        <v>40519</v>
      </c>
      <c r="C4024" t="s">
        <v>40520</v>
      </c>
      <c r="D4024" t="s">
        <v>40370</v>
      </c>
      <c r="E4024" t="s">
        <v>13</v>
      </c>
      <c r="F4024">
        <v>10058</v>
      </c>
      <c r="G4024" t="s">
        <v>40521</v>
      </c>
      <c r="H4024">
        <v>5.717183820502</v>
      </c>
      <c r="I4024">
        <v>52.846009813759999</v>
      </c>
      <c r="J4024" t="s">
        <v>59709</v>
      </c>
    </row>
    <row r="4025" spans="1:10" x14ac:dyDescent="0.25">
      <c r="A4025" t="s">
        <v>40514</v>
      </c>
      <c r="B4025" t="s">
        <v>40515</v>
      </c>
      <c r="C4025" t="s">
        <v>40516</v>
      </c>
      <c r="D4025" t="s">
        <v>40370</v>
      </c>
      <c r="E4025" t="s">
        <v>13</v>
      </c>
      <c r="F4025">
        <v>10057</v>
      </c>
      <c r="G4025" t="s">
        <v>40517</v>
      </c>
      <c r="H4025">
        <v>5.7080454467459996</v>
      </c>
      <c r="I4025">
        <v>52.856050093255</v>
      </c>
      <c r="J4025" t="s">
        <v>59710</v>
      </c>
    </row>
    <row r="4026" spans="1:10" x14ac:dyDescent="0.25">
      <c r="A4026" t="s">
        <v>40510</v>
      </c>
      <c r="B4026" t="s">
        <v>40511</v>
      </c>
      <c r="C4026" t="s">
        <v>40512</v>
      </c>
      <c r="D4026" t="s">
        <v>40370</v>
      </c>
      <c r="E4026" t="s">
        <v>13</v>
      </c>
      <c r="F4026">
        <v>10056</v>
      </c>
      <c r="G4026" t="s">
        <v>40513</v>
      </c>
      <c r="H4026">
        <v>5.720575773957</v>
      </c>
      <c r="I4026">
        <v>52.839890785599003</v>
      </c>
      <c r="J4026" t="s">
        <v>59711</v>
      </c>
    </row>
    <row r="4027" spans="1:10" x14ac:dyDescent="0.25">
      <c r="A4027" t="s">
        <v>40506</v>
      </c>
      <c r="B4027" t="s">
        <v>40507</v>
      </c>
      <c r="C4027" t="s">
        <v>40508</v>
      </c>
      <c r="D4027" t="s">
        <v>40370</v>
      </c>
      <c r="E4027" t="s">
        <v>13</v>
      </c>
      <c r="F4027">
        <v>10055</v>
      </c>
      <c r="G4027" t="s">
        <v>40509</v>
      </c>
      <c r="H4027">
        <v>5.7059273674020003</v>
      </c>
      <c r="I4027">
        <v>52.843103615611</v>
      </c>
      <c r="J4027" t="s">
        <v>59712</v>
      </c>
    </row>
    <row r="4028" spans="1:10" x14ac:dyDescent="0.25">
      <c r="A4028" t="s">
        <v>40502</v>
      </c>
      <c r="B4028" t="s">
        <v>40503</v>
      </c>
      <c r="C4028" t="s">
        <v>40504</v>
      </c>
      <c r="D4028" t="s">
        <v>40370</v>
      </c>
      <c r="E4028" t="s">
        <v>13</v>
      </c>
      <c r="F4028">
        <v>10054</v>
      </c>
      <c r="G4028" t="s">
        <v>40505</v>
      </c>
      <c r="H4028">
        <v>5.6928230050149997</v>
      </c>
      <c r="I4028">
        <v>52.855243236039001</v>
      </c>
      <c r="J4028" t="s">
        <v>59713</v>
      </c>
    </row>
    <row r="4029" spans="1:10" x14ac:dyDescent="0.25">
      <c r="A4029" t="s">
        <v>40498</v>
      </c>
      <c r="B4029" t="s">
        <v>40499</v>
      </c>
      <c r="C4029" t="s">
        <v>40500</v>
      </c>
      <c r="D4029" t="s">
        <v>40370</v>
      </c>
      <c r="E4029" t="s">
        <v>13</v>
      </c>
      <c r="F4029">
        <v>10053</v>
      </c>
      <c r="G4029" t="s">
        <v>40501</v>
      </c>
      <c r="H4029">
        <v>5.6715130439530004</v>
      </c>
      <c r="I4029">
        <v>52.869758308389997</v>
      </c>
      <c r="J4029" t="s">
        <v>59714</v>
      </c>
    </row>
    <row r="4030" spans="1:10" x14ac:dyDescent="0.25">
      <c r="A4030" t="s">
        <v>40494</v>
      </c>
      <c r="B4030" t="s">
        <v>40495</v>
      </c>
      <c r="C4030" t="s">
        <v>40496</v>
      </c>
      <c r="D4030" t="s">
        <v>40370</v>
      </c>
      <c r="E4030" t="s">
        <v>13</v>
      </c>
      <c r="F4030">
        <v>10052</v>
      </c>
      <c r="G4030" t="s">
        <v>40497</v>
      </c>
      <c r="H4030">
        <v>5.7315017155939998</v>
      </c>
      <c r="I4030">
        <v>52.937840887583</v>
      </c>
      <c r="J4030" t="s">
        <v>59715</v>
      </c>
    </row>
    <row r="4031" spans="1:10" x14ac:dyDescent="0.25">
      <c r="A4031" t="s">
        <v>40490</v>
      </c>
      <c r="B4031" t="s">
        <v>40491</v>
      </c>
      <c r="C4031" t="s">
        <v>40492</v>
      </c>
      <c r="D4031" t="s">
        <v>40370</v>
      </c>
      <c r="E4031" t="s">
        <v>13</v>
      </c>
      <c r="F4031">
        <v>10051</v>
      </c>
      <c r="G4031" t="s">
        <v>40493</v>
      </c>
      <c r="H4031">
        <v>5.714360949994</v>
      </c>
      <c r="I4031">
        <v>52.965290204524997</v>
      </c>
      <c r="J4031" t="s">
        <v>59716</v>
      </c>
    </row>
    <row r="4032" spans="1:10" x14ac:dyDescent="0.25">
      <c r="A4032" t="s">
        <v>40486</v>
      </c>
      <c r="B4032" t="s">
        <v>40487</v>
      </c>
      <c r="C4032" t="s">
        <v>40488</v>
      </c>
      <c r="D4032" t="s">
        <v>40370</v>
      </c>
      <c r="E4032" t="s">
        <v>13</v>
      </c>
      <c r="F4032">
        <v>10050</v>
      </c>
      <c r="G4032" t="s">
        <v>40489</v>
      </c>
      <c r="H4032">
        <v>5.49794370538</v>
      </c>
      <c r="I4032">
        <v>52.895684078822001</v>
      </c>
      <c r="J4032" t="s">
        <v>59717</v>
      </c>
    </row>
    <row r="4033" spans="1:10" x14ac:dyDescent="0.25">
      <c r="A4033" t="s">
        <v>40482</v>
      </c>
      <c r="B4033" t="s">
        <v>40483</v>
      </c>
      <c r="C4033" t="s">
        <v>40484</v>
      </c>
      <c r="D4033" t="s">
        <v>40370</v>
      </c>
      <c r="E4033" t="s">
        <v>13</v>
      </c>
      <c r="F4033">
        <v>10049</v>
      </c>
      <c r="G4033" t="s">
        <v>40485</v>
      </c>
      <c r="H4033">
        <v>5.8052961825439997</v>
      </c>
      <c r="I4033">
        <v>52.956994050962003</v>
      </c>
      <c r="J4033" t="s">
        <v>59718</v>
      </c>
    </row>
    <row r="4034" spans="1:10" x14ac:dyDescent="0.25">
      <c r="A4034" t="s">
        <v>40478</v>
      </c>
      <c r="B4034" t="s">
        <v>40479</v>
      </c>
      <c r="C4034" t="s">
        <v>40480</v>
      </c>
      <c r="D4034" t="s">
        <v>40370</v>
      </c>
      <c r="E4034" t="s">
        <v>13</v>
      </c>
      <c r="F4034">
        <v>10048</v>
      </c>
      <c r="G4034" t="s">
        <v>40481</v>
      </c>
      <c r="H4034">
        <v>5.8203311202080004</v>
      </c>
      <c r="I4034">
        <v>52.970312820316998</v>
      </c>
      <c r="J4034" t="s">
        <v>59719</v>
      </c>
    </row>
    <row r="4035" spans="1:10" x14ac:dyDescent="0.25">
      <c r="A4035" t="s">
        <v>40474</v>
      </c>
      <c r="B4035" t="s">
        <v>40475</v>
      </c>
      <c r="C4035" t="s">
        <v>40476</v>
      </c>
      <c r="D4035" t="s">
        <v>40370</v>
      </c>
      <c r="E4035" t="s">
        <v>13</v>
      </c>
      <c r="F4035">
        <v>10047</v>
      </c>
      <c r="G4035" t="s">
        <v>40477</v>
      </c>
      <c r="H4035">
        <v>5.7632290580810004</v>
      </c>
      <c r="I4035">
        <v>52.961939530465997</v>
      </c>
      <c r="J4035" t="s">
        <v>59720</v>
      </c>
    </row>
    <row r="4036" spans="1:10" x14ac:dyDescent="0.25">
      <c r="A4036" t="s">
        <v>40470</v>
      </c>
      <c r="B4036" t="s">
        <v>40471</v>
      </c>
      <c r="C4036" t="s">
        <v>40472</v>
      </c>
      <c r="D4036" t="s">
        <v>40370</v>
      </c>
      <c r="E4036" t="s">
        <v>13</v>
      </c>
      <c r="F4036">
        <v>10046</v>
      </c>
      <c r="G4036" t="s">
        <v>40473</v>
      </c>
      <c r="H4036">
        <v>5.8085673967859996</v>
      </c>
      <c r="I4036">
        <v>52.965392316075999</v>
      </c>
      <c r="J4036" t="s">
        <v>59721</v>
      </c>
    </row>
    <row r="4037" spans="1:10" x14ac:dyDescent="0.25">
      <c r="A4037" t="s">
        <v>40466</v>
      </c>
      <c r="B4037" t="s">
        <v>40467</v>
      </c>
      <c r="C4037" t="s">
        <v>40468</v>
      </c>
      <c r="D4037" t="s">
        <v>40370</v>
      </c>
      <c r="E4037" t="s">
        <v>13</v>
      </c>
      <c r="F4037">
        <v>10045</v>
      </c>
      <c r="G4037" t="s">
        <v>40469</v>
      </c>
      <c r="H4037">
        <v>5.8080941301709998</v>
      </c>
      <c r="I4037">
        <v>52.973655793132998</v>
      </c>
      <c r="J4037" t="s">
        <v>59722</v>
      </c>
    </row>
    <row r="4038" spans="1:10" x14ac:dyDescent="0.25">
      <c r="A4038" t="s">
        <v>40462</v>
      </c>
      <c r="B4038" t="s">
        <v>40463</v>
      </c>
      <c r="C4038" t="s">
        <v>40464</v>
      </c>
      <c r="D4038" t="s">
        <v>40370</v>
      </c>
      <c r="E4038" t="s">
        <v>13</v>
      </c>
      <c r="F4038">
        <v>10044</v>
      </c>
      <c r="G4038" t="s">
        <v>40465</v>
      </c>
      <c r="H4038">
        <v>5.8263314834160003</v>
      </c>
      <c r="I4038">
        <v>52.962129059730003</v>
      </c>
      <c r="J4038" t="s">
        <v>59723</v>
      </c>
    </row>
    <row r="4039" spans="1:10" x14ac:dyDescent="0.25">
      <c r="A4039" t="s">
        <v>40458</v>
      </c>
      <c r="B4039" t="s">
        <v>40459</v>
      </c>
      <c r="C4039" t="s">
        <v>40460</v>
      </c>
      <c r="D4039" t="s">
        <v>40370</v>
      </c>
      <c r="E4039" t="s">
        <v>13</v>
      </c>
      <c r="F4039">
        <v>10043</v>
      </c>
      <c r="G4039" t="s">
        <v>40461</v>
      </c>
      <c r="H4039">
        <v>5.7869379805080001</v>
      </c>
      <c r="I4039">
        <v>52.968767224231001</v>
      </c>
      <c r="J4039" t="s">
        <v>59724</v>
      </c>
    </row>
    <row r="4040" spans="1:10" x14ac:dyDescent="0.25">
      <c r="A4040" t="s">
        <v>40454</v>
      </c>
      <c r="B4040" t="s">
        <v>40455</v>
      </c>
      <c r="C4040" t="s">
        <v>40456</v>
      </c>
      <c r="D4040" t="s">
        <v>40370</v>
      </c>
      <c r="E4040" t="s">
        <v>13</v>
      </c>
      <c r="F4040">
        <v>10042</v>
      </c>
      <c r="G4040" t="s">
        <v>40457</v>
      </c>
      <c r="H4040">
        <v>5.795649803211</v>
      </c>
      <c r="I4040">
        <v>52.972076632194998</v>
      </c>
      <c r="J4040" t="s">
        <v>59725</v>
      </c>
    </row>
    <row r="4041" spans="1:10" x14ac:dyDescent="0.25">
      <c r="A4041" t="s">
        <v>40450</v>
      </c>
      <c r="B4041" t="s">
        <v>40451</v>
      </c>
      <c r="C4041" t="s">
        <v>40452</v>
      </c>
      <c r="D4041" t="s">
        <v>40370</v>
      </c>
      <c r="E4041" t="s">
        <v>13</v>
      </c>
      <c r="F4041">
        <v>10041</v>
      </c>
      <c r="G4041" t="s">
        <v>40453</v>
      </c>
      <c r="H4041">
        <v>5.8194304730950002</v>
      </c>
      <c r="I4041">
        <v>52.991101837217997</v>
      </c>
      <c r="J4041" t="s">
        <v>59726</v>
      </c>
    </row>
    <row r="4042" spans="1:10" x14ac:dyDescent="0.25">
      <c r="A4042" t="s">
        <v>40446</v>
      </c>
      <c r="B4042" t="s">
        <v>40447</v>
      </c>
      <c r="C4042" t="s">
        <v>40448</v>
      </c>
      <c r="D4042" t="s">
        <v>40370</v>
      </c>
      <c r="E4042" t="s">
        <v>13</v>
      </c>
      <c r="F4042">
        <v>10040</v>
      </c>
      <c r="G4042" t="s">
        <v>40449</v>
      </c>
      <c r="H4042">
        <v>5.7919654221599997</v>
      </c>
      <c r="I4042">
        <v>52.963045550276</v>
      </c>
      <c r="J4042" t="s">
        <v>59727</v>
      </c>
    </row>
    <row r="4043" spans="1:10" x14ac:dyDescent="0.25">
      <c r="A4043" t="s">
        <v>40442</v>
      </c>
      <c r="B4043" t="s">
        <v>40443</v>
      </c>
      <c r="C4043" t="s">
        <v>40444</v>
      </c>
      <c r="D4043" t="s">
        <v>40370</v>
      </c>
      <c r="E4043" t="s">
        <v>13</v>
      </c>
      <c r="F4043">
        <v>10039</v>
      </c>
      <c r="G4043" t="s">
        <v>40445</v>
      </c>
      <c r="H4043">
        <v>5.707413325978</v>
      </c>
      <c r="I4043">
        <v>52.926479832798002</v>
      </c>
      <c r="J4043" t="s">
        <v>59728</v>
      </c>
    </row>
    <row r="4044" spans="1:10" x14ac:dyDescent="0.25">
      <c r="A4044" t="s">
        <v>40438</v>
      </c>
      <c r="B4044" t="s">
        <v>40439</v>
      </c>
      <c r="C4044" t="s">
        <v>40440</v>
      </c>
      <c r="D4044" t="s">
        <v>40370</v>
      </c>
      <c r="E4044" t="s">
        <v>13</v>
      </c>
      <c r="F4044">
        <v>10038</v>
      </c>
      <c r="G4044" t="s">
        <v>40441</v>
      </c>
      <c r="H4044">
        <v>5.8336367182520004</v>
      </c>
      <c r="I4044">
        <v>52.959063116072002</v>
      </c>
      <c r="J4044" t="s">
        <v>59729</v>
      </c>
    </row>
    <row r="4045" spans="1:10" x14ac:dyDescent="0.25">
      <c r="A4045" t="s">
        <v>40434</v>
      </c>
      <c r="B4045" t="s">
        <v>40435</v>
      </c>
      <c r="C4045" t="s">
        <v>40436</v>
      </c>
      <c r="D4045" t="s">
        <v>40370</v>
      </c>
      <c r="E4045" t="s">
        <v>13</v>
      </c>
      <c r="F4045">
        <v>10037</v>
      </c>
      <c r="G4045" t="s">
        <v>40437</v>
      </c>
      <c r="H4045">
        <v>5.5505526098170002</v>
      </c>
      <c r="I4045">
        <v>52.897183972472</v>
      </c>
      <c r="J4045" t="s">
        <v>59730</v>
      </c>
    </row>
    <row r="4046" spans="1:10" x14ac:dyDescent="0.25">
      <c r="A4046" t="s">
        <v>40430</v>
      </c>
      <c r="B4046" t="s">
        <v>40431</v>
      </c>
      <c r="C4046" t="s">
        <v>40432</v>
      </c>
      <c r="D4046" t="s">
        <v>40370</v>
      </c>
      <c r="E4046" t="s">
        <v>13</v>
      </c>
      <c r="F4046">
        <v>10036</v>
      </c>
      <c r="G4046" t="s">
        <v>40433</v>
      </c>
      <c r="H4046">
        <v>5.7573728920420004</v>
      </c>
      <c r="I4046">
        <v>53.020087567798001</v>
      </c>
      <c r="J4046" t="s">
        <v>59731</v>
      </c>
    </row>
    <row r="4047" spans="1:10" x14ac:dyDescent="0.25">
      <c r="A4047" t="s">
        <v>40426</v>
      </c>
      <c r="B4047" t="s">
        <v>40427</v>
      </c>
      <c r="C4047" t="s">
        <v>40428</v>
      </c>
      <c r="D4047" t="s">
        <v>40370</v>
      </c>
      <c r="E4047" t="s">
        <v>13</v>
      </c>
      <c r="F4047">
        <v>10035</v>
      </c>
      <c r="G4047" t="s">
        <v>40429</v>
      </c>
      <c r="H4047">
        <v>5.7208676168270003</v>
      </c>
      <c r="I4047">
        <v>52.884032768932002</v>
      </c>
      <c r="J4047" t="s">
        <v>59732</v>
      </c>
    </row>
    <row r="4048" spans="1:10" x14ac:dyDescent="0.25">
      <c r="A4048" t="s">
        <v>40422</v>
      </c>
      <c r="B4048" t="s">
        <v>40423</v>
      </c>
      <c r="C4048" t="s">
        <v>40424</v>
      </c>
      <c r="D4048" t="s">
        <v>40370</v>
      </c>
      <c r="E4048" t="s">
        <v>13</v>
      </c>
      <c r="F4048">
        <v>10034</v>
      </c>
      <c r="G4048" t="s">
        <v>40425</v>
      </c>
      <c r="H4048">
        <v>5.5481023866739996</v>
      </c>
      <c r="I4048">
        <v>52.927765667294999</v>
      </c>
      <c r="J4048" t="s">
        <v>59733</v>
      </c>
    </row>
    <row r="4049" spans="1:10" x14ac:dyDescent="0.25">
      <c r="A4049" t="s">
        <v>40418</v>
      </c>
      <c r="B4049" t="s">
        <v>40419</v>
      </c>
      <c r="C4049" t="s">
        <v>40420</v>
      </c>
      <c r="D4049" t="s">
        <v>40370</v>
      </c>
      <c r="E4049" t="s">
        <v>13</v>
      </c>
      <c r="F4049">
        <v>10033</v>
      </c>
      <c r="G4049" t="s">
        <v>40421</v>
      </c>
      <c r="H4049">
        <v>5.7134631986180002</v>
      </c>
      <c r="I4049">
        <v>52.86783972984</v>
      </c>
      <c r="J4049" t="s">
        <v>59734</v>
      </c>
    </row>
    <row r="4050" spans="1:10" x14ac:dyDescent="0.25">
      <c r="A4050" t="s">
        <v>40414</v>
      </c>
      <c r="B4050" t="s">
        <v>40415</v>
      </c>
      <c r="C4050" t="s">
        <v>40416</v>
      </c>
      <c r="D4050" t="s">
        <v>40370</v>
      </c>
      <c r="E4050" t="s">
        <v>13</v>
      </c>
      <c r="F4050">
        <v>10032</v>
      </c>
      <c r="G4050" t="s">
        <v>40417</v>
      </c>
      <c r="H4050">
        <v>5.8169035727239997</v>
      </c>
      <c r="I4050">
        <v>52.868679024304001</v>
      </c>
      <c r="J4050" t="s">
        <v>59735</v>
      </c>
    </row>
    <row r="4051" spans="1:10" x14ac:dyDescent="0.25">
      <c r="A4051" t="s">
        <v>40410</v>
      </c>
      <c r="B4051" t="s">
        <v>40411</v>
      </c>
      <c r="C4051" t="s">
        <v>40412</v>
      </c>
      <c r="D4051" t="s">
        <v>40370</v>
      </c>
      <c r="E4051" t="s">
        <v>13</v>
      </c>
      <c r="F4051">
        <v>10031</v>
      </c>
      <c r="G4051" t="s">
        <v>40413</v>
      </c>
      <c r="H4051">
        <v>5.8249940504450004</v>
      </c>
      <c r="I4051">
        <v>52.859062815275003</v>
      </c>
      <c r="J4051" t="s">
        <v>59736</v>
      </c>
    </row>
    <row r="4052" spans="1:10" x14ac:dyDescent="0.25">
      <c r="A4052" t="s">
        <v>40407</v>
      </c>
      <c r="B4052" t="s">
        <v>40408</v>
      </c>
      <c r="C4052" t="s">
        <v>33386</v>
      </c>
      <c r="D4052" t="s">
        <v>40370</v>
      </c>
      <c r="E4052" t="s">
        <v>13</v>
      </c>
      <c r="F4052">
        <v>10030</v>
      </c>
      <c r="G4052" t="s">
        <v>40409</v>
      </c>
      <c r="H4052">
        <v>5.7999926597589999</v>
      </c>
      <c r="I4052">
        <v>52.870024402032001</v>
      </c>
      <c r="J4052" t="s">
        <v>59737</v>
      </c>
    </row>
    <row r="4053" spans="1:10" x14ac:dyDescent="0.25">
      <c r="A4053" t="s">
        <v>40403</v>
      </c>
      <c r="B4053" t="s">
        <v>40404</v>
      </c>
      <c r="C4053" t="s">
        <v>40405</v>
      </c>
      <c r="D4053" t="s">
        <v>40370</v>
      </c>
      <c r="E4053" t="s">
        <v>13</v>
      </c>
      <c r="F4053">
        <v>10029</v>
      </c>
      <c r="G4053" t="s">
        <v>40406</v>
      </c>
      <c r="H4053">
        <v>5.7454153567689996</v>
      </c>
      <c r="I4053">
        <v>52.902585581460997</v>
      </c>
      <c r="J4053" t="s">
        <v>59738</v>
      </c>
    </row>
    <row r="4054" spans="1:10" x14ac:dyDescent="0.25">
      <c r="A4054" t="s">
        <v>40399</v>
      </c>
      <c r="B4054" t="s">
        <v>40400</v>
      </c>
      <c r="C4054" t="s">
        <v>40401</v>
      </c>
      <c r="D4054" t="s">
        <v>40370</v>
      </c>
      <c r="E4054" t="s">
        <v>13</v>
      </c>
      <c r="F4054">
        <v>10028</v>
      </c>
      <c r="G4054" t="s">
        <v>40402</v>
      </c>
      <c r="H4054">
        <v>5.7059405390959999</v>
      </c>
      <c r="I4054">
        <v>52.954160163102998</v>
      </c>
      <c r="J4054" t="s">
        <v>59739</v>
      </c>
    </row>
    <row r="4055" spans="1:10" x14ac:dyDescent="0.25">
      <c r="A4055" t="s">
        <v>40395</v>
      </c>
      <c r="B4055" t="s">
        <v>40396</v>
      </c>
      <c r="C4055" t="s">
        <v>40397</v>
      </c>
      <c r="D4055" t="s">
        <v>40370</v>
      </c>
      <c r="E4055" t="s">
        <v>13</v>
      </c>
      <c r="F4055">
        <v>10027</v>
      </c>
      <c r="G4055" t="s">
        <v>40398</v>
      </c>
      <c r="H4055">
        <v>5.8375828002069996</v>
      </c>
      <c r="I4055">
        <v>52.885745217911001</v>
      </c>
      <c r="J4055" t="s">
        <v>59740</v>
      </c>
    </row>
    <row r="4056" spans="1:10" x14ac:dyDescent="0.25">
      <c r="A4056" t="s">
        <v>40391</v>
      </c>
      <c r="B4056" t="s">
        <v>40392</v>
      </c>
      <c r="C4056" t="s">
        <v>40393</v>
      </c>
      <c r="D4056" t="s">
        <v>40370</v>
      </c>
      <c r="E4056" t="s">
        <v>13</v>
      </c>
      <c r="F4056">
        <v>10026</v>
      </c>
      <c r="G4056" t="s">
        <v>40394</v>
      </c>
      <c r="H4056">
        <v>5.8253352184959999</v>
      </c>
      <c r="I4056">
        <v>52.874646976169998</v>
      </c>
      <c r="J4056" t="s">
        <v>59741</v>
      </c>
    </row>
    <row r="4057" spans="1:10" x14ac:dyDescent="0.25">
      <c r="A4057" t="s">
        <v>40388</v>
      </c>
      <c r="B4057" t="s">
        <v>40389</v>
      </c>
      <c r="C4057" t="s">
        <v>31791</v>
      </c>
      <c r="D4057" t="s">
        <v>40370</v>
      </c>
      <c r="E4057" t="s">
        <v>13</v>
      </c>
      <c r="F4057">
        <v>10025</v>
      </c>
      <c r="G4057" t="s">
        <v>40390</v>
      </c>
      <c r="H4057">
        <v>5.7625331502900003</v>
      </c>
      <c r="I4057">
        <v>52.985516147513998</v>
      </c>
      <c r="J4057" t="s">
        <v>59742</v>
      </c>
    </row>
    <row r="4058" spans="1:10" x14ac:dyDescent="0.25">
      <c r="A4058" t="s">
        <v>40384</v>
      </c>
      <c r="B4058" t="s">
        <v>40385</v>
      </c>
      <c r="C4058" t="s">
        <v>40386</v>
      </c>
      <c r="D4058" t="s">
        <v>40370</v>
      </c>
      <c r="E4058" t="s">
        <v>13</v>
      </c>
      <c r="F4058">
        <v>10024</v>
      </c>
      <c r="G4058" t="s">
        <v>40387</v>
      </c>
      <c r="H4058">
        <v>5.732455534134</v>
      </c>
      <c r="I4058">
        <v>52.975689709873002</v>
      </c>
      <c r="J4058" t="s">
        <v>59743</v>
      </c>
    </row>
    <row r="4059" spans="1:10" x14ac:dyDescent="0.25">
      <c r="A4059" t="s">
        <v>40380</v>
      </c>
      <c r="B4059" t="s">
        <v>40381</v>
      </c>
      <c r="C4059" t="s">
        <v>40382</v>
      </c>
      <c r="D4059" t="s">
        <v>40370</v>
      </c>
      <c r="E4059" t="s">
        <v>13</v>
      </c>
      <c r="F4059">
        <v>10023</v>
      </c>
      <c r="G4059" t="s">
        <v>40383</v>
      </c>
      <c r="H4059">
        <v>5.7949724664230002</v>
      </c>
      <c r="I4059">
        <v>52.835171013180002</v>
      </c>
      <c r="J4059" t="s">
        <v>59744</v>
      </c>
    </row>
    <row r="4060" spans="1:10" x14ac:dyDescent="0.25">
      <c r="A4060" t="s">
        <v>40376</v>
      </c>
      <c r="B4060" t="s">
        <v>40377</v>
      </c>
      <c r="C4060" t="s">
        <v>40378</v>
      </c>
      <c r="D4060" t="s">
        <v>40370</v>
      </c>
      <c r="E4060" t="s">
        <v>13</v>
      </c>
      <c r="F4060">
        <v>10022</v>
      </c>
      <c r="G4060" t="s">
        <v>40379</v>
      </c>
      <c r="H4060">
        <v>5.5904559023099996</v>
      </c>
      <c r="I4060">
        <v>52.901894596368003</v>
      </c>
      <c r="J4060" t="s">
        <v>59745</v>
      </c>
    </row>
    <row r="4061" spans="1:10" x14ac:dyDescent="0.25">
      <c r="A4061" t="s">
        <v>40372</v>
      </c>
      <c r="B4061" t="s">
        <v>40373</v>
      </c>
      <c r="C4061" t="s">
        <v>40374</v>
      </c>
      <c r="D4061" t="s">
        <v>40370</v>
      </c>
      <c r="E4061" t="s">
        <v>13</v>
      </c>
      <c r="F4061">
        <v>10021</v>
      </c>
      <c r="G4061" t="s">
        <v>40375</v>
      </c>
      <c r="H4061">
        <v>5.4504771929449998</v>
      </c>
      <c r="I4061">
        <v>52.868235020832998</v>
      </c>
      <c r="J4061" t="s">
        <v>59746</v>
      </c>
    </row>
    <row r="4062" spans="1:10" x14ac:dyDescent="0.25">
      <c r="A4062" t="s">
        <v>40367</v>
      </c>
      <c r="B4062" t="s">
        <v>40368</v>
      </c>
      <c r="C4062" t="s">
        <v>40369</v>
      </c>
      <c r="D4062" t="s">
        <v>40370</v>
      </c>
      <c r="E4062" t="s">
        <v>13</v>
      </c>
      <c r="F4062">
        <v>10020</v>
      </c>
      <c r="G4062" t="s">
        <v>40371</v>
      </c>
      <c r="H4062">
        <v>5.7968037720080003</v>
      </c>
      <c r="I4062">
        <v>53.002012584371997</v>
      </c>
      <c r="J4062" t="s">
        <v>59747</v>
      </c>
    </row>
    <row r="4063" spans="1:10" x14ac:dyDescent="0.25">
      <c r="A4063" t="s">
        <v>40363</v>
      </c>
      <c r="B4063" t="s">
        <v>40364</v>
      </c>
      <c r="C4063" t="s">
        <v>40365</v>
      </c>
      <c r="D4063" t="s">
        <v>1521</v>
      </c>
      <c r="E4063" t="s">
        <v>13</v>
      </c>
      <c r="F4063">
        <v>10019</v>
      </c>
      <c r="G4063" t="s">
        <v>40366</v>
      </c>
      <c r="H4063">
        <v>4.8362481496549998</v>
      </c>
      <c r="I4063">
        <v>51.955162470687</v>
      </c>
      <c r="J4063" t="s">
        <v>59748</v>
      </c>
    </row>
    <row r="4064" spans="1:10" x14ac:dyDescent="0.25">
      <c r="A4064" t="s">
        <v>40359</v>
      </c>
      <c r="B4064" t="s">
        <v>40360</v>
      </c>
      <c r="C4064" t="s">
        <v>40361</v>
      </c>
      <c r="D4064" t="s">
        <v>1521</v>
      </c>
      <c r="E4064" t="s">
        <v>13</v>
      </c>
      <c r="F4064">
        <v>10018</v>
      </c>
      <c r="G4064" t="s">
        <v>40362</v>
      </c>
      <c r="H4064">
        <v>4.8681432875589996</v>
      </c>
      <c r="I4064">
        <v>51.944076708726001</v>
      </c>
      <c r="J4064" t="s">
        <v>59749</v>
      </c>
    </row>
    <row r="4065" spans="1:10" x14ac:dyDescent="0.25">
      <c r="A4065" t="s">
        <v>40356</v>
      </c>
      <c r="B4065" t="s">
        <v>40357</v>
      </c>
      <c r="C4065" t="s">
        <v>13345</v>
      </c>
      <c r="D4065" t="s">
        <v>1521</v>
      </c>
      <c r="E4065" t="s">
        <v>13</v>
      </c>
      <c r="F4065">
        <v>10017</v>
      </c>
      <c r="G4065" t="s">
        <v>40358</v>
      </c>
      <c r="H4065">
        <v>4.8622142253889997</v>
      </c>
      <c r="I4065">
        <v>51.953871084012</v>
      </c>
      <c r="J4065" t="s">
        <v>59750</v>
      </c>
    </row>
    <row r="4066" spans="1:10" x14ac:dyDescent="0.25">
      <c r="A4066" t="s">
        <v>40352</v>
      </c>
      <c r="B4066" t="s">
        <v>40353</v>
      </c>
      <c r="C4066" t="s">
        <v>40354</v>
      </c>
      <c r="D4066" t="s">
        <v>1521</v>
      </c>
      <c r="E4066" t="s">
        <v>13</v>
      </c>
      <c r="F4066">
        <v>10016</v>
      </c>
      <c r="G4066" t="s">
        <v>40355</v>
      </c>
      <c r="H4066">
        <v>4.8398538269450002</v>
      </c>
      <c r="I4066">
        <v>51.950944416554002</v>
      </c>
      <c r="J4066" t="s">
        <v>59751</v>
      </c>
    </row>
    <row r="4067" spans="1:10" x14ac:dyDescent="0.25">
      <c r="A4067" t="s">
        <v>40348</v>
      </c>
      <c r="B4067" t="s">
        <v>40349</v>
      </c>
      <c r="C4067" t="s">
        <v>40350</v>
      </c>
      <c r="D4067" t="s">
        <v>1521</v>
      </c>
      <c r="E4067" t="s">
        <v>13</v>
      </c>
      <c r="F4067">
        <v>10015</v>
      </c>
      <c r="G4067" t="s">
        <v>40351</v>
      </c>
      <c r="H4067">
        <v>4.8465842528819998</v>
      </c>
      <c r="I4067">
        <v>51.952639542419</v>
      </c>
      <c r="J4067" t="s">
        <v>59752</v>
      </c>
    </row>
    <row r="4068" spans="1:10" x14ac:dyDescent="0.25">
      <c r="A4068" t="s">
        <v>40344</v>
      </c>
      <c r="B4068" t="s">
        <v>40345</v>
      </c>
      <c r="C4068" t="s">
        <v>40346</v>
      </c>
      <c r="D4068" t="s">
        <v>1521</v>
      </c>
      <c r="E4068" t="s">
        <v>13</v>
      </c>
      <c r="F4068">
        <v>10014</v>
      </c>
      <c r="G4068" t="s">
        <v>40347</v>
      </c>
      <c r="H4068">
        <v>4.8529022514809999</v>
      </c>
      <c r="I4068">
        <v>51.946030242279001</v>
      </c>
      <c r="J4068" t="s">
        <v>59753</v>
      </c>
    </row>
    <row r="4069" spans="1:10" x14ac:dyDescent="0.25">
      <c r="A4069" t="s">
        <v>40340</v>
      </c>
      <c r="B4069" t="s">
        <v>40341</v>
      </c>
      <c r="C4069" t="s">
        <v>40342</v>
      </c>
      <c r="D4069" t="s">
        <v>1521</v>
      </c>
      <c r="E4069" t="s">
        <v>13</v>
      </c>
      <c r="F4069">
        <v>10013</v>
      </c>
      <c r="G4069" t="s">
        <v>40343</v>
      </c>
      <c r="H4069">
        <v>4.8487723570450001</v>
      </c>
      <c r="I4069">
        <v>51.966066423766001</v>
      </c>
      <c r="J4069" t="s">
        <v>59754</v>
      </c>
    </row>
    <row r="4070" spans="1:10" x14ac:dyDescent="0.25">
      <c r="A4070" t="s">
        <v>40336</v>
      </c>
      <c r="B4070" t="s">
        <v>40337</v>
      </c>
      <c r="C4070" t="s">
        <v>40338</v>
      </c>
      <c r="D4070" t="s">
        <v>1521</v>
      </c>
      <c r="E4070" t="s">
        <v>13</v>
      </c>
      <c r="F4070">
        <v>10012</v>
      </c>
      <c r="G4070" t="s">
        <v>40339</v>
      </c>
      <c r="H4070">
        <v>4.8145925607209996</v>
      </c>
      <c r="I4070">
        <v>51.981669436575999</v>
      </c>
      <c r="J4070" t="s">
        <v>59755</v>
      </c>
    </row>
    <row r="4071" spans="1:10" x14ac:dyDescent="0.25">
      <c r="A4071" t="s">
        <v>40332</v>
      </c>
      <c r="B4071" t="s">
        <v>40333</v>
      </c>
      <c r="C4071" t="s">
        <v>40334</v>
      </c>
      <c r="D4071" t="s">
        <v>1521</v>
      </c>
      <c r="E4071" t="s">
        <v>13</v>
      </c>
      <c r="F4071">
        <v>10011</v>
      </c>
      <c r="G4071" t="s">
        <v>40335</v>
      </c>
      <c r="H4071">
        <v>4.7694135079629998</v>
      </c>
      <c r="I4071">
        <v>51.984677702987</v>
      </c>
      <c r="J4071" t="s">
        <v>59756</v>
      </c>
    </row>
    <row r="4072" spans="1:10" x14ac:dyDescent="0.25">
      <c r="A4072" t="s">
        <v>40328</v>
      </c>
      <c r="B4072" t="s">
        <v>40329</v>
      </c>
      <c r="C4072" t="s">
        <v>40330</v>
      </c>
      <c r="D4072" t="s">
        <v>1521</v>
      </c>
      <c r="E4072" t="s">
        <v>13</v>
      </c>
      <c r="F4072">
        <v>10010</v>
      </c>
      <c r="G4072" t="s">
        <v>40331</v>
      </c>
      <c r="H4072">
        <v>4.7956797069299997</v>
      </c>
      <c r="I4072">
        <v>51.962347142422999</v>
      </c>
      <c r="J4072" t="s">
        <v>59757</v>
      </c>
    </row>
    <row r="4073" spans="1:10" x14ac:dyDescent="0.25">
      <c r="A4073" t="s">
        <v>40324</v>
      </c>
      <c r="B4073" t="s">
        <v>40325</v>
      </c>
      <c r="C4073" t="s">
        <v>40326</v>
      </c>
      <c r="D4073" t="s">
        <v>1521</v>
      </c>
      <c r="E4073" t="s">
        <v>13</v>
      </c>
      <c r="F4073">
        <v>10009</v>
      </c>
      <c r="G4073" t="s">
        <v>40327</v>
      </c>
      <c r="H4073">
        <v>4.7582520191919997</v>
      </c>
      <c r="I4073">
        <v>51.955490731547002</v>
      </c>
      <c r="J4073" t="s">
        <v>59758</v>
      </c>
    </row>
    <row r="4074" spans="1:10" x14ac:dyDescent="0.25">
      <c r="A4074" t="s">
        <v>40320</v>
      </c>
      <c r="B4074" t="s">
        <v>40321</v>
      </c>
      <c r="C4074" t="s">
        <v>40322</v>
      </c>
      <c r="D4074" t="s">
        <v>1521</v>
      </c>
      <c r="E4074" t="s">
        <v>13</v>
      </c>
      <c r="F4074">
        <v>10008</v>
      </c>
      <c r="G4074" t="s">
        <v>40323</v>
      </c>
      <c r="H4074">
        <v>4.7317375365689998</v>
      </c>
      <c r="I4074">
        <v>51.982364972055997</v>
      </c>
      <c r="J4074" t="s">
        <v>59759</v>
      </c>
    </row>
    <row r="4075" spans="1:10" x14ac:dyDescent="0.25">
      <c r="A4075" t="s">
        <v>40316</v>
      </c>
      <c r="B4075" t="s">
        <v>40317</v>
      </c>
      <c r="C4075" t="s">
        <v>40318</v>
      </c>
      <c r="D4075" t="s">
        <v>1521</v>
      </c>
      <c r="E4075" t="s">
        <v>13</v>
      </c>
      <c r="F4075">
        <v>10007</v>
      </c>
      <c r="G4075" t="s">
        <v>40319</v>
      </c>
      <c r="H4075">
        <v>4.7573881347010003</v>
      </c>
      <c r="I4075">
        <v>51.984180946026001</v>
      </c>
      <c r="J4075" t="s">
        <v>59760</v>
      </c>
    </row>
    <row r="4076" spans="1:10" x14ac:dyDescent="0.25">
      <c r="A4076" t="s">
        <v>40312</v>
      </c>
      <c r="B4076" t="s">
        <v>40313</v>
      </c>
      <c r="C4076" t="s">
        <v>40314</v>
      </c>
      <c r="D4076" t="s">
        <v>1521</v>
      </c>
      <c r="E4076" t="s">
        <v>13</v>
      </c>
      <c r="F4076">
        <v>10006</v>
      </c>
      <c r="G4076" t="s">
        <v>40315</v>
      </c>
      <c r="H4076">
        <v>4.7262591543079999</v>
      </c>
      <c r="I4076">
        <v>51.959184979900002</v>
      </c>
      <c r="J4076" t="s">
        <v>59761</v>
      </c>
    </row>
    <row r="4077" spans="1:10" x14ac:dyDescent="0.25">
      <c r="A4077" t="s">
        <v>40308</v>
      </c>
      <c r="B4077" t="s">
        <v>40309</v>
      </c>
      <c r="C4077" t="s">
        <v>40310</v>
      </c>
      <c r="D4077" t="s">
        <v>1521</v>
      </c>
      <c r="E4077" t="s">
        <v>13</v>
      </c>
      <c r="F4077">
        <v>10005</v>
      </c>
      <c r="G4077" t="s">
        <v>40311</v>
      </c>
      <c r="H4077">
        <v>4.7527001675590004</v>
      </c>
      <c r="I4077">
        <v>51.970891482555999</v>
      </c>
      <c r="J4077" t="s">
        <v>59762</v>
      </c>
    </row>
    <row r="4078" spans="1:10" x14ac:dyDescent="0.25">
      <c r="A4078" t="s">
        <v>40305</v>
      </c>
      <c r="B4078" t="s">
        <v>40306</v>
      </c>
      <c r="C4078" t="s">
        <v>14650</v>
      </c>
      <c r="D4078" t="s">
        <v>1521</v>
      </c>
      <c r="E4078" t="s">
        <v>13</v>
      </c>
      <c r="F4078">
        <v>10004</v>
      </c>
      <c r="G4078" t="s">
        <v>40307</v>
      </c>
      <c r="H4078">
        <v>4.786379369974</v>
      </c>
      <c r="I4078">
        <v>51.975580088438001</v>
      </c>
      <c r="J4078" t="s">
        <v>59763</v>
      </c>
    </row>
    <row r="4079" spans="1:10" x14ac:dyDescent="0.25">
      <c r="A4079" t="s">
        <v>40301</v>
      </c>
      <c r="B4079" t="s">
        <v>40302</v>
      </c>
      <c r="C4079" t="s">
        <v>40303</v>
      </c>
      <c r="D4079" t="s">
        <v>1521</v>
      </c>
      <c r="E4079" t="s">
        <v>13</v>
      </c>
      <c r="F4079">
        <v>10003</v>
      </c>
      <c r="G4079" t="s">
        <v>40304</v>
      </c>
      <c r="H4079">
        <v>4.7742349761509999</v>
      </c>
      <c r="I4079">
        <v>51.970179167192001</v>
      </c>
      <c r="J4079" t="s">
        <v>59764</v>
      </c>
    </row>
    <row r="4080" spans="1:10" x14ac:dyDescent="0.25">
      <c r="A4080" t="s">
        <v>40297</v>
      </c>
      <c r="B4080" t="s">
        <v>40298</v>
      </c>
      <c r="C4080" t="s">
        <v>40299</v>
      </c>
      <c r="D4080" t="s">
        <v>1521</v>
      </c>
      <c r="E4080" t="s">
        <v>13</v>
      </c>
      <c r="F4080">
        <v>10002</v>
      </c>
      <c r="G4080" t="s">
        <v>40300</v>
      </c>
      <c r="H4080">
        <v>4.776930744015</v>
      </c>
      <c r="I4080">
        <v>51.995673817465999</v>
      </c>
      <c r="J4080" t="s">
        <v>59765</v>
      </c>
    </row>
    <row r="4081" spans="1:10" x14ac:dyDescent="0.25">
      <c r="A4081" t="s">
        <v>40293</v>
      </c>
      <c r="B4081" t="s">
        <v>40294</v>
      </c>
      <c r="C4081" t="s">
        <v>40295</v>
      </c>
      <c r="D4081" t="s">
        <v>1521</v>
      </c>
      <c r="E4081" t="s">
        <v>13</v>
      </c>
      <c r="F4081">
        <v>10001</v>
      </c>
      <c r="G4081" t="s">
        <v>40296</v>
      </c>
      <c r="H4081">
        <v>4.800160142977</v>
      </c>
      <c r="I4081">
        <v>52.000496623116</v>
      </c>
      <c r="J4081" t="s">
        <v>59766</v>
      </c>
    </row>
    <row r="4082" spans="1:10" x14ac:dyDescent="0.25">
      <c r="A4082" t="s">
        <v>40289</v>
      </c>
      <c r="B4082" t="s">
        <v>40290</v>
      </c>
      <c r="C4082" t="s">
        <v>40291</v>
      </c>
      <c r="D4082" t="s">
        <v>1521</v>
      </c>
      <c r="E4082" t="s">
        <v>13</v>
      </c>
      <c r="F4082">
        <v>10000</v>
      </c>
      <c r="G4082" t="s">
        <v>40292</v>
      </c>
      <c r="H4082">
        <v>4.7775291259949997</v>
      </c>
      <c r="I4082">
        <v>52.010189852971997</v>
      </c>
      <c r="J4082" t="s">
        <v>59767</v>
      </c>
    </row>
    <row r="4083" spans="1:10" x14ac:dyDescent="0.25">
      <c r="A4083" t="s">
        <v>40285</v>
      </c>
      <c r="B4083" t="s">
        <v>40286</v>
      </c>
      <c r="C4083" t="s">
        <v>40287</v>
      </c>
      <c r="D4083" t="s">
        <v>1521</v>
      </c>
      <c r="E4083" t="s">
        <v>13</v>
      </c>
      <c r="F4083">
        <v>9999</v>
      </c>
      <c r="G4083" t="s">
        <v>40288</v>
      </c>
      <c r="H4083">
        <v>4.7730012415919996</v>
      </c>
      <c r="I4083">
        <v>52.002686253752998</v>
      </c>
      <c r="J4083" t="s">
        <v>59768</v>
      </c>
    </row>
    <row r="4084" spans="1:10" x14ac:dyDescent="0.25">
      <c r="A4084" t="s">
        <v>40281</v>
      </c>
      <c r="B4084" t="s">
        <v>40282</v>
      </c>
      <c r="C4084" t="s">
        <v>40283</v>
      </c>
      <c r="D4084" t="s">
        <v>1521</v>
      </c>
      <c r="E4084" t="s">
        <v>13</v>
      </c>
      <c r="F4084">
        <v>9998</v>
      </c>
      <c r="G4084" t="s">
        <v>40284</v>
      </c>
      <c r="H4084">
        <v>4.7739484938579997</v>
      </c>
      <c r="I4084">
        <v>51.998713502858998</v>
      </c>
      <c r="J4084" t="s">
        <v>59769</v>
      </c>
    </row>
    <row r="4085" spans="1:10" x14ac:dyDescent="0.25">
      <c r="A4085" t="s">
        <v>40277</v>
      </c>
      <c r="B4085" t="s">
        <v>40278</v>
      </c>
      <c r="C4085" t="s">
        <v>40279</v>
      </c>
      <c r="D4085" t="s">
        <v>1521</v>
      </c>
      <c r="E4085" t="s">
        <v>13</v>
      </c>
      <c r="F4085">
        <v>9997</v>
      </c>
      <c r="G4085" t="s">
        <v>40280</v>
      </c>
      <c r="H4085">
        <v>4.7802633556489997</v>
      </c>
      <c r="I4085">
        <v>51.997537125591997</v>
      </c>
      <c r="J4085" t="s">
        <v>59770</v>
      </c>
    </row>
    <row r="4086" spans="1:10" x14ac:dyDescent="0.25">
      <c r="A4086" t="s">
        <v>40273</v>
      </c>
      <c r="B4086" t="s">
        <v>40274</v>
      </c>
      <c r="C4086" t="s">
        <v>40275</v>
      </c>
      <c r="D4086" t="s">
        <v>1521</v>
      </c>
      <c r="E4086" t="s">
        <v>13</v>
      </c>
      <c r="F4086">
        <v>9996</v>
      </c>
      <c r="G4086" t="s">
        <v>40276</v>
      </c>
      <c r="H4086">
        <v>4.727531115163</v>
      </c>
      <c r="I4086">
        <v>52.003597523640998</v>
      </c>
      <c r="J4086" t="s">
        <v>59771</v>
      </c>
    </row>
    <row r="4087" spans="1:10" x14ac:dyDescent="0.25">
      <c r="A4087" t="s">
        <v>40270</v>
      </c>
      <c r="B4087" t="s">
        <v>40271</v>
      </c>
      <c r="C4087" t="s">
        <v>11573</v>
      </c>
      <c r="D4087" t="s">
        <v>1521</v>
      </c>
      <c r="E4087" t="s">
        <v>13</v>
      </c>
      <c r="F4087">
        <v>9995</v>
      </c>
      <c r="G4087" t="s">
        <v>40272</v>
      </c>
      <c r="H4087">
        <v>4.8342020793670004</v>
      </c>
      <c r="I4087">
        <v>52.015719950902998</v>
      </c>
      <c r="J4087" t="s">
        <v>59772</v>
      </c>
    </row>
    <row r="4088" spans="1:10" x14ac:dyDescent="0.25">
      <c r="A4088" t="s">
        <v>40266</v>
      </c>
      <c r="B4088" t="s">
        <v>40267</v>
      </c>
      <c r="C4088" t="s">
        <v>40268</v>
      </c>
      <c r="D4088" t="s">
        <v>1521</v>
      </c>
      <c r="E4088" t="s">
        <v>13</v>
      </c>
      <c r="F4088">
        <v>9994</v>
      </c>
      <c r="G4088" t="s">
        <v>40269</v>
      </c>
      <c r="H4088">
        <v>4.7454934602990004</v>
      </c>
      <c r="I4088">
        <v>52.002332564417998</v>
      </c>
      <c r="J4088" t="s">
        <v>59773</v>
      </c>
    </row>
    <row r="4089" spans="1:10" x14ac:dyDescent="0.25">
      <c r="A4089" t="s">
        <v>40262</v>
      </c>
      <c r="B4089" t="s">
        <v>40263</v>
      </c>
      <c r="C4089" t="s">
        <v>40264</v>
      </c>
      <c r="D4089" t="s">
        <v>1521</v>
      </c>
      <c r="E4089" t="s">
        <v>13</v>
      </c>
      <c r="F4089">
        <v>9993</v>
      </c>
      <c r="G4089" t="s">
        <v>40265</v>
      </c>
      <c r="H4089">
        <v>4.8020486810570002</v>
      </c>
      <c r="I4089">
        <v>52.009552008756998</v>
      </c>
      <c r="J4089" t="s">
        <v>59774</v>
      </c>
    </row>
    <row r="4090" spans="1:10" x14ac:dyDescent="0.25">
      <c r="A4090" t="s">
        <v>40258</v>
      </c>
      <c r="B4090" t="s">
        <v>40259</v>
      </c>
      <c r="C4090" t="s">
        <v>40260</v>
      </c>
      <c r="D4090" t="s">
        <v>1521</v>
      </c>
      <c r="E4090" t="s">
        <v>13</v>
      </c>
      <c r="F4090">
        <v>9992</v>
      </c>
      <c r="G4090" t="s">
        <v>40261</v>
      </c>
      <c r="H4090">
        <v>4.774740368312</v>
      </c>
      <c r="I4090">
        <v>52.000572537257</v>
      </c>
      <c r="J4090" t="s">
        <v>59775</v>
      </c>
    </row>
    <row r="4091" spans="1:10" x14ac:dyDescent="0.25">
      <c r="A4091" t="s">
        <v>40254</v>
      </c>
      <c r="B4091" t="s">
        <v>40255</v>
      </c>
      <c r="C4091" t="s">
        <v>40256</v>
      </c>
      <c r="D4091" t="s">
        <v>1521</v>
      </c>
      <c r="E4091" t="s">
        <v>13</v>
      </c>
      <c r="F4091">
        <v>9991</v>
      </c>
      <c r="G4091" t="s">
        <v>40257</v>
      </c>
      <c r="H4091">
        <v>4.6975318398499999</v>
      </c>
      <c r="I4091">
        <v>51.966356820935999</v>
      </c>
      <c r="J4091" t="s">
        <v>59776</v>
      </c>
    </row>
    <row r="4092" spans="1:10" x14ac:dyDescent="0.25">
      <c r="A4092" t="s">
        <v>40250</v>
      </c>
      <c r="B4092" t="s">
        <v>40251</v>
      </c>
      <c r="C4092" t="s">
        <v>40252</v>
      </c>
      <c r="D4092" t="s">
        <v>1521</v>
      </c>
      <c r="E4092" t="s">
        <v>13</v>
      </c>
      <c r="F4092">
        <v>9990</v>
      </c>
      <c r="G4092" t="s">
        <v>40253</v>
      </c>
      <c r="H4092">
        <v>4.7008064172269997</v>
      </c>
      <c r="I4092">
        <v>51.943867924197001</v>
      </c>
      <c r="J4092" t="s">
        <v>59777</v>
      </c>
    </row>
    <row r="4093" spans="1:10" x14ac:dyDescent="0.25">
      <c r="A4093" t="s">
        <v>40246</v>
      </c>
      <c r="B4093" t="s">
        <v>40247</v>
      </c>
      <c r="C4093" t="s">
        <v>40248</v>
      </c>
      <c r="D4093" t="s">
        <v>1521</v>
      </c>
      <c r="E4093" t="s">
        <v>13</v>
      </c>
      <c r="F4093">
        <v>9989</v>
      </c>
      <c r="G4093" t="s">
        <v>40249</v>
      </c>
      <c r="H4093">
        <v>4.8069923927360003</v>
      </c>
      <c r="I4093">
        <v>51.927383394636003</v>
      </c>
      <c r="J4093" t="s">
        <v>59778</v>
      </c>
    </row>
    <row r="4094" spans="1:10" x14ac:dyDescent="0.25">
      <c r="A4094" t="s">
        <v>40242</v>
      </c>
      <c r="B4094" t="s">
        <v>40243</v>
      </c>
      <c r="C4094" t="s">
        <v>40244</v>
      </c>
      <c r="D4094" t="s">
        <v>1521</v>
      </c>
      <c r="E4094" t="s">
        <v>13</v>
      </c>
      <c r="F4094">
        <v>9988</v>
      </c>
      <c r="G4094" t="s">
        <v>40245</v>
      </c>
      <c r="H4094">
        <v>4.8229519424509997</v>
      </c>
      <c r="I4094">
        <v>51.942883010586002</v>
      </c>
      <c r="J4094" t="s">
        <v>59779</v>
      </c>
    </row>
    <row r="4095" spans="1:10" x14ac:dyDescent="0.25">
      <c r="A4095" t="s">
        <v>40239</v>
      </c>
      <c r="B4095" t="s">
        <v>40240</v>
      </c>
      <c r="C4095" t="s">
        <v>21825</v>
      </c>
      <c r="D4095" t="s">
        <v>1521</v>
      </c>
      <c r="E4095" t="s">
        <v>13</v>
      </c>
      <c r="F4095">
        <v>9987</v>
      </c>
      <c r="G4095" t="s">
        <v>40241</v>
      </c>
      <c r="H4095">
        <v>4.8183959002250001</v>
      </c>
      <c r="I4095">
        <v>51.934802341561003</v>
      </c>
      <c r="J4095" t="s">
        <v>59780</v>
      </c>
    </row>
    <row r="4096" spans="1:10" x14ac:dyDescent="0.25">
      <c r="A4096" t="s">
        <v>40235</v>
      </c>
      <c r="B4096" t="s">
        <v>40236</v>
      </c>
      <c r="C4096" t="s">
        <v>40237</v>
      </c>
      <c r="D4096" t="s">
        <v>1521</v>
      </c>
      <c r="E4096" t="s">
        <v>13</v>
      </c>
      <c r="F4096">
        <v>9986</v>
      </c>
      <c r="G4096" t="s">
        <v>40238</v>
      </c>
      <c r="H4096">
        <v>4.7979036379400002</v>
      </c>
      <c r="I4096">
        <v>51.928654293645003</v>
      </c>
      <c r="J4096" t="s">
        <v>59781</v>
      </c>
    </row>
    <row r="4097" spans="1:10" x14ac:dyDescent="0.25">
      <c r="A4097" t="s">
        <v>1614</v>
      </c>
      <c r="B4097" t="s">
        <v>1615</v>
      </c>
      <c r="C4097" t="s">
        <v>1616</v>
      </c>
      <c r="D4097" t="s">
        <v>1521</v>
      </c>
      <c r="E4097" t="s">
        <v>13</v>
      </c>
      <c r="F4097">
        <v>9985</v>
      </c>
      <c r="G4097" t="s">
        <v>1617</v>
      </c>
      <c r="H4097">
        <v>4.759130267962</v>
      </c>
      <c r="I4097">
        <v>51.919737035209003</v>
      </c>
      <c r="J4097" t="s">
        <v>59782</v>
      </c>
    </row>
    <row r="4098" spans="1:10" x14ac:dyDescent="0.25">
      <c r="A4098" t="s">
        <v>1610</v>
      </c>
      <c r="B4098" t="s">
        <v>1611</v>
      </c>
      <c r="C4098" t="s">
        <v>1612</v>
      </c>
      <c r="D4098" t="s">
        <v>1521</v>
      </c>
      <c r="E4098" t="s">
        <v>13</v>
      </c>
      <c r="F4098">
        <v>9984</v>
      </c>
      <c r="G4098" t="s">
        <v>1613</v>
      </c>
      <c r="H4098">
        <v>4.7841708272960002</v>
      </c>
      <c r="I4098">
        <v>51.925105666731</v>
      </c>
      <c r="J4098" t="s">
        <v>59783</v>
      </c>
    </row>
    <row r="4099" spans="1:10" x14ac:dyDescent="0.25">
      <c r="A4099" t="s">
        <v>40231</v>
      </c>
      <c r="B4099" t="s">
        <v>40232</v>
      </c>
      <c r="C4099" t="s">
        <v>40233</v>
      </c>
      <c r="D4099" t="s">
        <v>1521</v>
      </c>
      <c r="E4099" t="s">
        <v>13</v>
      </c>
      <c r="F4099">
        <v>9983</v>
      </c>
      <c r="G4099" t="s">
        <v>40234</v>
      </c>
      <c r="H4099">
        <v>4.8197761586750003</v>
      </c>
      <c r="I4099">
        <v>51.957420380461997</v>
      </c>
      <c r="J4099" t="s">
        <v>59784</v>
      </c>
    </row>
    <row r="4100" spans="1:10" x14ac:dyDescent="0.25">
      <c r="A4100" t="s">
        <v>40227</v>
      </c>
      <c r="B4100" t="s">
        <v>40228</v>
      </c>
      <c r="C4100" t="s">
        <v>40229</v>
      </c>
      <c r="D4100" t="s">
        <v>1521</v>
      </c>
      <c r="E4100" t="s">
        <v>13</v>
      </c>
      <c r="F4100">
        <v>9982</v>
      </c>
      <c r="G4100" t="s">
        <v>40230</v>
      </c>
      <c r="H4100">
        <v>4.7977473078740003</v>
      </c>
      <c r="I4100">
        <v>51.945961024208998</v>
      </c>
      <c r="J4100" t="s">
        <v>59785</v>
      </c>
    </row>
    <row r="4101" spans="1:10" x14ac:dyDescent="0.25">
      <c r="A4101" t="s">
        <v>40223</v>
      </c>
      <c r="B4101" t="s">
        <v>40224</v>
      </c>
      <c r="C4101" t="s">
        <v>40225</v>
      </c>
      <c r="D4101" t="s">
        <v>1521</v>
      </c>
      <c r="E4101" t="s">
        <v>13</v>
      </c>
      <c r="F4101">
        <v>9981</v>
      </c>
      <c r="G4101" t="s">
        <v>40226</v>
      </c>
      <c r="H4101">
        <v>4.7503532909789996</v>
      </c>
      <c r="I4101">
        <v>51.938671495982</v>
      </c>
      <c r="J4101" t="s">
        <v>59786</v>
      </c>
    </row>
    <row r="4102" spans="1:10" x14ac:dyDescent="0.25">
      <c r="A4102" t="s">
        <v>40219</v>
      </c>
      <c r="B4102" t="s">
        <v>40220</v>
      </c>
      <c r="C4102" t="s">
        <v>40221</v>
      </c>
      <c r="D4102" t="s">
        <v>1521</v>
      </c>
      <c r="E4102" t="s">
        <v>13</v>
      </c>
      <c r="F4102">
        <v>9980</v>
      </c>
      <c r="G4102" t="s">
        <v>40222</v>
      </c>
      <c r="H4102">
        <v>4.7893240135520001</v>
      </c>
      <c r="I4102">
        <v>51.935598513754996</v>
      </c>
      <c r="J4102" t="s">
        <v>59787</v>
      </c>
    </row>
    <row r="4103" spans="1:10" x14ac:dyDescent="0.25">
      <c r="A4103" t="s">
        <v>40215</v>
      </c>
      <c r="B4103" t="s">
        <v>40216</v>
      </c>
      <c r="C4103" t="s">
        <v>40217</v>
      </c>
      <c r="D4103" t="s">
        <v>1521</v>
      </c>
      <c r="E4103" t="s">
        <v>13</v>
      </c>
      <c r="F4103">
        <v>9979</v>
      </c>
      <c r="G4103" t="s">
        <v>40218</v>
      </c>
      <c r="H4103">
        <v>4.7808510199800001</v>
      </c>
      <c r="I4103">
        <v>51.942293284525</v>
      </c>
      <c r="J4103" t="s">
        <v>59788</v>
      </c>
    </row>
    <row r="4104" spans="1:10" x14ac:dyDescent="0.25">
      <c r="A4104" t="s">
        <v>40211</v>
      </c>
      <c r="B4104" t="s">
        <v>40212</v>
      </c>
      <c r="C4104" t="s">
        <v>40213</v>
      </c>
      <c r="D4104" t="s">
        <v>1521</v>
      </c>
      <c r="E4104" t="s">
        <v>13</v>
      </c>
      <c r="F4104">
        <v>9978</v>
      </c>
      <c r="G4104" t="s">
        <v>40214</v>
      </c>
      <c r="H4104">
        <v>4.7812225777980002</v>
      </c>
      <c r="I4104">
        <v>51.935142187395002</v>
      </c>
      <c r="J4104" t="s">
        <v>59789</v>
      </c>
    </row>
    <row r="4105" spans="1:10" x14ac:dyDescent="0.25">
      <c r="A4105" t="s">
        <v>40207</v>
      </c>
      <c r="B4105" t="s">
        <v>40208</v>
      </c>
      <c r="C4105" t="s">
        <v>40209</v>
      </c>
      <c r="D4105" t="s">
        <v>1521</v>
      </c>
      <c r="E4105" t="s">
        <v>13</v>
      </c>
      <c r="F4105">
        <v>9977</v>
      </c>
      <c r="G4105" t="s">
        <v>40210</v>
      </c>
      <c r="H4105">
        <v>4.6899612442159997</v>
      </c>
      <c r="I4105">
        <v>51.982279830347998</v>
      </c>
      <c r="J4105" t="s">
        <v>59790</v>
      </c>
    </row>
    <row r="4106" spans="1:10" x14ac:dyDescent="0.25">
      <c r="A4106" t="s">
        <v>1606</v>
      </c>
      <c r="B4106" t="s">
        <v>1607</v>
      </c>
      <c r="C4106" t="s">
        <v>1608</v>
      </c>
      <c r="D4106" t="s">
        <v>1521</v>
      </c>
      <c r="E4106" t="s">
        <v>13</v>
      </c>
      <c r="F4106">
        <v>9976</v>
      </c>
      <c r="G4106" t="s">
        <v>1609</v>
      </c>
      <c r="H4106">
        <v>4.6629938105960003</v>
      </c>
      <c r="I4106">
        <v>51.933159130204999</v>
      </c>
      <c r="J4106" t="s">
        <v>59791</v>
      </c>
    </row>
    <row r="4107" spans="1:10" x14ac:dyDescent="0.25">
      <c r="A4107" t="s">
        <v>40203</v>
      </c>
      <c r="B4107" t="s">
        <v>40204</v>
      </c>
      <c r="C4107" t="s">
        <v>40205</v>
      </c>
      <c r="D4107" t="s">
        <v>1521</v>
      </c>
      <c r="E4107" t="s">
        <v>13</v>
      </c>
      <c r="F4107">
        <v>9975</v>
      </c>
      <c r="G4107" t="s">
        <v>40206</v>
      </c>
      <c r="H4107">
        <v>4.6513361768979999</v>
      </c>
      <c r="I4107">
        <v>51.956721315726</v>
      </c>
      <c r="J4107" t="s">
        <v>59792</v>
      </c>
    </row>
    <row r="4108" spans="1:10" x14ac:dyDescent="0.25">
      <c r="A4108" t="s">
        <v>40199</v>
      </c>
      <c r="B4108" t="s">
        <v>40200</v>
      </c>
      <c r="C4108" t="s">
        <v>40201</v>
      </c>
      <c r="D4108" t="s">
        <v>1521</v>
      </c>
      <c r="E4108" t="s">
        <v>13</v>
      </c>
      <c r="F4108">
        <v>9974</v>
      </c>
      <c r="G4108" t="s">
        <v>40202</v>
      </c>
      <c r="H4108">
        <v>4.6333187200679999</v>
      </c>
      <c r="I4108">
        <v>51.931216920607</v>
      </c>
      <c r="J4108" t="s">
        <v>59793</v>
      </c>
    </row>
    <row r="4109" spans="1:10" x14ac:dyDescent="0.25">
      <c r="A4109" t="s">
        <v>1602</v>
      </c>
      <c r="B4109" t="s">
        <v>1603</v>
      </c>
      <c r="C4109" t="s">
        <v>1604</v>
      </c>
      <c r="D4109" t="s">
        <v>1521</v>
      </c>
      <c r="E4109" t="s">
        <v>13</v>
      </c>
      <c r="F4109">
        <v>9973</v>
      </c>
      <c r="G4109" t="s">
        <v>1605</v>
      </c>
      <c r="H4109">
        <v>4.6228317034110002</v>
      </c>
      <c r="I4109">
        <v>51.904778627391998</v>
      </c>
      <c r="J4109" t="s">
        <v>59794</v>
      </c>
    </row>
    <row r="4110" spans="1:10" x14ac:dyDescent="0.25">
      <c r="A4110" t="s">
        <v>1598</v>
      </c>
      <c r="B4110" t="s">
        <v>1599</v>
      </c>
      <c r="C4110" t="s">
        <v>1600</v>
      </c>
      <c r="D4110" t="s">
        <v>1521</v>
      </c>
      <c r="E4110" t="s">
        <v>13</v>
      </c>
      <c r="F4110">
        <v>9972</v>
      </c>
      <c r="G4110" t="s">
        <v>1601</v>
      </c>
      <c r="H4110">
        <v>4.607693144492</v>
      </c>
      <c r="I4110">
        <v>51.898655674705999</v>
      </c>
      <c r="J4110" t="s">
        <v>59795</v>
      </c>
    </row>
    <row r="4111" spans="1:10" x14ac:dyDescent="0.25">
      <c r="A4111" t="s">
        <v>1594</v>
      </c>
      <c r="B4111" t="s">
        <v>1595</v>
      </c>
      <c r="C4111" t="s">
        <v>1596</v>
      </c>
      <c r="D4111" t="s">
        <v>1521</v>
      </c>
      <c r="E4111" t="s">
        <v>13</v>
      </c>
      <c r="F4111">
        <v>9971</v>
      </c>
      <c r="G4111" t="s">
        <v>1597</v>
      </c>
      <c r="H4111">
        <v>4.621503542798</v>
      </c>
      <c r="I4111">
        <v>51.891368006096997</v>
      </c>
      <c r="J4111" t="s">
        <v>59796</v>
      </c>
    </row>
    <row r="4112" spans="1:10" x14ac:dyDescent="0.25">
      <c r="A4112" t="s">
        <v>1590</v>
      </c>
      <c r="B4112" t="s">
        <v>1591</v>
      </c>
      <c r="C4112" t="s">
        <v>1592</v>
      </c>
      <c r="D4112" t="s">
        <v>1521</v>
      </c>
      <c r="E4112" t="s">
        <v>13</v>
      </c>
      <c r="F4112">
        <v>9970</v>
      </c>
      <c r="G4112" t="s">
        <v>1593</v>
      </c>
      <c r="H4112">
        <v>4.6293391604950003</v>
      </c>
      <c r="I4112">
        <v>51.891712900614998</v>
      </c>
      <c r="J4112" t="s">
        <v>59797</v>
      </c>
    </row>
    <row r="4113" spans="1:10" x14ac:dyDescent="0.25">
      <c r="A4113" t="s">
        <v>1586</v>
      </c>
      <c r="B4113" t="s">
        <v>1587</v>
      </c>
      <c r="C4113" t="s">
        <v>1588</v>
      </c>
      <c r="D4113" t="s">
        <v>1521</v>
      </c>
      <c r="E4113" t="s">
        <v>13</v>
      </c>
      <c r="F4113">
        <v>9969</v>
      </c>
      <c r="G4113" t="s">
        <v>1589</v>
      </c>
      <c r="H4113">
        <v>4.6308289752459997</v>
      </c>
      <c r="I4113">
        <v>51.90006704212</v>
      </c>
      <c r="J4113" t="s">
        <v>59798</v>
      </c>
    </row>
    <row r="4114" spans="1:10" x14ac:dyDescent="0.25">
      <c r="A4114" t="s">
        <v>1582</v>
      </c>
      <c r="B4114" t="s">
        <v>1583</v>
      </c>
      <c r="C4114" t="s">
        <v>1584</v>
      </c>
      <c r="D4114" t="s">
        <v>1521</v>
      </c>
      <c r="E4114" t="s">
        <v>13</v>
      </c>
      <c r="F4114">
        <v>9968</v>
      </c>
      <c r="G4114" t="s">
        <v>1585</v>
      </c>
      <c r="H4114">
        <v>4.5978101720230002</v>
      </c>
      <c r="I4114">
        <v>51.897125293652998</v>
      </c>
      <c r="J4114" t="s">
        <v>59799</v>
      </c>
    </row>
    <row r="4115" spans="1:10" x14ac:dyDescent="0.25">
      <c r="A4115" t="s">
        <v>1578</v>
      </c>
      <c r="B4115" t="s">
        <v>1579</v>
      </c>
      <c r="C4115" t="s">
        <v>1580</v>
      </c>
      <c r="D4115" t="s">
        <v>1521</v>
      </c>
      <c r="E4115" t="s">
        <v>13</v>
      </c>
      <c r="F4115">
        <v>9967</v>
      </c>
      <c r="G4115" t="s">
        <v>1581</v>
      </c>
      <c r="H4115">
        <v>4.6392606340110003</v>
      </c>
      <c r="I4115">
        <v>51.895774739659998</v>
      </c>
      <c r="J4115" t="s">
        <v>59800</v>
      </c>
    </row>
    <row r="4116" spans="1:10" x14ac:dyDescent="0.25">
      <c r="A4116" t="s">
        <v>1574</v>
      </c>
      <c r="B4116" t="s">
        <v>1575</v>
      </c>
      <c r="C4116" t="s">
        <v>1576</v>
      </c>
      <c r="D4116" t="s">
        <v>1521</v>
      </c>
      <c r="E4116" t="s">
        <v>13</v>
      </c>
      <c r="F4116">
        <v>9966</v>
      </c>
      <c r="G4116" t="s">
        <v>1577</v>
      </c>
      <c r="H4116">
        <v>4.6241329010519996</v>
      </c>
      <c r="I4116">
        <v>51.893303322554999</v>
      </c>
      <c r="J4116" t="s">
        <v>59801</v>
      </c>
    </row>
    <row r="4117" spans="1:10" x14ac:dyDescent="0.25">
      <c r="A4117" t="s">
        <v>1570</v>
      </c>
      <c r="B4117" t="s">
        <v>1571</v>
      </c>
      <c r="C4117" t="s">
        <v>1572</v>
      </c>
      <c r="D4117" t="s">
        <v>1521</v>
      </c>
      <c r="E4117" t="s">
        <v>13</v>
      </c>
      <c r="F4117">
        <v>9965</v>
      </c>
      <c r="G4117" t="s">
        <v>1573</v>
      </c>
      <c r="H4117">
        <v>4.6258271636000003</v>
      </c>
      <c r="I4117">
        <v>51.896358280747002</v>
      </c>
      <c r="J4117" t="s">
        <v>59802</v>
      </c>
    </row>
    <row r="4118" spans="1:10" x14ac:dyDescent="0.25">
      <c r="A4118" t="s">
        <v>1566</v>
      </c>
      <c r="B4118" t="s">
        <v>1567</v>
      </c>
      <c r="C4118" t="s">
        <v>1568</v>
      </c>
      <c r="D4118" t="s">
        <v>1521</v>
      </c>
      <c r="E4118" t="s">
        <v>13</v>
      </c>
      <c r="F4118">
        <v>9964</v>
      </c>
      <c r="G4118" t="s">
        <v>1569</v>
      </c>
      <c r="H4118">
        <v>4.6327986766439997</v>
      </c>
      <c r="I4118">
        <v>51.895908937384</v>
      </c>
      <c r="J4118" t="s">
        <v>59803</v>
      </c>
    </row>
    <row r="4119" spans="1:10" x14ac:dyDescent="0.25">
      <c r="A4119" t="s">
        <v>1562</v>
      </c>
      <c r="B4119" t="s">
        <v>1563</v>
      </c>
      <c r="C4119" t="s">
        <v>1564</v>
      </c>
      <c r="D4119" t="s">
        <v>1521</v>
      </c>
      <c r="E4119" t="s">
        <v>13</v>
      </c>
      <c r="F4119">
        <v>9963</v>
      </c>
      <c r="G4119" t="s">
        <v>1565</v>
      </c>
      <c r="H4119">
        <v>4.7044216188070003</v>
      </c>
      <c r="I4119">
        <v>51.918531519901002</v>
      </c>
      <c r="J4119" t="s">
        <v>59804</v>
      </c>
    </row>
    <row r="4120" spans="1:10" x14ac:dyDescent="0.25">
      <c r="A4120" t="s">
        <v>1558</v>
      </c>
      <c r="B4120" t="s">
        <v>1559</v>
      </c>
      <c r="C4120" t="s">
        <v>1560</v>
      </c>
      <c r="D4120" t="s">
        <v>1521</v>
      </c>
      <c r="E4120" t="s">
        <v>13</v>
      </c>
      <c r="F4120">
        <v>9962</v>
      </c>
      <c r="G4120" t="s">
        <v>1561</v>
      </c>
      <c r="H4120">
        <v>4.6914592362759997</v>
      </c>
      <c r="I4120">
        <v>51.899685054941003</v>
      </c>
      <c r="J4120" t="s">
        <v>59805</v>
      </c>
    </row>
    <row r="4121" spans="1:10" x14ac:dyDescent="0.25">
      <c r="A4121" t="s">
        <v>1554</v>
      </c>
      <c r="B4121" t="s">
        <v>1555</v>
      </c>
      <c r="C4121" t="s">
        <v>1556</v>
      </c>
      <c r="D4121" t="s">
        <v>1521</v>
      </c>
      <c r="E4121" t="s">
        <v>13</v>
      </c>
      <c r="F4121">
        <v>9961</v>
      </c>
      <c r="G4121" t="s">
        <v>1557</v>
      </c>
      <c r="H4121">
        <v>4.6818111488429999</v>
      </c>
      <c r="I4121">
        <v>51.894369303192001</v>
      </c>
      <c r="J4121" t="s">
        <v>59806</v>
      </c>
    </row>
    <row r="4122" spans="1:10" x14ac:dyDescent="0.25">
      <c r="A4122" t="s">
        <v>1550</v>
      </c>
      <c r="B4122" t="s">
        <v>1551</v>
      </c>
      <c r="C4122" t="s">
        <v>1552</v>
      </c>
      <c r="D4122" t="s">
        <v>1521</v>
      </c>
      <c r="E4122" t="s">
        <v>13</v>
      </c>
      <c r="F4122">
        <v>9960</v>
      </c>
      <c r="G4122" t="s">
        <v>1553</v>
      </c>
      <c r="H4122">
        <v>4.6771485651509996</v>
      </c>
      <c r="I4122">
        <v>51.896033975240996</v>
      </c>
      <c r="J4122" t="s">
        <v>59807</v>
      </c>
    </row>
    <row r="4123" spans="1:10" x14ac:dyDescent="0.25">
      <c r="A4123" t="s">
        <v>1546</v>
      </c>
      <c r="B4123" t="s">
        <v>1547</v>
      </c>
      <c r="C4123" t="s">
        <v>1548</v>
      </c>
      <c r="D4123" t="s">
        <v>1521</v>
      </c>
      <c r="E4123" t="s">
        <v>13</v>
      </c>
      <c r="F4123">
        <v>9959</v>
      </c>
      <c r="G4123" t="s">
        <v>1549</v>
      </c>
      <c r="H4123">
        <v>4.6823141212610002</v>
      </c>
      <c r="I4123">
        <v>51.898632455425997</v>
      </c>
      <c r="J4123" t="s">
        <v>59808</v>
      </c>
    </row>
    <row r="4124" spans="1:10" x14ac:dyDescent="0.25">
      <c r="A4124" t="s">
        <v>1542</v>
      </c>
      <c r="B4124" t="s">
        <v>1543</v>
      </c>
      <c r="C4124" t="s">
        <v>1544</v>
      </c>
      <c r="D4124" t="s">
        <v>1521</v>
      </c>
      <c r="E4124" t="s">
        <v>13</v>
      </c>
      <c r="F4124">
        <v>9958</v>
      </c>
      <c r="G4124" t="s">
        <v>1545</v>
      </c>
      <c r="H4124">
        <v>4.6860910963320004</v>
      </c>
      <c r="I4124">
        <v>51.898380201891001</v>
      </c>
      <c r="J4124" t="s">
        <v>59809</v>
      </c>
    </row>
    <row r="4125" spans="1:10" x14ac:dyDescent="0.25">
      <c r="A4125" t="s">
        <v>1539</v>
      </c>
      <c r="B4125" t="s">
        <v>1540</v>
      </c>
      <c r="C4125" t="s">
        <v>1296</v>
      </c>
      <c r="D4125" t="s">
        <v>1521</v>
      </c>
      <c r="E4125" t="s">
        <v>13</v>
      </c>
      <c r="F4125">
        <v>9957</v>
      </c>
      <c r="G4125" t="s">
        <v>1541</v>
      </c>
      <c r="H4125">
        <v>4.6873379104290001</v>
      </c>
      <c r="I4125">
        <v>51.901951865930997</v>
      </c>
      <c r="J4125" t="s">
        <v>59810</v>
      </c>
    </row>
    <row r="4126" spans="1:10" x14ac:dyDescent="0.25">
      <c r="A4126" t="s">
        <v>1535</v>
      </c>
      <c r="B4126" t="s">
        <v>1536</v>
      </c>
      <c r="C4126" t="s">
        <v>1537</v>
      </c>
      <c r="D4126" t="s">
        <v>1521</v>
      </c>
      <c r="E4126" t="s">
        <v>13</v>
      </c>
      <c r="F4126">
        <v>9956</v>
      </c>
      <c r="G4126" t="s">
        <v>1538</v>
      </c>
      <c r="H4126">
        <v>4.6781846725199996</v>
      </c>
      <c r="I4126">
        <v>51.899398925001996</v>
      </c>
      <c r="J4126" t="s">
        <v>59811</v>
      </c>
    </row>
    <row r="4127" spans="1:10" x14ac:dyDescent="0.25">
      <c r="A4127" t="s">
        <v>1531</v>
      </c>
      <c r="B4127" t="s">
        <v>1532</v>
      </c>
      <c r="C4127" t="s">
        <v>1533</v>
      </c>
      <c r="D4127" t="s">
        <v>1521</v>
      </c>
      <c r="E4127" t="s">
        <v>13</v>
      </c>
      <c r="F4127">
        <v>9955</v>
      </c>
      <c r="G4127" t="s">
        <v>1534</v>
      </c>
      <c r="H4127">
        <v>4.6627602781409996</v>
      </c>
      <c r="I4127">
        <v>51.904617261962002</v>
      </c>
      <c r="J4127" t="s">
        <v>59812</v>
      </c>
    </row>
    <row r="4128" spans="1:10" x14ac:dyDescent="0.25">
      <c r="A4128" t="s">
        <v>1527</v>
      </c>
      <c r="B4128" t="s">
        <v>1528</v>
      </c>
      <c r="C4128" t="s">
        <v>1529</v>
      </c>
      <c r="D4128" t="s">
        <v>1521</v>
      </c>
      <c r="E4128" t="s">
        <v>13</v>
      </c>
      <c r="F4128">
        <v>9954</v>
      </c>
      <c r="G4128" t="s">
        <v>1530</v>
      </c>
      <c r="H4128">
        <v>4.7188219009110002</v>
      </c>
      <c r="I4128">
        <v>51.903228383155003</v>
      </c>
      <c r="J4128" t="s">
        <v>59813</v>
      </c>
    </row>
    <row r="4129" spans="1:10" x14ac:dyDescent="0.25">
      <c r="A4129" t="s">
        <v>1523</v>
      </c>
      <c r="B4129" t="s">
        <v>1524</v>
      </c>
      <c r="C4129" t="s">
        <v>1525</v>
      </c>
      <c r="D4129" t="s">
        <v>1521</v>
      </c>
      <c r="E4129" t="s">
        <v>13</v>
      </c>
      <c r="F4129">
        <v>9953</v>
      </c>
      <c r="G4129" t="s">
        <v>1526</v>
      </c>
      <c r="H4129">
        <v>4.659263324176</v>
      </c>
      <c r="I4129">
        <v>51.893302183286998</v>
      </c>
      <c r="J4129" t="s">
        <v>59814</v>
      </c>
    </row>
    <row r="4130" spans="1:10" x14ac:dyDescent="0.25">
      <c r="A4130" t="s">
        <v>1518</v>
      </c>
      <c r="B4130" t="s">
        <v>1519</v>
      </c>
      <c r="C4130" t="s">
        <v>1520</v>
      </c>
      <c r="D4130" t="s">
        <v>1521</v>
      </c>
      <c r="E4130" t="s">
        <v>13</v>
      </c>
      <c r="F4130">
        <v>9952</v>
      </c>
      <c r="G4130" t="s">
        <v>1522</v>
      </c>
      <c r="H4130">
        <v>4.6864735715150001</v>
      </c>
      <c r="I4130">
        <v>51.905457978218003</v>
      </c>
      <c r="J4130" t="s">
        <v>59815</v>
      </c>
    </row>
    <row r="4131" spans="1:10" x14ac:dyDescent="0.25">
      <c r="A4131" t="s">
        <v>40195</v>
      </c>
      <c r="B4131" t="s">
        <v>40196</v>
      </c>
      <c r="C4131" t="s">
        <v>40197</v>
      </c>
      <c r="D4131" t="s">
        <v>39854</v>
      </c>
      <c r="E4131" t="s">
        <v>13</v>
      </c>
      <c r="F4131">
        <v>9951</v>
      </c>
      <c r="G4131" t="s">
        <v>40198</v>
      </c>
      <c r="H4131">
        <v>4.3216625412910004</v>
      </c>
      <c r="I4131">
        <v>51.820538405409998</v>
      </c>
      <c r="J4131" t="s">
        <v>59816</v>
      </c>
    </row>
    <row r="4132" spans="1:10" x14ac:dyDescent="0.25">
      <c r="A4132" t="s">
        <v>40191</v>
      </c>
      <c r="B4132" t="s">
        <v>40192</v>
      </c>
      <c r="C4132" t="s">
        <v>40193</v>
      </c>
      <c r="D4132" t="s">
        <v>39854</v>
      </c>
      <c r="E4132" t="s">
        <v>13</v>
      </c>
      <c r="F4132">
        <v>9950</v>
      </c>
      <c r="G4132" t="s">
        <v>40194</v>
      </c>
      <c r="H4132">
        <v>4.364415838757</v>
      </c>
      <c r="I4132">
        <v>51.823811796885998</v>
      </c>
      <c r="J4132" t="s">
        <v>59817</v>
      </c>
    </row>
    <row r="4133" spans="1:10" x14ac:dyDescent="0.25">
      <c r="A4133" t="s">
        <v>40187</v>
      </c>
      <c r="B4133" t="s">
        <v>40188</v>
      </c>
      <c r="C4133" t="s">
        <v>40189</v>
      </c>
      <c r="D4133" t="s">
        <v>39854</v>
      </c>
      <c r="E4133" t="s">
        <v>13</v>
      </c>
      <c r="F4133">
        <v>9949</v>
      </c>
      <c r="G4133" t="s">
        <v>40190</v>
      </c>
      <c r="H4133">
        <v>4.3440203765860002</v>
      </c>
      <c r="I4133">
        <v>51.823489749663999</v>
      </c>
      <c r="J4133" t="s">
        <v>59818</v>
      </c>
    </row>
    <row r="4134" spans="1:10" x14ac:dyDescent="0.25">
      <c r="A4134" t="s">
        <v>40183</v>
      </c>
      <c r="B4134" t="s">
        <v>40184</v>
      </c>
      <c r="C4134" t="s">
        <v>40185</v>
      </c>
      <c r="D4134" t="s">
        <v>39854</v>
      </c>
      <c r="E4134" t="s">
        <v>13</v>
      </c>
      <c r="F4134">
        <v>9948</v>
      </c>
      <c r="G4134" t="s">
        <v>40186</v>
      </c>
      <c r="H4134">
        <v>4.2866625726679999</v>
      </c>
      <c r="I4134">
        <v>51.826283381811002</v>
      </c>
      <c r="J4134" t="s">
        <v>59819</v>
      </c>
    </row>
    <row r="4135" spans="1:10" x14ac:dyDescent="0.25">
      <c r="A4135" t="s">
        <v>40179</v>
      </c>
      <c r="B4135" t="s">
        <v>40180</v>
      </c>
      <c r="C4135" t="s">
        <v>40181</v>
      </c>
      <c r="D4135" t="s">
        <v>39854</v>
      </c>
      <c r="E4135" t="s">
        <v>13</v>
      </c>
      <c r="F4135">
        <v>9947</v>
      </c>
      <c r="G4135" t="s">
        <v>40182</v>
      </c>
      <c r="H4135">
        <v>4.2887972102749998</v>
      </c>
      <c r="I4135">
        <v>51.822323358007999</v>
      </c>
      <c r="J4135" t="s">
        <v>59820</v>
      </c>
    </row>
    <row r="4136" spans="1:10" x14ac:dyDescent="0.25">
      <c r="A4136" t="s">
        <v>40175</v>
      </c>
      <c r="B4136" t="s">
        <v>40176</v>
      </c>
      <c r="C4136" t="s">
        <v>40177</v>
      </c>
      <c r="D4136" t="s">
        <v>39854</v>
      </c>
      <c r="E4136" t="s">
        <v>13</v>
      </c>
      <c r="F4136">
        <v>9946</v>
      </c>
      <c r="G4136" t="s">
        <v>40178</v>
      </c>
      <c r="H4136">
        <v>4.240943630356</v>
      </c>
      <c r="I4136">
        <v>51.808259099828</v>
      </c>
      <c r="J4136" t="s">
        <v>59821</v>
      </c>
    </row>
    <row r="4137" spans="1:10" x14ac:dyDescent="0.25">
      <c r="A4137" t="s">
        <v>40171</v>
      </c>
      <c r="B4137" t="s">
        <v>40172</v>
      </c>
      <c r="C4137" t="s">
        <v>40173</v>
      </c>
      <c r="D4137" t="s">
        <v>39854</v>
      </c>
      <c r="E4137" t="s">
        <v>13</v>
      </c>
      <c r="F4137">
        <v>9945</v>
      </c>
      <c r="G4137" t="s">
        <v>40174</v>
      </c>
      <c r="H4137">
        <v>4.2488882594639996</v>
      </c>
      <c r="I4137">
        <v>51.821059930673997</v>
      </c>
      <c r="J4137" t="s">
        <v>59822</v>
      </c>
    </row>
    <row r="4138" spans="1:10" x14ac:dyDescent="0.25">
      <c r="A4138" t="s">
        <v>40167</v>
      </c>
      <c r="B4138" t="s">
        <v>40168</v>
      </c>
      <c r="C4138" t="s">
        <v>40169</v>
      </c>
      <c r="D4138" t="s">
        <v>39854</v>
      </c>
      <c r="E4138" t="s">
        <v>13</v>
      </c>
      <c r="F4138">
        <v>9944</v>
      </c>
      <c r="G4138" t="s">
        <v>40170</v>
      </c>
      <c r="H4138">
        <v>4.2496585819410004</v>
      </c>
      <c r="I4138">
        <v>51.828619624197003</v>
      </c>
      <c r="J4138" t="s">
        <v>59823</v>
      </c>
    </row>
    <row r="4139" spans="1:10" x14ac:dyDescent="0.25">
      <c r="A4139" t="s">
        <v>40163</v>
      </c>
      <c r="B4139" t="s">
        <v>40164</v>
      </c>
      <c r="C4139" t="s">
        <v>40165</v>
      </c>
      <c r="D4139" t="s">
        <v>39854</v>
      </c>
      <c r="E4139" t="s">
        <v>13</v>
      </c>
      <c r="F4139">
        <v>9943</v>
      </c>
      <c r="G4139" t="s">
        <v>40166</v>
      </c>
      <c r="H4139">
        <v>4.2629208811770001</v>
      </c>
      <c r="I4139">
        <v>51.818758699739</v>
      </c>
      <c r="J4139" t="s">
        <v>59824</v>
      </c>
    </row>
    <row r="4140" spans="1:10" x14ac:dyDescent="0.25">
      <c r="A4140" t="s">
        <v>40159</v>
      </c>
      <c r="B4140" t="s">
        <v>40160</v>
      </c>
      <c r="C4140" t="s">
        <v>40161</v>
      </c>
      <c r="D4140" t="s">
        <v>39854</v>
      </c>
      <c r="E4140" t="s">
        <v>13</v>
      </c>
      <c r="F4140">
        <v>9942</v>
      </c>
      <c r="G4140" t="s">
        <v>40162</v>
      </c>
      <c r="H4140">
        <v>4.2572340187139996</v>
      </c>
      <c r="I4140">
        <v>51.823615400374003</v>
      </c>
      <c r="J4140" t="s">
        <v>59825</v>
      </c>
    </row>
    <row r="4141" spans="1:10" x14ac:dyDescent="0.25">
      <c r="A4141" t="s">
        <v>40155</v>
      </c>
      <c r="B4141" t="s">
        <v>40156</v>
      </c>
      <c r="C4141" t="s">
        <v>40157</v>
      </c>
      <c r="D4141" t="s">
        <v>39854</v>
      </c>
      <c r="E4141" t="s">
        <v>13</v>
      </c>
      <c r="F4141">
        <v>9941</v>
      </c>
      <c r="G4141" t="s">
        <v>40158</v>
      </c>
      <c r="H4141">
        <v>4.2253024428080002</v>
      </c>
      <c r="I4141">
        <v>51.840837189638002</v>
      </c>
      <c r="J4141" t="s">
        <v>59826</v>
      </c>
    </row>
    <row r="4142" spans="1:10" x14ac:dyDescent="0.25">
      <c r="A4142" t="s">
        <v>40151</v>
      </c>
      <c r="B4142" t="s">
        <v>40152</v>
      </c>
      <c r="C4142" t="s">
        <v>40153</v>
      </c>
      <c r="D4142" t="s">
        <v>39854</v>
      </c>
      <c r="E4142" t="s">
        <v>13</v>
      </c>
      <c r="F4142">
        <v>9940</v>
      </c>
      <c r="G4142" t="s">
        <v>40154</v>
      </c>
      <c r="H4142">
        <v>4.2430071926400004</v>
      </c>
      <c r="I4142">
        <v>51.849028940910998</v>
      </c>
      <c r="J4142" t="s">
        <v>59827</v>
      </c>
    </row>
    <row r="4143" spans="1:10" x14ac:dyDescent="0.25">
      <c r="A4143" t="s">
        <v>40147</v>
      </c>
      <c r="B4143" t="s">
        <v>40148</v>
      </c>
      <c r="C4143" t="s">
        <v>40149</v>
      </c>
      <c r="D4143" t="s">
        <v>39854</v>
      </c>
      <c r="E4143" t="s">
        <v>13</v>
      </c>
      <c r="F4143">
        <v>9939</v>
      </c>
      <c r="G4143" t="s">
        <v>40150</v>
      </c>
      <c r="H4143">
        <v>4.2647423560969999</v>
      </c>
      <c r="I4143">
        <v>51.853375106790999</v>
      </c>
      <c r="J4143" t="s">
        <v>59828</v>
      </c>
    </row>
    <row r="4144" spans="1:10" x14ac:dyDescent="0.25">
      <c r="A4144" t="s">
        <v>40143</v>
      </c>
      <c r="B4144" t="s">
        <v>40144</v>
      </c>
      <c r="C4144" t="s">
        <v>40145</v>
      </c>
      <c r="D4144" t="s">
        <v>39854</v>
      </c>
      <c r="E4144" t="s">
        <v>13</v>
      </c>
      <c r="F4144">
        <v>9938</v>
      </c>
      <c r="G4144" t="s">
        <v>40146</v>
      </c>
      <c r="H4144">
        <v>4.2633809674740002</v>
      </c>
      <c r="I4144">
        <v>51.861527029393002</v>
      </c>
      <c r="J4144" t="s">
        <v>59829</v>
      </c>
    </row>
    <row r="4145" spans="1:10" x14ac:dyDescent="0.25">
      <c r="A4145" t="s">
        <v>40139</v>
      </c>
      <c r="B4145" t="s">
        <v>40140</v>
      </c>
      <c r="C4145" t="s">
        <v>40141</v>
      </c>
      <c r="D4145" t="s">
        <v>39854</v>
      </c>
      <c r="E4145" t="s">
        <v>13</v>
      </c>
      <c r="F4145">
        <v>9937</v>
      </c>
      <c r="G4145" t="s">
        <v>40142</v>
      </c>
      <c r="H4145">
        <v>4.2581225390639998</v>
      </c>
      <c r="I4145">
        <v>51.860090566205997</v>
      </c>
      <c r="J4145" t="s">
        <v>59830</v>
      </c>
    </row>
    <row r="4146" spans="1:10" x14ac:dyDescent="0.25">
      <c r="A4146" t="s">
        <v>40135</v>
      </c>
      <c r="B4146" t="s">
        <v>40136</v>
      </c>
      <c r="C4146" t="s">
        <v>40137</v>
      </c>
      <c r="D4146" t="s">
        <v>39854</v>
      </c>
      <c r="E4146" t="s">
        <v>13</v>
      </c>
      <c r="F4146">
        <v>9936</v>
      </c>
      <c r="G4146" t="s">
        <v>40138</v>
      </c>
      <c r="H4146">
        <v>4.2211059987980004</v>
      </c>
      <c r="I4146">
        <v>51.859129904621</v>
      </c>
      <c r="J4146" t="s">
        <v>59831</v>
      </c>
    </row>
    <row r="4147" spans="1:10" x14ac:dyDescent="0.25">
      <c r="A4147" t="s">
        <v>40131</v>
      </c>
      <c r="B4147" t="s">
        <v>40132</v>
      </c>
      <c r="C4147" t="s">
        <v>40133</v>
      </c>
      <c r="D4147" t="s">
        <v>39854</v>
      </c>
      <c r="E4147" t="s">
        <v>13</v>
      </c>
      <c r="F4147">
        <v>9935</v>
      </c>
      <c r="G4147" t="s">
        <v>40134</v>
      </c>
      <c r="H4147">
        <v>4.2421983792590003</v>
      </c>
      <c r="I4147">
        <v>51.867922996293998</v>
      </c>
      <c r="J4147" t="s">
        <v>59832</v>
      </c>
    </row>
    <row r="4148" spans="1:10" x14ac:dyDescent="0.25">
      <c r="A4148" t="s">
        <v>40127</v>
      </c>
      <c r="B4148" t="s">
        <v>40128</v>
      </c>
      <c r="C4148" t="s">
        <v>40129</v>
      </c>
      <c r="D4148" t="s">
        <v>39854</v>
      </c>
      <c r="E4148" t="s">
        <v>13</v>
      </c>
      <c r="F4148">
        <v>9934</v>
      </c>
      <c r="G4148" t="s">
        <v>40130</v>
      </c>
      <c r="H4148">
        <v>4.2378638345460002</v>
      </c>
      <c r="I4148">
        <v>51.863969679312</v>
      </c>
      <c r="J4148" t="s">
        <v>59833</v>
      </c>
    </row>
    <row r="4149" spans="1:10" x14ac:dyDescent="0.25">
      <c r="A4149" t="s">
        <v>40123</v>
      </c>
      <c r="B4149" t="s">
        <v>40124</v>
      </c>
      <c r="C4149" t="s">
        <v>40125</v>
      </c>
      <c r="D4149" t="s">
        <v>39854</v>
      </c>
      <c r="E4149" t="s">
        <v>13</v>
      </c>
      <c r="F4149">
        <v>9933</v>
      </c>
      <c r="G4149" t="s">
        <v>40126</v>
      </c>
      <c r="H4149">
        <v>4.2440523587839998</v>
      </c>
      <c r="I4149">
        <v>51.863812492892997</v>
      </c>
      <c r="J4149" t="s">
        <v>59834</v>
      </c>
    </row>
    <row r="4150" spans="1:10" x14ac:dyDescent="0.25">
      <c r="A4150" t="s">
        <v>40119</v>
      </c>
      <c r="B4150" t="s">
        <v>40120</v>
      </c>
      <c r="C4150" t="s">
        <v>40121</v>
      </c>
      <c r="D4150" t="s">
        <v>39854</v>
      </c>
      <c r="E4150" t="s">
        <v>13</v>
      </c>
      <c r="F4150">
        <v>9932</v>
      </c>
      <c r="G4150" t="s">
        <v>40122</v>
      </c>
      <c r="H4150">
        <v>4.4062298703270004</v>
      </c>
      <c r="I4150">
        <v>51.836961522305998</v>
      </c>
      <c r="J4150" t="s">
        <v>59835</v>
      </c>
    </row>
    <row r="4151" spans="1:10" x14ac:dyDescent="0.25">
      <c r="A4151" t="s">
        <v>40116</v>
      </c>
      <c r="B4151" t="s">
        <v>40117</v>
      </c>
      <c r="C4151" t="s">
        <v>20656</v>
      </c>
      <c r="D4151" t="s">
        <v>39854</v>
      </c>
      <c r="E4151" t="s">
        <v>13</v>
      </c>
      <c r="F4151">
        <v>9931</v>
      </c>
      <c r="G4151" t="s">
        <v>40118</v>
      </c>
      <c r="H4151">
        <v>4.3787621803130001</v>
      </c>
      <c r="I4151">
        <v>51.83492455012</v>
      </c>
      <c r="J4151" t="s">
        <v>59836</v>
      </c>
    </row>
    <row r="4152" spans="1:10" x14ac:dyDescent="0.25">
      <c r="A4152" t="s">
        <v>40112</v>
      </c>
      <c r="B4152" t="s">
        <v>40113</v>
      </c>
      <c r="C4152" t="s">
        <v>40114</v>
      </c>
      <c r="D4152" t="s">
        <v>39854</v>
      </c>
      <c r="E4152" t="s">
        <v>13</v>
      </c>
      <c r="F4152">
        <v>9930</v>
      </c>
      <c r="G4152" t="s">
        <v>40115</v>
      </c>
      <c r="H4152">
        <v>4.3012028358409999</v>
      </c>
      <c r="I4152">
        <v>51.842219827728002</v>
      </c>
      <c r="J4152" t="s">
        <v>59837</v>
      </c>
    </row>
    <row r="4153" spans="1:10" x14ac:dyDescent="0.25">
      <c r="A4153" t="s">
        <v>40108</v>
      </c>
      <c r="B4153" t="s">
        <v>40109</v>
      </c>
      <c r="C4153" t="s">
        <v>40110</v>
      </c>
      <c r="D4153" t="s">
        <v>39854</v>
      </c>
      <c r="E4153" t="s">
        <v>13</v>
      </c>
      <c r="F4153">
        <v>9929</v>
      </c>
      <c r="G4153" t="s">
        <v>40111</v>
      </c>
      <c r="H4153">
        <v>4.2897062671309998</v>
      </c>
      <c r="I4153">
        <v>51.861428385619</v>
      </c>
      <c r="J4153" t="s">
        <v>59838</v>
      </c>
    </row>
    <row r="4154" spans="1:10" x14ac:dyDescent="0.25">
      <c r="A4154" t="s">
        <v>40104</v>
      </c>
      <c r="B4154" t="s">
        <v>40105</v>
      </c>
      <c r="C4154" t="s">
        <v>40106</v>
      </c>
      <c r="D4154" t="s">
        <v>39854</v>
      </c>
      <c r="E4154" t="s">
        <v>13</v>
      </c>
      <c r="F4154">
        <v>9928</v>
      </c>
      <c r="G4154" t="s">
        <v>40107</v>
      </c>
      <c r="H4154">
        <v>4.3008996499699998</v>
      </c>
      <c r="I4154">
        <v>51.860395437367004</v>
      </c>
      <c r="J4154" t="s">
        <v>59839</v>
      </c>
    </row>
    <row r="4155" spans="1:10" x14ac:dyDescent="0.25">
      <c r="A4155" t="s">
        <v>40100</v>
      </c>
      <c r="B4155" t="s">
        <v>40101</v>
      </c>
      <c r="C4155" t="s">
        <v>40102</v>
      </c>
      <c r="D4155" t="s">
        <v>39854</v>
      </c>
      <c r="E4155" t="s">
        <v>13</v>
      </c>
      <c r="F4155">
        <v>9927</v>
      </c>
      <c r="G4155" t="s">
        <v>40103</v>
      </c>
      <c r="H4155">
        <v>4.3126670718559996</v>
      </c>
      <c r="I4155">
        <v>51.860414749276998</v>
      </c>
      <c r="J4155" t="s">
        <v>59840</v>
      </c>
    </row>
    <row r="4156" spans="1:10" x14ac:dyDescent="0.25">
      <c r="A4156" t="s">
        <v>40096</v>
      </c>
      <c r="B4156" t="s">
        <v>40097</v>
      </c>
      <c r="C4156" t="s">
        <v>40098</v>
      </c>
      <c r="D4156" t="s">
        <v>39854</v>
      </c>
      <c r="E4156" t="s">
        <v>13</v>
      </c>
      <c r="F4156">
        <v>9926</v>
      </c>
      <c r="G4156" t="s">
        <v>40099</v>
      </c>
      <c r="H4156">
        <v>4.3170289971539999</v>
      </c>
      <c r="I4156">
        <v>51.863000288894</v>
      </c>
      <c r="J4156" t="s">
        <v>59841</v>
      </c>
    </row>
    <row r="4157" spans="1:10" x14ac:dyDescent="0.25">
      <c r="A4157" t="s">
        <v>40092</v>
      </c>
      <c r="B4157" t="s">
        <v>40093</v>
      </c>
      <c r="C4157" t="s">
        <v>40094</v>
      </c>
      <c r="D4157" t="s">
        <v>39854</v>
      </c>
      <c r="E4157" t="s">
        <v>13</v>
      </c>
      <c r="F4157">
        <v>9925</v>
      </c>
      <c r="G4157" t="s">
        <v>40095</v>
      </c>
      <c r="H4157">
        <v>4.3309493349970003</v>
      </c>
      <c r="I4157">
        <v>51.858784526152</v>
      </c>
      <c r="J4157" t="s">
        <v>59842</v>
      </c>
    </row>
    <row r="4158" spans="1:10" x14ac:dyDescent="0.25">
      <c r="A4158" t="s">
        <v>40088</v>
      </c>
      <c r="B4158" t="s">
        <v>40089</v>
      </c>
      <c r="C4158" t="s">
        <v>40090</v>
      </c>
      <c r="D4158" t="s">
        <v>39854</v>
      </c>
      <c r="E4158" t="s">
        <v>13</v>
      </c>
      <c r="F4158">
        <v>9924</v>
      </c>
      <c r="G4158" t="s">
        <v>40091</v>
      </c>
      <c r="H4158">
        <v>4.2982313537980001</v>
      </c>
      <c r="I4158">
        <v>51.853633509745997</v>
      </c>
      <c r="J4158" t="s">
        <v>59843</v>
      </c>
    </row>
    <row r="4159" spans="1:10" x14ac:dyDescent="0.25">
      <c r="A4159" t="s">
        <v>40084</v>
      </c>
      <c r="B4159" t="s">
        <v>40085</v>
      </c>
      <c r="C4159" t="s">
        <v>40086</v>
      </c>
      <c r="D4159" t="s">
        <v>39854</v>
      </c>
      <c r="E4159" t="s">
        <v>13</v>
      </c>
      <c r="F4159">
        <v>9923</v>
      </c>
      <c r="G4159" t="s">
        <v>40087</v>
      </c>
      <c r="H4159">
        <v>4.3561309731220001</v>
      </c>
      <c r="I4159">
        <v>51.830301035904</v>
      </c>
      <c r="J4159" t="s">
        <v>59844</v>
      </c>
    </row>
    <row r="4160" spans="1:10" x14ac:dyDescent="0.25">
      <c r="A4160" t="s">
        <v>40080</v>
      </c>
      <c r="B4160" t="s">
        <v>40081</v>
      </c>
      <c r="C4160" t="s">
        <v>40082</v>
      </c>
      <c r="D4160" t="s">
        <v>39854</v>
      </c>
      <c r="E4160" t="s">
        <v>13</v>
      </c>
      <c r="F4160">
        <v>9922</v>
      </c>
      <c r="G4160" t="s">
        <v>40083</v>
      </c>
      <c r="H4160">
        <v>4.351786682877</v>
      </c>
      <c r="I4160">
        <v>51.840929068556001</v>
      </c>
      <c r="J4160" t="s">
        <v>59845</v>
      </c>
    </row>
    <row r="4161" spans="1:10" x14ac:dyDescent="0.25">
      <c r="A4161" t="s">
        <v>40076</v>
      </c>
      <c r="B4161" t="s">
        <v>40077</v>
      </c>
      <c r="C4161" t="s">
        <v>40078</v>
      </c>
      <c r="D4161" t="s">
        <v>39854</v>
      </c>
      <c r="E4161" t="s">
        <v>13</v>
      </c>
      <c r="F4161">
        <v>9921</v>
      </c>
      <c r="G4161" t="s">
        <v>40079</v>
      </c>
      <c r="H4161">
        <v>4.3695950861239998</v>
      </c>
      <c r="I4161">
        <v>51.831519215724001</v>
      </c>
      <c r="J4161" t="s">
        <v>59846</v>
      </c>
    </row>
    <row r="4162" spans="1:10" x14ac:dyDescent="0.25">
      <c r="A4162" t="s">
        <v>40072</v>
      </c>
      <c r="B4162" t="s">
        <v>40073</v>
      </c>
      <c r="C4162" t="s">
        <v>40074</v>
      </c>
      <c r="D4162" t="s">
        <v>39854</v>
      </c>
      <c r="E4162" t="s">
        <v>13</v>
      </c>
      <c r="F4162">
        <v>9920</v>
      </c>
      <c r="G4162" t="s">
        <v>40075</v>
      </c>
      <c r="H4162">
        <v>4.355019259983</v>
      </c>
      <c r="I4162">
        <v>51.834957412256003</v>
      </c>
      <c r="J4162" t="s">
        <v>59847</v>
      </c>
    </row>
    <row r="4163" spans="1:10" x14ac:dyDescent="0.25">
      <c r="A4163" t="s">
        <v>40068</v>
      </c>
      <c r="B4163" t="s">
        <v>40069</v>
      </c>
      <c r="C4163" t="s">
        <v>40070</v>
      </c>
      <c r="D4163" t="s">
        <v>39854</v>
      </c>
      <c r="E4163" t="s">
        <v>13</v>
      </c>
      <c r="F4163">
        <v>9919</v>
      </c>
      <c r="G4163" t="s">
        <v>40071</v>
      </c>
      <c r="H4163">
        <v>4.3583836855850002</v>
      </c>
      <c r="I4163">
        <v>51.837070185480997</v>
      </c>
      <c r="J4163" t="s">
        <v>59848</v>
      </c>
    </row>
    <row r="4164" spans="1:10" x14ac:dyDescent="0.25">
      <c r="A4164" t="s">
        <v>40064</v>
      </c>
      <c r="B4164" t="s">
        <v>40065</v>
      </c>
      <c r="C4164" t="s">
        <v>40066</v>
      </c>
      <c r="D4164" t="s">
        <v>39854</v>
      </c>
      <c r="E4164" t="s">
        <v>13</v>
      </c>
      <c r="F4164">
        <v>9918</v>
      </c>
      <c r="G4164" t="s">
        <v>40067</v>
      </c>
      <c r="H4164">
        <v>4.3668947330099996</v>
      </c>
      <c r="I4164">
        <v>51.836896376189998</v>
      </c>
      <c r="J4164" t="s">
        <v>59849</v>
      </c>
    </row>
    <row r="4165" spans="1:10" x14ac:dyDescent="0.25">
      <c r="A4165" t="s">
        <v>40060</v>
      </c>
      <c r="B4165" t="s">
        <v>40061</v>
      </c>
      <c r="C4165" t="s">
        <v>40062</v>
      </c>
      <c r="D4165" t="s">
        <v>39854</v>
      </c>
      <c r="E4165" t="s">
        <v>13</v>
      </c>
      <c r="F4165">
        <v>9917</v>
      </c>
      <c r="G4165" t="s">
        <v>40063</v>
      </c>
      <c r="H4165">
        <v>4.3447749174529999</v>
      </c>
      <c r="I4165">
        <v>51.829904730362003</v>
      </c>
      <c r="J4165" t="s">
        <v>59850</v>
      </c>
    </row>
    <row r="4166" spans="1:10" x14ac:dyDescent="0.25">
      <c r="A4166" t="s">
        <v>40056</v>
      </c>
      <c r="B4166" t="s">
        <v>40057</v>
      </c>
      <c r="C4166" t="s">
        <v>40058</v>
      </c>
      <c r="D4166" t="s">
        <v>39854</v>
      </c>
      <c r="E4166" t="s">
        <v>13</v>
      </c>
      <c r="F4166">
        <v>9916</v>
      </c>
      <c r="G4166" t="s">
        <v>40059</v>
      </c>
      <c r="H4166">
        <v>4.3482754162689998</v>
      </c>
      <c r="I4166">
        <v>51.837472848605998</v>
      </c>
      <c r="J4166" t="s">
        <v>59851</v>
      </c>
    </row>
    <row r="4167" spans="1:10" x14ac:dyDescent="0.25">
      <c r="A4167" t="s">
        <v>40052</v>
      </c>
      <c r="B4167" t="s">
        <v>40053</v>
      </c>
      <c r="C4167" t="s">
        <v>40054</v>
      </c>
      <c r="D4167" t="s">
        <v>39854</v>
      </c>
      <c r="E4167" t="s">
        <v>13</v>
      </c>
      <c r="F4167">
        <v>9915</v>
      </c>
      <c r="G4167" t="s">
        <v>40055</v>
      </c>
      <c r="H4167">
        <v>4.348398366174</v>
      </c>
      <c r="I4167">
        <v>51.834586639746</v>
      </c>
      <c r="J4167" t="s">
        <v>59852</v>
      </c>
    </row>
    <row r="4168" spans="1:10" x14ac:dyDescent="0.25">
      <c r="A4168" t="s">
        <v>40048</v>
      </c>
      <c r="B4168" t="s">
        <v>40049</v>
      </c>
      <c r="C4168" t="s">
        <v>40050</v>
      </c>
      <c r="D4168" t="s">
        <v>39854</v>
      </c>
      <c r="E4168" t="s">
        <v>13</v>
      </c>
      <c r="F4168">
        <v>9914</v>
      </c>
      <c r="G4168" t="s">
        <v>40051</v>
      </c>
      <c r="H4168">
        <v>4.3472018704230004</v>
      </c>
      <c r="I4168">
        <v>51.831706184235998</v>
      </c>
      <c r="J4168" t="s">
        <v>59853</v>
      </c>
    </row>
    <row r="4169" spans="1:10" x14ac:dyDescent="0.25">
      <c r="A4169" t="s">
        <v>40045</v>
      </c>
      <c r="B4169" t="s">
        <v>40046</v>
      </c>
      <c r="C4169" t="s">
        <v>2288</v>
      </c>
      <c r="D4169" t="s">
        <v>39854</v>
      </c>
      <c r="E4169" t="s">
        <v>13</v>
      </c>
      <c r="F4169">
        <v>9913</v>
      </c>
      <c r="G4169" t="s">
        <v>40047</v>
      </c>
      <c r="H4169">
        <v>4.3429412804860004</v>
      </c>
      <c r="I4169">
        <v>51.834531974459999</v>
      </c>
      <c r="J4169" t="s">
        <v>59854</v>
      </c>
    </row>
    <row r="4170" spans="1:10" x14ac:dyDescent="0.25">
      <c r="A4170" t="s">
        <v>40041</v>
      </c>
      <c r="B4170" t="s">
        <v>40042</v>
      </c>
      <c r="C4170" t="s">
        <v>40043</v>
      </c>
      <c r="D4170" t="s">
        <v>39854</v>
      </c>
      <c r="E4170" t="s">
        <v>13</v>
      </c>
      <c r="F4170">
        <v>9912</v>
      </c>
      <c r="G4170" t="s">
        <v>40044</v>
      </c>
      <c r="H4170">
        <v>4.3394033312789997</v>
      </c>
      <c r="I4170">
        <v>51.832586626260998</v>
      </c>
      <c r="J4170" t="s">
        <v>59855</v>
      </c>
    </row>
    <row r="4171" spans="1:10" x14ac:dyDescent="0.25">
      <c r="A4171" t="s">
        <v>40037</v>
      </c>
      <c r="B4171" t="s">
        <v>40038</v>
      </c>
      <c r="C4171" t="s">
        <v>40039</v>
      </c>
      <c r="D4171" t="s">
        <v>39854</v>
      </c>
      <c r="E4171" t="s">
        <v>13</v>
      </c>
      <c r="F4171">
        <v>9911</v>
      </c>
      <c r="G4171" t="s">
        <v>40040</v>
      </c>
      <c r="H4171">
        <v>4.338503338952</v>
      </c>
      <c r="I4171">
        <v>51.830635126661001</v>
      </c>
      <c r="J4171" t="s">
        <v>59856</v>
      </c>
    </row>
    <row r="4172" spans="1:10" x14ac:dyDescent="0.25">
      <c r="A4172" t="s">
        <v>40033</v>
      </c>
      <c r="B4172" t="s">
        <v>40034</v>
      </c>
      <c r="C4172" t="s">
        <v>40035</v>
      </c>
      <c r="D4172" t="s">
        <v>39854</v>
      </c>
      <c r="E4172" t="s">
        <v>13</v>
      </c>
      <c r="F4172">
        <v>9910</v>
      </c>
      <c r="G4172" t="s">
        <v>40036</v>
      </c>
      <c r="H4172">
        <v>4.336394851833</v>
      </c>
      <c r="I4172">
        <v>51.833039684088</v>
      </c>
      <c r="J4172" t="s">
        <v>59857</v>
      </c>
    </row>
    <row r="4173" spans="1:10" x14ac:dyDescent="0.25">
      <c r="A4173" t="s">
        <v>40029</v>
      </c>
      <c r="B4173" t="s">
        <v>40030</v>
      </c>
      <c r="C4173" t="s">
        <v>40031</v>
      </c>
      <c r="D4173" t="s">
        <v>39854</v>
      </c>
      <c r="E4173" t="s">
        <v>13</v>
      </c>
      <c r="F4173">
        <v>9909</v>
      </c>
      <c r="G4173" t="s">
        <v>40032</v>
      </c>
      <c r="H4173">
        <v>4.3349901564379998</v>
      </c>
      <c r="I4173">
        <v>51.836430845605001</v>
      </c>
      <c r="J4173" t="s">
        <v>59858</v>
      </c>
    </row>
    <row r="4174" spans="1:10" x14ac:dyDescent="0.25">
      <c r="A4174" t="s">
        <v>40025</v>
      </c>
      <c r="B4174" t="s">
        <v>40026</v>
      </c>
      <c r="C4174" t="s">
        <v>40027</v>
      </c>
      <c r="D4174" t="s">
        <v>39854</v>
      </c>
      <c r="E4174" t="s">
        <v>13</v>
      </c>
      <c r="F4174">
        <v>9908</v>
      </c>
      <c r="G4174" t="s">
        <v>40028</v>
      </c>
      <c r="H4174">
        <v>4.3386309107710002</v>
      </c>
      <c r="I4174">
        <v>51.835411042741001</v>
      </c>
      <c r="J4174" t="s">
        <v>59859</v>
      </c>
    </row>
    <row r="4175" spans="1:10" x14ac:dyDescent="0.25">
      <c r="A4175" t="s">
        <v>40021</v>
      </c>
      <c r="B4175" t="s">
        <v>40022</v>
      </c>
      <c r="C4175" t="s">
        <v>40023</v>
      </c>
      <c r="D4175" t="s">
        <v>39854</v>
      </c>
      <c r="E4175" t="s">
        <v>13</v>
      </c>
      <c r="F4175">
        <v>9907</v>
      </c>
      <c r="G4175" t="s">
        <v>40024</v>
      </c>
      <c r="H4175">
        <v>4.3398686078899997</v>
      </c>
      <c r="I4175">
        <v>51.837530652600996</v>
      </c>
      <c r="J4175" t="s">
        <v>59860</v>
      </c>
    </row>
    <row r="4176" spans="1:10" x14ac:dyDescent="0.25">
      <c r="A4176" t="s">
        <v>40017</v>
      </c>
      <c r="B4176" t="s">
        <v>40018</v>
      </c>
      <c r="C4176" t="s">
        <v>40019</v>
      </c>
      <c r="D4176" t="s">
        <v>39854</v>
      </c>
      <c r="E4176" t="s">
        <v>13</v>
      </c>
      <c r="F4176">
        <v>9906</v>
      </c>
      <c r="G4176" t="s">
        <v>40020</v>
      </c>
      <c r="H4176">
        <v>4.3211340620660001</v>
      </c>
      <c r="I4176">
        <v>51.828187259921002</v>
      </c>
      <c r="J4176" t="s">
        <v>59861</v>
      </c>
    </row>
    <row r="4177" spans="1:10" x14ac:dyDescent="0.25">
      <c r="A4177" t="s">
        <v>40013</v>
      </c>
      <c r="B4177" t="s">
        <v>40014</v>
      </c>
      <c r="C4177" t="s">
        <v>40015</v>
      </c>
      <c r="D4177" t="s">
        <v>39854</v>
      </c>
      <c r="E4177" t="s">
        <v>13</v>
      </c>
      <c r="F4177">
        <v>9905</v>
      </c>
      <c r="G4177" t="s">
        <v>40016</v>
      </c>
      <c r="H4177">
        <v>4.3301802564210004</v>
      </c>
      <c r="I4177">
        <v>51.826066358208998</v>
      </c>
      <c r="J4177" t="s">
        <v>59862</v>
      </c>
    </row>
    <row r="4178" spans="1:10" x14ac:dyDescent="0.25">
      <c r="A4178" t="s">
        <v>40009</v>
      </c>
      <c r="B4178" t="s">
        <v>40010</v>
      </c>
      <c r="C4178" t="s">
        <v>40011</v>
      </c>
      <c r="D4178" t="s">
        <v>39854</v>
      </c>
      <c r="E4178" t="s">
        <v>13</v>
      </c>
      <c r="F4178">
        <v>9904</v>
      </c>
      <c r="G4178" t="s">
        <v>40012</v>
      </c>
      <c r="H4178">
        <v>4.3251225166139999</v>
      </c>
      <c r="I4178">
        <v>51.830949672597001</v>
      </c>
      <c r="J4178" t="s">
        <v>59863</v>
      </c>
    </row>
    <row r="4179" spans="1:10" x14ac:dyDescent="0.25">
      <c r="A4179" t="s">
        <v>40005</v>
      </c>
      <c r="B4179" t="s">
        <v>40006</v>
      </c>
      <c r="C4179" t="s">
        <v>40007</v>
      </c>
      <c r="D4179" t="s">
        <v>39854</v>
      </c>
      <c r="E4179" t="s">
        <v>13</v>
      </c>
      <c r="F4179">
        <v>9903</v>
      </c>
      <c r="G4179" t="s">
        <v>40008</v>
      </c>
      <c r="H4179">
        <v>4.3193670904000001</v>
      </c>
      <c r="I4179">
        <v>51.833616817962998</v>
      </c>
      <c r="J4179" t="s">
        <v>59864</v>
      </c>
    </row>
    <row r="4180" spans="1:10" x14ac:dyDescent="0.25">
      <c r="A4180" t="s">
        <v>40001</v>
      </c>
      <c r="B4180" t="s">
        <v>40002</v>
      </c>
      <c r="C4180" t="s">
        <v>40003</v>
      </c>
      <c r="D4180" t="s">
        <v>39854</v>
      </c>
      <c r="E4180" t="s">
        <v>13</v>
      </c>
      <c r="F4180">
        <v>9902</v>
      </c>
      <c r="G4180" t="s">
        <v>40004</v>
      </c>
      <c r="H4180">
        <v>4.3225912841160001</v>
      </c>
      <c r="I4180">
        <v>51.835726042696002</v>
      </c>
      <c r="J4180" t="s">
        <v>59865</v>
      </c>
    </row>
    <row r="4181" spans="1:10" x14ac:dyDescent="0.25">
      <c r="A4181" t="s">
        <v>39997</v>
      </c>
      <c r="B4181" t="s">
        <v>39998</v>
      </c>
      <c r="C4181" t="s">
        <v>39999</v>
      </c>
      <c r="D4181" t="s">
        <v>39854</v>
      </c>
      <c r="E4181" t="s">
        <v>13</v>
      </c>
      <c r="F4181">
        <v>9901</v>
      </c>
      <c r="G4181" t="s">
        <v>40000</v>
      </c>
      <c r="H4181">
        <v>4.3286868988679998</v>
      </c>
      <c r="I4181">
        <v>51.836369747016001</v>
      </c>
      <c r="J4181" t="s">
        <v>59866</v>
      </c>
    </row>
    <row r="4182" spans="1:10" x14ac:dyDescent="0.25">
      <c r="A4182" t="s">
        <v>39993</v>
      </c>
      <c r="B4182" t="s">
        <v>39994</v>
      </c>
      <c r="C4182" t="s">
        <v>39995</v>
      </c>
      <c r="D4182" t="s">
        <v>39854</v>
      </c>
      <c r="E4182" t="s">
        <v>13</v>
      </c>
      <c r="F4182">
        <v>9900</v>
      </c>
      <c r="G4182" t="s">
        <v>39996</v>
      </c>
      <c r="H4182">
        <v>4.3310668463540001</v>
      </c>
      <c r="I4182">
        <v>51.831571209507999</v>
      </c>
      <c r="J4182" t="s">
        <v>59867</v>
      </c>
    </row>
    <row r="4183" spans="1:10" x14ac:dyDescent="0.25">
      <c r="A4183" t="s">
        <v>39989</v>
      </c>
      <c r="B4183" t="s">
        <v>39990</v>
      </c>
      <c r="C4183" t="s">
        <v>39991</v>
      </c>
      <c r="D4183" t="s">
        <v>39854</v>
      </c>
      <c r="E4183" t="s">
        <v>13</v>
      </c>
      <c r="F4183">
        <v>9899</v>
      </c>
      <c r="G4183" t="s">
        <v>39992</v>
      </c>
      <c r="H4183">
        <v>4.3069838282930002</v>
      </c>
      <c r="I4183">
        <v>51.837034441370001</v>
      </c>
      <c r="J4183" t="s">
        <v>59868</v>
      </c>
    </row>
    <row r="4184" spans="1:10" x14ac:dyDescent="0.25">
      <c r="A4184" t="s">
        <v>39985</v>
      </c>
      <c r="B4184" t="s">
        <v>39986</v>
      </c>
      <c r="C4184" t="s">
        <v>39987</v>
      </c>
      <c r="D4184" t="s">
        <v>39854</v>
      </c>
      <c r="E4184" t="s">
        <v>13</v>
      </c>
      <c r="F4184">
        <v>9898</v>
      </c>
      <c r="G4184" t="s">
        <v>39988</v>
      </c>
      <c r="H4184">
        <v>4.3129812205320004</v>
      </c>
      <c r="I4184">
        <v>51.832579266478</v>
      </c>
      <c r="J4184" t="s">
        <v>59869</v>
      </c>
    </row>
    <row r="4185" spans="1:10" x14ac:dyDescent="0.25">
      <c r="A4185" t="s">
        <v>39981</v>
      </c>
      <c r="B4185" t="s">
        <v>39982</v>
      </c>
      <c r="C4185" t="s">
        <v>39983</v>
      </c>
      <c r="D4185" t="s">
        <v>39854</v>
      </c>
      <c r="E4185" t="s">
        <v>13</v>
      </c>
      <c r="F4185">
        <v>9897</v>
      </c>
      <c r="G4185" t="s">
        <v>39984</v>
      </c>
      <c r="H4185">
        <v>4.3382773906059997</v>
      </c>
      <c r="I4185">
        <v>51.850694885575997</v>
      </c>
      <c r="J4185" t="s">
        <v>59870</v>
      </c>
    </row>
    <row r="4186" spans="1:10" x14ac:dyDescent="0.25">
      <c r="A4186" t="s">
        <v>39978</v>
      </c>
      <c r="B4186" t="s">
        <v>39979</v>
      </c>
      <c r="C4186" t="s">
        <v>2879</v>
      </c>
      <c r="D4186" t="s">
        <v>39854</v>
      </c>
      <c r="E4186" t="s">
        <v>13</v>
      </c>
      <c r="F4186">
        <v>9896</v>
      </c>
      <c r="G4186" t="s">
        <v>39980</v>
      </c>
      <c r="H4186">
        <v>4.3354658404829998</v>
      </c>
      <c r="I4186">
        <v>51.852979827833003</v>
      </c>
      <c r="J4186" t="s">
        <v>59871</v>
      </c>
    </row>
    <row r="4187" spans="1:10" x14ac:dyDescent="0.25">
      <c r="A4187" t="s">
        <v>39974</v>
      </c>
      <c r="B4187" t="s">
        <v>39975</v>
      </c>
      <c r="C4187" t="s">
        <v>39976</v>
      </c>
      <c r="D4187" t="s">
        <v>39854</v>
      </c>
      <c r="E4187" t="s">
        <v>13</v>
      </c>
      <c r="F4187">
        <v>9895</v>
      </c>
      <c r="G4187" t="s">
        <v>39977</v>
      </c>
      <c r="H4187">
        <v>4.3353534139759997</v>
      </c>
      <c r="I4187">
        <v>51.855921600574</v>
      </c>
      <c r="J4187" t="s">
        <v>59872</v>
      </c>
    </row>
    <row r="4188" spans="1:10" x14ac:dyDescent="0.25">
      <c r="A4188" t="s">
        <v>39971</v>
      </c>
      <c r="B4188" t="s">
        <v>39972</v>
      </c>
      <c r="C4188" t="s">
        <v>23376</v>
      </c>
      <c r="D4188" t="s">
        <v>39854</v>
      </c>
      <c r="E4188" t="s">
        <v>13</v>
      </c>
      <c r="F4188">
        <v>9894</v>
      </c>
      <c r="G4188" t="s">
        <v>39973</v>
      </c>
      <c r="H4188">
        <v>4.3445098204099999</v>
      </c>
      <c r="I4188">
        <v>51.851995252599998</v>
      </c>
      <c r="J4188" t="s">
        <v>59873</v>
      </c>
    </row>
    <row r="4189" spans="1:10" x14ac:dyDescent="0.25">
      <c r="A4189" t="s">
        <v>39967</v>
      </c>
      <c r="B4189" t="s">
        <v>39968</v>
      </c>
      <c r="C4189" t="s">
        <v>39969</v>
      </c>
      <c r="D4189" t="s">
        <v>39854</v>
      </c>
      <c r="E4189" t="s">
        <v>13</v>
      </c>
      <c r="F4189">
        <v>9893</v>
      </c>
      <c r="G4189" t="s">
        <v>39970</v>
      </c>
      <c r="H4189">
        <v>4.3553197528179997</v>
      </c>
      <c r="I4189">
        <v>51.846130080536</v>
      </c>
      <c r="J4189" t="s">
        <v>59874</v>
      </c>
    </row>
    <row r="4190" spans="1:10" x14ac:dyDescent="0.25">
      <c r="A4190" t="s">
        <v>39963</v>
      </c>
      <c r="B4190" t="s">
        <v>39964</v>
      </c>
      <c r="C4190" t="s">
        <v>39965</v>
      </c>
      <c r="D4190" t="s">
        <v>39854</v>
      </c>
      <c r="E4190" t="s">
        <v>13</v>
      </c>
      <c r="F4190">
        <v>9892</v>
      </c>
      <c r="G4190" t="s">
        <v>39966</v>
      </c>
      <c r="H4190">
        <v>4.3535465514379998</v>
      </c>
      <c r="I4190">
        <v>51.843356910480999</v>
      </c>
      <c r="J4190" t="s">
        <v>59875</v>
      </c>
    </row>
    <row r="4191" spans="1:10" x14ac:dyDescent="0.25">
      <c r="A4191" t="s">
        <v>39959</v>
      </c>
      <c r="B4191" t="s">
        <v>39960</v>
      </c>
      <c r="C4191" t="s">
        <v>39961</v>
      </c>
      <c r="D4191" t="s">
        <v>39854</v>
      </c>
      <c r="E4191" t="s">
        <v>13</v>
      </c>
      <c r="F4191">
        <v>9891</v>
      </c>
      <c r="G4191" t="s">
        <v>39962</v>
      </c>
      <c r="H4191">
        <v>4.3451711614989996</v>
      </c>
      <c r="I4191">
        <v>51.845441551680999</v>
      </c>
      <c r="J4191" t="s">
        <v>59876</v>
      </c>
    </row>
    <row r="4192" spans="1:10" x14ac:dyDescent="0.25">
      <c r="A4192" t="s">
        <v>39955</v>
      </c>
      <c r="B4192" t="s">
        <v>39956</v>
      </c>
      <c r="C4192" t="s">
        <v>39957</v>
      </c>
      <c r="D4192" t="s">
        <v>39854</v>
      </c>
      <c r="E4192" t="s">
        <v>13</v>
      </c>
      <c r="F4192">
        <v>9890</v>
      </c>
      <c r="G4192" t="s">
        <v>39958</v>
      </c>
      <c r="H4192">
        <v>4.3411716717660003</v>
      </c>
      <c r="I4192">
        <v>51.848827126929002</v>
      </c>
      <c r="J4192" t="s">
        <v>59877</v>
      </c>
    </row>
    <row r="4193" spans="1:10" x14ac:dyDescent="0.25">
      <c r="A4193" t="s">
        <v>39951</v>
      </c>
      <c r="B4193" t="s">
        <v>39952</v>
      </c>
      <c r="C4193" t="s">
        <v>39953</v>
      </c>
      <c r="D4193" t="s">
        <v>39854</v>
      </c>
      <c r="E4193" t="s">
        <v>13</v>
      </c>
      <c r="F4193">
        <v>9889</v>
      </c>
      <c r="G4193" t="s">
        <v>39954</v>
      </c>
      <c r="H4193">
        <v>4.3482994844489999</v>
      </c>
      <c r="I4193">
        <v>51.847358173038998</v>
      </c>
      <c r="J4193" t="s">
        <v>59878</v>
      </c>
    </row>
    <row r="4194" spans="1:10" x14ac:dyDescent="0.25">
      <c r="A4194" t="s">
        <v>39947</v>
      </c>
      <c r="B4194" t="s">
        <v>39948</v>
      </c>
      <c r="C4194" t="s">
        <v>39949</v>
      </c>
      <c r="D4194" t="s">
        <v>39854</v>
      </c>
      <c r="E4194" t="s">
        <v>13</v>
      </c>
      <c r="F4194">
        <v>9888</v>
      </c>
      <c r="G4194" t="s">
        <v>39950</v>
      </c>
      <c r="H4194">
        <v>4.3154753219900002</v>
      </c>
      <c r="I4194">
        <v>51.840114750653001</v>
      </c>
      <c r="J4194" t="s">
        <v>59879</v>
      </c>
    </row>
    <row r="4195" spans="1:10" x14ac:dyDescent="0.25">
      <c r="A4195" t="s">
        <v>39943</v>
      </c>
      <c r="B4195" t="s">
        <v>39944</v>
      </c>
      <c r="C4195" t="s">
        <v>39945</v>
      </c>
      <c r="D4195" t="s">
        <v>39854</v>
      </c>
      <c r="E4195" t="s">
        <v>13</v>
      </c>
      <c r="F4195">
        <v>9887</v>
      </c>
      <c r="G4195" t="s">
        <v>39946</v>
      </c>
      <c r="H4195">
        <v>4.3238413946229999</v>
      </c>
      <c r="I4195">
        <v>51.838194532510002</v>
      </c>
      <c r="J4195" t="s">
        <v>59880</v>
      </c>
    </row>
    <row r="4196" spans="1:10" x14ac:dyDescent="0.25">
      <c r="A4196" t="s">
        <v>39939</v>
      </c>
      <c r="B4196" t="s">
        <v>39940</v>
      </c>
      <c r="C4196" t="s">
        <v>39941</v>
      </c>
      <c r="D4196" t="s">
        <v>39854</v>
      </c>
      <c r="E4196" t="s">
        <v>13</v>
      </c>
      <c r="F4196">
        <v>9886</v>
      </c>
      <c r="G4196" t="s">
        <v>39942</v>
      </c>
      <c r="H4196">
        <v>4.3271321973469998</v>
      </c>
      <c r="I4196">
        <v>51.840191741357003</v>
      </c>
      <c r="J4196" t="s">
        <v>59881</v>
      </c>
    </row>
    <row r="4197" spans="1:10" x14ac:dyDescent="0.25">
      <c r="A4197" t="s">
        <v>39935</v>
      </c>
      <c r="B4197" t="s">
        <v>39936</v>
      </c>
      <c r="C4197" t="s">
        <v>39937</v>
      </c>
      <c r="D4197" t="s">
        <v>39854</v>
      </c>
      <c r="E4197" t="s">
        <v>13</v>
      </c>
      <c r="F4197">
        <v>9885</v>
      </c>
      <c r="G4197" t="s">
        <v>39938</v>
      </c>
      <c r="H4197">
        <v>4.3209381160360003</v>
      </c>
      <c r="I4197">
        <v>51.840100716468001</v>
      </c>
      <c r="J4197" t="s">
        <v>59882</v>
      </c>
    </row>
    <row r="4198" spans="1:10" x14ac:dyDescent="0.25">
      <c r="A4198" t="s">
        <v>39931</v>
      </c>
      <c r="B4198" t="s">
        <v>39932</v>
      </c>
      <c r="C4198" t="s">
        <v>39933</v>
      </c>
      <c r="D4198" t="s">
        <v>39854</v>
      </c>
      <c r="E4198" t="s">
        <v>13</v>
      </c>
      <c r="F4198">
        <v>9884</v>
      </c>
      <c r="G4198" t="s">
        <v>39934</v>
      </c>
      <c r="H4198">
        <v>4.3247073267860001</v>
      </c>
      <c r="I4198">
        <v>51.842275818323003</v>
      </c>
      <c r="J4198" t="s">
        <v>59883</v>
      </c>
    </row>
    <row r="4199" spans="1:10" x14ac:dyDescent="0.25">
      <c r="A4199" t="s">
        <v>39927</v>
      </c>
      <c r="B4199" t="s">
        <v>39928</v>
      </c>
      <c r="C4199" t="s">
        <v>39929</v>
      </c>
      <c r="D4199" t="s">
        <v>39854</v>
      </c>
      <c r="E4199" t="s">
        <v>13</v>
      </c>
      <c r="F4199">
        <v>9883</v>
      </c>
      <c r="G4199" t="s">
        <v>39930</v>
      </c>
      <c r="H4199">
        <v>4.3374903980879997</v>
      </c>
      <c r="I4199">
        <v>51.840182695880003</v>
      </c>
      <c r="J4199" t="s">
        <v>59884</v>
      </c>
    </row>
    <row r="4200" spans="1:10" x14ac:dyDescent="0.25">
      <c r="A4200" t="s">
        <v>39923</v>
      </c>
      <c r="B4200" t="s">
        <v>39924</v>
      </c>
      <c r="C4200" t="s">
        <v>39925</v>
      </c>
      <c r="D4200" t="s">
        <v>39854</v>
      </c>
      <c r="E4200" t="s">
        <v>13</v>
      </c>
      <c r="F4200">
        <v>9882</v>
      </c>
      <c r="G4200" t="s">
        <v>39926</v>
      </c>
      <c r="H4200">
        <v>4.3403689113460002</v>
      </c>
      <c r="I4200">
        <v>51.840897794165002</v>
      </c>
      <c r="J4200" t="s">
        <v>59885</v>
      </c>
    </row>
    <row r="4201" spans="1:10" x14ac:dyDescent="0.25">
      <c r="A4201" t="s">
        <v>39919</v>
      </c>
      <c r="B4201" t="s">
        <v>39920</v>
      </c>
      <c r="C4201" t="s">
        <v>39921</v>
      </c>
      <c r="D4201" t="s">
        <v>39854</v>
      </c>
      <c r="E4201" t="s">
        <v>13</v>
      </c>
      <c r="F4201">
        <v>9881</v>
      </c>
      <c r="G4201" t="s">
        <v>39922</v>
      </c>
      <c r="H4201">
        <v>4.3378264296709999</v>
      </c>
      <c r="I4201">
        <v>51.842836776353003</v>
      </c>
      <c r="J4201" t="s">
        <v>59886</v>
      </c>
    </row>
    <row r="4202" spans="1:10" x14ac:dyDescent="0.25">
      <c r="A4202" t="s">
        <v>39916</v>
      </c>
      <c r="B4202" t="s">
        <v>39917</v>
      </c>
      <c r="C4202" t="s">
        <v>29812</v>
      </c>
      <c r="D4202" t="s">
        <v>39854</v>
      </c>
      <c r="E4202" t="s">
        <v>13</v>
      </c>
      <c r="F4202">
        <v>9880</v>
      </c>
      <c r="G4202" t="s">
        <v>39918</v>
      </c>
      <c r="H4202">
        <v>4.3394539561530001</v>
      </c>
      <c r="I4202">
        <v>51.846104640188003</v>
      </c>
      <c r="J4202" t="s">
        <v>59887</v>
      </c>
    </row>
    <row r="4203" spans="1:10" x14ac:dyDescent="0.25">
      <c r="A4203" t="s">
        <v>39912</v>
      </c>
      <c r="B4203" t="s">
        <v>39913</v>
      </c>
      <c r="C4203" t="s">
        <v>39914</v>
      </c>
      <c r="D4203" t="s">
        <v>39854</v>
      </c>
      <c r="E4203" t="s">
        <v>13</v>
      </c>
      <c r="F4203">
        <v>9879</v>
      </c>
      <c r="G4203" t="s">
        <v>39915</v>
      </c>
      <c r="H4203">
        <v>4.3347391183689998</v>
      </c>
      <c r="I4203">
        <v>51.844176471818997</v>
      </c>
      <c r="J4203" t="s">
        <v>59888</v>
      </c>
    </row>
    <row r="4204" spans="1:10" x14ac:dyDescent="0.25">
      <c r="A4204" t="s">
        <v>39908</v>
      </c>
      <c r="B4204" t="s">
        <v>39909</v>
      </c>
      <c r="C4204" t="s">
        <v>39910</v>
      </c>
      <c r="D4204" t="s">
        <v>39854</v>
      </c>
      <c r="E4204" t="s">
        <v>13</v>
      </c>
      <c r="F4204">
        <v>9878</v>
      </c>
      <c r="G4204" t="s">
        <v>39911</v>
      </c>
      <c r="H4204">
        <v>4.3382088808260004</v>
      </c>
      <c r="I4204">
        <v>51.845027306009001</v>
      </c>
      <c r="J4204" t="s">
        <v>59889</v>
      </c>
    </row>
    <row r="4205" spans="1:10" x14ac:dyDescent="0.25">
      <c r="A4205" t="s">
        <v>39904</v>
      </c>
      <c r="B4205" t="s">
        <v>39905</v>
      </c>
      <c r="C4205" t="s">
        <v>39906</v>
      </c>
      <c r="D4205" t="s">
        <v>39854</v>
      </c>
      <c r="E4205" t="s">
        <v>13</v>
      </c>
      <c r="F4205">
        <v>9877</v>
      </c>
      <c r="G4205" t="s">
        <v>39907</v>
      </c>
      <c r="H4205">
        <v>4.3252801319550001</v>
      </c>
      <c r="I4205">
        <v>51.84343757704</v>
      </c>
      <c r="J4205" t="s">
        <v>59890</v>
      </c>
    </row>
    <row r="4206" spans="1:10" x14ac:dyDescent="0.25">
      <c r="A4206" t="s">
        <v>39900</v>
      </c>
      <c r="B4206" t="s">
        <v>39901</v>
      </c>
      <c r="C4206" t="s">
        <v>39902</v>
      </c>
      <c r="D4206" t="s">
        <v>39854</v>
      </c>
      <c r="E4206" t="s">
        <v>13</v>
      </c>
      <c r="F4206">
        <v>9876</v>
      </c>
      <c r="G4206" t="s">
        <v>39903</v>
      </c>
      <c r="H4206">
        <v>4.3138410450000002</v>
      </c>
      <c r="I4206">
        <v>51.844404510654002</v>
      </c>
      <c r="J4206" t="s">
        <v>59891</v>
      </c>
    </row>
    <row r="4207" spans="1:10" x14ac:dyDescent="0.25">
      <c r="A4207" t="s">
        <v>39896</v>
      </c>
      <c r="B4207" t="s">
        <v>39897</v>
      </c>
      <c r="C4207" t="s">
        <v>39898</v>
      </c>
      <c r="D4207" t="s">
        <v>39854</v>
      </c>
      <c r="E4207" t="s">
        <v>13</v>
      </c>
      <c r="F4207">
        <v>9875</v>
      </c>
      <c r="G4207" t="s">
        <v>39899</v>
      </c>
      <c r="H4207">
        <v>4.3178431876219996</v>
      </c>
      <c r="I4207">
        <v>51.84545509782</v>
      </c>
      <c r="J4207" t="s">
        <v>59892</v>
      </c>
    </row>
    <row r="4208" spans="1:10" x14ac:dyDescent="0.25">
      <c r="A4208" t="s">
        <v>39892</v>
      </c>
      <c r="B4208" t="s">
        <v>39893</v>
      </c>
      <c r="C4208" t="s">
        <v>39894</v>
      </c>
      <c r="D4208" t="s">
        <v>39854</v>
      </c>
      <c r="E4208" t="s">
        <v>13</v>
      </c>
      <c r="F4208">
        <v>9874</v>
      </c>
      <c r="G4208" t="s">
        <v>39895</v>
      </c>
      <c r="H4208">
        <v>4.3215393602840004</v>
      </c>
      <c r="I4208">
        <v>51.844637035626</v>
      </c>
      <c r="J4208" t="s">
        <v>59893</v>
      </c>
    </row>
    <row r="4209" spans="1:10" x14ac:dyDescent="0.25">
      <c r="A4209" t="s">
        <v>39888</v>
      </c>
      <c r="B4209" t="s">
        <v>39889</v>
      </c>
      <c r="C4209" t="s">
        <v>39890</v>
      </c>
      <c r="D4209" t="s">
        <v>39854</v>
      </c>
      <c r="E4209" t="s">
        <v>13</v>
      </c>
      <c r="F4209">
        <v>9873</v>
      </c>
      <c r="G4209" t="s">
        <v>39891</v>
      </c>
      <c r="H4209">
        <v>4.3153004097009999</v>
      </c>
      <c r="I4209">
        <v>51.849189732267</v>
      </c>
      <c r="J4209" t="s">
        <v>59894</v>
      </c>
    </row>
    <row r="4210" spans="1:10" x14ac:dyDescent="0.25">
      <c r="A4210" t="s">
        <v>39884</v>
      </c>
      <c r="B4210" t="s">
        <v>39885</v>
      </c>
      <c r="C4210" t="s">
        <v>39886</v>
      </c>
      <c r="D4210" t="s">
        <v>39854</v>
      </c>
      <c r="E4210" t="s">
        <v>13</v>
      </c>
      <c r="F4210">
        <v>9872</v>
      </c>
      <c r="G4210" t="s">
        <v>39887</v>
      </c>
      <c r="H4210">
        <v>4.3222261003589999</v>
      </c>
      <c r="I4210">
        <v>51.855294228071998</v>
      </c>
      <c r="J4210" t="s">
        <v>59895</v>
      </c>
    </row>
    <row r="4211" spans="1:10" x14ac:dyDescent="0.25">
      <c r="A4211" t="s">
        <v>39880</v>
      </c>
      <c r="B4211" t="s">
        <v>39881</v>
      </c>
      <c r="C4211" t="s">
        <v>39882</v>
      </c>
      <c r="D4211" t="s">
        <v>39854</v>
      </c>
      <c r="E4211" t="s">
        <v>13</v>
      </c>
      <c r="F4211">
        <v>9871</v>
      </c>
      <c r="G4211" t="s">
        <v>39883</v>
      </c>
      <c r="H4211">
        <v>4.3199591481289996</v>
      </c>
      <c r="I4211">
        <v>51.858566332354002</v>
      </c>
      <c r="J4211" t="s">
        <v>59896</v>
      </c>
    </row>
    <row r="4212" spans="1:10" x14ac:dyDescent="0.25">
      <c r="A4212" t="s">
        <v>39876</v>
      </c>
      <c r="B4212" t="s">
        <v>39877</v>
      </c>
      <c r="C4212" t="s">
        <v>39878</v>
      </c>
      <c r="D4212" t="s">
        <v>39854</v>
      </c>
      <c r="E4212" t="s">
        <v>13</v>
      </c>
      <c r="F4212">
        <v>9870</v>
      </c>
      <c r="G4212" t="s">
        <v>39879</v>
      </c>
      <c r="H4212">
        <v>4.3123639650349999</v>
      </c>
      <c r="I4212">
        <v>51.853539066236998</v>
      </c>
      <c r="J4212" t="s">
        <v>59897</v>
      </c>
    </row>
    <row r="4213" spans="1:10" x14ac:dyDescent="0.25">
      <c r="A4213" t="s">
        <v>39872</v>
      </c>
      <c r="B4213" t="s">
        <v>39873</v>
      </c>
      <c r="C4213" t="s">
        <v>39874</v>
      </c>
      <c r="D4213" t="s">
        <v>39854</v>
      </c>
      <c r="E4213" t="s">
        <v>13</v>
      </c>
      <c r="F4213">
        <v>9869</v>
      </c>
      <c r="G4213" t="s">
        <v>39875</v>
      </c>
      <c r="H4213">
        <v>4.3089329220780002</v>
      </c>
      <c r="I4213">
        <v>51.856465083665</v>
      </c>
      <c r="J4213" t="s">
        <v>59898</v>
      </c>
    </row>
    <row r="4214" spans="1:10" x14ac:dyDescent="0.25">
      <c r="A4214" t="s">
        <v>39869</v>
      </c>
      <c r="B4214" t="s">
        <v>39870</v>
      </c>
      <c r="C4214" t="s">
        <v>17033</v>
      </c>
      <c r="D4214" t="s">
        <v>39854</v>
      </c>
      <c r="E4214" t="s">
        <v>13</v>
      </c>
      <c r="F4214">
        <v>9868</v>
      </c>
      <c r="G4214" t="s">
        <v>39871</v>
      </c>
      <c r="H4214">
        <v>4.330377228733</v>
      </c>
      <c r="I4214">
        <v>51.846291620484998</v>
      </c>
      <c r="J4214" t="s">
        <v>59899</v>
      </c>
    </row>
    <row r="4215" spans="1:10" x14ac:dyDescent="0.25">
      <c r="A4215" t="s">
        <v>39866</v>
      </c>
      <c r="B4215" t="s">
        <v>39867</v>
      </c>
      <c r="C4215" t="s">
        <v>21491</v>
      </c>
      <c r="D4215" t="s">
        <v>39854</v>
      </c>
      <c r="E4215" t="s">
        <v>13</v>
      </c>
      <c r="F4215">
        <v>9867</v>
      </c>
      <c r="G4215" t="s">
        <v>39868</v>
      </c>
      <c r="H4215">
        <v>4.3334329796880002</v>
      </c>
      <c r="I4215">
        <v>51.849475990195998</v>
      </c>
      <c r="J4215" t="s">
        <v>59900</v>
      </c>
    </row>
    <row r="4216" spans="1:10" x14ac:dyDescent="0.25">
      <c r="A4216" t="s">
        <v>39863</v>
      </c>
      <c r="B4216" t="s">
        <v>39864</v>
      </c>
      <c r="C4216" t="s">
        <v>37</v>
      </c>
      <c r="D4216" t="s">
        <v>39854</v>
      </c>
      <c r="E4216" t="s">
        <v>13</v>
      </c>
      <c r="F4216">
        <v>9866</v>
      </c>
      <c r="G4216" t="s">
        <v>39865</v>
      </c>
      <c r="H4216">
        <v>4.3251875818740002</v>
      </c>
      <c r="I4216">
        <v>51.846838516414003</v>
      </c>
      <c r="J4216" t="s">
        <v>59901</v>
      </c>
    </row>
    <row r="4217" spans="1:10" x14ac:dyDescent="0.25">
      <c r="A4217" t="s">
        <v>39860</v>
      </c>
      <c r="B4217" t="s">
        <v>39861</v>
      </c>
      <c r="C4217" t="s">
        <v>97</v>
      </c>
      <c r="D4217" t="s">
        <v>39854</v>
      </c>
      <c r="E4217" t="s">
        <v>13</v>
      </c>
      <c r="F4217">
        <v>9865</v>
      </c>
      <c r="G4217" t="s">
        <v>39862</v>
      </c>
      <c r="H4217">
        <v>4.3218769913989998</v>
      </c>
      <c r="I4217">
        <v>51.851069162713998</v>
      </c>
      <c r="J4217" t="s">
        <v>59902</v>
      </c>
    </row>
    <row r="4218" spans="1:10" x14ac:dyDescent="0.25">
      <c r="A4218" t="s">
        <v>39856</v>
      </c>
      <c r="B4218" t="s">
        <v>39857</v>
      </c>
      <c r="C4218" t="s">
        <v>39858</v>
      </c>
      <c r="D4218" t="s">
        <v>39854</v>
      </c>
      <c r="E4218" t="s">
        <v>13</v>
      </c>
      <c r="F4218">
        <v>9864</v>
      </c>
      <c r="G4218" t="s">
        <v>39859</v>
      </c>
      <c r="H4218">
        <v>4.3278436748170002</v>
      </c>
      <c r="I4218">
        <v>51.853353641498998</v>
      </c>
      <c r="J4218" t="s">
        <v>59903</v>
      </c>
    </row>
    <row r="4219" spans="1:10" x14ac:dyDescent="0.25">
      <c r="A4219" t="s">
        <v>39851</v>
      </c>
      <c r="B4219" t="s">
        <v>39852</v>
      </c>
      <c r="C4219" t="s">
        <v>39853</v>
      </c>
      <c r="D4219" t="s">
        <v>39854</v>
      </c>
      <c r="E4219" t="s">
        <v>13</v>
      </c>
      <c r="F4219">
        <v>9863</v>
      </c>
      <c r="G4219" t="s">
        <v>39855</v>
      </c>
      <c r="H4219">
        <v>4.3271432310410001</v>
      </c>
      <c r="I4219">
        <v>51.850518125987001</v>
      </c>
      <c r="J4219" t="s">
        <v>59904</v>
      </c>
    </row>
    <row r="4220" spans="1:10" x14ac:dyDescent="0.25">
      <c r="A4220" t="s">
        <v>39847</v>
      </c>
      <c r="B4220" t="s">
        <v>39848</v>
      </c>
      <c r="C4220" t="s">
        <v>39849</v>
      </c>
      <c r="D4220" t="s">
        <v>39738</v>
      </c>
      <c r="E4220" t="s">
        <v>13</v>
      </c>
      <c r="F4220">
        <v>9862</v>
      </c>
      <c r="G4220" t="s">
        <v>39850</v>
      </c>
      <c r="H4220">
        <v>4.3977624873370003</v>
      </c>
      <c r="I4220">
        <v>52.022458629538001</v>
      </c>
      <c r="J4220" t="s">
        <v>59905</v>
      </c>
    </row>
    <row r="4221" spans="1:10" x14ac:dyDescent="0.25">
      <c r="A4221" t="s">
        <v>39843</v>
      </c>
      <c r="B4221" t="s">
        <v>39844</v>
      </c>
      <c r="C4221" t="s">
        <v>39845</v>
      </c>
      <c r="D4221" t="s">
        <v>39738</v>
      </c>
      <c r="E4221" t="s">
        <v>13</v>
      </c>
      <c r="F4221">
        <v>9861</v>
      </c>
      <c r="G4221" t="s">
        <v>39846</v>
      </c>
      <c r="H4221">
        <v>4.4075061974920002</v>
      </c>
      <c r="I4221">
        <v>51.991749988114002</v>
      </c>
      <c r="J4221" t="s">
        <v>59906</v>
      </c>
    </row>
    <row r="4222" spans="1:10" x14ac:dyDescent="0.25">
      <c r="A4222" t="s">
        <v>39839</v>
      </c>
      <c r="B4222" t="s">
        <v>39840</v>
      </c>
      <c r="C4222" t="s">
        <v>39841</v>
      </c>
      <c r="D4222" t="s">
        <v>39738</v>
      </c>
      <c r="E4222" t="s">
        <v>13</v>
      </c>
      <c r="F4222">
        <v>9860</v>
      </c>
      <c r="G4222" t="s">
        <v>39842</v>
      </c>
      <c r="H4222">
        <v>4.3975447163450001</v>
      </c>
      <c r="I4222">
        <v>51.995189364341002</v>
      </c>
      <c r="J4222" t="s">
        <v>59907</v>
      </c>
    </row>
    <row r="4223" spans="1:10" x14ac:dyDescent="0.25">
      <c r="A4223" t="s">
        <v>39835</v>
      </c>
      <c r="B4223" t="s">
        <v>39836</v>
      </c>
      <c r="C4223" t="s">
        <v>39837</v>
      </c>
      <c r="D4223" t="s">
        <v>39738</v>
      </c>
      <c r="E4223" t="s">
        <v>13</v>
      </c>
      <c r="F4223">
        <v>9859</v>
      </c>
      <c r="G4223" t="s">
        <v>39838</v>
      </c>
      <c r="H4223">
        <v>4.3954874726130004</v>
      </c>
      <c r="I4223">
        <v>51.999600130052002</v>
      </c>
      <c r="J4223" t="s">
        <v>59908</v>
      </c>
    </row>
    <row r="4224" spans="1:10" x14ac:dyDescent="0.25">
      <c r="A4224" t="s">
        <v>39831</v>
      </c>
      <c r="B4224" t="s">
        <v>39832</v>
      </c>
      <c r="C4224" t="s">
        <v>39833</v>
      </c>
      <c r="D4224" t="s">
        <v>39738</v>
      </c>
      <c r="E4224" t="s">
        <v>13</v>
      </c>
      <c r="F4224">
        <v>9858</v>
      </c>
      <c r="G4224" t="s">
        <v>39834</v>
      </c>
      <c r="H4224">
        <v>4.3920001946599996</v>
      </c>
      <c r="I4224">
        <v>52.003192689594002</v>
      </c>
      <c r="J4224" t="s">
        <v>59909</v>
      </c>
    </row>
    <row r="4225" spans="1:10" x14ac:dyDescent="0.25">
      <c r="A4225" t="s">
        <v>39827</v>
      </c>
      <c r="B4225" t="s">
        <v>39828</v>
      </c>
      <c r="C4225" t="s">
        <v>39829</v>
      </c>
      <c r="D4225" t="s">
        <v>39738</v>
      </c>
      <c r="E4225" t="s">
        <v>13</v>
      </c>
      <c r="F4225">
        <v>9857</v>
      </c>
      <c r="G4225" t="s">
        <v>39830</v>
      </c>
      <c r="H4225">
        <v>4.3944129348920002</v>
      </c>
      <c r="I4225">
        <v>52.006433876656999</v>
      </c>
      <c r="J4225" t="s">
        <v>59910</v>
      </c>
    </row>
    <row r="4226" spans="1:10" x14ac:dyDescent="0.25">
      <c r="A4226" t="s">
        <v>39823</v>
      </c>
      <c r="B4226" t="s">
        <v>39824</v>
      </c>
      <c r="C4226" t="s">
        <v>39825</v>
      </c>
      <c r="D4226" t="s">
        <v>39738</v>
      </c>
      <c r="E4226" t="s">
        <v>13</v>
      </c>
      <c r="F4226">
        <v>9856</v>
      </c>
      <c r="G4226" t="s">
        <v>39826</v>
      </c>
      <c r="H4226">
        <v>4.3961975698520002</v>
      </c>
      <c r="I4226">
        <v>52.009798429977003</v>
      </c>
      <c r="J4226" t="s">
        <v>59911</v>
      </c>
    </row>
    <row r="4227" spans="1:10" x14ac:dyDescent="0.25">
      <c r="A4227" t="s">
        <v>39819</v>
      </c>
      <c r="B4227" t="s">
        <v>39820</v>
      </c>
      <c r="C4227" t="s">
        <v>39821</v>
      </c>
      <c r="D4227" t="s">
        <v>39738</v>
      </c>
      <c r="E4227" t="s">
        <v>13</v>
      </c>
      <c r="F4227">
        <v>9855</v>
      </c>
      <c r="G4227" t="s">
        <v>39822</v>
      </c>
      <c r="H4227">
        <v>4.4111316981800002</v>
      </c>
      <c r="I4227">
        <v>52.050263775546</v>
      </c>
      <c r="J4227" t="s">
        <v>59912</v>
      </c>
    </row>
    <row r="4228" spans="1:10" x14ac:dyDescent="0.25">
      <c r="A4228" t="s">
        <v>39815</v>
      </c>
      <c r="B4228" t="s">
        <v>39816</v>
      </c>
      <c r="C4228" t="s">
        <v>39817</v>
      </c>
      <c r="D4228" t="s">
        <v>39738</v>
      </c>
      <c r="E4228" t="s">
        <v>13</v>
      </c>
      <c r="F4228">
        <v>9854</v>
      </c>
      <c r="G4228" t="s">
        <v>39818</v>
      </c>
      <c r="H4228">
        <v>4.4162874757820001</v>
      </c>
      <c r="I4228">
        <v>52.040522616746003</v>
      </c>
      <c r="J4228" t="s">
        <v>59913</v>
      </c>
    </row>
    <row r="4229" spans="1:10" x14ac:dyDescent="0.25">
      <c r="A4229" t="s">
        <v>39811</v>
      </c>
      <c r="B4229" t="s">
        <v>39812</v>
      </c>
      <c r="C4229" t="s">
        <v>39813</v>
      </c>
      <c r="D4229" t="s">
        <v>39738</v>
      </c>
      <c r="E4229" t="s">
        <v>13</v>
      </c>
      <c r="F4229">
        <v>9853</v>
      </c>
      <c r="G4229" t="s">
        <v>39814</v>
      </c>
      <c r="H4229">
        <v>4.3925235044319999</v>
      </c>
      <c r="I4229">
        <v>52.050046054688998</v>
      </c>
      <c r="J4229" t="s">
        <v>59914</v>
      </c>
    </row>
    <row r="4230" spans="1:10" x14ac:dyDescent="0.25">
      <c r="A4230" t="s">
        <v>39807</v>
      </c>
      <c r="B4230" t="s">
        <v>39808</v>
      </c>
      <c r="C4230" t="s">
        <v>39809</v>
      </c>
      <c r="D4230" t="s">
        <v>39738</v>
      </c>
      <c r="E4230" t="s">
        <v>13</v>
      </c>
      <c r="F4230">
        <v>9852</v>
      </c>
      <c r="G4230" t="s">
        <v>39810</v>
      </c>
      <c r="H4230">
        <v>4.3803318017489996</v>
      </c>
      <c r="I4230">
        <v>52.040366329907002</v>
      </c>
      <c r="J4230" t="s">
        <v>59915</v>
      </c>
    </row>
    <row r="4231" spans="1:10" x14ac:dyDescent="0.25">
      <c r="A4231" t="s">
        <v>39803</v>
      </c>
      <c r="B4231" t="s">
        <v>39804</v>
      </c>
      <c r="C4231" t="s">
        <v>39805</v>
      </c>
      <c r="D4231" t="s">
        <v>39738</v>
      </c>
      <c r="E4231" t="s">
        <v>13</v>
      </c>
      <c r="F4231">
        <v>9851</v>
      </c>
      <c r="G4231" t="s">
        <v>39806</v>
      </c>
      <c r="H4231">
        <v>4.3852010380059996</v>
      </c>
      <c r="I4231">
        <v>52.045733411401997</v>
      </c>
      <c r="J4231" t="s">
        <v>59916</v>
      </c>
    </row>
    <row r="4232" spans="1:10" x14ac:dyDescent="0.25">
      <c r="A4232" t="s">
        <v>39799</v>
      </c>
      <c r="B4232" t="s">
        <v>39800</v>
      </c>
      <c r="C4232" t="s">
        <v>39801</v>
      </c>
      <c r="D4232" t="s">
        <v>39738</v>
      </c>
      <c r="E4232" t="s">
        <v>13</v>
      </c>
      <c r="F4232">
        <v>9850</v>
      </c>
      <c r="G4232" t="s">
        <v>39802</v>
      </c>
      <c r="H4232">
        <v>4.4112168950720001</v>
      </c>
      <c r="I4232">
        <v>52.045220833328997</v>
      </c>
      <c r="J4232" t="s">
        <v>59917</v>
      </c>
    </row>
    <row r="4233" spans="1:10" x14ac:dyDescent="0.25">
      <c r="A4233" t="s">
        <v>39795</v>
      </c>
      <c r="B4233" t="s">
        <v>39796</v>
      </c>
      <c r="C4233" t="s">
        <v>39797</v>
      </c>
      <c r="D4233" t="s">
        <v>39738</v>
      </c>
      <c r="E4233" t="s">
        <v>13</v>
      </c>
      <c r="F4233">
        <v>9849</v>
      </c>
      <c r="G4233" t="s">
        <v>39798</v>
      </c>
      <c r="H4233">
        <v>4.4019365937800004</v>
      </c>
      <c r="I4233">
        <v>52.041824407108003</v>
      </c>
      <c r="J4233" t="s">
        <v>59918</v>
      </c>
    </row>
    <row r="4234" spans="1:10" x14ac:dyDescent="0.25">
      <c r="A4234" t="s">
        <v>39791</v>
      </c>
      <c r="B4234" t="s">
        <v>39792</v>
      </c>
      <c r="C4234" t="s">
        <v>39793</v>
      </c>
      <c r="D4234" t="s">
        <v>39738</v>
      </c>
      <c r="E4234" t="s">
        <v>13</v>
      </c>
      <c r="F4234">
        <v>9848</v>
      </c>
      <c r="G4234" t="s">
        <v>39794</v>
      </c>
      <c r="H4234">
        <v>4.3998842847080004</v>
      </c>
      <c r="I4234">
        <v>52.048448548246</v>
      </c>
      <c r="J4234" t="s">
        <v>59919</v>
      </c>
    </row>
    <row r="4235" spans="1:10" x14ac:dyDescent="0.25">
      <c r="A4235" t="s">
        <v>39787</v>
      </c>
      <c r="B4235" t="s">
        <v>39788</v>
      </c>
      <c r="C4235" t="s">
        <v>39789</v>
      </c>
      <c r="D4235" t="s">
        <v>39738</v>
      </c>
      <c r="E4235" t="s">
        <v>13</v>
      </c>
      <c r="F4235">
        <v>9847</v>
      </c>
      <c r="G4235" t="s">
        <v>39790</v>
      </c>
      <c r="H4235">
        <v>4.3917789147809998</v>
      </c>
      <c r="I4235">
        <v>52.043593101885001</v>
      </c>
      <c r="J4235" t="s">
        <v>59920</v>
      </c>
    </row>
    <row r="4236" spans="1:10" x14ac:dyDescent="0.25">
      <c r="A4236" t="s">
        <v>39783</v>
      </c>
      <c r="B4236" t="s">
        <v>39784</v>
      </c>
      <c r="C4236" t="s">
        <v>39785</v>
      </c>
      <c r="D4236" t="s">
        <v>39738</v>
      </c>
      <c r="E4236" t="s">
        <v>13</v>
      </c>
      <c r="F4236">
        <v>9846</v>
      </c>
      <c r="G4236" t="s">
        <v>39786</v>
      </c>
      <c r="H4236">
        <v>4.4425812785870002</v>
      </c>
      <c r="I4236">
        <v>52.027992319812</v>
      </c>
      <c r="J4236" t="s">
        <v>59921</v>
      </c>
    </row>
    <row r="4237" spans="1:10" x14ac:dyDescent="0.25">
      <c r="A4237" t="s">
        <v>39779</v>
      </c>
      <c r="B4237" t="s">
        <v>39780</v>
      </c>
      <c r="C4237" t="s">
        <v>39781</v>
      </c>
      <c r="D4237" t="s">
        <v>39738</v>
      </c>
      <c r="E4237" t="s">
        <v>13</v>
      </c>
      <c r="F4237">
        <v>9845</v>
      </c>
      <c r="G4237" t="s">
        <v>39782</v>
      </c>
      <c r="H4237">
        <v>4.4164893904460003</v>
      </c>
      <c r="I4237">
        <v>52.024271161757</v>
      </c>
      <c r="J4237" t="s">
        <v>59922</v>
      </c>
    </row>
    <row r="4238" spans="1:10" x14ac:dyDescent="0.25">
      <c r="A4238" t="s">
        <v>39775</v>
      </c>
      <c r="B4238" t="s">
        <v>39776</v>
      </c>
      <c r="C4238" t="s">
        <v>39777</v>
      </c>
      <c r="D4238" t="s">
        <v>39738</v>
      </c>
      <c r="E4238" t="s">
        <v>13</v>
      </c>
      <c r="F4238">
        <v>9844</v>
      </c>
      <c r="G4238" t="s">
        <v>39778</v>
      </c>
      <c r="H4238">
        <v>4.4506636444019998</v>
      </c>
      <c r="I4238">
        <v>52.032613019102001</v>
      </c>
      <c r="J4238" t="s">
        <v>59923</v>
      </c>
    </row>
    <row r="4239" spans="1:10" x14ac:dyDescent="0.25">
      <c r="A4239" t="s">
        <v>39771</v>
      </c>
      <c r="B4239" t="s">
        <v>39772</v>
      </c>
      <c r="C4239" t="s">
        <v>39773</v>
      </c>
      <c r="D4239" t="s">
        <v>39738</v>
      </c>
      <c r="E4239" t="s">
        <v>13</v>
      </c>
      <c r="F4239">
        <v>9843</v>
      </c>
      <c r="G4239" t="s">
        <v>39774</v>
      </c>
      <c r="H4239">
        <v>4.426261252212</v>
      </c>
      <c r="I4239">
        <v>51.995261970790999</v>
      </c>
      <c r="J4239" t="s">
        <v>59924</v>
      </c>
    </row>
    <row r="4240" spans="1:10" x14ac:dyDescent="0.25">
      <c r="A4240" t="s">
        <v>39767</v>
      </c>
      <c r="B4240" t="s">
        <v>39768</v>
      </c>
      <c r="C4240" t="s">
        <v>39769</v>
      </c>
      <c r="D4240" t="s">
        <v>39738</v>
      </c>
      <c r="E4240" t="s">
        <v>13</v>
      </c>
      <c r="F4240">
        <v>9842</v>
      </c>
      <c r="G4240" t="s">
        <v>39770</v>
      </c>
      <c r="H4240">
        <v>4.435734317633</v>
      </c>
      <c r="I4240">
        <v>52.004279332156003</v>
      </c>
      <c r="J4240" t="s">
        <v>59925</v>
      </c>
    </row>
    <row r="4241" spans="1:10" x14ac:dyDescent="0.25">
      <c r="A4241" t="s">
        <v>39763</v>
      </c>
      <c r="B4241" t="s">
        <v>39764</v>
      </c>
      <c r="C4241" t="s">
        <v>39765</v>
      </c>
      <c r="D4241" t="s">
        <v>39738</v>
      </c>
      <c r="E4241" t="s">
        <v>13</v>
      </c>
      <c r="F4241">
        <v>9841</v>
      </c>
      <c r="G4241" t="s">
        <v>39766</v>
      </c>
      <c r="H4241">
        <v>4.442807042399</v>
      </c>
      <c r="I4241">
        <v>52.001521324930998</v>
      </c>
      <c r="J4241" t="s">
        <v>59926</v>
      </c>
    </row>
    <row r="4242" spans="1:10" x14ac:dyDescent="0.25">
      <c r="A4242" t="s">
        <v>39759</v>
      </c>
      <c r="B4242" t="s">
        <v>39760</v>
      </c>
      <c r="C4242" t="s">
        <v>39761</v>
      </c>
      <c r="D4242" t="s">
        <v>39738</v>
      </c>
      <c r="E4242" t="s">
        <v>13</v>
      </c>
      <c r="F4242">
        <v>9840</v>
      </c>
      <c r="G4242" t="s">
        <v>39762</v>
      </c>
      <c r="H4242">
        <v>4.441471679058</v>
      </c>
      <c r="I4242">
        <v>52.020960027241003</v>
      </c>
      <c r="J4242" t="s">
        <v>59927</v>
      </c>
    </row>
    <row r="4243" spans="1:10" x14ac:dyDescent="0.25">
      <c r="A4243" t="s">
        <v>39755</v>
      </c>
      <c r="B4243" t="s">
        <v>39756</v>
      </c>
      <c r="C4243" t="s">
        <v>39757</v>
      </c>
      <c r="D4243" t="s">
        <v>39738</v>
      </c>
      <c r="E4243" t="s">
        <v>13</v>
      </c>
      <c r="F4243">
        <v>9839</v>
      </c>
      <c r="G4243" t="s">
        <v>39758</v>
      </c>
      <c r="H4243">
        <v>4.4419250353170003</v>
      </c>
      <c r="I4243">
        <v>52.005843657901003</v>
      </c>
      <c r="J4243" t="s">
        <v>59928</v>
      </c>
    </row>
    <row r="4244" spans="1:10" x14ac:dyDescent="0.25">
      <c r="A4244" t="s">
        <v>39752</v>
      </c>
      <c r="B4244" t="s">
        <v>39753</v>
      </c>
      <c r="C4244" t="s">
        <v>18264</v>
      </c>
      <c r="D4244" t="s">
        <v>39738</v>
      </c>
      <c r="E4244" t="s">
        <v>13</v>
      </c>
      <c r="F4244">
        <v>9838</v>
      </c>
      <c r="G4244" t="s">
        <v>39754</v>
      </c>
      <c r="H4244">
        <v>4.4514359013289999</v>
      </c>
      <c r="I4244">
        <v>52.005512966455001</v>
      </c>
      <c r="J4244" t="s">
        <v>59929</v>
      </c>
    </row>
    <row r="4245" spans="1:10" x14ac:dyDescent="0.25">
      <c r="A4245" t="s">
        <v>39748</v>
      </c>
      <c r="B4245" t="s">
        <v>39749</v>
      </c>
      <c r="C4245" t="s">
        <v>39750</v>
      </c>
      <c r="D4245" t="s">
        <v>39738</v>
      </c>
      <c r="E4245" t="s">
        <v>13</v>
      </c>
      <c r="F4245">
        <v>9837</v>
      </c>
      <c r="G4245" t="s">
        <v>39751</v>
      </c>
      <c r="H4245">
        <v>4.446742369811</v>
      </c>
      <c r="I4245">
        <v>52.013689733203002</v>
      </c>
      <c r="J4245" t="s">
        <v>59930</v>
      </c>
    </row>
    <row r="4246" spans="1:10" x14ac:dyDescent="0.25">
      <c r="A4246" t="s">
        <v>39744</v>
      </c>
      <c r="B4246" t="s">
        <v>39745</v>
      </c>
      <c r="C4246" t="s">
        <v>39746</v>
      </c>
      <c r="D4246" t="s">
        <v>39738</v>
      </c>
      <c r="E4246" t="s">
        <v>13</v>
      </c>
      <c r="F4246">
        <v>9836</v>
      </c>
      <c r="G4246" t="s">
        <v>39747</v>
      </c>
      <c r="H4246">
        <v>4.4383716180860002</v>
      </c>
      <c r="I4246">
        <v>52.010018793702997</v>
      </c>
      <c r="J4246" t="s">
        <v>59931</v>
      </c>
    </row>
    <row r="4247" spans="1:10" x14ac:dyDescent="0.25">
      <c r="A4247" t="s">
        <v>39740</v>
      </c>
      <c r="B4247" t="s">
        <v>39741</v>
      </c>
      <c r="C4247" t="s">
        <v>39742</v>
      </c>
      <c r="D4247" t="s">
        <v>39738</v>
      </c>
      <c r="E4247" t="s">
        <v>13</v>
      </c>
      <c r="F4247">
        <v>9835</v>
      </c>
      <c r="G4247" t="s">
        <v>39743</v>
      </c>
      <c r="H4247">
        <v>4.4283466978270001</v>
      </c>
      <c r="I4247">
        <v>52.024349966606003</v>
      </c>
      <c r="J4247" t="s">
        <v>59932</v>
      </c>
    </row>
    <row r="4248" spans="1:10" x14ac:dyDescent="0.25">
      <c r="A4248" t="s">
        <v>39735</v>
      </c>
      <c r="B4248" t="s">
        <v>39736</v>
      </c>
      <c r="C4248" t="s">
        <v>39737</v>
      </c>
      <c r="D4248" t="s">
        <v>39738</v>
      </c>
      <c r="E4248" t="s">
        <v>13</v>
      </c>
      <c r="F4248">
        <v>9834</v>
      </c>
      <c r="G4248" t="s">
        <v>39739</v>
      </c>
      <c r="H4248">
        <v>4.4339578355359999</v>
      </c>
      <c r="I4248">
        <v>52.016328146897997</v>
      </c>
      <c r="J4248" t="s">
        <v>59933</v>
      </c>
    </row>
    <row r="4249" spans="1:10" x14ac:dyDescent="0.25">
      <c r="A4249" t="s">
        <v>39731</v>
      </c>
      <c r="B4249" t="s">
        <v>39732</v>
      </c>
      <c r="C4249" t="s">
        <v>39733</v>
      </c>
      <c r="D4249" t="s">
        <v>39505</v>
      </c>
      <c r="E4249" t="s">
        <v>13</v>
      </c>
      <c r="F4249">
        <v>9833</v>
      </c>
      <c r="G4249" t="s">
        <v>39734</v>
      </c>
      <c r="H4249">
        <v>4.2776905418410003</v>
      </c>
      <c r="I4249">
        <v>51.678890711984003</v>
      </c>
      <c r="J4249" t="s">
        <v>59934</v>
      </c>
    </row>
    <row r="4250" spans="1:10" x14ac:dyDescent="0.25">
      <c r="A4250" t="s">
        <v>39727</v>
      </c>
      <c r="B4250" t="s">
        <v>39728</v>
      </c>
      <c r="C4250" t="s">
        <v>39729</v>
      </c>
      <c r="D4250" t="s">
        <v>39505</v>
      </c>
      <c r="E4250" t="s">
        <v>13</v>
      </c>
      <c r="F4250">
        <v>9832</v>
      </c>
      <c r="G4250" t="s">
        <v>39730</v>
      </c>
      <c r="H4250">
        <v>4.2812004281740004</v>
      </c>
      <c r="I4250">
        <v>51.688509137026003</v>
      </c>
      <c r="J4250" t="s">
        <v>59935</v>
      </c>
    </row>
    <row r="4251" spans="1:10" x14ac:dyDescent="0.25">
      <c r="A4251" t="s">
        <v>39723</v>
      </c>
      <c r="B4251" t="s">
        <v>39724</v>
      </c>
      <c r="C4251" t="s">
        <v>39725</v>
      </c>
      <c r="D4251" t="s">
        <v>39505</v>
      </c>
      <c r="E4251" t="s">
        <v>13</v>
      </c>
      <c r="F4251">
        <v>9831</v>
      </c>
      <c r="G4251" t="s">
        <v>39726</v>
      </c>
      <c r="H4251">
        <v>4.2283576223189998</v>
      </c>
      <c r="I4251">
        <v>51.734996770084003</v>
      </c>
      <c r="J4251" t="s">
        <v>59936</v>
      </c>
    </row>
    <row r="4252" spans="1:10" x14ac:dyDescent="0.25">
      <c r="A4252" t="s">
        <v>39719</v>
      </c>
      <c r="B4252" t="s">
        <v>39720</v>
      </c>
      <c r="C4252" t="s">
        <v>39721</v>
      </c>
      <c r="D4252" t="s">
        <v>39505</v>
      </c>
      <c r="E4252" t="s">
        <v>13</v>
      </c>
      <c r="F4252">
        <v>9830</v>
      </c>
      <c r="G4252" t="s">
        <v>39722</v>
      </c>
      <c r="H4252">
        <v>4.239429908919</v>
      </c>
      <c r="I4252">
        <v>51.736400885155</v>
      </c>
      <c r="J4252" t="s">
        <v>59937</v>
      </c>
    </row>
    <row r="4253" spans="1:10" x14ac:dyDescent="0.25">
      <c r="A4253" t="s">
        <v>39715</v>
      </c>
      <c r="B4253" t="s">
        <v>39716</v>
      </c>
      <c r="C4253" t="s">
        <v>39717</v>
      </c>
      <c r="D4253" t="s">
        <v>39505</v>
      </c>
      <c r="E4253" t="s">
        <v>13</v>
      </c>
      <c r="F4253">
        <v>9829</v>
      </c>
      <c r="G4253" t="s">
        <v>39718</v>
      </c>
      <c r="H4253">
        <v>4.1559392013640002</v>
      </c>
      <c r="I4253">
        <v>51.713885076456002</v>
      </c>
      <c r="J4253" t="s">
        <v>59938</v>
      </c>
    </row>
    <row r="4254" spans="1:10" x14ac:dyDescent="0.25">
      <c r="A4254" t="s">
        <v>39711</v>
      </c>
      <c r="B4254" t="s">
        <v>39712</v>
      </c>
      <c r="C4254" t="s">
        <v>39713</v>
      </c>
      <c r="D4254" t="s">
        <v>39505</v>
      </c>
      <c r="E4254" t="s">
        <v>13</v>
      </c>
      <c r="F4254">
        <v>9828</v>
      </c>
      <c r="G4254" t="s">
        <v>39714</v>
      </c>
      <c r="H4254">
        <v>4.1324190625349999</v>
      </c>
      <c r="I4254">
        <v>51.706740230384</v>
      </c>
      <c r="J4254" t="s">
        <v>59939</v>
      </c>
    </row>
    <row r="4255" spans="1:10" x14ac:dyDescent="0.25">
      <c r="A4255" t="s">
        <v>39707</v>
      </c>
      <c r="B4255" t="s">
        <v>39708</v>
      </c>
      <c r="C4255" t="s">
        <v>39709</v>
      </c>
      <c r="D4255" t="s">
        <v>39505</v>
      </c>
      <c r="E4255" t="s">
        <v>13</v>
      </c>
      <c r="F4255">
        <v>9827</v>
      </c>
      <c r="G4255" t="s">
        <v>39710</v>
      </c>
      <c r="H4255">
        <v>4.1674537284969997</v>
      </c>
      <c r="I4255">
        <v>51.714575243774</v>
      </c>
      <c r="J4255" t="s">
        <v>59940</v>
      </c>
    </row>
    <row r="4256" spans="1:10" x14ac:dyDescent="0.25">
      <c r="A4256" t="s">
        <v>39703</v>
      </c>
      <c r="B4256" t="s">
        <v>39704</v>
      </c>
      <c r="C4256" t="s">
        <v>39705</v>
      </c>
      <c r="D4256" t="s">
        <v>39505</v>
      </c>
      <c r="E4256" t="s">
        <v>13</v>
      </c>
      <c r="F4256">
        <v>9826</v>
      </c>
      <c r="G4256" t="s">
        <v>39706</v>
      </c>
      <c r="H4256">
        <v>4.1392564415440001</v>
      </c>
      <c r="I4256">
        <v>51.761409099586999</v>
      </c>
      <c r="J4256" t="s">
        <v>59941</v>
      </c>
    </row>
    <row r="4257" spans="1:10" x14ac:dyDescent="0.25">
      <c r="A4257" t="s">
        <v>39699</v>
      </c>
      <c r="B4257" t="s">
        <v>39700</v>
      </c>
      <c r="C4257" t="s">
        <v>39701</v>
      </c>
      <c r="D4257" t="s">
        <v>39505</v>
      </c>
      <c r="E4257" t="s">
        <v>13</v>
      </c>
      <c r="F4257">
        <v>9825</v>
      </c>
      <c r="G4257" t="s">
        <v>39702</v>
      </c>
      <c r="H4257">
        <v>4.1483016169670002</v>
      </c>
      <c r="I4257">
        <v>51.751879601566003</v>
      </c>
      <c r="J4257" t="s">
        <v>59942</v>
      </c>
    </row>
    <row r="4258" spans="1:10" x14ac:dyDescent="0.25">
      <c r="A4258" t="s">
        <v>39695</v>
      </c>
      <c r="B4258" t="s">
        <v>39696</v>
      </c>
      <c r="C4258" t="s">
        <v>39697</v>
      </c>
      <c r="D4258" t="s">
        <v>39505</v>
      </c>
      <c r="E4258" t="s">
        <v>13</v>
      </c>
      <c r="F4258">
        <v>9824</v>
      </c>
      <c r="G4258" t="s">
        <v>39698</v>
      </c>
      <c r="H4258">
        <v>4.155207961626</v>
      </c>
      <c r="I4258">
        <v>51.752036823837003</v>
      </c>
      <c r="J4258" t="s">
        <v>59943</v>
      </c>
    </row>
    <row r="4259" spans="1:10" x14ac:dyDescent="0.25">
      <c r="A4259" t="s">
        <v>39691</v>
      </c>
      <c r="B4259" t="s">
        <v>39692</v>
      </c>
      <c r="C4259" t="s">
        <v>39693</v>
      </c>
      <c r="D4259" t="s">
        <v>39505</v>
      </c>
      <c r="E4259" t="s">
        <v>13</v>
      </c>
      <c r="F4259">
        <v>9823</v>
      </c>
      <c r="G4259" t="s">
        <v>39694</v>
      </c>
      <c r="H4259">
        <v>4.1503719725200003</v>
      </c>
      <c r="I4259">
        <v>51.764068615428997</v>
      </c>
      <c r="J4259" t="s">
        <v>59944</v>
      </c>
    </row>
    <row r="4260" spans="1:10" x14ac:dyDescent="0.25">
      <c r="A4260" t="s">
        <v>39687</v>
      </c>
      <c r="B4260" t="s">
        <v>39688</v>
      </c>
      <c r="C4260" t="s">
        <v>39689</v>
      </c>
      <c r="D4260" t="s">
        <v>39505</v>
      </c>
      <c r="E4260" t="s">
        <v>13</v>
      </c>
      <c r="F4260">
        <v>9822</v>
      </c>
      <c r="G4260" t="s">
        <v>39690</v>
      </c>
      <c r="H4260">
        <v>4.1514443685420002</v>
      </c>
      <c r="I4260">
        <v>51.756498273539002</v>
      </c>
      <c r="J4260" t="s">
        <v>59945</v>
      </c>
    </row>
    <row r="4261" spans="1:10" x14ac:dyDescent="0.25">
      <c r="A4261" t="s">
        <v>39683</v>
      </c>
      <c r="B4261" t="s">
        <v>39684</v>
      </c>
      <c r="C4261" t="s">
        <v>39685</v>
      </c>
      <c r="D4261" t="s">
        <v>39505</v>
      </c>
      <c r="E4261" t="s">
        <v>13</v>
      </c>
      <c r="F4261">
        <v>9821</v>
      </c>
      <c r="G4261" t="s">
        <v>39686</v>
      </c>
      <c r="H4261">
        <v>4.150778343861</v>
      </c>
      <c r="I4261">
        <v>51.760010015349998</v>
      </c>
      <c r="J4261" t="s">
        <v>59946</v>
      </c>
    </row>
    <row r="4262" spans="1:10" x14ac:dyDescent="0.25">
      <c r="A4262" t="s">
        <v>39679</v>
      </c>
      <c r="B4262" t="s">
        <v>39680</v>
      </c>
      <c r="C4262" t="s">
        <v>39681</v>
      </c>
      <c r="D4262" t="s">
        <v>39505</v>
      </c>
      <c r="E4262" t="s">
        <v>13</v>
      </c>
      <c r="F4262">
        <v>9820</v>
      </c>
      <c r="G4262" t="s">
        <v>39682</v>
      </c>
      <c r="H4262">
        <v>4.0873537065700001</v>
      </c>
      <c r="I4262">
        <v>51.717726311423</v>
      </c>
      <c r="J4262" t="s">
        <v>59947</v>
      </c>
    </row>
    <row r="4263" spans="1:10" x14ac:dyDescent="0.25">
      <c r="A4263" t="s">
        <v>39675</v>
      </c>
      <c r="B4263" t="s">
        <v>39676</v>
      </c>
      <c r="C4263" t="s">
        <v>39677</v>
      </c>
      <c r="D4263" t="s">
        <v>39505</v>
      </c>
      <c r="E4263" t="s">
        <v>13</v>
      </c>
      <c r="F4263">
        <v>9819</v>
      </c>
      <c r="G4263" t="s">
        <v>39678</v>
      </c>
      <c r="H4263">
        <v>4.0803275706119999</v>
      </c>
      <c r="I4263">
        <v>51.710567964093002</v>
      </c>
      <c r="J4263" t="s">
        <v>59948</v>
      </c>
    </row>
    <row r="4264" spans="1:10" x14ac:dyDescent="0.25">
      <c r="A4264" t="s">
        <v>39671</v>
      </c>
      <c r="B4264" t="s">
        <v>39672</v>
      </c>
      <c r="C4264" t="s">
        <v>39673</v>
      </c>
      <c r="D4264" t="s">
        <v>39505</v>
      </c>
      <c r="E4264" t="s">
        <v>13</v>
      </c>
      <c r="F4264">
        <v>9818</v>
      </c>
      <c r="G4264" t="s">
        <v>39674</v>
      </c>
      <c r="H4264">
        <v>4.0886348366730001</v>
      </c>
      <c r="I4264">
        <v>51.710955895889001</v>
      </c>
      <c r="J4264" t="s">
        <v>59949</v>
      </c>
    </row>
    <row r="4265" spans="1:10" x14ac:dyDescent="0.25">
      <c r="A4265" t="s">
        <v>39667</v>
      </c>
      <c r="B4265" t="s">
        <v>39668</v>
      </c>
      <c r="C4265" t="s">
        <v>39669</v>
      </c>
      <c r="D4265" t="s">
        <v>39505</v>
      </c>
      <c r="E4265" t="s">
        <v>13</v>
      </c>
      <c r="F4265">
        <v>9817</v>
      </c>
      <c r="G4265" t="s">
        <v>39670</v>
      </c>
      <c r="H4265">
        <v>4.0682916933650004</v>
      </c>
      <c r="I4265">
        <v>51.773054470524997</v>
      </c>
      <c r="J4265" t="s">
        <v>59950</v>
      </c>
    </row>
    <row r="4266" spans="1:10" x14ac:dyDescent="0.25">
      <c r="A4266" t="s">
        <v>39663</v>
      </c>
      <c r="B4266" t="s">
        <v>39664</v>
      </c>
      <c r="C4266" t="s">
        <v>39665</v>
      </c>
      <c r="D4266" t="s">
        <v>39505</v>
      </c>
      <c r="E4266" t="s">
        <v>13</v>
      </c>
      <c r="F4266">
        <v>9816</v>
      </c>
      <c r="G4266" t="s">
        <v>39666</v>
      </c>
      <c r="H4266">
        <v>4.070605721333</v>
      </c>
      <c r="I4266">
        <v>51.769120819793997</v>
      </c>
      <c r="J4266" t="s">
        <v>59951</v>
      </c>
    </row>
    <row r="4267" spans="1:10" x14ac:dyDescent="0.25">
      <c r="A4267" t="s">
        <v>39659</v>
      </c>
      <c r="B4267" t="s">
        <v>39660</v>
      </c>
      <c r="C4267" t="s">
        <v>39661</v>
      </c>
      <c r="D4267" t="s">
        <v>39505</v>
      </c>
      <c r="E4267" t="s">
        <v>13</v>
      </c>
      <c r="F4267">
        <v>9815</v>
      </c>
      <c r="G4267" t="s">
        <v>39662</v>
      </c>
      <c r="H4267">
        <v>4.0842391776850002</v>
      </c>
      <c r="I4267">
        <v>51.749443727150997</v>
      </c>
      <c r="J4267" t="s">
        <v>59952</v>
      </c>
    </row>
    <row r="4268" spans="1:10" x14ac:dyDescent="0.25">
      <c r="A4268" t="s">
        <v>39655</v>
      </c>
      <c r="B4268" t="s">
        <v>39656</v>
      </c>
      <c r="C4268" t="s">
        <v>39657</v>
      </c>
      <c r="D4268" t="s">
        <v>39505</v>
      </c>
      <c r="E4268" t="s">
        <v>13</v>
      </c>
      <c r="F4268">
        <v>9814</v>
      </c>
      <c r="G4268" t="s">
        <v>39658</v>
      </c>
      <c r="H4268">
        <v>4.1115552461810001</v>
      </c>
      <c r="I4268">
        <v>51.750500327113002</v>
      </c>
      <c r="J4268" t="s">
        <v>59953</v>
      </c>
    </row>
    <row r="4269" spans="1:10" x14ac:dyDescent="0.25">
      <c r="A4269" t="s">
        <v>39651</v>
      </c>
      <c r="B4269" t="s">
        <v>39652</v>
      </c>
      <c r="C4269" t="s">
        <v>39653</v>
      </c>
      <c r="D4269" t="s">
        <v>39505</v>
      </c>
      <c r="E4269" t="s">
        <v>13</v>
      </c>
      <c r="F4269">
        <v>9813</v>
      </c>
      <c r="G4269" t="s">
        <v>39654</v>
      </c>
      <c r="H4269">
        <v>4.1024462608940002</v>
      </c>
      <c r="I4269">
        <v>51.743929266530003</v>
      </c>
      <c r="J4269" t="s">
        <v>59954</v>
      </c>
    </row>
    <row r="4270" spans="1:10" x14ac:dyDescent="0.25">
      <c r="A4270" t="s">
        <v>39647</v>
      </c>
      <c r="B4270" t="s">
        <v>39648</v>
      </c>
      <c r="C4270" t="s">
        <v>39649</v>
      </c>
      <c r="D4270" t="s">
        <v>39505</v>
      </c>
      <c r="E4270" t="s">
        <v>13</v>
      </c>
      <c r="F4270">
        <v>9812</v>
      </c>
      <c r="G4270" t="s">
        <v>39650</v>
      </c>
      <c r="H4270">
        <v>4.098468712461</v>
      </c>
      <c r="I4270">
        <v>51.750892163777998</v>
      </c>
      <c r="J4270" t="s">
        <v>59955</v>
      </c>
    </row>
    <row r="4271" spans="1:10" x14ac:dyDescent="0.25">
      <c r="A4271" t="s">
        <v>39643</v>
      </c>
      <c r="B4271" t="s">
        <v>39644</v>
      </c>
      <c r="C4271" t="s">
        <v>39645</v>
      </c>
      <c r="D4271" t="s">
        <v>39505</v>
      </c>
      <c r="E4271" t="s">
        <v>13</v>
      </c>
      <c r="F4271">
        <v>9811</v>
      </c>
      <c r="G4271" t="s">
        <v>39646</v>
      </c>
      <c r="H4271">
        <v>4.0978852667129999</v>
      </c>
      <c r="I4271">
        <v>51.747132441985997</v>
      </c>
      <c r="J4271" t="s">
        <v>59956</v>
      </c>
    </row>
    <row r="4272" spans="1:10" x14ac:dyDescent="0.25">
      <c r="A4272" t="s">
        <v>39639</v>
      </c>
      <c r="B4272" t="s">
        <v>39640</v>
      </c>
      <c r="C4272" t="s">
        <v>39641</v>
      </c>
      <c r="D4272" t="s">
        <v>39505</v>
      </c>
      <c r="E4272" t="s">
        <v>13</v>
      </c>
      <c r="F4272">
        <v>9810</v>
      </c>
      <c r="G4272" t="s">
        <v>39642</v>
      </c>
      <c r="H4272">
        <v>4.2121028869139998</v>
      </c>
      <c r="I4272">
        <v>51.694984206088002</v>
      </c>
      <c r="J4272" t="s">
        <v>59957</v>
      </c>
    </row>
    <row r="4273" spans="1:10" x14ac:dyDescent="0.25">
      <c r="A4273" t="s">
        <v>39635</v>
      </c>
      <c r="B4273" t="s">
        <v>39636</v>
      </c>
      <c r="C4273" t="s">
        <v>39637</v>
      </c>
      <c r="D4273" t="s">
        <v>39505</v>
      </c>
      <c r="E4273" t="s">
        <v>13</v>
      </c>
      <c r="F4273">
        <v>9809</v>
      </c>
      <c r="G4273" t="s">
        <v>39638</v>
      </c>
      <c r="H4273">
        <v>4.2168323341880001</v>
      </c>
      <c r="I4273">
        <v>51.698708822569003</v>
      </c>
      <c r="J4273" t="s">
        <v>59958</v>
      </c>
    </row>
    <row r="4274" spans="1:10" x14ac:dyDescent="0.25">
      <c r="A4274" t="s">
        <v>39631</v>
      </c>
      <c r="B4274" t="s">
        <v>39632</v>
      </c>
      <c r="C4274" t="s">
        <v>39633</v>
      </c>
      <c r="D4274" t="s">
        <v>39505</v>
      </c>
      <c r="E4274" t="s">
        <v>13</v>
      </c>
      <c r="F4274">
        <v>9808</v>
      </c>
      <c r="G4274" t="s">
        <v>39634</v>
      </c>
      <c r="H4274">
        <v>4.2080897033140001</v>
      </c>
      <c r="I4274">
        <v>51.682750341438002</v>
      </c>
      <c r="J4274" t="s">
        <v>59959</v>
      </c>
    </row>
    <row r="4275" spans="1:10" x14ac:dyDescent="0.25">
      <c r="A4275" t="s">
        <v>39627</v>
      </c>
      <c r="B4275" t="s">
        <v>39628</v>
      </c>
      <c r="C4275" t="s">
        <v>39629</v>
      </c>
      <c r="D4275" t="s">
        <v>39505</v>
      </c>
      <c r="E4275" t="s">
        <v>13</v>
      </c>
      <c r="F4275">
        <v>9807</v>
      </c>
      <c r="G4275" t="s">
        <v>39630</v>
      </c>
      <c r="H4275">
        <v>4.2087796911000002</v>
      </c>
      <c r="I4275">
        <v>51.693999783304001</v>
      </c>
      <c r="J4275" t="s">
        <v>59960</v>
      </c>
    </row>
    <row r="4276" spans="1:10" x14ac:dyDescent="0.25">
      <c r="A4276" t="s">
        <v>39623</v>
      </c>
      <c r="B4276" t="s">
        <v>39624</v>
      </c>
      <c r="C4276" t="s">
        <v>39625</v>
      </c>
      <c r="D4276" t="s">
        <v>39505</v>
      </c>
      <c r="E4276" t="s">
        <v>13</v>
      </c>
      <c r="F4276">
        <v>9806</v>
      </c>
      <c r="G4276" t="s">
        <v>39626</v>
      </c>
      <c r="H4276">
        <v>4.2093850779190003</v>
      </c>
      <c r="I4276">
        <v>51.689779392654998</v>
      </c>
      <c r="J4276" t="s">
        <v>59961</v>
      </c>
    </row>
    <row r="4277" spans="1:10" x14ac:dyDescent="0.25">
      <c r="A4277" t="s">
        <v>39619</v>
      </c>
      <c r="B4277" t="s">
        <v>39620</v>
      </c>
      <c r="C4277" t="s">
        <v>39621</v>
      </c>
      <c r="D4277" t="s">
        <v>39505</v>
      </c>
      <c r="E4277" t="s">
        <v>13</v>
      </c>
      <c r="F4277">
        <v>9805</v>
      </c>
      <c r="G4277" t="s">
        <v>39622</v>
      </c>
      <c r="H4277">
        <v>4.2170841858530004</v>
      </c>
      <c r="I4277">
        <v>51.690681265785003</v>
      </c>
      <c r="J4277" t="s">
        <v>59962</v>
      </c>
    </row>
    <row r="4278" spans="1:10" x14ac:dyDescent="0.25">
      <c r="A4278" t="s">
        <v>39615</v>
      </c>
      <c r="B4278" t="s">
        <v>39616</v>
      </c>
      <c r="C4278" t="s">
        <v>39617</v>
      </c>
      <c r="D4278" t="s">
        <v>39505</v>
      </c>
      <c r="E4278" t="s">
        <v>13</v>
      </c>
      <c r="F4278">
        <v>9804</v>
      </c>
      <c r="G4278" t="s">
        <v>39618</v>
      </c>
      <c r="H4278">
        <v>4.2760576672920001</v>
      </c>
      <c r="I4278">
        <v>51.704287905907002</v>
      </c>
      <c r="J4278" t="s">
        <v>59963</v>
      </c>
    </row>
    <row r="4279" spans="1:10" x14ac:dyDescent="0.25">
      <c r="A4279" t="s">
        <v>39611</v>
      </c>
      <c r="B4279" t="s">
        <v>39612</v>
      </c>
      <c r="C4279" t="s">
        <v>39613</v>
      </c>
      <c r="D4279" t="s">
        <v>39505</v>
      </c>
      <c r="E4279" t="s">
        <v>13</v>
      </c>
      <c r="F4279">
        <v>9803</v>
      </c>
      <c r="G4279" t="s">
        <v>39614</v>
      </c>
      <c r="H4279">
        <v>4.2849548950249998</v>
      </c>
      <c r="I4279">
        <v>51.715533065034002</v>
      </c>
      <c r="J4279" t="s">
        <v>59964</v>
      </c>
    </row>
    <row r="4280" spans="1:10" x14ac:dyDescent="0.25">
      <c r="A4280" t="s">
        <v>39607</v>
      </c>
      <c r="B4280" t="s">
        <v>39608</v>
      </c>
      <c r="C4280" t="s">
        <v>39609</v>
      </c>
      <c r="D4280" t="s">
        <v>39505</v>
      </c>
      <c r="E4280" t="s">
        <v>13</v>
      </c>
      <c r="F4280">
        <v>9802</v>
      </c>
      <c r="G4280" t="s">
        <v>39610</v>
      </c>
      <c r="H4280">
        <v>4.3250684193520001</v>
      </c>
      <c r="I4280">
        <v>51.680863209617002</v>
      </c>
      <c r="J4280" t="s">
        <v>59965</v>
      </c>
    </row>
    <row r="4281" spans="1:10" x14ac:dyDescent="0.25">
      <c r="A4281" t="s">
        <v>39603</v>
      </c>
      <c r="B4281" t="s">
        <v>39604</v>
      </c>
      <c r="C4281" t="s">
        <v>39605</v>
      </c>
      <c r="D4281" t="s">
        <v>39505</v>
      </c>
      <c r="E4281" t="s">
        <v>13</v>
      </c>
      <c r="F4281">
        <v>9801</v>
      </c>
      <c r="G4281" t="s">
        <v>39606</v>
      </c>
      <c r="H4281">
        <v>4.3582569274029996</v>
      </c>
      <c r="I4281">
        <v>51.682081651479002</v>
      </c>
      <c r="J4281" t="s">
        <v>59966</v>
      </c>
    </row>
    <row r="4282" spans="1:10" x14ac:dyDescent="0.25">
      <c r="A4282" t="s">
        <v>39599</v>
      </c>
      <c r="B4282" t="s">
        <v>39600</v>
      </c>
      <c r="C4282" t="s">
        <v>39601</v>
      </c>
      <c r="D4282" t="s">
        <v>39505</v>
      </c>
      <c r="E4282" t="s">
        <v>13</v>
      </c>
      <c r="F4282">
        <v>9800</v>
      </c>
      <c r="G4282" t="s">
        <v>39602</v>
      </c>
      <c r="H4282">
        <v>4.3457819792489998</v>
      </c>
      <c r="I4282">
        <v>51.682944884276999</v>
      </c>
      <c r="J4282" t="s">
        <v>59967</v>
      </c>
    </row>
    <row r="4283" spans="1:10" x14ac:dyDescent="0.25">
      <c r="A4283" t="s">
        <v>39595</v>
      </c>
      <c r="B4283" t="s">
        <v>39596</v>
      </c>
      <c r="C4283" t="s">
        <v>39597</v>
      </c>
      <c r="D4283" t="s">
        <v>39505</v>
      </c>
      <c r="E4283" t="s">
        <v>13</v>
      </c>
      <c r="F4283">
        <v>9799</v>
      </c>
      <c r="G4283" t="s">
        <v>39598</v>
      </c>
      <c r="H4283">
        <v>4.1917860101219997</v>
      </c>
      <c r="I4283">
        <v>51.746058902582</v>
      </c>
      <c r="J4283" t="s">
        <v>59968</v>
      </c>
    </row>
    <row r="4284" spans="1:10" x14ac:dyDescent="0.25">
      <c r="A4284" t="s">
        <v>39591</v>
      </c>
      <c r="B4284" t="s">
        <v>39592</v>
      </c>
      <c r="C4284" t="s">
        <v>39593</v>
      </c>
      <c r="D4284" t="s">
        <v>39505</v>
      </c>
      <c r="E4284" t="s">
        <v>13</v>
      </c>
      <c r="F4284">
        <v>9798</v>
      </c>
      <c r="G4284" t="s">
        <v>39594</v>
      </c>
      <c r="H4284">
        <v>4.1905290688879999</v>
      </c>
      <c r="I4284">
        <v>51.770408484278001</v>
      </c>
      <c r="J4284" t="s">
        <v>59969</v>
      </c>
    </row>
    <row r="4285" spans="1:10" x14ac:dyDescent="0.25">
      <c r="A4285" t="s">
        <v>39587</v>
      </c>
      <c r="B4285" t="s">
        <v>39588</v>
      </c>
      <c r="C4285" t="s">
        <v>39589</v>
      </c>
      <c r="D4285" t="s">
        <v>39505</v>
      </c>
      <c r="E4285" t="s">
        <v>13</v>
      </c>
      <c r="F4285">
        <v>9797</v>
      </c>
      <c r="G4285" t="s">
        <v>39590</v>
      </c>
      <c r="H4285">
        <v>4.1855784008120001</v>
      </c>
      <c r="I4285">
        <v>51.763613869182002</v>
      </c>
      <c r="J4285" t="s">
        <v>59970</v>
      </c>
    </row>
    <row r="4286" spans="1:10" x14ac:dyDescent="0.25">
      <c r="A4286" t="s">
        <v>39583</v>
      </c>
      <c r="B4286" t="s">
        <v>39584</v>
      </c>
      <c r="C4286" t="s">
        <v>39585</v>
      </c>
      <c r="D4286" t="s">
        <v>39505</v>
      </c>
      <c r="E4286" t="s">
        <v>13</v>
      </c>
      <c r="F4286">
        <v>9796</v>
      </c>
      <c r="G4286" t="s">
        <v>39586</v>
      </c>
      <c r="H4286">
        <v>4.1651279642740002</v>
      </c>
      <c r="I4286">
        <v>51.752856766401997</v>
      </c>
      <c r="J4286" t="s">
        <v>59971</v>
      </c>
    </row>
    <row r="4287" spans="1:10" x14ac:dyDescent="0.25">
      <c r="A4287" t="s">
        <v>39579</v>
      </c>
      <c r="B4287" t="s">
        <v>39580</v>
      </c>
      <c r="C4287" t="s">
        <v>39581</v>
      </c>
      <c r="D4287" t="s">
        <v>39505</v>
      </c>
      <c r="E4287" t="s">
        <v>13</v>
      </c>
      <c r="F4287">
        <v>9795</v>
      </c>
      <c r="G4287" t="s">
        <v>39582</v>
      </c>
      <c r="H4287">
        <v>4.1743487919210001</v>
      </c>
      <c r="I4287">
        <v>51.755334817018003</v>
      </c>
      <c r="J4287" t="s">
        <v>59972</v>
      </c>
    </row>
    <row r="4288" spans="1:10" x14ac:dyDescent="0.25">
      <c r="A4288" t="s">
        <v>39575</v>
      </c>
      <c r="B4288" t="s">
        <v>39576</v>
      </c>
      <c r="C4288" t="s">
        <v>39577</v>
      </c>
      <c r="D4288" t="s">
        <v>39505</v>
      </c>
      <c r="E4288" t="s">
        <v>13</v>
      </c>
      <c r="F4288">
        <v>9794</v>
      </c>
      <c r="G4288" t="s">
        <v>39578</v>
      </c>
      <c r="H4288">
        <v>4.1615985730010001</v>
      </c>
      <c r="I4288">
        <v>51.758109934052001</v>
      </c>
      <c r="J4288" t="s">
        <v>59973</v>
      </c>
    </row>
    <row r="4289" spans="1:10" x14ac:dyDescent="0.25">
      <c r="A4289" t="s">
        <v>39571</v>
      </c>
      <c r="B4289" t="s">
        <v>39572</v>
      </c>
      <c r="C4289" t="s">
        <v>39573</v>
      </c>
      <c r="D4289" t="s">
        <v>39505</v>
      </c>
      <c r="E4289" t="s">
        <v>13</v>
      </c>
      <c r="F4289">
        <v>9793</v>
      </c>
      <c r="G4289" t="s">
        <v>39574</v>
      </c>
      <c r="H4289">
        <v>4.1614626623179998</v>
      </c>
      <c r="I4289">
        <v>51.762957626515998</v>
      </c>
      <c r="J4289" t="s">
        <v>59974</v>
      </c>
    </row>
    <row r="4290" spans="1:10" x14ac:dyDescent="0.25">
      <c r="A4290" t="s">
        <v>39567</v>
      </c>
      <c r="B4290" t="s">
        <v>39568</v>
      </c>
      <c r="C4290" t="s">
        <v>39569</v>
      </c>
      <c r="D4290" t="s">
        <v>39505</v>
      </c>
      <c r="E4290" t="s">
        <v>13</v>
      </c>
      <c r="F4290">
        <v>9792</v>
      </c>
      <c r="G4290" t="s">
        <v>39570</v>
      </c>
      <c r="H4290">
        <v>4.0369926519719996</v>
      </c>
      <c r="I4290">
        <v>51.800912509672003</v>
      </c>
      <c r="J4290" t="s">
        <v>59975</v>
      </c>
    </row>
    <row r="4291" spans="1:10" x14ac:dyDescent="0.25">
      <c r="A4291" t="s">
        <v>39563</v>
      </c>
      <c r="B4291" t="s">
        <v>39564</v>
      </c>
      <c r="C4291" t="s">
        <v>39565</v>
      </c>
      <c r="D4291" t="s">
        <v>39505</v>
      </c>
      <c r="E4291" t="s">
        <v>13</v>
      </c>
      <c r="F4291">
        <v>9791</v>
      </c>
      <c r="G4291" t="s">
        <v>39566</v>
      </c>
      <c r="H4291">
        <v>4.0395667524609999</v>
      </c>
      <c r="I4291">
        <v>51.823133273391001</v>
      </c>
      <c r="J4291" t="s">
        <v>59976</v>
      </c>
    </row>
    <row r="4292" spans="1:10" x14ac:dyDescent="0.25">
      <c r="A4292" t="s">
        <v>39559</v>
      </c>
      <c r="B4292" t="s">
        <v>39560</v>
      </c>
      <c r="C4292" t="s">
        <v>39561</v>
      </c>
      <c r="D4292" t="s">
        <v>39505</v>
      </c>
      <c r="E4292" t="s">
        <v>13</v>
      </c>
      <c r="F4292">
        <v>9790</v>
      </c>
      <c r="G4292" t="s">
        <v>39562</v>
      </c>
      <c r="H4292">
        <v>4.0314261806809997</v>
      </c>
      <c r="I4292">
        <v>51.811107246069</v>
      </c>
      <c r="J4292" t="s">
        <v>59977</v>
      </c>
    </row>
    <row r="4293" spans="1:10" x14ac:dyDescent="0.25">
      <c r="A4293" t="s">
        <v>39555</v>
      </c>
      <c r="B4293" t="s">
        <v>39556</v>
      </c>
      <c r="C4293" t="s">
        <v>39557</v>
      </c>
      <c r="D4293" t="s">
        <v>39505</v>
      </c>
      <c r="E4293" t="s">
        <v>13</v>
      </c>
      <c r="F4293">
        <v>9789</v>
      </c>
      <c r="G4293" t="s">
        <v>39558</v>
      </c>
      <c r="H4293">
        <v>4.0235864859920003</v>
      </c>
      <c r="I4293">
        <v>51.805795495946001</v>
      </c>
      <c r="J4293" t="s">
        <v>59978</v>
      </c>
    </row>
    <row r="4294" spans="1:10" x14ac:dyDescent="0.25">
      <c r="A4294" t="s">
        <v>39551</v>
      </c>
      <c r="B4294" t="s">
        <v>39552</v>
      </c>
      <c r="C4294" t="s">
        <v>39553</v>
      </c>
      <c r="D4294" t="s">
        <v>39505</v>
      </c>
      <c r="E4294" t="s">
        <v>13</v>
      </c>
      <c r="F4294">
        <v>9788</v>
      </c>
      <c r="G4294" t="s">
        <v>39554</v>
      </c>
      <c r="H4294">
        <v>4.0254623659920004</v>
      </c>
      <c r="I4294">
        <v>51.802666754618997</v>
      </c>
      <c r="J4294" t="s">
        <v>59979</v>
      </c>
    </row>
    <row r="4295" spans="1:10" x14ac:dyDescent="0.25">
      <c r="A4295" t="s">
        <v>39547</v>
      </c>
      <c r="B4295" t="s">
        <v>39548</v>
      </c>
      <c r="C4295" t="s">
        <v>39549</v>
      </c>
      <c r="D4295" t="s">
        <v>39505</v>
      </c>
      <c r="E4295" t="s">
        <v>13</v>
      </c>
      <c r="F4295">
        <v>9787</v>
      </c>
      <c r="G4295" t="s">
        <v>39550</v>
      </c>
      <c r="H4295">
        <v>3.9103247372590002</v>
      </c>
      <c r="I4295">
        <v>51.804914065085001</v>
      </c>
      <c r="J4295" t="s">
        <v>59980</v>
      </c>
    </row>
    <row r="4296" spans="1:10" x14ac:dyDescent="0.25">
      <c r="A4296" t="s">
        <v>39543</v>
      </c>
      <c r="B4296" t="s">
        <v>39544</v>
      </c>
      <c r="C4296" t="s">
        <v>39545</v>
      </c>
      <c r="D4296" t="s">
        <v>39505</v>
      </c>
      <c r="E4296" t="s">
        <v>13</v>
      </c>
      <c r="F4296">
        <v>9786</v>
      </c>
      <c r="G4296" t="s">
        <v>39546</v>
      </c>
      <c r="H4296">
        <v>3.8978488717880002</v>
      </c>
      <c r="I4296">
        <v>51.797647353033</v>
      </c>
      <c r="J4296" t="s">
        <v>59981</v>
      </c>
    </row>
    <row r="4297" spans="1:10" x14ac:dyDescent="0.25">
      <c r="A4297" t="s">
        <v>39539</v>
      </c>
      <c r="B4297" t="s">
        <v>39540</v>
      </c>
      <c r="C4297" t="s">
        <v>39541</v>
      </c>
      <c r="D4297" t="s">
        <v>39505</v>
      </c>
      <c r="E4297" t="s">
        <v>13</v>
      </c>
      <c r="F4297">
        <v>9785</v>
      </c>
      <c r="G4297" t="s">
        <v>39542</v>
      </c>
      <c r="H4297">
        <v>3.8682244666260002</v>
      </c>
      <c r="I4297">
        <v>51.806090585550997</v>
      </c>
      <c r="J4297" t="s">
        <v>59982</v>
      </c>
    </row>
    <row r="4298" spans="1:10" x14ac:dyDescent="0.25">
      <c r="A4298" t="s">
        <v>39535</v>
      </c>
      <c r="B4298" t="s">
        <v>39536</v>
      </c>
      <c r="C4298" t="s">
        <v>39537</v>
      </c>
      <c r="D4298" t="s">
        <v>39505</v>
      </c>
      <c r="E4298" t="s">
        <v>13</v>
      </c>
      <c r="F4298">
        <v>9784</v>
      </c>
      <c r="G4298" t="s">
        <v>39538</v>
      </c>
      <c r="H4298">
        <v>3.863404397924</v>
      </c>
      <c r="I4298">
        <v>51.766092372827003</v>
      </c>
      <c r="J4298" t="s">
        <v>59983</v>
      </c>
    </row>
    <row r="4299" spans="1:10" x14ac:dyDescent="0.25">
      <c r="A4299" t="s">
        <v>39531</v>
      </c>
      <c r="B4299" t="s">
        <v>39532</v>
      </c>
      <c r="C4299" t="s">
        <v>39533</v>
      </c>
      <c r="D4299" t="s">
        <v>39505</v>
      </c>
      <c r="E4299" t="s">
        <v>13</v>
      </c>
      <c r="F4299">
        <v>9783</v>
      </c>
      <c r="G4299" t="s">
        <v>39534</v>
      </c>
      <c r="H4299">
        <v>3.9240469003570002</v>
      </c>
      <c r="I4299">
        <v>51.821516960112</v>
      </c>
      <c r="J4299" t="s">
        <v>59984</v>
      </c>
    </row>
    <row r="4300" spans="1:10" x14ac:dyDescent="0.25">
      <c r="A4300" t="s">
        <v>39527</v>
      </c>
      <c r="B4300" t="s">
        <v>39528</v>
      </c>
      <c r="C4300" t="s">
        <v>39529</v>
      </c>
      <c r="D4300" t="s">
        <v>39505</v>
      </c>
      <c r="E4300" t="s">
        <v>13</v>
      </c>
      <c r="F4300">
        <v>9782</v>
      </c>
      <c r="G4300" t="s">
        <v>39530</v>
      </c>
      <c r="H4300">
        <v>3.9040001378109999</v>
      </c>
      <c r="I4300">
        <v>51.815249596693</v>
      </c>
      <c r="J4300" t="s">
        <v>59985</v>
      </c>
    </row>
    <row r="4301" spans="1:10" x14ac:dyDescent="0.25">
      <c r="A4301" t="s">
        <v>39523</v>
      </c>
      <c r="B4301" t="s">
        <v>39524</v>
      </c>
      <c r="C4301" t="s">
        <v>39525</v>
      </c>
      <c r="D4301" t="s">
        <v>39505</v>
      </c>
      <c r="E4301" t="s">
        <v>13</v>
      </c>
      <c r="F4301">
        <v>9781</v>
      </c>
      <c r="G4301" t="s">
        <v>39526</v>
      </c>
      <c r="H4301">
        <v>3.9381387429560002</v>
      </c>
      <c r="I4301">
        <v>51.805718433735997</v>
      </c>
      <c r="J4301" t="s">
        <v>59986</v>
      </c>
    </row>
    <row r="4302" spans="1:10" x14ac:dyDescent="0.25">
      <c r="A4302" t="s">
        <v>39519</v>
      </c>
      <c r="B4302" t="s">
        <v>39520</v>
      </c>
      <c r="C4302" t="s">
        <v>39521</v>
      </c>
      <c r="D4302" t="s">
        <v>39505</v>
      </c>
      <c r="E4302" t="s">
        <v>13</v>
      </c>
      <c r="F4302">
        <v>9780</v>
      </c>
      <c r="G4302" t="s">
        <v>39522</v>
      </c>
      <c r="H4302">
        <v>3.933933427396</v>
      </c>
      <c r="I4302">
        <v>51.816567553165001</v>
      </c>
      <c r="J4302" t="s">
        <v>59987</v>
      </c>
    </row>
    <row r="4303" spans="1:10" x14ac:dyDescent="0.25">
      <c r="A4303" t="s">
        <v>39515</v>
      </c>
      <c r="B4303" t="s">
        <v>39516</v>
      </c>
      <c r="C4303" t="s">
        <v>39517</v>
      </c>
      <c r="D4303" t="s">
        <v>39505</v>
      </c>
      <c r="E4303" t="s">
        <v>13</v>
      </c>
      <c r="F4303">
        <v>9779</v>
      </c>
      <c r="G4303" t="s">
        <v>39518</v>
      </c>
      <c r="H4303">
        <v>3.9362673737009999</v>
      </c>
      <c r="I4303">
        <v>51.809864786379997</v>
      </c>
      <c r="J4303" t="s">
        <v>59988</v>
      </c>
    </row>
    <row r="4304" spans="1:10" x14ac:dyDescent="0.25">
      <c r="A4304" t="s">
        <v>39511</v>
      </c>
      <c r="B4304" t="s">
        <v>39512</v>
      </c>
      <c r="C4304" t="s">
        <v>39513</v>
      </c>
      <c r="D4304" t="s">
        <v>39505</v>
      </c>
      <c r="E4304" t="s">
        <v>13</v>
      </c>
      <c r="F4304">
        <v>9778</v>
      </c>
      <c r="G4304" t="s">
        <v>39514</v>
      </c>
      <c r="H4304">
        <v>3.9833493703710001</v>
      </c>
      <c r="I4304">
        <v>51.826963868100997</v>
      </c>
      <c r="J4304" t="s">
        <v>59989</v>
      </c>
    </row>
    <row r="4305" spans="1:10" x14ac:dyDescent="0.25">
      <c r="A4305" t="s">
        <v>39507</v>
      </c>
      <c r="B4305" t="s">
        <v>39508</v>
      </c>
      <c r="C4305" t="s">
        <v>39509</v>
      </c>
      <c r="D4305" t="s">
        <v>39505</v>
      </c>
      <c r="E4305" t="s">
        <v>13</v>
      </c>
      <c r="F4305">
        <v>9777</v>
      </c>
      <c r="G4305" t="s">
        <v>39510</v>
      </c>
      <c r="H4305">
        <v>4.0057896837340001</v>
      </c>
      <c r="I4305">
        <v>51.831033920777003</v>
      </c>
      <c r="J4305" t="s">
        <v>59990</v>
      </c>
    </row>
    <row r="4306" spans="1:10" x14ac:dyDescent="0.25">
      <c r="A4306" t="s">
        <v>39502</v>
      </c>
      <c r="B4306" t="s">
        <v>39503</v>
      </c>
      <c r="C4306" t="s">
        <v>39504</v>
      </c>
      <c r="D4306" t="s">
        <v>39505</v>
      </c>
      <c r="E4306" t="s">
        <v>13</v>
      </c>
      <c r="F4306">
        <v>9776</v>
      </c>
      <c r="G4306" t="s">
        <v>39506</v>
      </c>
      <c r="H4306">
        <v>3.9829783688189999</v>
      </c>
      <c r="I4306">
        <v>51.819418732144001</v>
      </c>
      <c r="J4306" t="s">
        <v>59991</v>
      </c>
    </row>
    <row r="4307" spans="1:10" x14ac:dyDescent="0.25">
      <c r="A4307" t="s">
        <v>39498</v>
      </c>
      <c r="B4307" t="s">
        <v>39499</v>
      </c>
      <c r="C4307" t="s">
        <v>39500</v>
      </c>
      <c r="D4307" t="s">
        <v>39335</v>
      </c>
      <c r="E4307" t="s">
        <v>13</v>
      </c>
      <c r="F4307">
        <v>9775</v>
      </c>
      <c r="G4307" t="s">
        <v>39501</v>
      </c>
      <c r="H4307">
        <v>4.3638081426750004</v>
      </c>
      <c r="I4307">
        <v>52.069202126331</v>
      </c>
      <c r="J4307" t="s">
        <v>59992</v>
      </c>
    </row>
    <row r="4308" spans="1:10" x14ac:dyDescent="0.25">
      <c r="A4308" t="s">
        <v>39494</v>
      </c>
      <c r="B4308" t="s">
        <v>39495</v>
      </c>
      <c r="C4308" t="s">
        <v>39496</v>
      </c>
      <c r="D4308" t="s">
        <v>39335</v>
      </c>
      <c r="E4308" t="s">
        <v>13</v>
      </c>
      <c r="F4308">
        <v>9774</v>
      </c>
      <c r="G4308" t="s">
        <v>39497</v>
      </c>
      <c r="H4308">
        <v>4.3742514672780004</v>
      </c>
      <c r="I4308">
        <v>52.074803140265999</v>
      </c>
      <c r="J4308" t="s">
        <v>59993</v>
      </c>
    </row>
    <row r="4309" spans="1:10" x14ac:dyDescent="0.25">
      <c r="A4309" t="s">
        <v>39490</v>
      </c>
      <c r="B4309" t="s">
        <v>39491</v>
      </c>
      <c r="C4309" t="s">
        <v>39492</v>
      </c>
      <c r="D4309" t="s">
        <v>39335</v>
      </c>
      <c r="E4309" t="s">
        <v>13</v>
      </c>
      <c r="F4309">
        <v>9773</v>
      </c>
      <c r="G4309" t="s">
        <v>39493</v>
      </c>
      <c r="H4309">
        <v>4.349844201722</v>
      </c>
      <c r="I4309">
        <v>52.063898202682999</v>
      </c>
      <c r="J4309" t="s">
        <v>59994</v>
      </c>
    </row>
    <row r="4310" spans="1:10" x14ac:dyDescent="0.25">
      <c r="A4310" t="s">
        <v>39486</v>
      </c>
      <c r="B4310" t="s">
        <v>39487</v>
      </c>
      <c r="C4310" t="s">
        <v>39488</v>
      </c>
      <c r="D4310" t="s">
        <v>39335</v>
      </c>
      <c r="E4310" t="s">
        <v>13</v>
      </c>
      <c r="F4310">
        <v>9772</v>
      </c>
      <c r="G4310" t="s">
        <v>39489</v>
      </c>
      <c r="H4310">
        <v>4.3566221517740003</v>
      </c>
      <c r="I4310">
        <v>52.058992530894997</v>
      </c>
      <c r="J4310" t="s">
        <v>59995</v>
      </c>
    </row>
    <row r="4311" spans="1:10" x14ac:dyDescent="0.25">
      <c r="A4311" t="s">
        <v>39482</v>
      </c>
      <c r="B4311" t="s">
        <v>39483</v>
      </c>
      <c r="C4311" t="s">
        <v>39484</v>
      </c>
      <c r="D4311" t="s">
        <v>39335</v>
      </c>
      <c r="E4311" t="s">
        <v>13</v>
      </c>
      <c r="F4311">
        <v>9771</v>
      </c>
      <c r="G4311" t="s">
        <v>39485</v>
      </c>
      <c r="H4311">
        <v>4.3536596730520003</v>
      </c>
      <c r="I4311">
        <v>52.062344491113997</v>
      </c>
      <c r="J4311" t="s">
        <v>59996</v>
      </c>
    </row>
    <row r="4312" spans="1:10" x14ac:dyDescent="0.25">
      <c r="A4312" t="s">
        <v>39478</v>
      </c>
      <c r="B4312" t="s">
        <v>39479</v>
      </c>
      <c r="C4312" t="s">
        <v>39480</v>
      </c>
      <c r="D4312" t="s">
        <v>39335</v>
      </c>
      <c r="E4312" t="s">
        <v>13</v>
      </c>
      <c r="F4312">
        <v>9770</v>
      </c>
      <c r="G4312" t="s">
        <v>39481</v>
      </c>
      <c r="H4312">
        <v>4.3449104300589996</v>
      </c>
      <c r="I4312">
        <v>52.076445079016999</v>
      </c>
      <c r="J4312" t="s">
        <v>59997</v>
      </c>
    </row>
    <row r="4313" spans="1:10" x14ac:dyDescent="0.25">
      <c r="A4313" t="s">
        <v>39474</v>
      </c>
      <c r="B4313" t="s">
        <v>39475</v>
      </c>
      <c r="C4313" t="s">
        <v>39476</v>
      </c>
      <c r="D4313" t="s">
        <v>39335</v>
      </c>
      <c r="E4313" t="s">
        <v>13</v>
      </c>
      <c r="F4313">
        <v>9769</v>
      </c>
      <c r="G4313" t="s">
        <v>39477</v>
      </c>
      <c r="H4313">
        <v>4.3465560857760002</v>
      </c>
      <c r="I4313">
        <v>52.072761924138</v>
      </c>
      <c r="J4313" t="s">
        <v>59998</v>
      </c>
    </row>
    <row r="4314" spans="1:10" x14ac:dyDescent="0.25">
      <c r="A4314" t="s">
        <v>39470</v>
      </c>
      <c r="B4314" t="s">
        <v>39471</v>
      </c>
      <c r="C4314" t="s">
        <v>39472</v>
      </c>
      <c r="D4314" t="s">
        <v>39335</v>
      </c>
      <c r="E4314" t="s">
        <v>13</v>
      </c>
      <c r="F4314">
        <v>9768</v>
      </c>
      <c r="G4314" t="s">
        <v>39473</v>
      </c>
      <c r="H4314">
        <v>4.3501133483189998</v>
      </c>
      <c r="I4314">
        <v>52.076893927712</v>
      </c>
      <c r="J4314" t="s">
        <v>59999</v>
      </c>
    </row>
    <row r="4315" spans="1:10" x14ac:dyDescent="0.25">
      <c r="A4315" t="s">
        <v>39466</v>
      </c>
      <c r="B4315" t="s">
        <v>39467</v>
      </c>
      <c r="C4315" t="s">
        <v>39468</v>
      </c>
      <c r="D4315" t="s">
        <v>39335</v>
      </c>
      <c r="E4315" t="s">
        <v>13</v>
      </c>
      <c r="F4315">
        <v>9767</v>
      </c>
      <c r="G4315" t="s">
        <v>39469</v>
      </c>
      <c r="H4315">
        <v>4.3523534252619998</v>
      </c>
      <c r="I4315">
        <v>52.079651665775003</v>
      </c>
      <c r="J4315" t="s">
        <v>60000</v>
      </c>
    </row>
    <row r="4316" spans="1:10" x14ac:dyDescent="0.25">
      <c r="A4316" t="s">
        <v>39462</v>
      </c>
      <c r="B4316" t="s">
        <v>39463</v>
      </c>
      <c r="C4316" t="s">
        <v>39464</v>
      </c>
      <c r="D4316" t="s">
        <v>39335</v>
      </c>
      <c r="E4316" t="s">
        <v>13</v>
      </c>
      <c r="F4316">
        <v>9766</v>
      </c>
      <c r="G4316" t="s">
        <v>39465</v>
      </c>
      <c r="H4316">
        <v>4.3591296080740003</v>
      </c>
      <c r="I4316">
        <v>52.081820268944</v>
      </c>
      <c r="J4316" t="s">
        <v>60001</v>
      </c>
    </row>
    <row r="4317" spans="1:10" x14ac:dyDescent="0.25">
      <c r="A4317" t="s">
        <v>39458</v>
      </c>
      <c r="B4317" t="s">
        <v>39459</v>
      </c>
      <c r="C4317" t="s">
        <v>39460</v>
      </c>
      <c r="D4317" t="s">
        <v>39335</v>
      </c>
      <c r="E4317" t="s">
        <v>13</v>
      </c>
      <c r="F4317">
        <v>9765</v>
      </c>
      <c r="G4317" t="s">
        <v>39461</v>
      </c>
      <c r="H4317">
        <v>4.3566435644450001</v>
      </c>
      <c r="I4317">
        <v>52.072561626876997</v>
      </c>
      <c r="J4317" t="s">
        <v>60002</v>
      </c>
    </row>
    <row r="4318" spans="1:10" x14ac:dyDescent="0.25">
      <c r="A4318" t="s">
        <v>39454</v>
      </c>
      <c r="B4318" t="s">
        <v>39455</v>
      </c>
      <c r="C4318" t="s">
        <v>39456</v>
      </c>
      <c r="D4318" t="s">
        <v>39335</v>
      </c>
      <c r="E4318" t="s">
        <v>13</v>
      </c>
      <c r="F4318">
        <v>9764</v>
      </c>
      <c r="G4318" t="s">
        <v>39457</v>
      </c>
      <c r="H4318">
        <v>4.3588238979289997</v>
      </c>
      <c r="I4318">
        <v>52.075453155805</v>
      </c>
      <c r="J4318" t="s">
        <v>60003</v>
      </c>
    </row>
    <row r="4319" spans="1:10" x14ac:dyDescent="0.25">
      <c r="A4319" t="s">
        <v>39450</v>
      </c>
      <c r="B4319" t="s">
        <v>39451</v>
      </c>
      <c r="C4319" t="s">
        <v>39452</v>
      </c>
      <c r="D4319" t="s">
        <v>39335</v>
      </c>
      <c r="E4319" t="s">
        <v>13</v>
      </c>
      <c r="F4319">
        <v>9763</v>
      </c>
      <c r="G4319" t="s">
        <v>39453</v>
      </c>
      <c r="H4319">
        <v>4.366416115561</v>
      </c>
      <c r="I4319">
        <v>52.078111699920001</v>
      </c>
      <c r="J4319" t="s">
        <v>60004</v>
      </c>
    </row>
    <row r="4320" spans="1:10" x14ac:dyDescent="0.25">
      <c r="A4320" t="s">
        <v>39446</v>
      </c>
      <c r="B4320" t="s">
        <v>39447</v>
      </c>
      <c r="C4320" t="s">
        <v>39448</v>
      </c>
      <c r="D4320" t="s">
        <v>39335</v>
      </c>
      <c r="E4320" t="s">
        <v>13</v>
      </c>
      <c r="F4320">
        <v>9762</v>
      </c>
      <c r="G4320" t="s">
        <v>39449</v>
      </c>
      <c r="H4320">
        <v>4.3655263798019996</v>
      </c>
      <c r="I4320">
        <v>52.085624439351001</v>
      </c>
      <c r="J4320" t="s">
        <v>60005</v>
      </c>
    </row>
    <row r="4321" spans="1:10" x14ac:dyDescent="0.25">
      <c r="A4321" t="s">
        <v>39442</v>
      </c>
      <c r="B4321" t="s">
        <v>39443</v>
      </c>
      <c r="C4321" t="s">
        <v>39444</v>
      </c>
      <c r="D4321" t="s">
        <v>39335</v>
      </c>
      <c r="E4321" t="s">
        <v>13</v>
      </c>
      <c r="F4321">
        <v>9761</v>
      </c>
      <c r="G4321" t="s">
        <v>39445</v>
      </c>
      <c r="H4321">
        <v>4.3719377668149999</v>
      </c>
      <c r="I4321">
        <v>52.082071452332002</v>
      </c>
      <c r="J4321" t="s">
        <v>60006</v>
      </c>
    </row>
    <row r="4322" spans="1:10" x14ac:dyDescent="0.25">
      <c r="A4322" t="s">
        <v>39438</v>
      </c>
      <c r="B4322" t="s">
        <v>39439</v>
      </c>
      <c r="C4322" t="s">
        <v>39440</v>
      </c>
      <c r="D4322" t="s">
        <v>39335</v>
      </c>
      <c r="E4322" t="s">
        <v>13</v>
      </c>
      <c r="F4322">
        <v>9760</v>
      </c>
      <c r="G4322" t="s">
        <v>39441</v>
      </c>
      <c r="H4322">
        <v>4.3746639025940004</v>
      </c>
      <c r="I4322">
        <v>52.085368000404003</v>
      </c>
      <c r="J4322" t="s">
        <v>60007</v>
      </c>
    </row>
    <row r="4323" spans="1:10" x14ac:dyDescent="0.25">
      <c r="A4323" t="s">
        <v>39434</v>
      </c>
      <c r="B4323" t="s">
        <v>39435</v>
      </c>
      <c r="C4323" t="s">
        <v>39436</v>
      </c>
      <c r="D4323" t="s">
        <v>39335</v>
      </c>
      <c r="E4323" t="s">
        <v>13</v>
      </c>
      <c r="F4323">
        <v>9759</v>
      </c>
      <c r="G4323" t="s">
        <v>39437</v>
      </c>
      <c r="H4323">
        <v>4.3763487729069999</v>
      </c>
      <c r="I4323">
        <v>52.088702694017002</v>
      </c>
      <c r="J4323" t="s">
        <v>60008</v>
      </c>
    </row>
    <row r="4324" spans="1:10" x14ac:dyDescent="0.25">
      <c r="A4324" t="s">
        <v>39430</v>
      </c>
      <c r="B4324" t="s">
        <v>39431</v>
      </c>
      <c r="C4324" t="s">
        <v>39432</v>
      </c>
      <c r="D4324" t="s">
        <v>39335</v>
      </c>
      <c r="E4324" t="s">
        <v>13</v>
      </c>
      <c r="F4324">
        <v>9758</v>
      </c>
      <c r="G4324" t="s">
        <v>39433</v>
      </c>
      <c r="H4324">
        <v>4.3718917551969998</v>
      </c>
      <c r="I4324">
        <v>52.089287830728999</v>
      </c>
      <c r="J4324" t="s">
        <v>60009</v>
      </c>
    </row>
    <row r="4325" spans="1:10" x14ac:dyDescent="0.25">
      <c r="A4325" t="s">
        <v>39427</v>
      </c>
      <c r="B4325" t="s">
        <v>39428</v>
      </c>
      <c r="C4325" t="s">
        <v>23664</v>
      </c>
      <c r="D4325" t="s">
        <v>39335</v>
      </c>
      <c r="E4325" t="s">
        <v>13</v>
      </c>
      <c r="F4325">
        <v>9757</v>
      </c>
      <c r="G4325" t="s">
        <v>39429</v>
      </c>
      <c r="H4325">
        <v>4.3806728590799997</v>
      </c>
      <c r="I4325">
        <v>52.07999525884</v>
      </c>
      <c r="J4325" t="s">
        <v>60010</v>
      </c>
    </row>
    <row r="4326" spans="1:10" x14ac:dyDescent="0.25">
      <c r="A4326" t="s">
        <v>39423</v>
      </c>
      <c r="B4326" t="s">
        <v>39424</v>
      </c>
      <c r="C4326" t="s">
        <v>39425</v>
      </c>
      <c r="D4326" t="s">
        <v>39335</v>
      </c>
      <c r="E4326" t="s">
        <v>13</v>
      </c>
      <c r="F4326">
        <v>9756</v>
      </c>
      <c r="G4326" t="s">
        <v>39426</v>
      </c>
      <c r="H4326">
        <v>4.3831357276579999</v>
      </c>
      <c r="I4326">
        <v>52.081349482283002</v>
      </c>
      <c r="J4326" t="s">
        <v>60011</v>
      </c>
    </row>
    <row r="4327" spans="1:10" x14ac:dyDescent="0.25">
      <c r="A4327" t="s">
        <v>39420</v>
      </c>
      <c r="B4327" t="s">
        <v>39421</v>
      </c>
      <c r="C4327" t="s">
        <v>18879</v>
      </c>
      <c r="D4327" t="s">
        <v>39335</v>
      </c>
      <c r="E4327" t="s">
        <v>13</v>
      </c>
      <c r="F4327">
        <v>9755</v>
      </c>
      <c r="G4327" t="s">
        <v>39422</v>
      </c>
      <c r="H4327">
        <v>4.3944010946420002</v>
      </c>
      <c r="I4327">
        <v>52.087665672888001</v>
      </c>
      <c r="J4327" t="s">
        <v>60012</v>
      </c>
    </row>
    <row r="4328" spans="1:10" x14ac:dyDescent="0.25">
      <c r="A4328" t="s">
        <v>39416</v>
      </c>
      <c r="B4328" t="s">
        <v>39417</v>
      </c>
      <c r="C4328" t="s">
        <v>39418</v>
      </c>
      <c r="D4328" t="s">
        <v>39335</v>
      </c>
      <c r="E4328" t="s">
        <v>13</v>
      </c>
      <c r="F4328">
        <v>9754</v>
      </c>
      <c r="G4328" t="s">
        <v>39419</v>
      </c>
      <c r="H4328">
        <v>4.3887962813629997</v>
      </c>
      <c r="I4328">
        <v>52.084690190285002</v>
      </c>
      <c r="J4328" t="s">
        <v>60013</v>
      </c>
    </row>
    <row r="4329" spans="1:10" x14ac:dyDescent="0.25">
      <c r="A4329" t="s">
        <v>39412</v>
      </c>
      <c r="B4329" t="s">
        <v>39413</v>
      </c>
      <c r="C4329" t="s">
        <v>39414</v>
      </c>
      <c r="D4329" t="s">
        <v>39335</v>
      </c>
      <c r="E4329" t="s">
        <v>13</v>
      </c>
      <c r="F4329">
        <v>9753</v>
      </c>
      <c r="G4329" t="s">
        <v>39415</v>
      </c>
      <c r="H4329">
        <v>4.3856621631320003</v>
      </c>
      <c r="I4329">
        <v>52.082059142847001</v>
      </c>
      <c r="J4329" t="s">
        <v>60014</v>
      </c>
    </row>
    <row r="4330" spans="1:10" x14ac:dyDescent="0.25">
      <c r="A4330" t="s">
        <v>39408</v>
      </c>
      <c r="B4330" t="s">
        <v>39409</v>
      </c>
      <c r="C4330" t="s">
        <v>39410</v>
      </c>
      <c r="D4330" t="s">
        <v>39335</v>
      </c>
      <c r="E4330" t="s">
        <v>13</v>
      </c>
      <c r="F4330">
        <v>9752</v>
      </c>
      <c r="G4330" t="s">
        <v>39411</v>
      </c>
      <c r="H4330">
        <v>4.3901919862060002</v>
      </c>
      <c r="I4330">
        <v>52.092375959290003</v>
      </c>
      <c r="J4330" t="s">
        <v>60015</v>
      </c>
    </row>
    <row r="4331" spans="1:10" x14ac:dyDescent="0.25">
      <c r="A4331" t="s">
        <v>39404</v>
      </c>
      <c r="B4331" t="s">
        <v>39405</v>
      </c>
      <c r="C4331" t="s">
        <v>39406</v>
      </c>
      <c r="D4331" t="s">
        <v>39335</v>
      </c>
      <c r="E4331" t="s">
        <v>13</v>
      </c>
      <c r="F4331">
        <v>9751</v>
      </c>
      <c r="G4331" t="s">
        <v>39407</v>
      </c>
      <c r="H4331">
        <v>4.3930913998339998</v>
      </c>
      <c r="I4331">
        <v>52.094037364923999</v>
      </c>
      <c r="J4331" t="s">
        <v>60016</v>
      </c>
    </row>
    <row r="4332" spans="1:10" x14ac:dyDescent="0.25">
      <c r="A4332" t="s">
        <v>39400</v>
      </c>
      <c r="B4332" t="s">
        <v>39401</v>
      </c>
      <c r="C4332" t="s">
        <v>39402</v>
      </c>
      <c r="D4332" t="s">
        <v>39335</v>
      </c>
      <c r="E4332" t="s">
        <v>13</v>
      </c>
      <c r="F4332">
        <v>9750</v>
      </c>
      <c r="G4332" t="s">
        <v>39403</v>
      </c>
      <c r="H4332">
        <v>4.3873675206379996</v>
      </c>
      <c r="I4332">
        <v>52.090711564887997</v>
      </c>
      <c r="J4332" t="s">
        <v>60017</v>
      </c>
    </row>
    <row r="4333" spans="1:10" x14ac:dyDescent="0.25">
      <c r="A4333" t="s">
        <v>39396</v>
      </c>
      <c r="B4333" t="s">
        <v>39397</v>
      </c>
      <c r="C4333" t="s">
        <v>39398</v>
      </c>
      <c r="D4333" t="s">
        <v>39335</v>
      </c>
      <c r="E4333" t="s">
        <v>13</v>
      </c>
      <c r="F4333">
        <v>9749</v>
      </c>
      <c r="G4333" t="s">
        <v>39399</v>
      </c>
      <c r="H4333">
        <v>4.3958803945560003</v>
      </c>
      <c r="I4333">
        <v>52.077110573947003</v>
      </c>
      <c r="J4333" t="s">
        <v>60018</v>
      </c>
    </row>
    <row r="4334" spans="1:10" x14ac:dyDescent="0.25">
      <c r="A4334" t="s">
        <v>39393</v>
      </c>
      <c r="B4334" t="s">
        <v>39394</v>
      </c>
      <c r="C4334" t="s">
        <v>2646</v>
      </c>
      <c r="D4334" t="s">
        <v>39335</v>
      </c>
      <c r="E4334" t="s">
        <v>13</v>
      </c>
      <c r="F4334">
        <v>9748</v>
      </c>
      <c r="G4334" t="s">
        <v>39395</v>
      </c>
      <c r="H4334">
        <v>4.3883284455910001</v>
      </c>
      <c r="I4334">
        <v>52.075291816872003</v>
      </c>
      <c r="J4334" t="s">
        <v>60019</v>
      </c>
    </row>
    <row r="4335" spans="1:10" x14ac:dyDescent="0.25">
      <c r="A4335" t="s">
        <v>39389</v>
      </c>
      <c r="B4335" t="s">
        <v>39390</v>
      </c>
      <c r="C4335" t="s">
        <v>39391</v>
      </c>
      <c r="D4335" t="s">
        <v>39335</v>
      </c>
      <c r="E4335" t="s">
        <v>13</v>
      </c>
      <c r="F4335">
        <v>9747</v>
      </c>
      <c r="G4335" t="s">
        <v>39392</v>
      </c>
      <c r="H4335">
        <v>4.4034529718239996</v>
      </c>
      <c r="I4335">
        <v>52.081294501480002</v>
      </c>
      <c r="J4335" t="s">
        <v>60020</v>
      </c>
    </row>
    <row r="4336" spans="1:10" x14ac:dyDescent="0.25">
      <c r="A4336" t="s">
        <v>39385</v>
      </c>
      <c r="B4336" t="s">
        <v>39386</v>
      </c>
      <c r="C4336" t="s">
        <v>39387</v>
      </c>
      <c r="D4336" t="s">
        <v>39335</v>
      </c>
      <c r="E4336" t="s">
        <v>13</v>
      </c>
      <c r="F4336">
        <v>9746</v>
      </c>
      <c r="G4336" t="s">
        <v>39388</v>
      </c>
      <c r="H4336">
        <v>4.392746559161</v>
      </c>
      <c r="I4336">
        <v>52.080242320239002</v>
      </c>
      <c r="J4336" t="s">
        <v>60021</v>
      </c>
    </row>
    <row r="4337" spans="1:10" x14ac:dyDescent="0.25">
      <c r="A4337" t="s">
        <v>39381</v>
      </c>
      <c r="B4337" t="s">
        <v>39382</v>
      </c>
      <c r="C4337" t="s">
        <v>39383</v>
      </c>
      <c r="D4337" t="s">
        <v>39335</v>
      </c>
      <c r="E4337" t="s">
        <v>13</v>
      </c>
      <c r="F4337">
        <v>9745</v>
      </c>
      <c r="G4337" t="s">
        <v>39384</v>
      </c>
      <c r="H4337">
        <v>4.3968843380180003</v>
      </c>
      <c r="I4337">
        <v>52.082103986379998</v>
      </c>
      <c r="J4337" t="s">
        <v>60022</v>
      </c>
    </row>
    <row r="4338" spans="1:10" x14ac:dyDescent="0.25">
      <c r="A4338" t="s">
        <v>39377</v>
      </c>
      <c r="B4338" t="s">
        <v>39378</v>
      </c>
      <c r="C4338" t="s">
        <v>39379</v>
      </c>
      <c r="D4338" t="s">
        <v>39335</v>
      </c>
      <c r="E4338" t="s">
        <v>13</v>
      </c>
      <c r="F4338">
        <v>9744</v>
      </c>
      <c r="G4338" t="s">
        <v>39380</v>
      </c>
      <c r="H4338">
        <v>4.4478273404350004</v>
      </c>
      <c r="I4338">
        <v>52.093176499561999</v>
      </c>
      <c r="J4338" t="s">
        <v>60023</v>
      </c>
    </row>
    <row r="4339" spans="1:10" x14ac:dyDescent="0.25">
      <c r="A4339" t="s">
        <v>39373</v>
      </c>
      <c r="B4339" t="s">
        <v>39374</v>
      </c>
      <c r="C4339" t="s">
        <v>39375</v>
      </c>
      <c r="D4339" t="s">
        <v>39335</v>
      </c>
      <c r="E4339" t="s">
        <v>13</v>
      </c>
      <c r="F4339">
        <v>9743</v>
      </c>
      <c r="G4339" t="s">
        <v>39376</v>
      </c>
      <c r="H4339">
        <v>4.4664962464790001</v>
      </c>
      <c r="I4339">
        <v>52.097112081273004</v>
      </c>
      <c r="J4339" t="s">
        <v>60024</v>
      </c>
    </row>
    <row r="4340" spans="1:10" x14ac:dyDescent="0.25">
      <c r="A4340" t="s">
        <v>39369</v>
      </c>
      <c r="B4340" t="s">
        <v>39370</v>
      </c>
      <c r="C4340" t="s">
        <v>39371</v>
      </c>
      <c r="D4340" t="s">
        <v>39335</v>
      </c>
      <c r="E4340" t="s">
        <v>13</v>
      </c>
      <c r="F4340">
        <v>9742</v>
      </c>
      <c r="G4340" t="s">
        <v>39372</v>
      </c>
      <c r="H4340">
        <v>4.4065181573460004</v>
      </c>
      <c r="I4340">
        <v>52.094307471649998</v>
      </c>
      <c r="J4340" t="s">
        <v>60025</v>
      </c>
    </row>
    <row r="4341" spans="1:10" x14ac:dyDescent="0.25">
      <c r="A4341" t="s">
        <v>39365</v>
      </c>
      <c r="B4341" t="s">
        <v>39366</v>
      </c>
      <c r="C4341" t="s">
        <v>39367</v>
      </c>
      <c r="D4341" t="s">
        <v>39335</v>
      </c>
      <c r="E4341" t="s">
        <v>13</v>
      </c>
      <c r="F4341">
        <v>9741</v>
      </c>
      <c r="G4341" t="s">
        <v>39368</v>
      </c>
      <c r="H4341">
        <v>4.4120986141729999</v>
      </c>
      <c r="I4341">
        <v>52.093646708949997</v>
      </c>
      <c r="J4341" t="s">
        <v>60026</v>
      </c>
    </row>
    <row r="4342" spans="1:10" x14ac:dyDescent="0.25">
      <c r="A4342" t="s">
        <v>39361</v>
      </c>
      <c r="B4342" t="s">
        <v>39362</v>
      </c>
      <c r="C4342" t="s">
        <v>39363</v>
      </c>
      <c r="D4342" t="s">
        <v>39335</v>
      </c>
      <c r="E4342" t="s">
        <v>13</v>
      </c>
      <c r="F4342">
        <v>9740</v>
      </c>
      <c r="G4342" t="s">
        <v>39364</v>
      </c>
      <c r="H4342">
        <v>4.4006727693850003</v>
      </c>
      <c r="I4342">
        <v>52.091124640501</v>
      </c>
      <c r="J4342" t="s">
        <v>60027</v>
      </c>
    </row>
    <row r="4343" spans="1:10" x14ac:dyDescent="0.25">
      <c r="A4343" t="s">
        <v>39357</v>
      </c>
      <c r="B4343" t="s">
        <v>39358</v>
      </c>
      <c r="C4343" t="s">
        <v>39359</v>
      </c>
      <c r="D4343" t="s">
        <v>39335</v>
      </c>
      <c r="E4343" t="s">
        <v>13</v>
      </c>
      <c r="F4343">
        <v>9739</v>
      </c>
      <c r="G4343" t="s">
        <v>39360</v>
      </c>
      <c r="H4343">
        <v>4.4056092209960003</v>
      </c>
      <c r="I4343">
        <v>52.09874051181</v>
      </c>
      <c r="J4343" t="s">
        <v>60028</v>
      </c>
    </row>
    <row r="4344" spans="1:10" x14ac:dyDescent="0.25">
      <c r="A4344" t="s">
        <v>39353</v>
      </c>
      <c r="B4344" t="s">
        <v>39354</v>
      </c>
      <c r="C4344" t="s">
        <v>39355</v>
      </c>
      <c r="D4344" t="s">
        <v>39335</v>
      </c>
      <c r="E4344" t="s">
        <v>13</v>
      </c>
      <c r="F4344">
        <v>9738</v>
      </c>
      <c r="G4344" t="s">
        <v>39356</v>
      </c>
      <c r="H4344">
        <v>4.398741487024</v>
      </c>
      <c r="I4344">
        <v>52.096476545180003</v>
      </c>
      <c r="J4344" t="s">
        <v>60029</v>
      </c>
    </row>
    <row r="4345" spans="1:10" x14ac:dyDescent="0.25">
      <c r="A4345" t="s">
        <v>39349</v>
      </c>
      <c r="B4345" t="s">
        <v>39350</v>
      </c>
      <c r="C4345" t="s">
        <v>39351</v>
      </c>
      <c r="D4345" t="s">
        <v>39335</v>
      </c>
      <c r="E4345" t="s">
        <v>13</v>
      </c>
      <c r="F4345">
        <v>9737</v>
      </c>
      <c r="G4345" t="s">
        <v>39352</v>
      </c>
      <c r="H4345">
        <v>4.4007725842690002</v>
      </c>
      <c r="I4345">
        <v>52.102917589371998</v>
      </c>
      <c r="J4345" t="s">
        <v>60030</v>
      </c>
    </row>
    <row r="4346" spans="1:10" x14ac:dyDescent="0.25">
      <c r="A4346" t="s">
        <v>39345</v>
      </c>
      <c r="B4346" t="s">
        <v>39346</v>
      </c>
      <c r="C4346" t="s">
        <v>39347</v>
      </c>
      <c r="D4346" t="s">
        <v>39335</v>
      </c>
      <c r="E4346" t="s">
        <v>13</v>
      </c>
      <c r="F4346">
        <v>9736</v>
      </c>
      <c r="G4346" t="s">
        <v>39348</v>
      </c>
      <c r="H4346">
        <v>4.3823557617970001</v>
      </c>
      <c r="I4346">
        <v>52.088520973201</v>
      </c>
      <c r="J4346" t="s">
        <v>60031</v>
      </c>
    </row>
    <row r="4347" spans="1:10" x14ac:dyDescent="0.25">
      <c r="A4347" t="s">
        <v>39341</v>
      </c>
      <c r="B4347" t="s">
        <v>39342</v>
      </c>
      <c r="C4347" t="s">
        <v>39343</v>
      </c>
      <c r="D4347" t="s">
        <v>39335</v>
      </c>
      <c r="E4347" t="s">
        <v>13</v>
      </c>
      <c r="F4347">
        <v>9735</v>
      </c>
      <c r="G4347" t="s">
        <v>39344</v>
      </c>
      <c r="H4347">
        <v>4.3787873391499996</v>
      </c>
      <c r="I4347">
        <v>52.092012077366</v>
      </c>
      <c r="J4347" t="s">
        <v>60032</v>
      </c>
    </row>
    <row r="4348" spans="1:10" x14ac:dyDescent="0.25">
      <c r="A4348" t="s">
        <v>39337</v>
      </c>
      <c r="B4348" t="s">
        <v>39338</v>
      </c>
      <c r="C4348" t="s">
        <v>39339</v>
      </c>
      <c r="D4348" t="s">
        <v>39335</v>
      </c>
      <c r="E4348" t="s">
        <v>13</v>
      </c>
      <c r="F4348">
        <v>9734</v>
      </c>
      <c r="G4348" t="s">
        <v>39340</v>
      </c>
      <c r="H4348">
        <v>4.3965255763939997</v>
      </c>
      <c r="I4348">
        <v>52.100377252049</v>
      </c>
      <c r="J4348" t="s">
        <v>60033</v>
      </c>
    </row>
    <row r="4349" spans="1:10" x14ac:dyDescent="0.25">
      <c r="A4349" t="s">
        <v>39332</v>
      </c>
      <c r="B4349" t="s">
        <v>39333</v>
      </c>
      <c r="C4349" t="s">
        <v>39334</v>
      </c>
      <c r="D4349" t="s">
        <v>39335</v>
      </c>
      <c r="E4349" t="s">
        <v>13</v>
      </c>
      <c r="F4349">
        <v>9733</v>
      </c>
      <c r="G4349" t="s">
        <v>39336</v>
      </c>
      <c r="H4349">
        <v>4.3859231658570001</v>
      </c>
      <c r="I4349">
        <v>52.095521029578002</v>
      </c>
      <c r="J4349" t="s">
        <v>60034</v>
      </c>
    </row>
    <row r="4350" spans="1:10" x14ac:dyDescent="0.25">
      <c r="A4350" t="s">
        <v>39328</v>
      </c>
      <c r="B4350" t="s">
        <v>39329</v>
      </c>
      <c r="C4350" t="s">
        <v>39330</v>
      </c>
      <c r="D4350" t="s">
        <v>38953</v>
      </c>
      <c r="E4350" t="s">
        <v>13</v>
      </c>
      <c r="F4350">
        <v>9732</v>
      </c>
      <c r="G4350" t="s">
        <v>39331</v>
      </c>
      <c r="H4350">
        <v>5.0172297935039998</v>
      </c>
      <c r="I4350">
        <v>52.139183554045999</v>
      </c>
      <c r="J4350" t="s">
        <v>60035</v>
      </c>
    </row>
    <row r="4351" spans="1:10" x14ac:dyDescent="0.25">
      <c r="A4351" t="s">
        <v>39324</v>
      </c>
      <c r="B4351" t="s">
        <v>39325</v>
      </c>
      <c r="C4351" t="s">
        <v>39326</v>
      </c>
      <c r="D4351" t="s">
        <v>38953</v>
      </c>
      <c r="E4351" t="s">
        <v>13</v>
      </c>
      <c r="F4351">
        <v>9731</v>
      </c>
      <c r="G4351" t="s">
        <v>39327</v>
      </c>
      <c r="H4351">
        <v>5.0291902780940001</v>
      </c>
      <c r="I4351">
        <v>52.135281061124999</v>
      </c>
      <c r="J4351" t="s">
        <v>60036</v>
      </c>
    </row>
    <row r="4352" spans="1:10" x14ac:dyDescent="0.25">
      <c r="A4352" t="s">
        <v>39320</v>
      </c>
      <c r="B4352" t="s">
        <v>39321</v>
      </c>
      <c r="C4352" t="s">
        <v>39322</v>
      </c>
      <c r="D4352" t="s">
        <v>38953</v>
      </c>
      <c r="E4352" t="s">
        <v>13</v>
      </c>
      <c r="F4352">
        <v>9730</v>
      </c>
      <c r="G4352" t="s">
        <v>39323</v>
      </c>
      <c r="H4352">
        <v>5.0337331281760003</v>
      </c>
      <c r="I4352">
        <v>52.132798727080001</v>
      </c>
      <c r="J4352" t="s">
        <v>60037</v>
      </c>
    </row>
    <row r="4353" spans="1:10" x14ac:dyDescent="0.25">
      <c r="A4353" t="s">
        <v>39316</v>
      </c>
      <c r="B4353" t="s">
        <v>39317</v>
      </c>
      <c r="C4353" t="s">
        <v>39318</v>
      </c>
      <c r="D4353" t="s">
        <v>38953</v>
      </c>
      <c r="E4353" t="s">
        <v>13</v>
      </c>
      <c r="F4353">
        <v>9729</v>
      </c>
      <c r="G4353" t="s">
        <v>39319</v>
      </c>
      <c r="H4353">
        <v>5.0249011855179999</v>
      </c>
      <c r="I4353">
        <v>52.138001772937002</v>
      </c>
      <c r="J4353" t="s">
        <v>60038</v>
      </c>
    </row>
    <row r="4354" spans="1:10" x14ac:dyDescent="0.25">
      <c r="A4354" t="s">
        <v>39312</v>
      </c>
      <c r="B4354" t="s">
        <v>39313</v>
      </c>
      <c r="C4354" t="s">
        <v>39314</v>
      </c>
      <c r="D4354" t="s">
        <v>38953</v>
      </c>
      <c r="E4354" t="s">
        <v>13</v>
      </c>
      <c r="F4354">
        <v>9728</v>
      </c>
      <c r="G4354" t="s">
        <v>39315</v>
      </c>
      <c r="H4354">
        <v>5.021591832975</v>
      </c>
      <c r="I4354">
        <v>52.135915807153999</v>
      </c>
      <c r="J4354" t="s">
        <v>60039</v>
      </c>
    </row>
    <row r="4355" spans="1:10" x14ac:dyDescent="0.25">
      <c r="A4355" t="s">
        <v>39308</v>
      </c>
      <c r="B4355" t="s">
        <v>39309</v>
      </c>
      <c r="C4355" t="s">
        <v>39310</v>
      </c>
      <c r="D4355" t="s">
        <v>38953</v>
      </c>
      <c r="E4355" t="s">
        <v>13</v>
      </c>
      <c r="F4355">
        <v>9727</v>
      </c>
      <c r="G4355" t="s">
        <v>39311</v>
      </c>
      <c r="H4355">
        <v>5.0194487901120004</v>
      </c>
      <c r="I4355">
        <v>52.141067779098996</v>
      </c>
      <c r="J4355" t="s">
        <v>60040</v>
      </c>
    </row>
    <row r="4356" spans="1:10" x14ac:dyDescent="0.25">
      <c r="A4356" t="s">
        <v>39304</v>
      </c>
      <c r="B4356" t="s">
        <v>39305</v>
      </c>
      <c r="C4356" t="s">
        <v>39306</v>
      </c>
      <c r="D4356" t="s">
        <v>38953</v>
      </c>
      <c r="E4356" t="s">
        <v>13</v>
      </c>
      <c r="F4356">
        <v>9726</v>
      </c>
      <c r="G4356" t="s">
        <v>39307</v>
      </c>
      <c r="H4356">
        <v>5.0323293477769999</v>
      </c>
      <c r="I4356">
        <v>52.127066803178003</v>
      </c>
      <c r="J4356" t="s">
        <v>60041</v>
      </c>
    </row>
    <row r="4357" spans="1:10" x14ac:dyDescent="0.25">
      <c r="A4357" t="s">
        <v>39300</v>
      </c>
      <c r="B4357" t="s">
        <v>39301</v>
      </c>
      <c r="C4357" t="s">
        <v>39302</v>
      </c>
      <c r="D4357" t="s">
        <v>38953</v>
      </c>
      <c r="E4357" t="s">
        <v>13</v>
      </c>
      <c r="F4357">
        <v>9725</v>
      </c>
      <c r="G4357" t="s">
        <v>39303</v>
      </c>
      <c r="H4357">
        <v>5.0270012535299999</v>
      </c>
      <c r="I4357">
        <v>52.131908020433002</v>
      </c>
      <c r="J4357" t="s">
        <v>60042</v>
      </c>
    </row>
    <row r="4358" spans="1:10" x14ac:dyDescent="0.25">
      <c r="A4358" t="s">
        <v>39296</v>
      </c>
      <c r="B4358" t="s">
        <v>39297</v>
      </c>
      <c r="C4358" t="s">
        <v>39298</v>
      </c>
      <c r="D4358" t="s">
        <v>38953</v>
      </c>
      <c r="E4358" t="s">
        <v>13</v>
      </c>
      <c r="F4358">
        <v>9724</v>
      </c>
      <c r="G4358" t="s">
        <v>39299</v>
      </c>
      <c r="H4358">
        <v>5.0116327008130002</v>
      </c>
      <c r="I4358">
        <v>52.138289445872999</v>
      </c>
      <c r="J4358" t="s">
        <v>60043</v>
      </c>
    </row>
    <row r="4359" spans="1:10" x14ac:dyDescent="0.25">
      <c r="A4359" t="s">
        <v>39292</v>
      </c>
      <c r="B4359" t="s">
        <v>39293</v>
      </c>
      <c r="C4359" t="s">
        <v>39294</v>
      </c>
      <c r="D4359" t="s">
        <v>38953</v>
      </c>
      <c r="E4359" t="s">
        <v>13</v>
      </c>
      <c r="F4359">
        <v>9723</v>
      </c>
      <c r="G4359" t="s">
        <v>39295</v>
      </c>
      <c r="H4359">
        <v>5.0115490909449996</v>
      </c>
      <c r="I4359">
        <v>52.142996538496</v>
      </c>
      <c r="J4359" t="s">
        <v>60044</v>
      </c>
    </row>
    <row r="4360" spans="1:10" x14ac:dyDescent="0.25">
      <c r="A4360" t="s">
        <v>39288</v>
      </c>
      <c r="B4360" t="s">
        <v>39289</v>
      </c>
      <c r="C4360" t="s">
        <v>39290</v>
      </c>
      <c r="D4360" t="s">
        <v>38953</v>
      </c>
      <c r="E4360" t="s">
        <v>13</v>
      </c>
      <c r="F4360">
        <v>9722</v>
      </c>
      <c r="G4360" t="s">
        <v>39291</v>
      </c>
      <c r="H4360">
        <v>5.0154277366629998</v>
      </c>
      <c r="I4360">
        <v>52.133694332395002</v>
      </c>
      <c r="J4360" t="s">
        <v>60045</v>
      </c>
    </row>
    <row r="4361" spans="1:10" x14ac:dyDescent="0.25">
      <c r="A4361" t="s">
        <v>39284</v>
      </c>
      <c r="B4361" t="s">
        <v>39285</v>
      </c>
      <c r="C4361" t="s">
        <v>39286</v>
      </c>
      <c r="D4361" t="s">
        <v>38953</v>
      </c>
      <c r="E4361" t="s">
        <v>13</v>
      </c>
      <c r="F4361">
        <v>9721</v>
      </c>
      <c r="G4361" t="s">
        <v>39287</v>
      </c>
      <c r="H4361">
        <v>5.0290879272359996</v>
      </c>
      <c r="I4361">
        <v>52.123272735165997</v>
      </c>
      <c r="J4361" t="s">
        <v>60046</v>
      </c>
    </row>
    <row r="4362" spans="1:10" x14ac:dyDescent="0.25">
      <c r="A4362" t="s">
        <v>39280</v>
      </c>
      <c r="B4362" t="s">
        <v>39281</v>
      </c>
      <c r="C4362" t="s">
        <v>39282</v>
      </c>
      <c r="D4362" t="s">
        <v>38953</v>
      </c>
      <c r="E4362" t="s">
        <v>13</v>
      </c>
      <c r="F4362">
        <v>9720</v>
      </c>
      <c r="G4362" t="s">
        <v>39283</v>
      </c>
      <c r="H4362">
        <v>5.0206352748240004</v>
      </c>
      <c r="I4362">
        <v>52.129401748648</v>
      </c>
      <c r="J4362" t="s">
        <v>60047</v>
      </c>
    </row>
    <row r="4363" spans="1:10" x14ac:dyDescent="0.25">
      <c r="A4363" t="s">
        <v>39276</v>
      </c>
      <c r="B4363" t="s">
        <v>39277</v>
      </c>
      <c r="C4363" t="s">
        <v>39278</v>
      </c>
      <c r="D4363" t="s">
        <v>38953</v>
      </c>
      <c r="E4363" t="s">
        <v>13</v>
      </c>
      <c r="F4363">
        <v>9719</v>
      </c>
      <c r="G4363" t="s">
        <v>39279</v>
      </c>
      <c r="H4363">
        <v>5.0399932888389998</v>
      </c>
      <c r="I4363">
        <v>52.129710381843999</v>
      </c>
      <c r="J4363" t="s">
        <v>60048</v>
      </c>
    </row>
    <row r="4364" spans="1:10" x14ac:dyDescent="0.25">
      <c r="A4364" t="s">
        <v>39272</v>
      </c>
      <c r="B4364" t="s">
        <v>39273</v>
      </c>
      <c r="C4364" t="s">
        <v>39274</v>
      </c>
      <c r="D4364" t="s">
        <v>38953</v>
      </c>
      <c r="E4364" t="s">
        <v>13</v>
      </c>
      <c r="F4364">
        <v>9718</v>
      </c>
      <c r="G4364" t="s">
        <v>39275</v>
      </c>
      <c r="H4364">
        <v>5.0273777765289998</v>
      </c>
      <c r="I4364">
        <v>52.131906923128</v>
      </c>
      <c r="J4364" t="s">
        <v>60049</v>
      </c>
    </row>
    <row r="4365" spans="1:10" x14ac:dyDescent="0.25">
      <c r="A4365" t="s">
        <v>39268</v>
      </c>
      <c r="B4365" t="s">
        <v>39269</v>
      </c>
      <c r="C4365" t="s">
        <v>39270</v>
      </c>
      <c r="D4365" t="s">
        <v>38953</v>
      </c>
      <c r="E4365" t="s">
        <v>13</v>
      </c>
      <c r="F4365">
        <v>9717</v>
      </c>
      <c r="G4365" t="s">
        <v>39271</v>
      </c>
      <c r="H4365">
        <v>5.0714398094520003</v>
      </c>
      <c r="I4365">
        <v>52.131778095869997</v>
      </c>
      <c r="J4365" t="s">
        <v>60050</v>
      </c>
    </row>
    <row r="4366" spans="1:10" x14ac:dyDescent="0.25">
      <c r="A4366" t="s">
        <v>39265</v>
      </c>
      <c r="B4366" t="s">
        <v>39266</v>
      </c>
      <c r="C4366" t="s">
        <v>39255</v>
      </c>
      <c r="D4366" t="s">
        <v>38953</v>
      </c>
      <c r="E4366" t="s">
        <v>13</v>
      </c>
      <c r="F4366">
        <v>9716</v>
      </c>
      <c r="G4366" t="s">
        <v>39267</v>
      </c>
      <c r="H4366">
        <v>4.9952437520780002</v>
      </c>
      <c r="I4366">
        <v>52.231313328904001</v>
      </c>
      <c r="J4366" t="s">
        <v>60051</v>
      </c>
    </row>
    <row r="4367" spans="1:10" x14ac:dyDescent="0.25">
      <c r="A4367" t="s">
        <v>39261</v>
      </c>
      <c r="B4367" t="s">
        <v>39262</v>
      </c>
      <c r="C4367" t="s">
        <v>39263</v>
      </c>
      <c r="D4367" t="s">
        <v>38953</v>
      </c>
      <c r="E4367" t="s">
        <v>13</v>
      </c>
      <c r="F4367">
        <v>9715</v>
      </c>
      <c r="G4367" t="s">
        <v>39264</v>
      </c>
      <c r="H4367">
        <v>5.0004492837079999</v>
      </c>
      <c r="I4367">
        <v>52.22975083611</v>
      </c>
      <c r="J4367" t="s">
        <v>60052</v>
      </c>
    </row>
    <row r="4368" spans="1:10" x14ac:dyDescent="0.25">
      <c r="A4368" t="s">
        <v>39257</v>
      </c>
      <c r="B4368" t="s">
        <v>39258</v>
      </c>
      <c r="C4368" t="s">
        <v>39259</v>
      </c>
      <c r="D4368" t="s">
        <v>38953</v>
      </c>
      <c r="E4368" t="s">
        <v>13</v>
      </c>
      <c r="F4368">
        <v>9714</v>
      </c>
      <c r="G4368" t="s">
        <v>39260</v>
      </c>
      <c r="H4368">
        <v>5.0028344850310003</v>
      </c>
      <c r="I4368">
        <v>52.222030355160001</v>
      </c>
      <c r="J4368" t="s">
        <v>60053</v>
      </c>
    </row>
    <row r="4369" spans="1:10" x14ac:dyDescent="0.25">
      <c r="A4369" t="s">
        <v>39253</v>
      </c>
      <c r="B4369" t="s">
        <v>39254</v>
      </c>
      <c r="C4369" t="s">
        <v>39255</v>
      </c>
      <c r="D4369" t="s">
        <v>38953</v>
      </c>
      <c r="E4369" t="s">
        <v>13</v>
      </c>
      <c r="F4369">
        <v>9713</v>
      </c>
      <c r="G4369" t="s">
        <v>39256</v>
      </c>
      <c r="H4369">
        <v>4.9957642404009999</v>
      </c>
      <c r="I4369">
        <v>52.222793470710997</v>
      </c>
      <c r="J4369" t="s">
        <v>60054</v>
      </c>
    </row>
    <row r="4370" spans="1:10" x14ac:dyDescent="0.25">
      <c r="A4370" t="s">
        <v>39249</v>
      </c>
      <c r="B4370" t="s">
        <v>39250</v>
      </c>
      <c r="C4370" t="s">
        <v>39251</v>
      </c>
      <c r="D4370" t="s">
        <v>38953</v>
      </c>
      <c r="E4370" t="s">
        <v>13</v>
      </c>
      <c r="F4370">
        <v>9712</v>
      </c>
      <c r="G4370" t="s">
        <v>39252</v>
      </c>
      <c r="H4370">
        <v>4.9994615842399996</v>
      </c>
      <c r="I4370">
        <v>52.201115409449002</v>
      </c>
      <c r="J4370" t="s">
        <v>60055</v>
      </c>
    </row>
    <row r="4371" spans="1:10" x14ac:dyDescent="0.25">
      <c r="A4371" t="s">
        <v>39245</v>
      </c>
      <c r="B4371" t="s">
        <v>39246</v>
      </c>
      <c r="C4371" t="s">
        <v>39247</v>
      </c>
      <c r="D4371" t="s">
        <v>38953</v>
      </c>
      <c r="E4371" t="s">
        <v>13</v>
      </c>
      <c r="F4371">
        <v>9711</v>
      </c>
      <c r="G4371" t="s">
        <v>39248</v>
      </c>
      <c r="H4371">
        <v>4.9971518868529996</v>
      </c>
      <c r="I4371">
        <v>52.202812408789001</v>
      </c>
      <c r="J4371" t="s">
        <v>60056</v>
      </c>
    </row>
    <row r="4372" spans="1:10" x14ac:dyDescent="0.25">
      <c r="A4372" t="s">
        <v>39241</v>
      </c>
      <c r="B4372" t="s">
        <v>39242</v>
      </c>
      <c r="C4372" t="s">
        <v>39243</v>
      </c>
      <c r="D4372" t="s">
        <v>38953</v>
      </c>
      <c r="E4372" t="s">
        <v>13</v>
      </c>
      <c r="F4372">
        <v>9710</v>
      </c>
      <c r="G4372" t="s">
        <v>39244</v>
      </c>
      <c r="H4372">
        <v>5.0082855456109998</v>
      </c>
      <c r="I4372">
        <v>52.196327118919001</v>
      </c>
      <c r="J4372" t="s">
        <v>60057</v>
      </c>
    </row>
    <row r="4373" spans="1:10" x14ac:dyDescent="0.25">
      <c r="A4373" t="s">
        <v>39237</v>
      </c>
      <c r="B4373" t="s">
        <v>39238</v>
      </c>
      <c r="C4373" t="s">
        <v>39239</v>
      </c>
      <c r="D4373" t="s">
        <v>38953</v>
      </c>
      <c r="E4373" t="s">
        <v>13</v>
      </c>
      <c r="F4373">
        <v>9709</v>
      </c>
      <c r="G4373" t="s">
        <v>39240</v>
      </c>
      <c r="H4373">
        <v>5.001961764152</v>
      </c>
      <c r="I4373">
        <v>52.191329339421003</v>
      </c>
      <c r="J4373" t="s">
        <v>60058</v>
      </c>
    </row>
    <row r="4374" spans="1:10" x14ac:dyDescent="0.25">
      <c r="A4374" t="s">
        <v>39233</v>
      </c>
      <c r="B4374" t="s">
        <v>39234</v>
      </c>
      <c r="C4374" t="s">
        <v>39235</v>
      </c>
      <c r="D4374" t="s">
        <v>38953</v>
      </c>
      <c r="E4374" t="s">
        <v>13</v>
      </c>
      <c r="F4374">
        <v>9708</v>
      </c>
      <c r="G4374" t="s">
        <v>39236</v>
      </c>
      <c r="H4374">
        <v>5.0098751200559999</v>
      </c>
      <c r="I4374">
        <v>52.201187231417002</v>
      </c>
      <c r="J4374" t="s">
        <v>60059</v>
      </c>
    </row>
    <row r="4375" spans="1:10" x14ac:dyDescent="0.25">
      <c r="A4375" t="s">
        <v>39229</v>
      </c>
      <c r="B4375" t="s">
        <v>39230</v>
      </c>
      <c r="C4375" t="s">
        <v>39231</v>
      </c>
      <c r="D4375" t="s">
        <v>38953</v>
      </c>
      <c r="E4375" t="s">
        <v>13</v>
      </c>
      <c r="F4375">
        <v>9707</v>
      </c>
      <c r="G4375" t="s">
        <v>39232</v>
      </c>
      <c r="H4375">
        <v>4.9931252120879996</v>
      </c>
      <c r="I4375">
        <v>52.202233750307002</v>
      </c>
      <c r="J4375" t="s">
        <v>60060</v>
      </c>
    </row>
    <row r="4376" spans="1:10" x14ac:dyDescent="0.25">
      <c r="A4376" t="s">
        <v>39225</v>
      </c>
      <c r="B4376" t="s">
        <v>39226</v>
      </c>
      <c r="C4376" t="s">
        <v>39227</v>
      </c>
      <c r="D4376" t="s">
        <v>38953</v>
      </c>
      <c r="E4376" t="s">
        <v>13</v>
      </c>
      <c r="F4376">
        <v>9706</v>
      </c>
      <c r="G4376" t="s">
        <v>39228</v>
      </c>
      <c r="H4376">
        <v>5.0222078978770002</v>
      </c>
      <c r="I4376">
        <v>52.191236226827002</v>
      </c>
      <c r="J4376" t="s">
        <v>60061</v>
      </c>
    </row>
    <row r="4377" spans="1:10" x14ac:dyDescent="0.25">
      <c r="A4377" t="s">
        <v>39221</v>
      </c>
      <c r="B4377" t="s">
        <v>39222</v>
      </c>
      <c r="C4377" t="s">
        <v>39223</v>
      </c>
      <c r="D4377" t="s">
        <v>38953</v>
      </c>
      <c r="E4377" t="s">
        <v>13</v>
      </c>
      <c r="F4377">
        <v>9705</v>
      </c>
      <c r="G4377" t="s">
        <v>39224</v>
      </c>
      <c r="H4377">
        <v>5.022597648644</v>
      </c>
      <c r="I4377">
        <v>52.271502229014999</v>
      </c>
      <c r="J4377" t="s">
        <v>60062</v>
      </c>
    </row>
    <row r="4378" spans="1:10" x14ac:dyDescent="0.25">
      <c r="A4378" t="s">
        <v>39217</v>
      </c>
      <c r="B4378" t="s">
        <v>39218</v>
      </c>
      <c r="C4378" t="s">
        <v>39219</v>
      </c>
      <c r="D4378" t="s">
        <v>38953</v>
      </c>
      <c r="E4378" t="s">
        <v>13</v>
      </c>
      <c r="F4378">
        <v>9704</v>
      </c>
      <c r="G4378" t="s">
        <v>39220</v>
      </c>
      <c r="H4378">
        <v>5.0281770626800002</v>
      </c>
      <c r="I4378">
        <v>52.274535942569003</v>
      </c>
      <c r="J4378" t="s">
        <v>60063</v>
      </c>
    </row>
    <row r="4379" spans="1:10" x14ac:dyDescent="0.25">
      <c r="A4379" t="s">
        <v>39213</v>
      </c>
      <c r="B4379" t="s">
        <v>39214</v>
      </c>
      <c r="C4379" t="s">
        <v>39215</v>
      </c>
      <c r="D4379" t="s">
        <v>38953</v>
      </c>
      <c r="E4379" t="s">
        <v>13</v>
      </c>
      <c r="F4379">
        <v>9703</v>
      </c>
      <c r="G4379" t="s">
        <v>39216</v>
      </c>
      <c r="H4379">
        <v>5.0195997412519997</v>
      </c>
      <c r="I4379">
        <v>52.271473553466002</v>
      </c>
      <c r="J4379" t="s">
        <v>60064</v>
      </c>
    </row>
    <row r="4380" spans="1:10" x14ac:dyDescent="0.25">
      <c r="A4380" t="s">
        <v>39209</v>
      </c>
      <c r="B4380" t="s">
        <v>39210</v>
      </c>
      <c r="C4380" t="s">
        <v>39211</v>
      </c>
      <c r="D4380" t="s">
        <v>38953</v>
      </c>
      <c r="E4380" t="s">
        <v>13</v>
      </c>
      <c r="F4380">
        <v>9702</v>
      </c>
      <c r="G4380" t="s">
        <v>39212</v>
      </c>
      <c r="H4380">
        <v>5.0250057711559997</v>
      </c>
      <c r="I4380">
        <v>52.259290924612003</v>
      </c>
      <c r="J4380" t="s">
        <v>60065</v>
      </c>
    </row>
    <row r="4381" spans="1:10" x14ac:dyDescent="0.25">
      <c r="A4381" t="s">
        <v>39205</v>
      </c>
      <c r="B4381" t="s">
        <v>39206</v>
      </c>
      <c r="C4381" t="s">
        <v>39207</v>
      </c>
      <c r="D4381" t="s">
        <v>38953</v>
      </c>
      <c r="E4381" t="s">
        <v>13</v>
      </c>
      <c r="F4381">
        <v>9701</v>
      </c>
      <c r="G4381" t="s">
        <v>39208</v>
      </c>
      <c r="H4381">
        <v>5.0412039613079997</v>
      </c>
      <c r="I4381">
        <v>52.281930228950998</v>
      </c>
      <c r="J4381" t="s">
        <v>60066</v>
      </c>
    </row>
    <row r="4382" spans="1:10" x14ac:dyDescent="0.25">
      <c r="A4382" t="s">
        <v>39201</v>
      </c>
      <c r="B4382" t="s">
        <v>39202</v>
      </c>
      <c r="C4382" t="s">
        <v>39203</v>
      </c>
      <c r="D4382" t="s">
        <v>38953</v>
      </c>
      <c r="E4382" t="s">
        <v>13</v>
      </c>
      <c r="F4382">
        <v>9700</v>
      </c>
      <c r="G4382" t="s">
        <v>39204</v>
      </c>
      <c r="H4382">
        <v>5.0983421576439998</v>
      </c>
      <c r="I4382">
        <v>52.168782647111001</v>
      </c>
      <c r="J4382" t="s">
        <v>60067</v>
      </c>
    </row>
    <row r="4383" spans="1:10" x14ac:dyDescent="0.25">
      <c r="A4383" t="s">
        <v>39197</v>
      </c>
      <c r="B4383" t="s">
        <v>39198</v>
      </c>
      <c r="C4383" t="s">
        <v>39199</v>
      </c>
      <c r="D4383" t="s">
        <v>38953</v>
      </c>
      <c r="E4383" t="s">
        <v>13</v>
      </c>
      <c r="F4383">
        <v>9699</v>
      </c>
      <c r="G4383" t="s">
        <v>39200</v>
      </c>
      <c r="H4383">
        <v>5.0664962014860002</v>
      </c>
      <c r="I4383">
        <v>52.160952387709997</v>
      </c>
      <c r="J4383" t="s">
        <v>60068</v>
      </c>
    </row>
    <row r="4384" spans="1:10" x14ac:dyDescent="0.25">
      <c r="A4384" t="s">
        <v>39193</v>
      </c>
      <c r="B4384" t="s">
        <v>39194</v>
      </c>
      <c r="C4384" t="s">
        <v>39195</v>
      </c>
      <c r="D4384" t="s">
        <v>38953</v>
      </c>
      <c r="E4384" t="s">
        <v>13</v>
      </c>
      <c r="F4384">
        <v>9698</v>
      </c>
      <c r="G4384" t="s">
        <v>39196</v>
      </c>
      <c r="H4384">
        <v>5.0956325980740003</v>
      </c>
      <c r="I4384">
        <v>52.146427833913997</v>
      </c>
      <c r="J4384" t="s">
        <v>60069</v>
      </c>
    </row>
    <row r="4385" spans="1:10" x14ac:dyDescent="0.25">
      <c r="A4385" t="s">
        <v>39189</v>
      </c>
      <c r="B4385" t="s">
        <v>39190</v>
      </c>
      <c r="C4385" t="s">
        <v>39191</v>
      </c>
      <c r="D4385" t="s">
        <v>38953</v>
      </c>
      <c r="E4385" t="s">
        <v>13</v>
      </c>
      <c r="F4385">
        <v>9697</v>
      </c>
      <c r="G4385" t="s">
        <v>39192</v>
      </c>
      <c r="H4385">
        <v>5.0411149695999997</v>
      </c>
      <c r="I4385">
        <v>52.228942352691</v>
      </c>
      <c r="J4385" t="s">
        <v>60070</v>
      </c>
    </row>
    <row r="4386" spans="1:10" x14ac:dyDescent="0.25">
      <c r="A4386" t="s">
        <v>39185</v>
      </c>
      <c r="B4386" t="s">
        <v>39186</v>
      </c>
      <c r="C4386" t="s">
        <v>39187</v>
      </c>
      <c r="D4386" t="s">
        <v>38953</v>
      </c>
      <c r="E4386" t="s">
        <v>13</v>
      </c>
      <c r="F4386">
        <v>9696</v>
      </c>
      <c r="G4386" t="s">
        <v>39188</v>
      </c>
      <c r="H4386">
        <v>5.0323837194700003</v>
      </c>
      <c r="I4386">
        <v>52.231477539229999</v>
      </c>
      <c r="J4386" t="s">
        <v>60071</v>
      </c>
    </row>
    <row r="4387" spans="1:10" x14ac:dyDescent="0.25">
      <c r="A4387" t="s">
        <v>39181</v>
      </c>
      <c r="B4387" t="s">
        <v>39182</v>
      </c>
      <c r="C4387" t="s">
        <v>39183</v>
      </c>
      <c r="D4387" t="s">
        <v>38953</v>
      </c>
      <c r="E4387" t="s">
        <v>13</v>
      </c>
      <c r="F4387">
        <v>9695</v>
      </c>
      <c r="G4387" t="s">
        <v>39184</v>
      </c>
      <c r="H4387">
        <v>5.044460618195</v>
      </c>
      <c r="I4387">
        <v>52.236572039316002</v>
      </c>
      <c r="J4387" t="s">
        <v>60072</v>
      </c>
    </row>
    <row r="4388" spans="1:10" x14ac:dyDescent="0.25">
      <c r="A4388" t="s">
        <v>39177</v>
      </c>
      <c r="B4388" t="s">
        <v>39178</v>
      </c>
      <c r="C4388" t="s">
        <v>39179</v>
      </c>
      <c r="D4388" t="s">
        <v>38953</v>
      </c>
      <c r="E4388" t="s">
        <v>13</v>
      </c>
      <c r="F4388">
        <v>9694</v>
      </c>
      <c r="G4388" t="s">
        <v>39180</v>
      </c>
      <c r="H4388">
        <v>5.03310606342</v>
      </c>
      <c r="I4388">
        <v>52.239642221990998</v>
      </c>
      <c r="J4388" t="s">
        <v>60073</v>
      </c>
    </row>
    <row r="4389" spans="1:10" x14ac:dyDescent="0.25">
      <c r="A4389" t="s">
        <v>39173</v>
      </c>
      <c r="B4389" t="s">
        <v>39174</v>
      </c>
      <c r="C4389" t="s">
        <v>39175</v>
      </c>
      <c r="D4389" t="s">
        <v>38953</v>
      </c>
      <c r="E4389" t="s">
        <v>13</v>
      </c>
      <c r="F4389">
        <v>9693</v>
      </c>
      <c r="G4389" t="s">
        <v>39176</v>
      </c>
      <c r="H4389">
        <v>4.9545998815820003</v>
      </c>
      <c r="I4389">
        <v>52.1518918525</v>
      </c>
      <c r="J4389" t="s">
        <v>60074</v>
      </c>
    </row>
    <row r="4390" spans="1:10" x14ac:dyDescent="0.25">
      <c r="A4390" t="s">
        <v>39169</v>
      </c>
      <c r="B4390" t="s">
        <v>39170</v>
      </c>
      <c r="C4390" t="s">
        <v>39171</v>
      </c>
      <c r="D4390" t="s">
        <v>38953</v>
      </c>
      <c r="E4390" t="s">
        <v>13</v>
      </c>
      <c r="F4390">
        <v>9692</v>
      </c>
      <c r="G4390" t="s">
        <v>39172</v>
      </c>
      <c r="H4390">
        <v>4.9557969974129996</v>
      </c>
      <c r="I4390">
        <v>52.150297955728</v>
      </c>
      <c r="J4390" t="s">
        <v>60075</v>
      </c>
    </row>
    <row r="4391" spans="1:10" x14ac:dyDescent="0.25">
      <c r="A4391" t="s">
        <v>39166</v>
      </c>
      <c r="B4391" t="s">
        <v>39167</v>
      </c>
      <c r="C4391" t="s">
        <v>1629</v>
      </c>
      <c r="D4391" t="s">
        <v>38953</v>
      </c>
      <c r="E4391" t="s">
        <v>13</v>
      </c>
      <c r="F4391">
        <v>9691</v>
      </c>
      <c r="G4391" t="s">
        <v>39168</v>
      </c>
      <c r="H4391">
        <v>4.9503842922779997</v>
      </c>
      <c r="I4391">
        <v>52.151912542514999</v>
      </c>
      <c r="J4391" t="s">
        <v>60076</v>
      </c>
    </row>
    <row r="4392" spans="1:10" x14ac:dyDescent="0.25">
      <c r="A4392" t="s">
        <v>39162</v>
      </c>
      <c r="B4392" t="s">
        <v>39163</v>
      </c>
      <c r="C4392" t="s">
        <v>39164</v>
      </c>
      <c r="D4392" t="s">
        <v>38953</v>
      </c>
      <c r="E4392" t="s">
        <v>13</v>
      </c>
      <c r="F4392">
        <v>9690</v>
      </c>
      <c r="G4392" t="s">
        <v>39165</v>
      </c>
      <c r="H4392">
        <v>4.9605230958549997</v>
      </c>
      <c r="I4392">
        <v>52.160816988561997</v>
      </c>
      <c r="J4392" t="s">
        <v>60077</v>
      </c>
    </row>
    <row r="4393" spans="1:10" x14ac:dyDescent="0.25">
      <c r="A4393" t="s">
        <v>39158</v>
      </c>
      <c r="B4393" t="s">
        <v>39159</v>
      </c>
      <c r="C4393" t="s">
        <v>39160</v>
      </c>
      <c r="D4393" t="s">
        <v>38953</v>
      </c>
      <c r="E4393" t="s">
        <v>13</v>
      </c>
      <c r="F4393">
        <v>9689</v>
      </c>
      <c r="G4393" t="s">
        <v>39161</v>
      </c>
      <c r="H4393">
        <v>4.9494939439429997</v>
      </c>
      <c r="I4393">
        <v>52.148845741248998</v>
      </c>
      <c r="J4393" t="s">
        <v>60078</v>
      </c>
    </row>
    <row r="4394" spans="1:10" x14ac:dyDescent="0.25">
      <c r="A4394" t="s">
        <v>39154</v>
      </c>
      <c r="B4394" t="s">
        <v>39155</v>
      </c>
      <c r="C4394" t="s">
        <v>39156</v>
      </c>
      <c r="D4394" t="s">
        <v>38953</v>
      </c>
      <c r="E4394" t="s">
        <v>13</v>
      </c>
      <c r="F4394">
        <v>9688</v>
      </c>
      <c r="G4394" t="s">
        <v>39157</v>
      </c>
      <c r="H4394">
        <v>4.9433834496319999</v>
      </c>
      <c r="I4394">
        <v>52.140137468193998</v>
      </c>
      <c r="J4394" t="s">
        <v>60079</v>
      </c>
    </row>
    <row r="4395" spans="1:10" x14ac:dyDescent="0.25">
      <c r="A4395" t="s">
        <v>39150</v>
      </c>
      <c r="B4395" t="s">
        <v>39151</v>
      </c>
      <c r="C4395" t="s">
        <v>39152</v>
      </c>
      <c r="D4395" t="s">
        <v>38953</v>
      </c>
      <c r="E4395" t="s">
        <v>13</v>
      </c>
      <c r="F4395">
        <v>9687</v>
      </c>
      <c r="G4395" t="s">
        <v>39153</v>
      </c>
      <c r="H4395">
        <v>4.9237437951549996</v>
      </c>
      <c r="I4395">
        <v>52.155840036175</v>
      </c>
      <c r="J4395" t="s">
        <v>60080</v>
      </c>
    </row>
    <row r="4396" spans="1:10" x14ac:dyDescent="0.25">
      <c r="A4396" t="s">
        <v>39146</v>
      </c>
      <c r="B4396" t="s">
        <v>39147</v>
      </c>
      <c r="C4396" t="s">
        <v>39148</v>
      </c>
      <c r="D4396" t="s">
        <v>38953</v>
      </c>
      <c r="E4396" t="s">
        <v>13</v>
      </c>
      <c r="F4396">
        <v>9686</v>
      </c>
      <c r="G4396" t="s">
        <v>39149</v>
      </c>
      <c r="H4396">
        <v>4.9463752333200004</v>
      </c>
      <c r="I4396">
        <v>52.169598379417998</v>
      </c>
      <c r="J4396" t="s">
        <v>60081</v>
      </c>
    </row>
    <row r="4397" spans="1:10" x14ac:dyDescent="0.25">
      <c r="A4397" t="s">
        <v>39142</v>
      </c>
      <c r="B4397" t="s">
        <v>39143</v>
      </c>
      <c r="C4397" t="s">
        <v>39144</v>
      </c>
      <c r="D4397" t="s">
        <v>38953</v>
      </c>
      <c r="E4397" t="s">
        <v>13</v>
      </c>
      <c r="F4397">
        <v>9685</v>
      </c>
      <c r="G4397" t="s">
        <v>39145</v>
      </c>
      <c r="H4397">
        <v>4.9685630798059996</v>
      </c>
      <c r="I4397">
        <v>52.144267918620002</v>
      </c>
      <c r="J4397" t="s">
        <v>60082</v>
      </c>
    </row>
    <row r="4398" spans="1:10" x14ac:dyDescent="0.25">
      <c r="A4398" t="s">
        <v>39138</v>
      </c>
      <c r="B4398" t="s">
        <v>39139</v>
      </c>
      <c r="C4398" t="s">
        <v>39140</v>
      </c>
      <c r="D4398" t="s">
        <v>38953</v>
      </c>
      <c r="E4398" t="s">
        <v>13</v>
      </c>
      <c r="F4398">
        <v>9684</v>
      </c>
      <c r="G4398" t="s">
        <v>39141</v>
      </c>
      <c r="H4398">
        <v>4.9800798896889997</v>
      </c>
      <c r="I4398">
        <v>52.190950965667</v>
      </c>
      <c r="J4398" t="s">
        <v>60083</v>
      </c>
    </row>
    <row r="4399" spans="1:10" x14ac:dyDescent="0.25">
      <c r="A4399" t="s">
        <v>39134</v>
      </c>
      <c r="B4399" t="s">
        <v>39135</v>
      </c>
      <c r="C4399" t="s">
        <v>39136</v>
      </c>
      <c r="D4399" t="s">
        <v>38953</v>
      </c>
      <c r="E4399" t="s">
        <v>13</v>
      </c>
      <c r="F4399">
        <v>9683</v>
      </c>
      <c r="G4399" t="s">
        <v>39137</v>
      </c>
      <c r="H4399">
        <v>4.975146095235</v>
      </c>
      <c r="I4399">
        <v>52.201156669791999</v>
      </c>
      <c r="J4399" t="s">
        <v>60084</v>
      </c>
    </row>
    <row r="4400" spans="1:10" x14ac:dyDescent="0.25">
      <c r="A4400" t="s">
        <v>39130</v>
      </c>
      <c r="B4400" t="s">
        <v>39131</v>
      </c>
      <c r="C4400" t="s">
        <v>39132</v>
      </c>
      <c r="D4400" t="s">
        <v>38953</v>
      </c>
      <c r="E4400" t="s">
        <v>13</v>
      </c>
      <c r="F4400">
        <v>9682</v>
      </c>
      <c r="G4400" t="s">
        <v>39133</v>
      </c>
      <c r="H4400">
        <v>5.0087741521</v>
      </c>
      <c r="I4400">
        <v>52.221251075879003</v>
      </c>
      <c r="J4400" t="s">
        <v>60085</v>
      </c>
    </row>
    <row r="4401" spans="1:10" x14ac:dyDescent="0.25">
      <c r="A4401" t="s">
        <v>39126</v>
      </c>
      <c r="B4401" t="s">
        <v>39127</v>
      </c>
      <c r="C4401" t="s">
        <v>39128</v>
      </c>
      <c r="D4401" t="s">
        <v>38953</v>
      </c>
      <c r="E4401" t="s">
        <v>13</v>
      </c>
      <c r="F4401">
        <v>9681</v>
      </c>
      <c r="G4401" t="s">
        <v>39129</v>
      </c>
      <c r="H4401">
        <v>5.0148283727690002</v>
      </c>
      <c r="I4401">
        <v>52.208931203455002</v>
      </c>
      <c r="J4401" t="s">
        <v>60086</v>
      </c>
    </row>
    <row r="4402" spans="1:10" x14ac:dyDescent="0.25">
      <c r="A4402" t="s">
        <v>39122</v>
      </c>
      <c r="B4402" t="s">
        <v>39123</v>
      </c>
      <c r="C4402" t="s">
        <v>39124</v>
      </c>
      <c r="D4402" t="s">
        <v>38953</v>
      </c>
      <c r="E4402" t="s">
        <v>13</v>
      </c>
      <c r="F4402">
        <v>9680</v>
      </c>
      <c r="G4402" t="s">
        <v>39125</v>
      </c>
      <c r="H4402">
        <v>5.0230656389770001</v>
      </c>
      <c r="I4402">
        <v>52.208743089530003</v>
      </c>
      <c r="J4402" t="s">
        <v>60087</v>
      </c>
    </row>
    <row r="4403" spans="1:10" x14ac:dyDescent="0.25">
      <c r="A4403" t="s">
        <v>39118</v>
      </c>
      <c r="B4403" t="s">
        <v>39119</v>
      </c>
      <c r="C4403" t="s">
        <v>39120</v>
      </c>
      <c r="D4403" t="s">
        <v>38953</v>
      </c>
      <c r="E4403" t="s">
        <v>13</v>
      </c>
      <c r="F4403">
        <v>9679</v>
      </c>
      <c r="G4403" t="s">
        <v>39121</v>
      </c>
      <c r="H4403">
        <v>5.0259412913370003</v>
      </c>
      <c r="I4403">
        <v>52.208725133983997</v>
      </c>
      <c r="J4403" t="s">
        <v>60088</v>
      </c>
    </row>
    <row r="4404" spans="1:10" x14ac:dyDescent="0.25">
      <c r="A4404" t="s">
        <v>39114</v>
      </c>
      <c r="B4404" t="s">
        <v>39115</v>
      </c>
      <c r="C4404" t="s">
        <v>39116</v>
      </c>
      <c r="D4404" t="s">
        <v>38953</v>
      </c>
      <c r="E4404" t="s">
        <v>13</v>
      </c>
      <c r="F4404">
        <v>9678</v>
      </c>
      <c r="G4404" t="s">
        <v>39117</v>
      </c>
      <c r="H4404">
        <v>5.0192651287209999</v>
      </c>
      <c r="I4404">
        <v>52.210282544548001</v>
      </c>
      <c r="J4404" t="s">
        <v>60089</v>
      </c>
    </row>
    <row r="4405" spans="1:10" x14ac:dyDescent="0.25">
      <c r="A4405" t="s">
        <v>39110</v>
      </c>
      <c r="B4405" t="s">
        <v>39111</v>
      </c>
      <c r="C4405" t="s">
        <v>39112</v>
      </c>
      <c r="D4405" t="s">
        <v>38953</v>
      </c>
      <c r="E4405" t="s">
        <v>13</v>
      </c>
      <c r="F4405">
        <v>9677</v>
      </c>
      <c r="G4405" t="s">
        <v>39113</v>
      </c>
      <c r="H4405">
        <v>5.0258689524150002</v>
      </c>
      <c r="I4405">
        <v>52.213212666242001</v>
      </c>
      <c r="J4405" t="s">
        <v>60090</v>
      </c>
    </row>
    <row r="4406" spans="1:10" x14ac:dyDescent="0.25">
      <c r="A4406" t="s">
        <v>39106</v>
      </c>
      <c r="B4406" t="s">
        <v>39107</v>
      </c>
      <c r="C4406" t="s">
        <v>39108</v>
      </c>
      <c r="D4406" t="s">
        <v>38953</v>
      </c>
      <c r="E4406" t="s">
        <v>13</v>
      </c>
      <c r="F4406">
        <v>9676</v>
      </c>
      <c r="G4406" t="s">
        <v>39109</v>
      </c>
      <c r="H4406">
        <v>5.0231815178810004</v>
      </c>
      <c r="I4406">
        <v>52.199553580082998</v>
      </c>
      <c r="J4406" t="s">
        <v>60091</v>
      </c>
    </row>
    <row r="4407" spans="1:10" x14ac:dyDescent="0.25">
      <c r="A4407" t="s">
        <v>39102</v>
      </c>
      <c r="B4407" t="s">
        <v>39103</v>
      </c>
      <c r="C4407" t="s">
        <v>39104</v>
      </c>
      <c r="D4407" t="s">
        <v>38953</v>
      </c>
      <c r="E4407" t="s">
        <v>13</v>
      </c>
      <c r="F4407">
        <v>9675</v>
      </c>
      <c r="G4407" t="s">
        <v>39105</v>
      </c>
      <c r="H4407">
        <v>5.0121055999950004</v>
      </c>
      <c r="I4407">
        <v>52.245509302755998</v>
      </c>
      <c r="J4407" t="s">
        <v>60092</v>
      </c>
    </row>
    <row r="4408" spans="1:10" x14ac:dyDescent="0.25">
      <c r="A4408" t="s">
        <v>39098</v>
      </c>
      <c r="B4408" t="s">
        <v>39099</v>
      </c>
      <c r="C4408" t="s">
        <v>39100</v>
      </c>
      <c r="D4408" t="s">
        <v>38953</v>
      </c>
      <c r="E4408" t="s">
        <v>13</v>
      </c>
      <c r="F4408">
        <v>9674</v>
      </c>
      <c r="G4408" t="s">
        <v>39101</v>
      </c>
      <c r="H4408">
        <v>5.0055012873829998</v>
      </c>
      <c r="I4408">
        <v>52.220860818342999</v>
      </c>
      <c r="J4408" t="s">
        <v>60093</v>
      </c>
    </row>
    <row r="4409" spans="1:10" x14ac:dyDescent="0.25">
      <c r="A4409" t="s">
        <v>39094</v>
      </c>
      <c r="B4409" t="s">
        <v>39095</v>
      </c>
      <c r="C4409" t="s">
        <v>39096</v>
      </c>
      <c r="D4409" t="s">
        <v>38953</v>
      </c>
      <c r="E4409" t="s">
        <v>13</v>
      </c>
      <c r="F4409">
        <v>9673</v>
      </c>
      <c r="G4409" t="s">
        <v>39097</v>
      </c>
      <c r="H4409">
        <v>5.0321130019969997</v>
      </c>
      <c r="I4409">
        <v>52.210980533817001</v>
      </c>
      <c r="J4409" t="s">
        <v>60094</v>
      </c>
    </row>
    <row r="4410" spans="1:10" x14ac:dyDescent="0.25">
      <c r="A4410" t="s">
        <v>39090</v>
      </c>
      <c r="B4410" t="s">
        <v>39091</v>
      </c>
      <c r="C4410" t="s">
        <v>39092</v>
      </c>
      <c r="D4410" t="s">
        <v>38953</v>
      </c>
      <c r="E4410" t="s">
        <v>13</v>
      </c>
      <c r="F4410">
        <v>9672</v>
      </c>
      <c r="G4410" t="s">
        <v>39093</v>
      </c>
      <c r="H4410">
        <v>5.0174143413180001</v>
      </c>
      <c r="I4410">
        <v>52.239895360555003</v>
      </c>
      <c r="J4410" t="s">
        <v>60095</v>
      </c>
    </row>
    <row r="4411" spans="1:10" x14ac:dyDescent="0.25">
      <c r="A4411" t="s">
        <v>39086</v>
      </c>
      <c r="B4411" t="s">
        <v>39087</v>
      </c>
      <c r="C4411" t="s">
        <v>39088</v>
      </c>
      <c r="D4411" t="s">
        <v>38953</v>
      </c>
      <c r="E4411" t="s">
        <v>13</v>
      </c>
      <c r="F4411">
        <v>9671</v>
      </c>
      <c r="G4411" t="s">
        <v>39089</v>
      </c>
      <c r="H4411">
        <v>5.0160176097129998</v>
      </c>
      <c r="I4411">
        <v>52.215692453994002</v>
      </c>
      <c r="J4411" t="s">
        <v>60096</v>
      </c>
    </row>
    <row r="4412" spans="1:10" x14ac:dyDescent="0.25">
      <c r="A4412" t="s">
        <v>39083</v>
      </c>
      <c r="B4412" t="s">
        <v>39084</v>
      </c>
      <c r="C4412" t="s">
        <v>2403</v>
      </c>
      <c r="D4412" t="s">
        <v>38953</v>
      </c>
      <c r="E4412" t="s">
        <v>13</v>
      </c>
      <c r="F4412">
        <v>9670</v>
      </c>
      <c r="G4412" t="s">
        <v>39085</v>
      </c>
      <c r="H4412">
        <v>4.993210815166</v>
      </c>
      <c r="I4412">
        <v>52.170043338848998</v>
      </c>
      <c r="J4412" t="s">
        <v>60097</v>
      </c>
    </row>
    <row r="4413" spans="1:10" x14ac:dyDescent="0.25">
      <c r="A4413" t="s">
        <v>39079</v>
      </c>
      <c r="B4413" t="s">
        <v>39080</v>
      </c>
      <c r="C4413" t="s">
        <v>39081</v>
      </c>
      <c r="D4413" t="s">
        <v>38953</v>
      </c>
      <c r="E4413" t="s">
        <v>13</v>
      </c>
      <c r="F4413">
        <v>9669</v>
      </c>
      <c r="G4413" t="s">
        <v>39082</v>
      </c>
      <c r="H4413">
        <v>4.9993169353039999</v>
      </c>
      <c r="I4413">
        <v>52.173613789595997</v>
      </c>
      <c r="J4413" t="s">
        <v>60098</v>
      </c>
    </row>
    <row r="4414" spans="1:10" x14ac:dyDescent="0.25">
      <c r="A4414" t="s">
        <v>39075</v>
      </c>
      <c r="B4414" t="s">
        <v>39076</v>
      </c>
      <c r="C4414" t="s">
        <v>39077</v>
      </c>
      <c r="D4414" t="s">
        <v>38953</v>
      </c>
      <c r="E4414" t="s">
        <v>13</v>
      </c>
      <c r="F4414">
        <v>9668</v>
      </c>
      <c r="G4414" t="s">
        <v>39078</v>
      </c>
      <c r="H4414">
        <v>4.9950787688820002</v>
      </c>
      <c r="I4414">
        <v>52.181330892634001</v>
      </c>
      <c r="J4414" t="s">
        <v>60099</v>
      </c>
    </row>
    <row r="4415" spans="1:10" x14ac:dyDescent="0.25">
      <c r="A4415" t="s">
        <v>39071</v>
      </c>
      <c r="B4415" t="s">
        <v>39072</v>
      </c>
      <c r="C4415" t="s">
        <v>39073</v>
      </c>
      <c r="D4415" t="s">
        <v>38953</v>
      </c>
      <c r="E4415" t="s">
        <v>13</v>
      </c>
      <c r="F4415">
        <v>9667</v>
      </c>
      <c r="G4415" t="s">
        <v>39074</v>
      </c>
      <c r="H4415">
        <v>5.0027599980500002</v>
      </c>
      <c r="I4415">
        <v>52.169668116007003</v>
      </c>
      <c r="J4415" t="s">
        <v>60100</v>
      </c>
    </row>
    <row r="4416" spans="1:10" x14ac:dyDescent="0.25">
      <c r="A4416" t="s">
        <v>39067</v>
      </c>
      <c r="B4416" t="s">
        <v>39068</v>
      </c>
      <c r="C4416" t="s">
        <v>39069</v>
      </c>
      <c r="D4416" t="s">
        <v>38953</v>
      </c>
      <c r="E4416" t="s">
        <v>13</v>
      </c>
      <c r="F4416">
        <v>9666</v>
      </c>
      <c r="G4416" t="s">
        <v>39070</v>
      </c>
      <c r="H4416">
        <v>5.0022731857120002</v>
      </c>
      <c r="I4416">
        <v>52.166445701371998</v>
      </c>
      <c r="J4416" t="s">
        <v>60101</v>
      </c>
    </row>
    <row r="4417" spans="1:10" x14ac:dyDescent="0.25">
      <c r="A4417" t="s">
        <v>39063</v>
      </c>
      <c r="B4417" t="s">
        <v>39064</v>
      </c>
      <c r="C4417" t="s">
        <v>39065</v>
      </c>
      <c r="D4417" t="s">
        <v>38953</v>
      </c>
      <c r="E4417" t="s">
        <v>13</v>
      </c>
      <c r="F4417">
        <v>9665</v>
      </c>
      <c r="G4417" t="s">
        <v>39066</v>
      </c>
      <c r="H4417">
        <v>5.022526448532</v>
      </c>
      <c r="I4417">
        <v>52.179892991736999</v>
      </c>
      <c r="J4417" t="s">
        <v>60102</v>
      </c>
    </row>
    <row r="4418" spans="1:10" x14ac:dyDescent="0.25">
      <c r="A4418" t="s">
        <v>39059</v>
      </c>
      <c r="B4418" t="s">
        <v>39060</v>
      </c>
      <c r="C4418" t="s">
        <v>39061</v>
      </c>
      <c r="D4418" t="s">
        <v>38953</v>
      </c>
      <c r="E4418" t="s">
        <v>13</v>
      </c>
      <c r="F4418">
        <v>9664</v>
      </c>
      <c r="G4418" t="s">
        <v>39062</v>
      </c>
      <c r="H4418">
        <v>5.0021885305640001</v>
      </c>
      <c r="I4418">
        <v>52.157639764003001</v>
      </c>
      <c r="J4418" t="s">
        <v>60103</v>
      </c>
    </row>
    <row r="4419" spans="1:10" x14ac:dyDescent="0.25">
      <c r="A4419" t="s">
        <v>39055</v>
      </c>
      <c r="B4419" t="s">
        <v>39056</v>
      </c>
      <c r="C4419" t="s">
        <v>39057</v>
      </c>
      <c r="D4419" t="s">
        <v>38953</v>
      </c>
      <c r="E4419" t="s">
        <v>13</v>
      </c>
      <c r="F4419">
        <v>9663</v>
      </c>
      <c r="G4419" t="s">
        <v>39058</v>
      </c>
      <c r="H4419">
        <v>5.0042356965219996</v>
      </c>
      <c r="I4419">
        <v>52.161724352161997</v>
      </c>
      <c r="J4419" t="s">
        <v>60104</v>
      </c>
    </row>
    <row r="4420" spans="1:10" x14ac:dyDescent="0.25">
      <c r="A4420" t="s">
        <v>39051</v>
      </c>
      <c r="B4420" t="s">
        <v>39052</v>
      </c>
      <c r="C4420" t="s">
        <v>39053</v>
      </c>
      <c r="D4420" t="s">
        <v>38953</v>
      </c>
      <c r="E4420" t="s">
        <v>13</v>
      </c>
      <c r="F4420">
        <v>9662</v>
      </c>
      <c r="G4420" t="s">
        <v>39054</v>
      </c>
      <c r="H4420">
        <v>4.9917690115670004</v>
      </c>
      <c r="I4420">
        <v>52.170060821272003</v>
      </c>
      <c r="J4420" t="s">
        <v>60105</v>
      </c>
    </row>
    <row r="4421" spans="1:10" x14ac:dyDescent="0.25">
      <c r="A4421" t="s">
        <v>39047</v>
      </c>
      <c r="B4421" t="s">
        <v>39048</v>
      </c>
      <c r="C4421" t="s">
        <v>39049</v>
      </c>
      <c r="D4421" t="s">
        <v>38953</v>
      </c>
      <c r="E4421" t="s">
        <v>13</v>
      </c>
      <c r="F4421">
        <v>9661</v>
      </c>
      <c r="G4421" t="s">
        <v>39050</v>
      </c>
      <c r="H4421">
        <v>5.0008533705899998</v>
      </c>
      <c r="I4421">
        <v>52.181179860759002</v>
      </c>
      <c r="J4421" t="s">
        <v>60106</v>
      </c>
    </row>
    <row r="4422" spans="1:10" x14ac:dyDescent="0.25">
      <c r="A4422" t="s">
        <v>39043</v>
      </c>
      <c r="B4422" t="s">
        <v>39044</v>
      </c>
      <c r="C4422" t="s">
        <v>39045</v>
      </c>
      <c r="D4422" t="s">
        <v>38953</v>
      </c>
      <c r="E4422" t="s">
        <v>13</v>
      </c>
      <c r="F4422">
        <v>9660</v>
      </c>
      <c r="G4422" t="s">
        <v>39046</v>
      </c>
      <c r="H4422">
        <v>5.0131302868959997</v>
      </c>
      <c r="I4422">
        <v>52.154595870681</v>
      </c>
      <c r="J4422" t="s">
        <v>60107</v>
      </c>
    </row>
    <row r="4423" spans="1:10" x14ac:dyDescent="0.25">
      <c r="A4423" t="s">
        <v>39039</v>
      </c>
      <c r="B4423" t="s">
        <v>39040</v>
      </c>
      <c r="C4423" t="s">
        <v>39041</v>
      </c>
      <c r="D4423" t="s">
        <v>38953</v>
      </c>
      <c r="E4423" t="s">
        <v>13</v>
      </c>
      <c r="F4423">
        <v>9659</v>
      </c>
      <c r="G4423" t="s">
        <v>39042</v>
      </c>
      <c r="H4423">
        <v>4.9831351306179998</v>
      </c>
      <c r="I4423">
        <v>52.179112137426003</v>
      </c>
      <c r="J4423" t="s">
        <v>60108</v>
      </c>
    </row>
    <row r="4424" spans="1:10" x14ac:dyDescent="0.25">
      <c r="A4424" t="s">
        <v>39035</v>
      </c>
      <c r="B4424" t="s">
        <v>39036</v>
      </c>
      <c r="C4424" t="s">
        <v>39037</v>
      </c>
      <c r="D4424" t="s">
        <v>38953</v>
      </c>
      <c r="E4424" t="s">
        <v>13</v>
      </c>
      <c r="F4424">
        <v>9658</v>
      </c>
      <c r="G4424" t="s">
        <v>39038</v>
      </c>
      <c r="H4424">
        <v>5.0342239619029998</v>
      </c>
      <c r="I4424">
        <v>52.173742237158002</v>
      </c>
      <c r="J4424" t="s">
        <v>60109</v>
      </c>
    </row>
    <row r="4425" spans="1:10" x14ac:dyDescent="0.25">
      <c r="A4425" t="s">
        <v>39031</v>
      </c>
      <c r="B4425" t="s">
        <v>39032</v>
      </c>
      <c r="C4425" t="s">
        <v>39033</v>
      </c>
      <c r="D4425" t="s">
        <v>38953</v>
      </c>
      <c r="E4425" t="s">
        <v>13</v>
      </c>
      <c r="F4425">
        <v>9657</v>
      </c>
      <c r="G4425" t="s">
        <v>39034</v>
      </c>
      <c r="H4425">
        <v>4.9666848775489996</v>
      </c>
      <c r="I4425">
        <v>52.176103200659</v>
      </c>
      <c r="J4425" t="s">
        <v>60110</v>
      </c>
    </row>
    <row r="4426" spans="1:10" x14ac:dyDescent="0.25">
      <c r="A4426" t="s">
        <v>39027</v>
      </c>
      <c r="B4426" t="s">
        <v>39028</v>
      </c>
      <c r="C4426" t="s">
        <v>39029</v>
      </c>
      <c r="D4426" t="s">
        <v>38953</v>
      </c>
      <c r="E4426" t="s">
        <v>13</v>
      </c>
      <c r="F4426">
        <v>9656</v>
      </c>
      <c r="G4426" t="s">
        <v>39030</v>
      </c>
      <c r="H4426">
        <v>5.0157897551639996</v>
      </c>
      <c r="I4426">
        <v>52.171015443045</v>
      </c>
      <c r="J4426" t="s">
        <v>60111</v>
      </c>
    </row>
    <row r="4427" spans="1:10" x14ac:dyDescent="0.25">
      <c r="A4427" t="s">
        <v>39023</v>
      </c>
      <c r="B4427" t="s">
        <v>39024</v>
      </c>
      <c r="C4427" t="s">
        <v>39025</v>
      </c>
      <c r="D4427" t="s">
        <v>38953</v>
      </c>
      <c r="E4427" t="s">
        <v>13</v>
      </c>
      <c r="F4427">
        <v>9655</v>
      </c>
      <c r="G4427" t="s">
        <v>39026</v>
      </c>
      <c r="H4427">
        <v>4.9893140120939998</v>
      </c>
      <c r="I4427">
        <v>52.154055510764003</v>
      </c>
      <c r="J4427" t="s">
        <v>60112</v>
      </c>
    </row>
    <row r="4428" spans="1:10" x14ac:dyDescent="0.25">
      <c r="A4428" t="s">
        <v>39019</v>
      </c>
      <c r="B4428" t="s">
        <v>39020</v>
      </c>
      <c r="C4428" t="s">
        <v>39021</v>
      </c>
      <c r="D4428" t="s">
        <v>38953</v>
      </c>
      <c r="E4428" t="s">
        <v>13</v>
      </c>
      <c r="F4428">
        <v>9654</v>
      </c>
      <c r="G4428" t="s">
        <v>39022</v>
      </c>
      <c r="H4428">
        <v>5.0300454007460003</v>
      </c>
      <c r="I4428">
        <v>52.144856212100997</v>
      </c>
      <c r="J4428" t="s">
        <v>60113</v>
      </c>
    </row>
    <row r="4429" spans="1:10" x14ac:dyDescent="0.25">
      <c r="A4429" t="s">
        <v>39015</v>
      </c>
      <c r="B4429" t="s">
        <v>39016</v>
      </c>
      <c r="C4429" t="s">
        <v>39017</v>
      </c>
      <c r="D4429" t="s">
        <v>38953</v>
      </c>
      <c r="E4429" t="s">
        <v>13</v>
      </c>
      <c r="F4429">
        <v>9653</v>
      </c>
      <c r="G4429" t="s">
        <v>39018</v>
      </c>
      <c r="H4429">
        <v>5.0413488836480003</v>
      </c>
      <c r="I4429">
        <v>52.141450484395001</v>
      </c>
      <c r="J4429" t="s">
        <v>60114</v>
      </c>
    </row>
    <row r="4430" spans="1:10" x14ac:dyDescent="0.25">
      <c r="A4430" t="s">
        <v>39011</v>
      </c>
      <c r="B4430" t="s">
        <v>39012</v>
      </c>
      <c r="C4430" t="s">
        <v>39013</v>
      </c>
      <c r="D4430" t="s">
        <v>38953</v>
      </c>
      <c r="E4430" t="s">
        <v>13</v>
      </c>
      <c r="F4430">
        <v>9652</v>
      </c>
      <c r="G4430" t="s">
        <v>39014</v>
      </c>
      <c r="H4430">
        <v>5.0450179707540004</v>
      </c>
      <c r="I4430">
        <v>52.132166565108001</v>
      </c>
      <c r="J4430" t="s">
        <v>60115</v>
      </c>
    </row>
    <row r="4431" spans="1:10" x14ac:dyDescent="0.25">
      <c r="A4431" t="s">
        <v>39007</v>
      </c>
      <c r="B4431" t="s">
        <v>39008</v>
      </c>
      <c r="C4431" t="s">
        <v>39009</v>
      </c>
      <c r="D4431" t="s">
        <v>38953</v>
      </c>
      <c r="E4431" t="s">
        <v>13</v>
      </c>
      <c r="F4431">
        <v>9651</v>
      </c>
      <c r="G4431" t="s">
        <v>39010</v>
      </c>
      <c r="H4431">
        <v>5.0400576474600003</v>
      </c>
      <c r="I4431">
        <v>52.134854637357002</v>
      </c>
      <c r="J4431" t="s">
        <v>60116</v>
      </c>
    </row>
    <row r="4432" spans="1:10" x14ac:dyDescent="0.25">
      <c r="A4432" t="s">
        <v>39004</v>
      </c>
      <c r="B4432" t="s">
        <v>39005</v>
      </c>
      <c r="C4432" t="s">
        <v>1376</v>
      </c>
      <c r="D4432" t="s">
        <v>38953</v>
      </c>
      <c r="E4432" t="s">
        <v>13</v>
      </c>
      <c r="F4432">
        <v>9650</v>
      </c>
      <c r="G4432" t="s">
        <v>39006</v>
      </c>
      <c r="H4432">
        <v>5.0420063982579997</v>
      </c>
      <c r="I4432">
        <v>52.148087664164002</v>
      </c>
      <c r="J4432" t="s">
        <v>60117</v>
      </c>
    </row>
    <row r="4433" spans="1:10" x14ac:dyDescent="0.25">
      <c r="A4433" t="s">
        <v>39000</v>
      </c>
      <c r="B4433" t="s">
        <v>39001</v>
      </c>
      <c r="C4433" t="s">
        <v>39002</v>
      </c>
      <c r="D4433" t="s">
        <v>38953</v>
      </c>
      <c r="E4433" t="s">
        <v>13</v>
      </c>
      <c r="F4433">
        <v>9649</v>
      </c>
      <c r="G4433" t="s">
        <v>39003</v>
      </c>
      <c r="H4433">
        <v>5.0505412451699998</v>
      </c>
      <c r="I4433">
        <v>52.138382320117998</v>
      </c>
      <c r="J4433" t="s">
        <v>60118</v>
      </c>
    </row>
    <row r="4434" spans="1:10" x14ac:dyDescent="0.25">
      <c r="A4434" t="s">
        <v>38996</v>
      </c>
      <c r="B4434" t="s">
        <v>38997</v>
      </c>
      <c r="C4434" t="s">
        <v>38998</v>
      </c>
      <c r="D4434" t="s">
        <v>38953</v>
      </c>
      <c r="E4434" t="s">
        <v>13</v>
      </c>
      <c r="F4434">
        <v>9648</v>
      </c>
      <c r="G4434" t="s">
        <v>38999</v>
      </c>
      <c r="H4434">
        <v>5.0383940270509999</v>
      </c>
      <c r="I4434">
        <v>52.150659368463003</v>
      </c>
      <c r="J4434" t="s">
        <v>60119</v>
      </c>
    </row>
    <row r="4435" spans="1:10" x14ac:dyDescent="0.25">
      <c r="A4435" t="s">
        <v>38993</v>
      </c>
      <c r="B4435" t="s">
        <v>38994</v>
      </c>
      <c r="C4435" t="s">
        <v>18934</v>
      </c>
      <c r="D4435" t="s">
        <v>38953</v>
      </c>
      <c r="E4435" t="s">
        <v>13</v>
      </c>
      <c r="F4435">
        <v>9647</v>
      </c>
      <c r="G4435" t="s">
        <v>38995</v>
      </c>
      <c r="H4435">
        <v>5.0434548049850001</v>
      </c>
      <c r="I4435">
        <v>52.142992333007001</v>
      </c>
      <c r="J4435" t="s">
        <v>60120</v>
      </c>
    </row>
    <row r="4436" spans="1:10" x14ac:dyDescent="0.25">
      <c r="A4436" t="s">
        <v>38989</v>
      </c>
      <c r="B4436" t="s">
        <v>38990</v>
      </c>
      <c r="C4436" t="s">
        <v>38991</v>
      </c>
      <c r="D4436" t="s">
        <v>38953</v>
      </c>
      <c r="E4436" t="s">
        <v>13</v>
      </c>
      <c r="F4436">
        <v>9646</v>
      </c>
      <c r="G4436" t="s">
        <v>38992</v>
      </c>
      <c r="H4436">
        <v>5.0344737328380003</v>
      </c>
      <c r="I4436">
        <v>52.138510491007999</v>
      </c>
      <c r="J4436" t="s">
        <v>60121</v>
      </c>
    </row>
    <row r="4437" spans="1:10" x14ac:dyDescent="0.25">
      <c r="A4437" t="s">
        <v>38985</v>
      </c>
      <c r="B4437" t="s">
        <v>38986</v>
      </c>
      <c r="C4437" t="s">
        <v>38987</v>
      </c>
      <c r="D4437" t="s">
        <v>38953</v>
      </c>
      <c r="E4437" t="s">
        <v>13</v>
      </c>
      <c r="F4437">
        <v>9645</v>
      </c>
      <c r="G4437" t="s">
        <v>38988</v>
      </c>
      <c r="H4437">
        <v>5.0396869512149998</v>
      </c>
      <c r="I4437">
        <v>52.139703117349001</v>
      </c>
      <c r="J4437" t="s">
        <v>60122</v>
      </c>
    </row>
    <row r="4438" spans="1:10" x14ac:dyDescent="0.25">
      <c r="A4438" t="s">
        <v>38981</v>
      </c>
      <c r="B4438" t="s">
        <v>38982</v>
      </c>
      <c r="C4438" t="s">
        <v>38983</v>
      </c>
      <c r="D4438" t="s">
        <v>38953</v>
      </c>
      <c r="E4438" t="s">
        <v>13</v>
      </c>
      <c r="F4438">
        <v>9644</v>
      </c>
      <c r="G4438" t="s">
        <v>38984</v>
      </c>
      <c r="H4438">
        <v>5.0384225995399996</v>
      </c>
      <c r="I4438">
        <v>52.145541924181998</v>
      </c>
      <c r="J4438" t="s">
        <v>60123</v>
      </c>
    </row>
    <row r="4439" spans="1:10" x14ac:dyDescent="0.25">
      <c r="A4439" t="s">
        <v>38978</v>
      </c>
      <c r="B4439" t="s">
        <v>38979</v>
      </c>
      <c r="C4439" t="s">
        <v>17501</v>
      </c>
      <c r="D4439" t="s">
        <v>38953</v>
      </c>
      <c r="E4439" t="s">
        <v>13</v>
      </c>
      <c r="F4439">
        <v>9643</v>
      </c>
      <c r="G4439" t="s">
        <v>38980</v>
      </c>
      <c r="H4439">
        <v>5.0440125012710002</v>
      </c>
      <c r="I4439">
        <v>52.135581877653998</v>
      </c>
      <c r="J4439" t="s">
        <v>60124</v>
      </c>
    </row>
    <row r="4440" spans="1:10" x14ac:dyDescent="0.25">
      <c r="A4440" t="s">
        <v>38974</v>
      </c>
      <c r="B4440" t="s">
        <v>38975</v>
      </c>
      <c r="C4440" t="s">
        <v>38976</v>
      </c>
      <c r="D4440" t="s">
        <v>38953</v>
      </c>
      <c r="E4440" t="s">
        <v>13</v>
      </c>
      <c r="F4440">
        <v>9642</v>
      </c>
      <c r="G4440" t="s">
        <v>38977</v>
      </c>
      <c r="H4440">
        <v>5.034892003585</v>
      </c>
      <c r="I4440">
        <v>52.145033644762002</v>
      </c>
      <c r="J4440" t="s">
        <v>60125</v>
      </c>
    </row>
    <row r="4441" spans="1:10" x14ac:dyDescent="0.25">
      <c r="A4441" t="s">
        <v>38971</v>
      </c>
      <c r="B4441" t="s">
        <v>38972</v>
      </c>
      <c r="C4441" t="s">
        <v>81</v>
      </c>
      <c r="D4441" t="s">
        <v>38953</v>
      </c>
      <c r="E4441" t="s">
        <v>13</v>
      </c>
      <c r="F4441">
        <v>9641</v>
      </c>
      <c r="G4441" t="s">
        <v>38973</v>
      </c>
      <c r="H4441">
        <v>5.0478176444829996</v>
      </c>
      <c r="I4441">
        <v>52.144450174475999</v>
      </c>
      <c r="J4441" t="s">
        <v>60126</v>
      </c>
    </row>
    <row r="4442" spans="1:10" x14ac:dyDescent="0.25">
      <c r="A4442" t="s">
        <v>38967</v>
      </c>
      <c r="B4442" t="s">
        <v>38968</v>
      </c>
      <c r="C4442" t="s">
        <v>38969</v>
      </c>
      <c r="D4442" t="s">
        <v>38953</v>
      </c>
      <c r="E4442" t="s">
        <v>13</v>
      </c>
      <c r="F4442">
        <v>9640</v>
      </c>
      <c r="G4442" t="s">
        <v>38970</v>
      </c>
      <c r="H4442">
        <v>5.0521733225599998</v>
      </c>
      <c r="I4442">
        <v>52.136899854456999</v>
      </c>
      <c r="J4442" t="s">
        <v>60127</v>
      </c>
    </row>
    <row r="4443" spans="1:10" x14ac:dyDescent="0.25">
      <c r="A4443" t="s">
        <v>38963</v>
      </c>
      <c r="B4443" t="s">
        <v>38964</v>
      </c>
      <c r="C4443" t="s">
        <v>38965</v>
      </c>
      <c r="D4443" t="s">
        <v>38953</v>
      </c>
      <c r="E4443" t="s">
        <v>13</v>
      </c>
      <c r="F4443">
        <v>9639</v>
      </c>
      <c r="G4443" t="s">
        <v>38966</v>
      </c>
      <c r="H4443">
        <v>5.0574438455499999</v>
      </c>
      <c r="I4443">
        <v>52.128622612378003</v>
      </c>
      <c r="J4443" t="s">
        <v>60128</v>
      </c>
    </row>
    <row r="4444" spans="1:10" x14ac:dyDescent="0.25">
      <c r="A4444" t="s">
        <v>38959</v>
      </c>
      <c r="B4444" t="s">
        <v>38960</v>
      </c>
      <c r="C4444" t="s">
        <v>38961</v>
      </c>
      <c r="D4444" t="s">
        <v>38953</v>
      </c>
      <c r="E4444" t="s">
        <v>13</v>
      </c>
      <c r="F4444">
        <v>9638</v>
      </c>
      <c r="G4444" t="s">
        <v>38962</v>
      </c>
      <c r="H4444">
        <v>5.02708072253</v>
      </c>
      <c r="I4444">
        <v>52.147989520759999</v>
      </c>
      <c r="J4444" t="s">
        <v>60129</v>
      </c>
    </row>
    <row r="4445" spans="1:10" x14ac:dyDescent="0.25">
      <c r="A4445" t="s">
        <v>38955</v>
      </c>
      <c r="B4445" t="s">
        <v>38956</v>
      </c>
      <c r="C4445" t="s">
        <v>38957</v>
      </c>
      <c r="D4445" t="s">
        <v>38953</v>
      </c>
      <c r="E4445" t="s">
        <v>13</v>
      </c>
      <c r="F4445">
        <v>9637</v>
      </c>
      <c r="G4445" t="s">
        <v>38958</v>
      </c>
      <c r="H4445">
        <v>5.0436236754659998</v>
      </c>
      <c r="I4445">
        <v>52.15492725488</v>
      </c>
      <c r="J4445" t="s">
        <v>60130</v>
      </c>
    </row>
    <row r="4446" spans="1:10" x14ac:dyDescent="0.25">
      <c r="A4446" t="s">
        <v>38950</v>
      </c>
      <c r="B4446" t="s">
        <v>38951</v>
      </c>
      <c r="C4446" t="s">
        <v>38952</v>
      </c>
      <c r="D4446" t="s">
        <v>38953</v>
      </c>
      <c r="E4446" t="s">
        <v>13</v>
      </c>
      <c r="F4446">
        <v>9636</v>
      </c>
      <c r="G4446" t="s">
        <v>38954</v>
      </c>
      <c r="H4446">
        <v>5.0776716252789997</v>
      </c>
      <c r="I4446">
        <v>52.140312551351002</v>
      </c>
      <c r="J4446" t="s">
        <v>60131</v>
      </c>
    </row>
    <row r="4447" spans="1:10" x14ac:dyDescent="0.25">
      <c r="A4447" t="s">
        <v>38947</v>
      </c>
      <c r="B4447" t="s">
        <v>38948</v>
      </c>
      <c r="C4447" t="s">
        <v>5274</v>
      </c>
      <c r="D4447" t="s">
        <v>38823</v>
      </c>
      <c r="E4447" t="s">
        <v>13</v>
      </c>
      <c r="F4447">
        <v>9635</v>
      </c>
      <c r="G4447" t="s">
        <v>38949</v>
      </c>
      <c r="H4447">
        <v>5.8184862436550002</v>
      </c>
      <c r="I4447">
        <v>50.764458734084997</v>
      </c>
      <c r="J4447" t="s">
        <v>60132</v>
      </c>
    </row>
    <row r="4448" spans="1:10" x14ac:dyDescent="0.25">
      <c r="A4448" t="s">
        <v>38943</v>
      </c>
      <c r="B4448" t="s">
        <v>38944</v>
      </c>
      <c r="C4448" t="s">
        <v>38945</v>
      </c>
      <c r="D4448" t="s">
        <v>38823</v>
      </c>
      <c r="E4448" t="s">
        <v>13</v>
      </c>
      <c r="F4448">
        <v>9634</v>
      </c>
      <c r="G4448" t="s">
        <v>38946</v>
      </c>
      <c r="H4448">
        <v>5.8412959568379996</v>
      </c>
      <c r="I4448">
        <v>50.773380124174999</v>
      </c>
      <c r="J4448" t="s">
        <v>60133</v>
      </c>
    </row>
    <row r="4449" spans="1:10" x14ac:dyDescent="0.25">
      <c r="A4449" t="s">
        <v>38939</v>
      </c>
      <c r="B4449" t="s">
        <v>38940</v>
      </c>
      <c r="C4449" t="s">
        <v>38941</v>
      </c>
      <c r="D4449" t="s">
        <v>38823</v>
      </c>
      <c r="E4449" t="s">
        <v>13</v>
      </c>
      <c r="F4449">
        <v>9633</v>
      </c>
      <c r="G4449" t="s">
        <v>38942</v>
      </c>
      <c r="H4449">
        <v>5.8242154630560004</v>
      </c>
      <c r="I4449">
        <v>50.776466101918999</v>
      </c>
      <c r="J4449" t="s">
        <v>60134</v>
      </c>
    </row>
    <row r="4450" spans="1:10" x14ac:dyDescent="0.25">
      <c r="A4450" t="s">
        <v>38935</v>
      </c>
      <c r="B4450" t="s">
        <v>38936</v>
      </c>
      <c r="C4450" t="s">
        <v>38937</v>
      </c>
      <c r="D4450" t="s">
        <v>38823</v>
      </c>
      <c r="E4450" t="s">
        <v>13</v>
      </c>
      <c r="F4450">
        <v>9632</v>
      </c>
      <c r="G4450" t="s">
        <v>38938</v>
      </c>
      <c r="H4450">
        <v>5.8320947096760003</v>
      </c>
      <c r="I4450">
        <v>50.784585118742001</v>
      </c>
      <c r="J4450" t="s">
        <v>60135</v>
      </c>
    </row>
    <row r="4451" spans="1:10" x14ac:dyDescent="0.25">
      <c r="A4451" t="s">
        <v>38931</v>
      </c>
      <c r="B4451" t="s">
        <v>38932</v>
      </c>
      <c r="C4451" t="s">
        <v>38933</v>
      </c>
      <c r="D4451" t="s">
        <v>38823</v>
      </c>
      <c r="E4451" t="s">
        <v>13</v>
      </c>
      <c r="F4451">
        <v>9631</v>
      </c>
      <c r="G4451" t="s">
        <v>38934</v>
      </c>
      <c r="H4451">
        <v>5.8146294193920003</v>
      </c>
      <c r="I4451">
        <v>50.770014835623002</v>
      </c>
      <c r="J4451" t="s">
        <v>60136</v>
      </c>
    </row>
    <row r="4452" spans="1:10" x14ac:dyDescent="0.25">
      <c r="A4452" t="s">
        <v>38927</v>
      </c>
      <c r="B4452" t="s">
        <v>38928</v>
      </c>
      <c r="C4452" t="s">
        <v>38929</v>
      </c>
      <c r="D4452" t="s">
        <v>38823</v>
      </c>
      <c r="E4452" t="s">
        <v>13</v>
      </c>
      <c r="F4452">
        <v>9630</v>
      </c>
      <c r="G4452" t="s">
        <v>38930</v>
      </c>
      <c r="H4452">
        <v>5.8111158616000003</v>
      </c>
      <c r="I4452">
        <v>50.791712699503002</v>
      </c>
      <c r="J4452" t="s">
        <v>60137</v>
      </c>
    </row>
    <row r="4453" spans="1:10" x14ac:dyDescent="0.25">
      <c r="A4453" t="s">
        <v>38923</v>
      </c>
      <c r="B4453" t="s">
        <v>38924</v>
      </c>
      <c r="C4453" t="s">
        <v>38925</v>
      </c>
      <c r="D4453" t="s">
        <v>38823</v>
      </c>
      <c r="E4453" t="s">
        <v>13</v>
      </c>
      <c r="F4453">
        <v>9629</v>
      </c>
      <c r="G4453" t="s">
        <v>38926</v>
      </c>
      <c r="H4453">
        <v>5.7905772370940003</v>
      </c>
      <c r="I4453">
        <v>50.781162582242999</v>
      </c>
      <c r="J4453" t="s">
        <v>60138</v>
      </c>
    </row>
    <row r="4454" spans="1:10" x14ac:dyDescent="0.25">
      <c r="A4454" t="s">
        <v>38920</v>
      </c>
      <c r="B4454" t="s">
        <v>38921</v>
      </c>
      <c r="C4454" t="s">
        <v>5274</v>
      </c>
      <c r="D4454" t="s">
        <v>38823</v>
      </c>
      <c r="E4454" t="s">
        <v>13</v>
      </c>
      <c r="F4454">
        <v>9628</v>
      </c>
      <c r="G4454" t="s">
        <v>38922</v>
      </c>
      <c r="H4454">
        <v>5.7666154866169999</v>
      </c>
      <c r="I4454">
        <v>50.801575468308002</v>
      </c>
      <c r="J4454" t="s">
        <v>60139</v>
      </c>
    </row>
    <row r="4455" spans="1:10" x14ac:dyDescent="0.25">
      <c r="A4455" t="s">
        <v>38916</v>
      </c>
      <c r="B4455" t="s">
        <v>38917</v>
      </c>
      <c r="C4455" t="s">
        <v>38918</v>
      </c>
      <c r="D4455" t="s">
        <v>38823</v>
      </c>
      <c r="E4455" t="s">
        <v>13</v>
      </c>
      <c r="F4455">
        <v>9627</v>
      </c>
      <c r="G4455" t="s">
        <v>38919</v>
      </c>
      <c r="H4455">
        <v>5.8026187192240002</v>
      </c>
      <c r="I4455">
        <v>50.806717449609998</v>
      </c>
      <c r="J4455" t="s">
        <v>60140</v>
      </c>
    </row>
    <row r="4456" spans="1:10" x14ac:dyDescent="0.25">
      <c r="A4456" t="s">
        <v>38912</v>
      </c>
      <c r="B4456" t="s">
        <v>38913</v>
      </c>
      <c r="C4456" t="s">
        <v>38914</v>
      </c>
      <c r="D4456" t="s">
        <v>38823</v>
      </c>
      <c r="E4456" t="s">
        <v>13</v>
      </c>
      <c r="F4456">
        <v>9626</v>
      </c>
      <c r="G4456" t="s">
        <v>38915</v>
      </c>
      <c r="H4456">
        <v>5.7657656793339997</v>
      </c>
      <c r="I4456">
        <v>50.786591705859003</v>
      </c>
      <c r="J4456" t="s">
        <v>60141</v>
      </c>
    </row>
    <row r="4457" spans="1:10" x14ac:dyDescent="0.25">
      <c r="A4457" t="s">
        <v>38908</v>
      </c>
      <c r="B4457" t="s">
        <v>38909</v>
      </c>
      <c r="C4457" t="s">
        <v>38910</v>
      </c>
      <c r="D4457" t="s">
        <v>38823</v>
      </c>
      <c r="E4457" t="s">
        <v>13</v>
      </c>
      <c r="F4457">
        <v>9625</v>
      </c>
      <c r="G4457" t="s">
        <v>38911</v>
      </c>
      <c r="H4457">
        <v>5.7786357642380004</v>
      </c>
      <c r="I4457">
        <v>50.797347086709003</v>
      </c>
      <c r="J4457" t="s">
        <v>60142</v>
      </c>
    </row>
    <row r="4458" spans="1:10" x14ac:dyDescent="0.25">
      <c r="A4458" t="s">
        <v>38904</v>
      </c>
      <c r="B4458" t="s">
        <v>38905</v>
      </c>
      <c r="C4458" t="s">
        <v>38906</v>
      </c>
      <c r="D4458" t="s">
        <v>38823</v>
      </c>
      <c r="E4458" t="s">
        <v>13</v>
      </c>
      <c r="F4458">
        <v>9624</v>
      </c>
      <c r="G4458" t="s">
        <v>38907</v>
      </c>
      <c r="H4458">
        <v>5.7672234219730001</v>
      </c>
      <c r="I4458">
        <v>50.805975013770002</v>
      </c>
      <c r="J4458" t="s">
        <v>60143</v>
      </c>
    </row>
    <row r="4459" spans="1:10" x14ac:dyDescent="0.25">
      <c r="A4459" t="s">
        <v>38900</v>
      </c>
      <c r="B4459" t="s">
        <v>38901</v>
      </c>
      <c r="C4459" t="s">
        <v>38902</v>
      </c>
      <c r="D4459" t="s">
        <v>38823</v>
      </c>
      <c r="E4459" t="s">
        <v>13</v>
      </c>
      <c r="F4459">
        <v>9623</v>
      </c>
      <c r="G4459" t="s">
        <v>38903</v>
      </c>
      <c r="H4459">
        <v>5.7654860585260002</v>
      </c>
      <c r="I4459">
        <v>50.795787511326999</v>
      </c>
      <c r="J4459" t="s">
        <v>60144</v>
      </c>
    </row>
    <row r="4460" spans="1:10" x14ac:dyDescent="0.25">
      <c r="A4460" t="s">
        <v>38897</v>
      </c>
      <c r="B4460" t="s">
        <v>38898</v>
      </c>
      <c r="C4460" t="s">
        <v>5274</v>
      </c>
      <c r="D4460" t="s">
        <v>38823</v>
      </c>
      <c r="E4460" t="s">
        <v>13</v>
      </c>
      <c r="F4460">
        <v>9622</v>
      </c>
      <c r="G4460" t="s">
        <v>38899</v>
      </c>
      <c r="H4460">
        <v>5.7732177557529996</v>
      </c>
      <c r="I4460">
        <v>50.827229677232999</v>
      </c>
      <c r="J4460" t="s">
        <v>60145</v>
      </c>
    </row>
    <row r="4461" spans="1:10" x14ac:dyDescent="0.25">
      <c r="A4461" t="s">
        <v>38893</v>
      </c>
      <c r="B4461" t="s">
        <v>38894</v>
      </c>
      <c r="C4461" t="s">
        <v>38895</v>
      </c>
      <c r="D4461" t="s">
        <v>38823</v>
      </c>
      <c r="E4461" t="s">
        <v>13</v>
      </c>
      <c r="F4461">
        <v>9621</v>
      </c>
      <c r="G4461" t="s">
        <v>38896</v>
      </c>
      <c r="H4461">
        <v>5.7979378240289998</v>
      </c>
      <c r="I4461">
        <v>50.815983330769001</v>
      </c>
      <c r="J4461" t="s">
        <v>60146</v>
      </c>
    </row>
    <row r="4462" spans="1:10" x14ac:dyDescent="0.25">
      <c r="A4462" t="s">
        <v>38889</v>
      </c>
      <c r="B4462" t="s">
        <v>38890</v>
      </c>
      <c r="C4462" t="s">
        <v>38891</v>
      </c>
      <c r="D4462" t="s">
        <v>38823</v>
      </c>
      <c r="E4462" t="s">
        <v>13</v>
      </c>
      <c r="F4462">
        <v>9620</v>
      </c>
      <c r="G4462" t="s">
        <v>38892</v>
      </c>
      <c r="H4462">
        <v>5.7673670213720003</v>
      </c>
      <c r="I4462">
        <v>50.849361079287</v>
      </c>
      <c r="J4462" t="s">
        <v>60147</v>
      </c>
    </row>
    <row r="4463" spans="1:10" x14ac:dyDescent="0.25">
      <c r="A4463" t="s">
        <v>38886</v>
      </c>
      <c r="B4463" t="s">
        <v>38887</v>
      </c>
      <c r="C4463" t="s">
        <v>30468</v>
      </c>
      <c r="D4463" t="s">
        <v>38823</v>
      </c>
      <c r="E4463" t="s">
        <v>13</v>
      </c>
      <c r="F4463">
        <v>9619</v>
      </c>
      <c r="G4463" t="s">
        <v>38888</v>
      </c>
      <c r="H4463">
        <v>5.7508391840400002</v>
      </c>
      <c r="I4463">
        <v>50.839512511321999</v>
      </c>
      <c r="J4463" t="s">
        <v>60148</v>
      </c>
    </row>
    <row r="4464" spans="1:10" x14ac:dyDescent="0.25">
      <c r="A4464" t="s">
        <v>38882</v>
      </c>
      <c r="B4464" t="s">
        <v>38883</v>
      </c>
      <c r="C4464" t="s">
        <v>38884</v>
      </c>
      <c r="D4464" t="s">
        <v>38823</v>
      </c>
      <c r="E4464" t="s">
        <v>13</v>
      </c>
      <c r="F4464">
        <v>9618</v>
      </c>
      <c r="G4464" t="s">
        <v>38885</v>
      </c>
      <c r="H4464">
        <v>5.764483682481</v>
      </c>
      <c r="I4464">
        <v>50.843261921222997</v>
      </c>
      <c r="J4464" t="s">
        <v>60149</v>
      </c>
    </row>
    <row r="4465" spans="1:10" x14ac:dyDescent="0.25">
      <c r="A4465" t="s">
        <v>38878</v>
      </c>
      <c r="B4465" t="s">
        <v>38879</v>
      </c>
      <c r="C4465" t="s">
        <v>38880</v>
      </c>
      <c r="D4465" t="s">
        <v>38823</v>
      </c>
      <c r="E4465" t="s">
        <v>13</v>
      </c>
      <c r="F4465">
        <v>9617</v>
      </c>
      <c r="G4465" t="s">
        <v>38881</v>
      </c>
      <c r="H4465">
        <v>5.7678691186849997</v>
      </c>
      <c r="I4465">
        <v>50.828792646770999</v>
      </c>
      <c r="J4465" t="s">
        <v>60150</v>
      </c>
    </row>
    <row r="4466" spans="1:10" x14ac:dyDescent="0.25">
      <c r="A4466" t="s">
        <v>38874</v>
      </c>
      <c r="B4466" t="s">
        <v>38875</v>
      </c>
      <c r="C4466" t="s">
        <v>38876</v>
      </c>
      <c r="D4466" t="s">
        <v>38823</v>
      </c>
      <c r="E4466" t="s">
        <v>13</v>
      </c>
      <c r="F4466">
        <v>9616</v>
      </c>
      <c r="G4466" t="s">
        <v>38877</v>
      </c>
      <c r="H4466">
        <v>5.796957242615</v>
      </c>
      <c r="I4466">
        <v>50.841815281635</v>
      </c>
      <c r="J4466" t="s">
        <v>60151</v>
      </c>
    </row>
    <row r="4467" spans="1:10" x14ac:dyDescent="0.25">
      <c r="A4467" t="s">
        <v>38870</v>
      </c>
      <c r="B4467" t="s">
        <v>38871</v>
      </c>
      <c r="C4467" t="s">
        <v>38872</v>
      </c>
      <c r="D4467" t="s">
        <v>38823</v>
      </c>
      <c r="E4467" t="s">
        <v>13</v>
      </c>
      <c r="F4467">
        <v>9615</v>
      </c>
      <c r="G4467" t="s">
        <v>38873</v>
      </c>
      <c r="H4467">
        <v>5.8442581491230001</v>
      </c>
      <c r="I4467">
        <v>50.830729656366998</v>
      </c>
      <c r="J4467" t="s">
        <v>60152</v>
      </c>
    </row>
    <row r="4468" spans="1:10" x14ac:dyDescent="0.25">
      <c r="A4468" t="s">
        <v>38866</v>
      </c>
      <c r="B4468" t="s">
        <v>38867</v>
      </c>
      <c r="C4468" t="s">
        <v>38868</v>
      </c>
      <c r="D4468" t="s">
        <v>38823</v>
      </c>
      <c r="E4468" t="s">
        <v>13</v>
      </c>
      <c r="F4468">
        <v>9614</v>
      </c>
      <c r="G4468" t="s">
        <v>38869</v>
      </c>
      <c r="H4468">
        <v>5.7841809462690001</v>
      </c>
      <c r="I4468">
        <v>50.837664245831</v>
      </c>
      <c r="J4468" t="s">
        <v>60153</v>
      </c>
    </row>
    <row r="4469" spans="1:10" x14ac:dyDescent="0.25">
      <c r="A4469" t="s">
        <v>38862</v>
      </c>
      <c r="B4469" t="s">
        <v>38863</v>
      </c>
      <c r="C4469" t="s">
        <v>38864</v>
      </c>
      <c r="D4469" t="s">
        <v>38823</v>
      </c>
      <c r="E4469" t="s">
        <v>13</v>
      </c>
      <c r="F4469">
        <v>9613</v>
      </c>
      <c r="G4469" t="s">
        <v>38865</v>
      </c>
      <c r="H4469">
        <v>5.8056281873479998</v>
      </c>
      <c r="I4469">
        <v>50.831051967869001</v>
      </c>
      <c r="J4469" t="s">
        <v>60154</v>
      </c>
    </row>
    <row r="4470" spans="1:10" x14ac:dyDescent="0.25">
      <c r="A4470" t="s">
        <v>38859</v>
      </c>
      <c r="B4470" t="s">
        <v>38860</v>
      </c>
      <c r="C4470" t="s">
        <v>31144</v>
      </c>
      <c r="D4470" t="s">
        <v>38823</v>
      </c>
      <c r="E4470" t="s">
        <v>13</v>
      </c>
      <c r="F4470">
        <v>9612</v>
      </c>
      <c r="G4470" t="s">
        <v>38861</v>
      </c>
      <c r="H4470">
        <v>5.835949137399</v>
      </c>
      <c r="I4470">
        <v>50.811870520094999</v>
      </c>
      <c r="J4470" t="s">
        <v>60155</v>
      </c>
    </row>
    <row r="4471" spans="1:10" x14ac:dyDescent="0.25">
      <c r="A4471" t="s">
        <v>38855</v>
      </c>
      <c r="B4471" t="s">
        <v>38856</v>
      </c>
      <c r="C4471" t="s">
        <v>38857</v>
      </c>
      <c r="D4471" t="s">
        <v>38823</v>
      </c>
      <c r="E4471" t="s">
        <v>13</v>
      </c>
      <c r="F4471">
        <v>9611</v>
      </c>
      <c r="G4471" t="s">
        <v>38858</v>
      </c>
      <c r="H4471">
        <v>5.8297938266660001</v>
      </c>
      <c r="I4471">
        <v>50.819939060297003</v>
      </c>
      <c r="J4471" t="s">
        <v>60156</v>
      </c>
    </row>
    <row r="4472" spans="1:10" x14ac:dyDescent="0.25">
      <c r="A4472" t="s">
        <v>38851</v>
      </c>
      <c r="B4472" t="s">
        <v>38852</v>
      </c>
      <c r="C4472" t="s">
        <v>38853</v>
      </c>
      <c r="D4472" t="s">
        <v>38823</v>
      </c>
      <c r="E4472" t="s">
        <v>13</v>
      </c>
      <c r="F4472">
        <v>9610</v>
      </c>
      <c r="G4472" t="s">
        <v>38854</v>
      </c>
      <c r="H4472">
        <v>5.7347169833629996</v>
      </c>
      <c r="I4472">
        <v>50.798102444179001</v>
      </c>
      <c r="J4472" t="s">
        <v>60157</v>
      </c>
    </row>
    <row r="4473" spans="1:10" x14ac:dyDescent="0.25">
      <c r="A4473" t="s">
        <v>38847</v>
      </c>
      <c r="B4473" t="s">
        <v>38848</v>
      </c>
      <c r="C4473" t="s">
        <v>38849</v>
      </c>
      <c r="D4473" t="s">
        <v>38823</v>
      </c>
      <c r="E4473" t="s">
        <v>13</v>
      </c>
      <c r="F4473">
        <v>9609</v>
      </c>
      <c r="G4473" t="s">
        <v>38850</v>
      </c>
      <c r="H4473">
        <v>5.7320286912049996</v>
      </c>
      <c r="I4473">
        <v>50.809876789763997</v>
      </c>
      <c r="J4473" t="s">
        <v>60158</v>
      </c>
    </row>
    <row r="4474" spans="1:10" x14ac:dyDescent="0.25">
      <c r="A4474" t="s">
        <v>38844</v>
      </c>
      <c r="B4474" t="s">
        <v>38845</v>
      </c>
      <c r="C4474" t="s">
        <v>5274</v>
      </c>
      <c r="D4474" t="s">
        <v>38823</v>
      </c>
      <c r="E4474" t="s">
        <v>13</v>
      </c>
      <c r="F4474">
        <v>9608</v>
      </c>
      <c r="G4474" t="s">
        <v>38846</v>
      </c>
      <c r="H4474">
        <v>5.7208385500830001</v>
      </c>
      <c r="I4474">
        <v>50.788253678480999</v>
      </c>
      <c r="J4474" t="s">
        <v>60159</v>
      </c>
    </row>
    <row r="4475" spans="1:10" x14ac:dyDescent="0.25">
      <c r="A4475" t="s">
        <v>38840</v>
      </c>
      <c r="B4475" t="s">
        <v>38841</v>
      </c>
      <c r="C4475" t="s">
        <v>38842</v>
      </c>
      <c r="D4475" t="s">
        <v>38823</v>
      </c>
      <c r="E4475" t="s">
        <v>13</v>
      </c>
      <c r="F4475">
        <v>9607</v>
      </c>
      <c r="G4475" t="s">
        <v>38843</v>
      </c>
      <c r="H4475">
        <v>5.7205806324220001</v>
      </c>
      <c r="I4475">
        <v>50.793081026383</v>
      </c>
      <c r="J4475" t="s">
        <v>60160</v>
      </c>
    </row>
    <row r="4476" spans="1:10" x14ac:dyDescent="0.25">
      <c r="A4476" t="s">
        <v>38837</v>
      </c>
      <c r="B4476" t="s">
        <v>38838</v>
      </c>
      <c r="C4476" t="s">
        <v>982</v>
      </c>
      <c r="D4476" t="s">
        <v>38823</v>
      </c>
      <c r="E4476" t="s">
        <v>13</v>
      </c>
      <c r="F4476">
        <v>9606</v>
      </c>
      <c r="G4476" t="s">
        <v>38839</v>
      </c>
      <c r="H4476">
        <v>5.7106757728459998</v>
      </c>
      <c r="I4476">
        <v>50.795914364345997</v>
      </c>
      <c r="J4476" t="s">
        <v>60161</v>
      </c>
    </row>
    <row r="4477" spans="1:10" x14ac:dyDescent="0.25">
      <c r="A4477" t="s">
        <v>38833</v>
      </c>
      <c r="B4477" t="s">
        <v>38834</v>
      </c>
      <c r="C4477" t="s">
        <v>38835</v>
      </c>
      <c r="D4477" t="s">
        <v>38823</v>
      </c>
      <c r="E4477" t="s">
        <v>13</v>
      </c>
      <c r="F4477">
        <v>9605</v>
      </c>
      <c r="G4477" t="s">
        <v>38836</v>
      </c>
      <c r="H4477">
        <v>5.7331499323150004</v>
      </c>
      <c r="I4477">
        <v>50.763378397838999</v>
      </c>
      <c r="J4477" t="s">
        <v>60162</v>
      </c>
    </row>
    <row r="4478" spans="1:10" x14ac:dyDescent="0.25">
      <c r="A4478" t="s">
        <v>38829</v>
      </c>
      <c r="B4478" t="s">
        <v>38830</v>
      </c>
      <c r="C4478" t="s">
        <v>38831</v>
      </c>
      <c r="D4478" t="s">
        <v>38823</v>
      </c>
      <c r="E4478" t="s">
        <v>13</v>
      </c>
      <c r="F4478">
        <v>9604</v>
      </c>
      <c r="G4478" t="s">
        <v>38832</v>
      </c>
      <c r="H4478">
        <v>5.7138839018520002</v>
      </c>
      <c r="I4478">
        <v>50.766288905628997</v>
      </c>
      <c r="J4478" t="s">
        <v>60163</v>
      </c>
    </row>
    <row r="4479" spans="1:10" x14ac:dyDescent="0.25">
      <c r="A4479" t="s">
        <v>38825</v>
      </c>
      <c r="B4479" t="s">
        <v>38826</v>
      </c>
      <c r="C4479" t="s">
        <v>38827</v>
      </c>
      <c r="D4479" t="s">
        <v>38823</v>
      </c>
      <c r="E4479" t="s">
        <v>13</v>
      </c>
      <c r="F4479">
        <v>9603</v>
      </c>
      <c r="G4479" t="s">
        <v>38828</v>
      </c>
      <c r="H4479">
        <v>5.7198637925269997</v>
      </c>
      <c r="I4479">
        <v>50.776344374612002</v>
      </c>
      <c r="J4479" t="s">
        <v>60164</v>
      </c>
    </row>
    <row r="4480" spans="1:10" x14ac:dyDescent="0.25">
      <c r="A4480" t="s">
        <v>38820</v>
      </c>
      <c r="B4480" t="s">
        <v>38821</v>
      </c>
      <c r="C4480" t="s">
        <v>38822</v>
      </c>
      <c r="D4480" t="s">
        <v>38823</v>
      </c>
      <c r="E4480" t="s">
        <v>13</v>
      </c>
      <c r="F4480">
        <v>9602</v>
      </c>
      <c r="G4480" t="s">
        <v>38824</v>
      </c>
      <c r="H4480">
        <v>5.6994188394369996</v>
      </c>
      <c r="I4480">
        <v>50.768643433762001</v>
      </c>
      <c r="J4480" t="s">
        <v>60165</v>
      </c>
    </row>
    <row r="4481" spans="1:10" x14ac:dyDescent="0.25">
      <c r="A4481" t="s">
        <v>38816</v>
      </c>
      <c r="B4481" t="s">
        <v>38817</v>
      </c>
      <c r="C4481" t="s">
        <v>38818</v>
      </c>
      <c r="D4481" t="s">
        <v>38207</v>
      </c>
      <c r="E4481" t="s">
        <v>13</v>
      </c>
      <c r="F4481">
        <v>9601</v>
      </c>
      <c r="G4481" t="s">
        <v>38819</v>
      </c>
      <c r="H4481">
        <v>5.6969799403649999</v>
      </c>
      <c r="I4481">
        <v>53.092394807114999</v>
      </c>
      <c r="J4481" t="s">
        <v>60166</v>
      </c>
    </row>
    <row r="4482" spans="1:10" x14ac:dyDescent="0.25">
      <c r="A4482" t="s">
        <v>38812</v>
      </c>
      <c r="B4482" t="s">
        <v>38813</v>
      </c>
      <c r="C4482" t="s">
        <v>38814</v>
      </c>
      <c r="D4482" t="s">
        <v>38207</v>
      </c>
      <c r="E4482" t="s">
        <v>13</v>
      </c>
      <c r="F4482">
        <v>9600</v>
      </c>
      <c r="G4482" t="s">
        <v>38815</v>
      </c>
      <c r="H4482">
        <v>5.7352060176349999</v>
      </c>
      <c r="I4482">
        <v>53.1154992154</v>
      </c>
      <c r="J4482" t="s">
        <v>60167</v>
      </c>
    </row>
    <row r="4483" spans="1:10" x14ac:dyDescent="0.25">
      <c r="A4483" t="s">
        <v>38808</v>
      </c>
      <c r="B4483" t="s">
        <v>38809</v>
      </c>
      <c r="C4483" t="s">
        <v>38810</v>
      </c>
      <c r="D4483" t="s">
        <v>38207</v>
      </c>
      <c r="E4483" t="s">
        <v>13</v>
      </c>
      <c r="F4483">
        <v>9599</v>
      </c>
      <c r="G4483" t="s">
        <v>38811</v>
      </c>
      <c r="H4483">
        <v>5.6956974150109998</v>
      </c>
      <c r="I4483">
        <v>53.087738566856999</v>
      </c>
      <c r="J4483" t="s">
        <v>60168</v>
      </c>
    </row>
    <row r="4484" spans="1:10" x14ac:dyDescent="0.25">
      <c r="A4484" t="s">
        <v>38804</v>
      </c>
      <c r="B4484" t="s">
        <v>38805</v>
      </c>
      <c r="C4484" t="s">
        <v>38806</v>
      </c>
      <c r="D4484" t="s">
        <v>38207</v>
      </c>
      <c r="E4484" t="s">
        <v>13</v>
      </c>
      <c r="F4484">
        <v>9598</v>
      </c>
      <c r="G4484" t="s">
        <v>38807</v>
      </c>
      <c r="H4484">
        <v>5.6970063955250003</v>
      </c>
      <c r="I4484">
        <v>53.109484139685001</v>
      </c>
      <c r="J4484" t="s">
        <v>60169</v>
      </c>
    </row>
    <row r="4485" spans="1:10" x14ac:dyDescent="0.25">
      <c r="A4485" t="s">
        <v>38800</v>
      </c>
      <c r="B4485" t="s">
        <v>38801</v>
      </c>
      <c r="C4485" t="s">
        <v>38802</v>
      </c>
      <c r="D4485" t="s">
        <v>38207</v>
      </c>
      <c r="E4485" t="s">
        <v>13</v>
      </c>
      <c r="F4485">
        <v>9597</v>
      </c>
      <c r="G4485" t="s">
        <v>38803</v>
      </c>
      <c r="H4485">
        <v>5.6761427873450003</v>
      </c>
      <c r="I4485">
        <v>53.116090286956002</v>
      </c>
      <c r="J4485" t="s">
        <v>60170</v>
      </c>
    </row>
    <row r="4486" spans="1:10" x14ac:dyDescent="0.25">
      <c r="A4486" t="s">
        <v>38796</v>
      </c>
      <c r="B4486" t="s">
        <v>38797</v>
      </c>
      <c r="C4486" t="s">
        <v>38798</v>
      </c>
      <c r="D4486" t="s">
        <v>38207</v>
      </c>
      <c r="E4486" t="s">
        <v>13</v>
      </c>
      <c r="F4486">
        <v>9596</v>
      </c>
      <c r="G4486" t="s">
        <v>38799</v>
      </c>
      <c r="H4486">
        <v>5.566614659621</v>
      </c>
      <c r="I4486">
        <v>53.122097360810002</v>
      </c>
      <c r="J4486" t="s">
        <v>60171</v>
      </c>
    </row>
    <row r="4487" spans="1:10" x14ac:dyDescent="0.25">
      <c r="A4487" t="s">
        <v>38792</v>
      </c>
      <c r="B4487" t="s">
        <v>38793</v>
      </c>
      <c r="C4487" t="s">
        <v>38794</v>
      </c>
      <c r="D4487" t="s">
        <v>38207</v>
      </c>
      <c r="E4487" t="s">
        <v>13</v>
      </c>
      <c r="F4487">
        <v>9595</v>
      </c>
      <c r="G4487" t="s">
        <v>38795</v>
      </c>
      <c r="H4487">
        <v>5.5396083881990004</v>
      </c>
      <c r="I4487">
        <v>53.109707042666003</v>
      </c>
      <c r="J4487" t="s">
        <v>60172</v>
      </c>
    </row>
    <row r="4488" spans="1:10" x14ac:dyDescent="0.25">
      <c r="A4488" t="s">
        <v>38788</v>
      </c>
      <c r="B4488" t="s">
        <v>38789</v>
      </c>
      <c r="C4488" t="s">
        <v>38790</v>
      </c>
      <c r="D4488" t="s">
        <v>38207</v>
      </c>
      <c r="E4488" t="s">
        <v>13</v>
      </c>
      <c r="F4488">
        <v>9594</v>
      </c>
      <c r="G4488" t="s">
        <v>38791</v>
      </c>
      <c r="H4488">
        <v>5.5701837306759998</v>
      </c>
      <c r="I4488">
        <v>53.119578979238</v>
      </c>
      <c r="J4488" t="s">
        <v>60173</v>
      </c>
    </row>
    <row r="4489" spans="1:10" x14ac:dyDescent="0.25">
      <c r="A4489" t="s">
        <v>38784</v>
      </c>
      <c r="B4489" t="s">
        <v>38785</v>
      </c>
      <c r="C4489" t="s">
        <v>38786</v>
      </c>
      <c r="D4489" t="s">
        <v>38207</v>
      </c>
      <c r="E4489" t="s">
        <v>13</v>
      </c>
      <c r="F4489">
        <v>9593</v>
      </c>
      <c r="G4489" t="s">
        <v>38787</v>
      </c>
      <c r="H4489">
        <v>5.611769216161</v>
      </c>
      <c r="I4489">
        <v>53.125993693939002</v>
      </c>
      <c r="J4489" t="s">
        <v>60174</v>
      </c>
    </row>
    <row r="4490" spans="1:10" x14ac:dyDescent="0.25">
      <c r="A4490" t="s">
        <v>38780</v>
      </c>
      <c r="B4490" t="s">
        <v>38781</v>
      </c>
      <c r="C4490" t="s">
        <v>38782</v>
      </c>
      <c r="D4490" t="s">
        <v>38207</v>
      </c>
      <c r="E4490" t="s">
        <v>13</v>
      </c>
      <c r="F4490">
        <v>9592</v>
      </c>
      <c r="G4490" t="s">
        <v>38783</v>
      </c>
      <c r="H4490">
        <v>5.6196097987250004</v>
      </c>
      <c r="I4490">
        <v>53.098377784782002</v>
      </c>
      <c r="J4490" t="s">
        <v>60175</v>
      </c>
    </row>
    <row r="4491" spans="1:10" x14ac:dyDescent="0.25">
      <c r="A4491" t="s">
        <v>38776</v>
      </c>
      <c r="B4491" t="s">
        <v>38777</v>
      </c>
      <c r="C4491" t="s">
        <v>38778</v>
      </c>
      <c r="D4491" t="s">
        <v>38207</v>
      </c>
      <c r="E4491" t="s">
        <v>13</v>
      </c>
      <c r="F4491">
        <v>9591</v>
      </c>
      <c r="G4491" t="s">
        <v>38779</v>
      </c>
      <c r="H4491">
        <v>5.5814817378599999</v>
      </c>
      <c r="I4491">
        <v>53.100806032972002</v>
      </c>
      <c r="J4491" t="s">
        <v>60176</v>
      </c>
    </row>
    <row r="4492" spans="1:10" x14ac:dyDescent="0.25">
      <c r="A4492" t="s">
        <v>38772</v>
      </c>
      <c r="B4492" t="s">
        <v>38773</v>
      </c>
      <c r="C4492" t="s">
        <v>38774</v>
      </c>
      <c r="D4492" t="s">
        <v>38207</v>
      </c>
      <c r="E4492" t="s">
        <v>13</v>
      </c>
      <c r="F4492">
        <v>9590</v>
      </c>
      <c r="G4492" t="s">
        <v>38775</v>
      </c>
      <c r="H4492">
        <v>5.6362503474499999</v>
      </c>
      <c r="I4492">
        <v>53.077567615797001</v>
      </c>
      <c r="J4492" t="s">
        <v>60177</v>
      </c>
    </row>
    <row r="4493" spans="1:10" x14ac:dyDescent="0.25">
      <c r="A4493" t="s">
        <v>38768</v>
      </c>
      <c r="B4493" t="s">
        <v>38769</v>
      </c>
      <c r="C4493" t="s">
        <v>38770</v>
      </c>
      <c r="D4493" t="s">
        <v>38207</v>
      </c>
      <c r="E4493" t="s">
        <v>13</v>
      </c>
      <c r="F4493">
        <v>9589</v>
      </c>
      <c r="G4493" t="s">
        <v>38771</v>
      </c>
      <c r="H4493">
        <v>5.6020067964870002</v>
      </c>
      <c r="I4493">
        <v>53.077953736809</v>
      </c>
      <c r="J4493" t="s">
        <v>60178</v>
      </c>
    </row>
    <row r="4494" spans="1:10" x14ac:dyDescent="0.25">
      <c r="A4494" t="s">
        <v>38764</v>
      </c>
      <c r="B4494" t="s">
        <v>38765</v>
      </c>
      <c r="C4494" t="s">
        <v>38766</v>
      </c>
      <c r="D4494" t="s">
        <v>38207</v>
      </c>
      <c r="E4494" t="s">
        <v>13</v>
      </c>
      <c r="F4494">
        <v>9588</v>
      </c>
      <c r="G4494" t="s">
        <v>38767</v>
      </c>
      <c r="H4494">
        <v>5.6638360727019998</v>
      </c>
      <c r="I4494">
        <v>53.082167372028998</v>
      </c>
      <c r="J4494" t="s">
        <v>60179</v>
      </c>
    </row>
    <row r="4495" spans="1:10" x14ac:dyDescent="0.25">
      <c r="A4495" t="s">
        <v>38760</v>
      </c>
      <c r="B4495" t="s">
        <v>38761</v>
      </c>
      <c r="C4495" t="s">
        <v>38762</v>
      </c>
      <c r="D4495" t="s">
        <v>38207</v>
      </c>
      <c r="E4495" t="s">
        <v>13</v>
      </c>
      <c r="F4495">
        <v>9587</v>
      </c>
      <c r="G4495" t="s">
        <v>38763</v>
      </c>
      <c r="H4495">
        <v>5.6597891649129997</v>
      </c>
      <c r="I4495">
        <v>53.096145410094998</v>
      </c>
      <c r="J4495" t="s">
        <v>60180</v>
      </c>
    </row>
    <row r="4496" spans="1:10" x14ac:dyDescent="0.25">
      <c r="A4496" t="s">
        <v>38756</v>
      </c>
      <c r="B4496" t="s">
        <v>38757</v>
      </c>
      <c r="C4496" t="s">
        <v>38758</v>
      </c>
      <c r="D4496" t="s">
        <v>38207</v>
      </c>
      <c r="E4496" t="s">
        <v>13</v>
      </c>
      <c r="F4496">
        <v>9586</v>
      </c>
      <c r="G4496" t="s">
        <v>38759</v>
      </c>
      <c r="H4496">
        <v>5.6460388665109997</v>
      </c>
      <c r="I4496">
        <v>53.104017726515998</v>
      </c>
      <c r="J4496" t="s">
        <v>60181</v>
      </c>
    </row>
    <row r="4497" spans="1:10" x14ac:dyDescent="0.25">
      <c r="A4497" t="s">
        <v>38752</v>
      </c>
      <c r="B4497" t="s">
        <v>38753</v>
      </c>
      <c r="C4497" t="s">
        <v>38754</v>
      </c>
      <c r="D4497" t="s">
        <v>38207</v>
      </c>
      <c r="E4497" t="s">
        <v>13</v>
      </c>
      <c r="F4497">
        <v>9585</v>
      </c>
      <c r="G4497" t="s">
        <v>38755</v>
      </c>
      <c r="H4497">
        <v>5.6368161423089997</v>
      </c>
      <c r="I4497">
        <v>53.117406557343003</v>
      </c>
      <c r="J4497" t="s">
        <v>60182</v>
      </c>
    </row>
    <row r="4498" spans="1:10" x14ac:dyDescent="0.25">
      <c r="A4498" t="s">
        <v>38748</v>
      </c>
      <c r="B4498" t="s">
        <v>38749</v>
      </c>
      <c r="C4498" t="s">
        <v>38750</v>
      </c>
      <c r="D4498" t="s">
        <v>38207</v>
      </c>
      <c r="E4498" t="s">
        <v>13</v>
      </c>
      <c r="F4498">
        <v>9584</v>
      </c>
      <c r="G4498" t="s">
        <v>38751</v>
      </c>
      <c r="H4498">
        <v>5.6188050307089998</v>
      </c>
      <c r="I4498">
        <v>53.098475243857003</v>
      </c>
      <c r="J4498" t="s">
        <v>60183</v>
      </c>
    </row>
    <row r="4499" spans="1:10" x14ac:dyDescent="0.25">
      <c r="A4499" t="s">
        <v>38744</v>
      </c>
      <c r="B4499" t="s">
        <v>38745</v>
      </c>
      <c r="C4499" t="s">
        <v>38746</v>
      </c>
      <c r="D4499" t="s">
        <v>38207</v>
      </c>
      <c r="E4499" t="s">
        <v>13</v>
      </c>
      <c r="F4499">
        <v>9583</v>
      </c>
      <c r="G4499" t="s">
        <v>38747</v>
      </c>
      <c r="H4499">
        <v>5.5895412683389996</v>
      </c>
      <c r="I4499">
        <v>53.108590101498002</v>
      </c>
      <c r="J4499" t="s">
        <v>60184</v>
      </c>
    </row>
    <row r="4500" spans="1:10" x14ac:dyDescent="0.25">
      <c r="A4500" t="s">
        <v>38740</v>
      </c>
      <c r="B4500" t="s">
        <v>38741</v>
      </c>
      <c r="C4500" t="s">
        <v>38742</v>
      </c>
      <c r="D4500" t="s">
        <v>38207</v>
      </c>
      <c r="E4500" t="s">
        <v>13</v>
      </c>
      <c r="F4500">
        <v>9582</v>
      </c>
      <c r="G4500" t="s">
        <v>38743</v>
      </c>
      <c r="H4500">
        <v>5.7177300476599999</v>
      </c>
      <c r="I4500">
        <v>53.083211523513</v>
      </c>
      <c r="J4500" t="s">
        <v>60185</v>
      </c>
    </row>
    <row r="4501" spans="1:10" x14ac:dyDescent="0.25">
      <c r="A4501" t="s">
        <v>38736</v>
      </c>
      <c r="B4501" t="s">
        <v>38737</v>
      </c>
      <c r="C4501" t="s">
        <v>38738</v>
      </c>
      <c r="D4501" t="s">
        <v>38207</v>
      </c>
      <c r="E4501" t="s">
        <v>13</v>
      </c>
      <c r="F4501">
        <v>9581</v>
      </c>
      <c r="G4501" t="s">
        <v>38739</v>
      </c>
      <c r="H4501">
        <v>5.7418441490159999</v>
      </c>
      <c r="I4501">
        <v>53.067990036796999</v>
      </c>
      <c r="J4501" t="s">
        <v>60186</v>
      </c>
    </row>
    <row r="4502" spans="1:10" x14ac:dyDescent="0.25">
      <c r="A4502" t="s">
        <v>38732</v>
      </c>
      <c r="B4502" t="s">
        <v>38733</v>
      </c>
      <c r="C4502" t="s">
        <v>38734</v>
      </c>
      <c r="D4502" t="s">
        <v>38207</v>
      </c>
      <c r="E4502" t="s">
        <v>13</v>
      </c>
      <c r="F4502">
        <v>9580</v>
      </c>
      <c r="G4502" t="s">
        <v>38735</v>
      </c>
      <c r="H4502">
        <v>5.735273873653</v>
      </c>
      <c r="I4502">
        <v>53.059016552168998</v>
      </c>
      <c r="J4502" t="s">
        <v>60187</v>
      </c>
    </row>
    <row r="4503" spans="1:10" x14ac:dyDescent="0.25">
      <c r="A4503" t="s">
        <v>38728</v>
      </c>
      <c r="B4503" t="s">
        <v>38729</v>
      </c>
      <c r="C4503" t="s">
        <v>38730</v>
      </c>
      <c r="D4503" t="s">
        <v>38207</v>
      </c>
      <c r="E4503" t="s">
        <v>13</v>
      </c>
      <c r="F4503">
        <v>9579</v>
      </c>
      <c r="G4503" t="s">
        <v>38731</v>
      </c>
      <c r="H4503">
        <v>5.7550369040809999</v>
      </c>
      <c r="I4503">
        <v>53.077947305256998</v>
      </c>
      <c r="J4503" t="s">
        <v>60188</v>
      </c>
    </row>
    <row r="4504" spans="1:10" x14ac:dyDescent="0.25">
      <c r="A4504" t="s">
        <v>38724</v>
      </c>
      <c r="B4504" t="s">
        <v>38725</v>
      </c>
      <c r="C4504" t="s">
        <v>38726</v>
      </c>
      <c r="D4504" t="s">
        <v>38207</v>
      </c>
      <c r="E4504" t="s">
        <v>13</v>
      </c>
      <c r="F4504">
        <v>9578</v>
      </c>
      <c r="G4504" t="s">
        <v>38727</v>
      </c>
      <c r="H4504">
        <v>5.7569416695650002</v>
      </c>
      <c r="I4504">
        <v>53.098115909295998</v>
      </c>
      <c r="J4504" t="s">
        <v>60189</v>
      </c>
    </row>
    <row r="4505" spans="1:10" x14ac:dyDescent="0.25">
      <c r="A4505" t="s">
        <v>38720</v>
      </c>
      <c r="B4505" t="s">
        <v>38721</v>
      </c>
      <c r="C4505" t="s">
        <v>38722</v>
      </c>
      <c r="D4505" t="s">
        <v>38207</v>
      </c>
      <c r="E4505" t="s">
        <v>13</v>
      </c>
      <c r="F4505">
        <v>9577</v>
      </c>
      <c r="G4505" t="s">
        <v>38723</v>
      </c>
      <c r="H4505">
        <v>5.4271868886989996</v>
      </c>
      <c r="I4505">
        <v>53.022794867603999</v>
      </c>
      <c r="J4505" t="s">
        <v>60190</v>
      </c>
    </row>
    <row r="4506" spans="1:10" x14ac:dyDescent="0.25">
      <c r="A4506" t="s">
        <v>38716</v>
      </c>
      <c r="B4506" t="s">
        <v>38717</v>
      </c>
      <c r="C4506" t="s">
        <v>38718</v>
      </c>
      <c r="D4506" t="s">
        <v>38207</v>
      </c>
      <c r="E4506" t="s">
        <v>13</v>
      </c>
      <c r="F4506">
        <v>9576</v>
      </c>
      <c r="G4506" t="s">
        <v>38719</v>
      </c>
      <c r="H4506">
        <v>5.4379230864680004</v>
      </c>
      <c r="I4506">
        <v>53.005546264388002</v>
      </c>
      <c r="J4506" t="s">
        <v>60191</v>
      </c>
    </row>
    <row r="4507" spans="1:10" x14ac:dyDescent="0.25">
      <c r="A4507" t="s">
        <v>38712</v>
      </c>
      <c r="B4507" t="s">
        <v>38713</v>
      </c>
      <c r="C4507" t="s">
        <v>38714</v>
      </c>
      <c r="D4507" t="s">
        <v>38207</v>
      </c>
      <c r="E4507" t="s">
        <v>13</v>
      </c>
      <c r="F4507">
        <v>9575</v>
      </c>
      <c r="G4507" t="s">
        <v>38715</v>
      </c>
      <c r="H4507">
        <v>5.4322340150270003</v>
      </c>
      <c r="I4507">
        <v>53.006469838237003</v>
      </c>
      <c r="J4507" t="s">
        <v>60192</v>
      </c>
    </row>
    <row r="4508" spans="1:10" x14ac:dyDescent="0.25">
      <c r="A4508" t="s">
        <v>38708</v>
      </c>
      <c r="B4508" t="s">
        <v>38709</v>
      </c>
      <c r="C4508" t="s">
        <v>38710</v>
      </c>
      <c r="D4508" t="s">
        <v>38207</v>
      </c>
      <c r="E4508" t="s">
        <v>13</v>
      </c>
      <c r="F4508">
        <v>9574</v>
      </c>
      <c r="G4508" t="s">
        <v>38711</v>
      </c>
      <c r="H4508">
        <v>5.4129003297839997</v>
      </c>
      <c r="I4508">
        <v>53.017831964129002</v>
      </c>
      <c r="J4508" t="s">
        <v>60193</v>
      </c>
    </row>
    <row r="4509" spans="1:10" x14ac:dyDescent="0.25">
      <c r="A4509" t="s">
        <v>38704</v>
      </c>
      <c r="B4509" t="s">
        <v>38705</v>
      </c>
      <c r="C4509" t="s">
        <v>38706</v>
      </c>
      <c r="D4509" t="s">
        <v>38207</v>
      </c>
      <c r="E4509" t="s">
        <v>13</v>
      </c>
      <c r="F4509">
        <v>9573</v>
      </c>
      <c r="G4509" t="s">
        <v>38707</v>
      </c>
      <c r="H4509">
        <v>5.4151469676400001</v>
      </c>
      <c r="I4509">
        <v>53.034211308301003</v>
      </c>
      <c r="J4509" t="s">
        <v>60194</v>
      </c>
    </row>
    <row r="4510" spans="1:10" x14ac:dyDescent="0.25">
      <c r="A4510" t="s">
        <v>38700</v>
      </c>
      <c r="B4510" t="s">
        <v>38701</v>
      </c>
      <c r="C4510" t="s">
        <v>38702</v>
      </c>
      <c r="D4510" t="s">
        <v>38207</v>
      </c>
      <c r="E4510" t="s">
        <v>13</v>
      </c>
      <c r="F4510">
        <v>9572</v>
      </c>
      <c r="G4510" t="s">
        <v>38703</v>
      </c>
      <c r="H4510">
        <v>5.4454706495079996</v>
      </c>
      <c r="I4510">
        <v>53.042081181305001</v>
      </c>
      <c r="J4510" t="s">
        <v>60195</v>
      </c>
    </row>
    <row r="4511" spans="1:10" x14ac:dyDescent="0.25">
      <c r="A4511" t="s">
        <v>38696</v>
      </c>
      <c r="B4511" t="s">
        <v>38697</v>
      </c>
      <c r="C4511" t="s">
        <v>38698</v>
      </c>
      <c r="D4511" t="s">
        <v>38207</v>
      </c>
      <c r="E4511" t="s">
        <v>13</v>
      </c>
      <c r="F4511">
        <v>9571</v>
      </c>
      <c r="G4511" t="s">
        <v>38699</v>
      </c>
      <c r="H4511">
        <v>5.3969406998479998</v>
      </c>
      <c r="I4511">
        <v>53.051704288621998</v>
      </c>
      <c r="J4511" t="s">
        <v>60196</v>
      </c>
    </row>
    <row r="4512" spans="1:10" x14ac:dyDescent="0.25">
      <c r="A4512" t="s">
        <v>38692</v>
      </c>
      <c r="B4512" t="s">
        <v>38693</v>
      </c>
      <c r="C4512" t="s">
        <v>38694</v>
      </c>
      <c r="D4512" t="s">
        <v>38207</v>
      </c>
      <c r="E4512" t="s">
        <v>13</v>
      </c>
      <c r="F4512">
        <v>9570</v>
      </c>
      <c r="G4512" t="s">
        <v>38695</v>
      </c>
      <c r="H4512">
        <v>5.419300128113</v>
      </c>
      <c r="I4512">
        <v>53.061426942292997</v>
      </c>
      <c r="J4512" t="s">
        <v>60197</v>
      </c>
    </row>
    <row r="4513" spans="1:10" x14ac:dyDescent="0.25">
      <c r="A4513" t="s">
        <v>38688</v>
      </c>
      <c r="B4513" t="s">
        <v>38689</v>
      </c>
      <c r="C4513" t="s">
        <v>38690</v>
      </c>
      <c r="D4513" t="s">
        <v>38207</v>
      </c>
      <c r="E4513" t="s">
        <v>13</v>
      </c>
      <c r="F4513">
        <v>9569</v>
      </c>
      <c r="G4513" t="s">
        <v>38691</v>
      </c>
      <c r="H4513">
        <v>5.405867006966</v>
      </c>
      <c r="I4513">
        <v>53.057671995424002</v>
      </c>
      <c r="J4513" t="s">
        <v>60198</v>
      </c>
    </row>
    <row r="4514" spans="1:10" x14ac:dyDescent="0.25">
      <c r="A4514" t="s">
        <v>38684</v>
      </c>
      <c r="B4514" t="s">
        <v>38685</v>
      </c>
      <c r="C4514" t="s">
        <v>38686</v>
      </c>
      <c r="D4514" t="s">
        <v>38207</v>
      </c>
      <c r="E4514" t="s">
        <v>13</v>
      </c>
      <c r="F4514">
        <v>9568</v>
      </c>
      <c r="G4514" t="s">
        <v>38687</v>
      </c>
      <c r="H4514">
        <v>5.4670757284549998</v>
      </c>
      <c r="I4514">
        <v>53.055838612546999</v>
      </c>
      <c r="J4514" t="s">
        <v>60199</v>
      </c>
    </row>
    <row r="4515" spans="1:10" x14ac:dyDescent="0.25">
      <c r="A4515" t="s">
        <v>38680</v>
      </c>
      <c r="B4515" t="s">
        <v>38681</v>
      </c>
      <c r="C4515" t="s">
        <v>38682</v>
      </c>
      <c r="D4515" t="s">
        <v>38207</v>
      </c>
      <c r="E4515" t="s">
        <v>13</v>
      </c>
      <c r="F4515">
        <v>9567</v>
      </c>
      <c r="G4515" t="s">
        <v>38683</v>
      </c>
      <c r="H4515">
        <v>5.5054221478149996</v>
      </c>
      <c r="I4515">
        <v>53.039343960198998</v>
      </c>
      <c r="J4515" t="s">
        <v>60200</v>
      </c>
    </row>
    <row r="4516" spans="1:10" x14ac:dyDescent="0.25">
      <c r="A4516" t="s">
        <v>38676</v>
      </c>
      <c r="B4516" t="s">
        <v>38677</v>
      </c>
      <c r="C4516" t="s">
        <v>38678</v>
      </c>
      <c r="D4516" t="s">
        <v>38207</v>
      </c>
      <c r="E4516" t="s">
        <v>13</v>
      </c>
      <c r="F4516">
        <v>9566</v>
      </c>
      <c r="G4516" t="s">
        <v>38679</v>
      </c>
      <c r="H4516">
        <v>5.4676854699149997</v>
      </c>
      <c r="I4516">
        <v>53.013289194571001</v>
      </c>
      <c r="J4516" t="s">
        <v>60201</v>
      </c>
    </row>
    <row r="4517" spans="1:10" x14ac:dyDescent="0.25">
      <c r="A4517" t="s">
        <v>38672</v>
      </c>
      <c r="B4517" t="s">
        <v>38673</v>
      </c>
      <c r="C4517" t="s">
        <v>38674</v>
      </c>
      <c r="D4517" t="s">
        <v>38207</v>
      </c>
      <c r="E4517" t="s">
        <v>13</v>
      </c>
      <c r="F4517">
        <v>9565</v>
      </c>
      <c r="G4517" t="s">
        <v>38675</v>
      </c>
      <c r="H4517">
        <v>5.4639567920890002</v>
      </c>
      <c r="I4517">
        <v>53.055881025129999</v>
      </c>
      <c r="J4517" t="s">
        <v>60202</v>
      </c>
    </row>
    <row r="4518" spans="1:10" x14ac:dyDescent="0.25">
      <c r="A4518" t="s">
        <v>38668</v>
      </c>
      <c r="B4518" t="s">
        <v>38669</v>
      </c>
      <c r="C4518" t="s">
        <v>38670</v>
      </c>
      <c r="D4518" t="s">
        <v>38207</v>
      </c>
      <c r="E4518" t="s">
        <v>13</v>
      </c>
      <c r="F4518">
        <v>9564</v>
      </c>
      <c r="G4518" t="s">
        <v>38671</v>
      </c>
      <c r="H4518">
        <v>5.5001476427640004</v>
      </c>
      <c r="I4518">
        <v>53.041538030985997</v>
      </c>
      <c r="J4518" t="s">
        <v>60203</v>
      </c>
    </row>
    <row r="4519" spans="1:10" x14ac:dyDescent="0.25">
      <c r="A4519" t="s">
        <v>38664</v>
      </c>
      <c r="B4519" t="s">
        <v>38665</v>
      </c>
      <c r="C4519" t="s">
        <v>38666</v>
      </c>
      <c r="D4519" t="s">
        <v>38207</v>
      </c>
      <c r="E4519" t="s">
        <v>13</v>
      </c>
      <c r="F4519">
        <v>9563</v>
      </c>
      <c r="G4519" t="s">
        <v>38667</v>
      </c>
      <c r="H4519">
        <v>5.4954039884309998</v>
      </c>
      <c r="I4519">
        <v>53.021850474021001</v>
      </c>
      <c r="J4519" t="s">
        <v>60204</v>
      </c>
    </row>
    <row r="4520" spans="1:10" x14ac:dyDescent="0.25">
      <c r="A4520" t="s">
        <v>38660</v>
      </c>
      <c r="B4520" t="s">
        <v>38661</v>
      </c>
      <c r="C4520" t="s">
        <v>38662</v>
      </c>
      <c r="D4520" t="s">
        <v>38207</v>
      </c>
      <c r="E4520" t="s">
        <v>13</v>
      </c>
      <c r="F4520">
        <v>9562</v>
      </c>
      <c r="G4520" t="s">
        <v>38663</v>
      </c>
      <c r="H4520">
        <v>5.4895601129799996</v>
      </c>
      <c r="I4520">
        <v>53.004223348459</v>
      </c>
      <c r="J4520" t="s">
        <v>60205</v>
      </c>
    </row>
    <row r="4521" spans="1:10" x14ac:dyDescent="0.25">
      <c r="A4521" t="s">
        <v>38656</v>
      </c>
      <c r="B4521" t="s">
        <v>38657</v>
      </c>
      <c r="C4521" t="s">
        <v>38658</v>
      </c>
      <c r="D4521" t="s">
        <v>38207</v>
      </c>
      <c r="E4521" t="s">
        <v>13</v>
      </c>
      <c r="F4521">
        <v>9561</v>
      </c>
      <c r="G4521" t="s">
        <v>38659</v>
      </c>
      <c r="H4521">
        <v>5.4773566572370003</v>
      </c>
      <c r="I4521">
        <v>53.016578719480997</v>
      </c>
      <c r="J4521" t="s">
        <v>60206</v>
      </c>
    </row>
    <row r="4522" spans="1:10" x14ac:dyDescent="0.25">
      <c r="A4522" t="s">
        <v>38652</v>
      </c>
      <c r="B4522" t="s">
        <v>38653</v>
      </c>
      <c r="C4522" t="s">
        <v>38654</v>
      </c>
      <c r="D4522" t="s">
        <v>38207</v>
      </c>
      <c r="E4522" t="s">
        <v>13</v>
      </c>
      <c r="F4522">
        <v>9560</v>
      </c>
      <c r="G4522" t="s">
        <v>38655</v>
      </c>
      <c r="H4522">
        <v>5.3844346110760002</v>
      </c>
      <c r="I4522">
        <v>53.099025618505003</v>
      </c>
      <c r="J4522" t="s">
        <v>60207</v>
      </c>
    </row>
    <row r="4523" spans="1:10" x14ac:dyDescent="0.25">
      <c r="A4523" t="s">
        <v>38648</v>
      </c>
      <c r="B4523" t="s">
        <v>38649</v>
      </c>
      <c r="C4523" t="s">
        <v>38650</v>
      </c>
      <c r="D4523" t="s">
        <v>38207</v>
      </c>
      <c r="E4523" t="s">
        <v>13</v>
      </c>
      <c r="F4523">
        <v>9559</v>
      </c>
      <c r="G4523" t="s">
        <v>38651</v>
      </c>
      <c r="H4523">
        <v>5.2482438589319997</v>
      </c>
      <c r="I4523">
        <v>53.04045801494</v>
      </c>
      <c r="J4523" t="s">
        <v>60208</v>
      </c>
    </row>
    <row r="4524" spans="1:10" x14ac:dyDescent="0.25">
      <c r="A4524" t="s">
        <v>38644</v>
      </c>
      <c r="B4524" t="s">
        <v>38645</v>
      </c>
      <c r="C4524" t="s">
        <v>38646</v>
      </c>
      <c r="D4524" t="s">
        <v>38207</v>
      </c>
      <c r="E4524" t="s">
        <v>13</v>
      </c>
      <c r="F4524">
        <v>9558</v>
      </c>
      <c r="G4524" t="s">
        <v>38647</v>
      </c>
      <c r="H4524">
        <v>5.3962199167899998</v>
      </c>
      <c r="I4524">
        <v>53.083425220819002</v>
      </c>
      <c r="J4524" t="s">
        <v>60209</v>
      </c>
    </row>
    <row r="4525" spans="1:10" x14ac:dyDescent="0.25">
      <c r="A4525" t="s">
        <v>38640</v>
      </c>
      <c r="B4525" t="s">
        <v>38641</v>
      </c>
      <c r="C4525" t="s">
        <v>38642</v>
      </c>
      <c r="D4525" t="s">
        <v>38207</v>
      </c>
      <c r="E4525" t="s">
        <v>13</v>
      </c>
      <c r="F4525">
        <v>9557</v>
      </c>
      <c r="G4525" t="s">
        <v>38643</v>
      </c>
      <c r="H4525">
        <v>5.4220941467579999</v>
      </c>
      <c r="I4525">
        <v>53.083632418129</v>
      </c>
      <c r="J4525" t="s">
        <v>60210</v>
      </c>
    </row>
    <row r="4526" spans="1:10" x14ac:dyDescent="0.25">
      <c r="A4526" t="s">
        <v>38636</v>
      </c>
      <c r="B4526" t="s">
        <v>38637</v>
      </c>
      <c r="C4526" t="s">
        <v>38638</v>
      </c>
      <c r="D4526" t="s">
        <v>38207</v>
      </c>
      <c r="E4526" t="s">
        <v>13</v>
      </c>
      <c r="F4526">
        <v>9556</v>
      </c>
      <c r="G4526" t="s">
        <v>38639</v>
      </c>
      <c r="H4526">
        <v>5.3954498558289998</v>
      </c>
      <c r="I4526">
        <v>53.112061692235002</v>
      </c>
      <c r="J4526" t="s">
        <v>60211</v>
      </c>
    </row>
    <row r="4527" spans="1:10" x14ac:dyDescent="0.25">
      <c r="A4527" t="s">
        <v>38632</v>
      </c>
      <c r="B4527" t="s">
        <v>38633</v>
      </c>
      <c r="C4527" t="s">
        <v>38634</v>
      </c>
      <c r="D4527" t="s">
        <v>38207</v>
      </c>
      <c r="E4527" t="s">
        <v>13</v>
      </c>
      <c r="F4527">
        <v>9555</v>
      </c>
      <c r="G4527" t="s">
        <v>38635</v>
      </c>
      <c r="H4527">
        <v>5.4853742376490002</v>
      </c>
      <c r="I4527">
        <v>53.082120916137001</v>
      </c>
      <c r="J4527" t="s">
        <v>60212</v>
      </c>
    </row>
    <row r="4528" spans="1:10" x14ac:dyDescent="0.25">
      <c r="A4528" t="s">
        <v>38628</v>
      </c>
      <c r="B4528" t="s">
        <v>38629</v>
      </c>
      <c r="C4528" t="s">
        <v>38630</v>
      </c>
      <c r="D4528" t="s">
        <v>38207</v>
      </c>
      <c r="E4528" t="s">
        <v>13</v>
      </c>
      <c r="F4528">
        <v>9554</v>
      </c>
      <c r="G4528" t="s">
        <v>38631</v>
      </c>
      <c r="H4528">
        <v>5.5420776146630004</v>
      </c>
      <c r="I4528">
        <v>53.089432929301999</v>
      </c>
      <c r="J4528" t="s">
        <v>60213</v>
      </c>
    </row>
    <row r="4529" spans="1:10" x14ac:dyDescent="0.25">
      <c r="A4529" t="s">
        <v>38624</v>
      </c>
      <c r="B4529" t="s">
        <v>38625</v>
      </c>
      <c r="C4529" t="s">
        <v>38626</v>
      </c>
      <c r="D4529" t="s">
        <v>38207</v>
      </c>
      <c r="E4529" t="s">
        <v>13</v>
      </c>
      <c r="F4529">
        <v>9553</v>
      </c>
      <c r="G4529" t="s">
        <v>38627</v>
      </c>
      <c r="H4529">
        <v>5.5256260828089996</v>
      </c>
      <c r="I4529">
        <v>53.127810823037002</v>
      </c>
      <c r="J4529" t="s">
        <v>60214</v>
      </c>
    </row>
    <row r="4530" spans="1:10" x14ac:dyDescent="0.25">
      <c r="A4530" t="s">
        <v>38620</v>
      </c>
      <c r="B4530" t="s">
        <v>38621</v>
      </c>
      <c r="C4530" t="s">
        <v>38622</v>
      </c>
      <c r="D4530" t="s">
        <v>38207</v>
      </c>
      <c r="E4530" t="s">
        <v>13</v>
      </c>
      <c r="F4530">
        <v>9552</v>
      </c>
      <c r="G4530" t="s">
        <v>38623</v>
      </c>
      <c r="H4530">
        <v>5.4519057177289998</v>
      </c>
      <c r="I4530">
        <v>53.077217896162999</v>
      </c>
      <c r="J4530" t="s">
        <v>60215</v>
      </c>
    </row>
    <row r="4531" spans="1:10" x14ac:dyDescent="0.25">
      <c r="A4531" t="s">
        <v>38616</v>
      </c>
      <c r="B4531" t="s">
        <v>38617</v>
      </c>
      <c r="C4531" t="s">
        <v>38618</v>
      </c>
      <c r="D4531" t="s">
        <v>38207</v>
      </c>
      <c r="E4531" t="s">
        <v>13</v>
      </c>
      <c r="F4531">
        <v>9551</v>
      </c>
      <c r="G4531" t="s">
        <v>38619</v>
      </c>
      <c r="H4531">
        <v>5.4770114357660002</v>
      </c>
      <c r="I4531">
        <v>53.069008902085997</v>
      </c>
      <c r="J4531" t="s">
        <v>60216</v>
      </c>
    </row>
    <row r="4532" spans="1:10" x14ac:dyDescent="0.25">
      <c r="A4532" t="s">
        <v>38612</v>
      </c>
      <c r="B4532" t="s">
        <v>38613</v>
      </c>
      <c r="C4532" t="s">
        <v>38614</v>
      </c>
      <c r="D4532" t="s">
        <v>38207</v>
      </c>
      <c r="E4532" t="s">
        <v>13</v>
      </c>
      <c r="F4532">
        <v>9550</v>
      </c>
      <c r="G4532" t="s">
        <v>38615</v>
      </c>
      <c r="H4532">
        <v>5.4831584607329997</v>
      </c>
      <c r="I4532">
        <v>53.082868692536003</v>
      </c>
      <c r="J4532" t="s">
        <v>60217</v>
      </c>
    </row>
    <row r="4533" spans="1:10" x14ac:dyDescent="0.25">
      <c r="A4533" t="s">
        <v>38608</v>
      </c>
      <c r="B4533" t="s">
        <v>38609</v>
      </c>
      <c r="C4533" t="s">
        <v>38610</v>
      </c>
      <c r="D4533" t="s">
        <v>38207</v>
      </c>
      <c r="E4533" t="s">
        <v>13</v>
      </c>
      <c r="F4533">
        <v>9549</v>
      </c>
      <c r="G4533" t="s">
        <v>38611</v>
      </c>
      <c r="H4533">
        <v>5.518868561963</v>
      </c>
      <c r="I4533">
        <v>53.083624955356001</v>
      </c>
      <c r="J4533" t="s">
        <v>60218</v>
      </c>
    </row>
    <row r="4534" spans="1:10" x14ac:dyDescent="0.25">
      <c r="A4534" t="s">
        <v>38604</v>
      </c>
      <c r="B4534" t="s">
        <v>38605</v>
      </c>
      <c r="C4534" t="s">
        <v>38606</v>
      </c>
      <c r="D4534" t="s">
        <v>38207</v>
      </c>
      <c r="E4534" t="s">
        <v>13</v>
      </c>
      <c r="F4534">
        <v>9548</v>
      </c>
      <c r="G4534" t="s">
        <v>38607</v>
      </c>
      <c r="H4534">
        <v>5.5716783955910003</v>
      </c>
      <c r="I4534">
        <v>53.072621178890003</v>
      </c>
      <c r="J4534" t="s">
        <v>60219</v>
      </c>
    </row>
    <row r="4535" spans="1:10" x14ac:dyDescent="0.25">
      <c r="A4535" t="s">
        <v>38600</v>
      </c>
      <c r="B4535" t="s">
        <v>38601</v>
      </c>
      <c r="C4535" t="s">
        <v>38602</v>
      </c>
      <c r="D4535" t="s">
        <v>38207</v>
      </c>
      <c r="E4535" t="s">
        <v>13</v>
      </c>
      <c r="F4535">
        <v>9547</v>
      </c>
      <c r="G4535" t="s">
        <v>38603</v>
      </c>
      <c r="H4535">
        <v>5.5443170427500004</v>
      </c>
      <c r="I4535">
        <v>53.087971631995003</v>
      </c>
      <c r="J4535" t="s">
        <v>60220</v>
      </c>
    </row>
    <row r="4536" spans="1:10" x14ac:dyDescent="0.25">
      <c r="A4536" t="s">
        <v>38596</v>
      </c>
      <c r="B4536" t="s">
        <v>38597</v>
      </c>
      <c r="C4536" t="s">
        <v>38598</v>
      </c>
      <c r="D4536" t="s">
        <v>38207</v>
      </c>
      <c r="E4536" t="s">
        <v>13</v>
      </c>
      <c r="F4536">
        <v>9546</v>
      </c>
      <c r="G4536" t="s">
        <v>38599</v>
      </c>
      <c r="H4536">
        <v>5.5321516418619998</v>
      </c>
      <c r="I4536">
        <v>53.124885813528998</v>
      </c>
      <c r="J4536" t="s">
        <v>60221</v>
      </c>
    </row>
    <row r="4537" spans="1:10" x14ac:dyDescent="0.25">
      <c r="A4537" t="s">
        <v>38592</v>
      </c>
      <c r="B4537" t="s">
        <v>38593</v>
      </c>
      <c r="C4537" t="s">
        <v>38594</v>
      </c>
      <c r="D4537" t="s">
        <v>38207</v>
      </c>
      <c r="E4537" t="s">
        <v>13</v>
      </c>
      <c r="F4537">
        <v>9545</v>
      </c>
      <c r="G4537" t="s">
        <v>38595</v>
      </c>
      <c r="H4537">
        <v>5.4888254486739996</v>
      </c>
      <c r="I4537">
        <v>53.12758791193</v>
      </c>
      <c r="J4537" t="s">
        <v>60222</v>
      </c>
    </row>
    <row r="4538" spans="1:10" x14ac:dyDescent="0.25">
      <c r="A4538" t="s">
        <v>38588</v>
      </c>
      <c r="B4538" t="s">
        <v>38589</v>
      </c>
      <c r="C4538" t="s">
        <v>38590</v>
      </c>
      <c r="D4538" t="s">
        <v>38207</v>
      </c>
      <c r="E4538" t="s">
        <v>13</v>
      </c>
      <c r="F4538">
        <v>9544</v>
      </c>
      <c r="G4538" t="s">
        <v>38591</v>
      </c>
      <c r="H4538">
        <v>5.4335509994109996</v>
      </c>
      <c r="I4538">
        <v>53.140929829202001</v>
      </c>
      <c r="J4538" t="s">
        <v>60223</v>
      </c>
    </row>
    <row r="4539" spans="1:10" x14ac:dyDescent="0.25">
      <c r="A4539" t="s">
        <v>38584</v>
      </c>
      <c r="B4539" t="s">
        <v>38585</v>
      </c>
      <c r="C4539" t="s">
        <v>38586</v>
      </c>
      <c r="D4539" t="s">
        <v>38207</v>
      </c>
      <c r="E4539" t="s">
        <v>13</v>
      </c>
      <c r="F4539">
        <v>9543</v>
      </c>
      <c r="G4539" t="s">
        <v>38587</v>
      </c>
      <c r="H4539">
        <v>5.4336600407929998</v>
      </c>
      <c r="I4539">
        <v>53.115016122848999</v>
      </c>
      <c r="J4539" t="s">
        <v>60224</v>
      </c>
    </row>
    <row r="4540" spans="1:10" x14ac:dyDescent="0.25">
      <c r="A4540" t="s">
        <v>38580</v>
      </c>
      <c r="B4540" t="s">
        <v>38581</v>
      </c>
      <c r="C4540" t="s">
        <v>38582</v>
      </c>
      <c r="D4540" t="s">
        <v>38207</v>
      </c>
      <c r="E4540" t="s">
        <v>13</v>
      </c>
      <c r="F4540">
        <v>9542</v>
      </c>
      <c r="G4540" t="s">
        <v>38583</v>
      </c>
      <c r="H4540">
        <v>5.4780190835429998</v>
      </c>
      <c r="I4540">
        <v>53.099650149497002</v>
      </c>
      <c r="J4540" t="s">
        <v>60225</v>
      </c>
    </row>
    <row r="4541" spans="1:10" x14ac:dyDescent="0.25">
      <c r="A4541" t="s">
        <v>38576</v>
      </c>
      <c r="B4541" t="s">
        <v>38577</v>
      </c>
      <c r="C4541" t="s">
        <v>38578</v>
      </c>
      <c r="D4541" t="s">
        <v>38207</v>
      </c>
      <c r="E4541" t="s">
        <v>13</v>
      </c>
      <c r="F4541">
        <v>9541</v>
      </c>
      <c r="G4541" t="s">
        <v>38579</v>
      </c>
      <c r="H4541">
        <v>5.4766248629290004</v>
      </c>
      <c r="I4541">
        <v>53.129891049378998</v>
      </c>
      <c r="J4541" t="s">
        <v>60226</v>
      </c>
    </row>
    <row r="4542" spans="1:10" x14ac:dyDescent="0.25">
      <c r="A4542" t="s">
        <v>38572</v>
      </c>
      <c r="B4542" t="s">
        <v>38573</v>
      </c>
      <c r="C4542" t="s">
        <v>38574</v>
      </c>
      <c r="D4542" t="s">
        <v>38207</v>
      </c>
      <c r="E4542" t="s">
        <v>13</v>
      </c>
      <c r="F4542">
        <v>9540</v>
      </c>
      <c r="G4542" t="s">
        <v>38575</v>
      </c>
      <c r="H4542">
        <v>5.4396832010780001</v>
      </c>
      <c r="I4542">
        <v>53.141313671455002</v>
      </c>
      <c r="J4542" t="s">
        <v>60227</v>
      </c>
    </row>
    <row r="4543" spans="1:10" x14ac:dyDescent="0.25">
      <c r="A4543" t="s">
        <v>38568</v>
      </c>
      <c r="B4543" t="s">
        <v>38569</v>
      </c>
      <c r="C4543" t="s">
        <v>38570</v>
      </c>
      <c r="D4543" t="s">
        <v>38207</v>
      </c>
      <c r="E4543" t="s">
        <v>13</v>
      </c>
      <c r="F4543">
        <v>9539</v>
      </c>
      <c r="G4543" t="s">
        <v>38571</v>
      </c>
      <c r="H4543">
        <v>5.4392612219530001</v>
      </c>
      <c r="I4543">
        <v>53.115663033018002</v>
      </c>
      <c r="J4543" t="s">
        <v>60228</v>
      </c>
    </row>
    <row r="4544" spans="1:10" x14ac:dyDescent="0.25">
      <c r="A4544" t="s">
        <v>38564</v>
      </c>
      <c r="B4544" t="s">
        <v>38565</v>
      </c>
      <c r="C4544" t="s">
        <v>38566</v>
      </c>
      <c r="D4544" t="s">
        <v>38207</v>
      </c>
      <c r="E4544" t="s">
        <v>13</v>
      </c>
      <c r="F4544">
        <v>9538</v>
      </c>
      <c r="G4544" t="s">
        <v>38567</v>
      </c>
      <c r="H4544">
        <v>5.4685448116669999</v>
      </c>
      <c r="I4544">
        <v>53.100446460455998</v>
      </c>
      <c r="J4544" t="s">
        <v>60229</v>
      </c>
    </row>
    <row r="4545" spans="1:10" x14ac:dyDescent="0.25">
      <c r="A4545" t="s">
        <v>38560</v>
      </c>
      <c r="B4545" t="s">
        <v>38561</v>
      </c>
      <c r="C4545" t="s">
        <v>38562</v>
      </c>
      <c r="D4545" t="s">
        <v>38207</v>
      </c>
      <c r="E4545" t="s">
        <v>13</v>
      </c>
      <c r="F4545">
        <v>9537</v>
      </c>
      <c r="G4545" t="s">
        <v>38563</v>
      </c>
      <c r="H4545">
        <v>5.6651187057739998</v>
      </c>
      <c r="I4545">
        <v>52.949627031843001</v>
      </c>
      <c r="J4545" t="s">
        <v>60230</v>
      </c>
    </row>
    <row r="4546" spans="1:10" x14ac:dyDescent="0.25">
      <c r="A4546" t="s">
        <v>38556</v>
      </c>
      <c r="B4546" t="s">
        <v>38557</v>
      </c>
      <c r="C4546" t="s">
        <v>38558</v>
      </c>
      <c r="D4546" t="s">
        <v>38207</v>
      </c>
      <c r="E4546" t="s">
        <v>13</v>
      </c>
      <c r="F4546">
        <v>9536</v>
      </c>
      <c r="G4546" t="s">
        <v>38559</v>
      </c>
      <c r="H4546">
        <v>5.6299775430279997</v>
      </c>
      <c r="I4546">
        <v>52.950993700538</v>
      </c>
      <c r="J4546" t="s">
        <v>60231</v>
      </c>
    </row>
    <row r="4547" spans="1:10" x14ac:dyDescent="0.25">
      <c r="A4547" t="s">
        <v>38552</v>
      </c>
      <c r="B4547" t="s">
        <v>38553</v>
      </c>
      <c r="C4547" t="s">
        <v>38554</v>
      </c>
      <c r="D4547" t="s">
        <v>38207</v>
      </c>
      <c r="E4547" t="s">
        <v>13</v>
      </c>
      <c r="F4547">
        <v>9535</v>
      </c>
      <c r="G4547" t="s">
        <v>38555</v>
      </c>
      <c r="H4547">
        <v>5.6539662984519996</v>
      </c>
      <c r="I4547">
        <v>52.950021510029998</v>
      </c>
      <c r="J4547" t="s">
        <v>60232</v>
      </c>
    </row>
    <row r="4548" spans="1:10" x14ac:dyDescent="0.25">
      <c r="A4548" t="s">
        <v>38548</v>
      </c>
      <c r="B4548" t="s">
        <v>38549</v>
      </c>
      <c r="C4548" t="s">
        <v>38550</v>
      </c>
      <c r="D4548" t="s">
        <v>38207</v>
      </c>
      <c r="E4548" t="s">
        <v>13</v>
      </c>
      <c r="F4548">
        <v>9534</v>
      </c>
      <c r="G4548" t="s">
        <v>38551</v>
      </c>
      <c r="H4548">
        <v>5.6343576302139997</v>
      </c>
      <c r="I4548">
        <v>52.961193772142998</v>
      </c>
      <c r="J4548" t="s">
        <v>60233</v>
      </c>
    </row>
    <row r="4549" spans="1:10" x14ac:dyDescent="0.25">
      <c r="A4549" t="s">
        <v>38544</v>
      </c>
      <c r="B4549" t="s">
        <v>38545</v>
      </c>
      <c r="C4549" t="s">
        <v>38546</v>
      </c>
      <c r="D4549" t="s">
        <v>38207</v>
      </c>
      <c r="E4549" t="s">
        <v>13</v>
      </c>
      <c r="F4549">
        <v>9533</v>
      </c>
      <c r="G4549" t="s">
        <v>38547</v>
      </c>
      <c r="H4549">
        <v>5.6092501382839997</v>
      </c>
      <c r="I4549">
        <v>52.928731936733001</v>
      </c>
      <c r="J4549" t="s">
        <v>60234</v>
      </c>
    </row>
    <row r="4550" spans="1:10" x14ac:dyDescent="0.25">
      <c r="A4550" t="s">
        <v>38540</v>
      </c>
      <c r="B4550" t="s">
        <v>38541</v>
      </c>
      <c r="C4550" t="s">
        <v>38542</v>
      </c>
      <c r="D4550" t="s">
        <v>38207</v>
      </c>
      <c r="E4550" t="s">
        <v>13</v>
      </c>
      <c r="F4550">
        <v>9532</v>
      </c>
      <c r="G4550" t="s">
        <v>38543</v>
      </c>
      <c r="H4550">
        <v>5.5979307897919997</v>
      </c>
      <c r="I4550">
        <v>52.948615593852999</v>
      </c>
      <c r="J4550" t="s">
        <v>60235</v>
      </c>
    </row>
    <row r="4551" spans="1:10" x14ac:dyDescent="0.25">
      <c r="A4551" t="s">
        <v>38536</v>
      </c>
      <c r="B4551" t="s">
        <v>38537</v>
      </c>
      <c r="C4551" t="s">
        <v>38538</v>
      </c>
      <c r="D4551" t="s">
        <v>38207</v>
      </c>
      <c r="E4551" t="s">
        <v>13</v>
      </c>
      <c r="F4551">
        <v>9531</v>
      </c>
      <c r="G4551" t="s">
        <v>38539</v>
      </c>
      <c r="H4551">
        <v>5.6323149506599997</v>
      </c>
      <c r="I4551">
        <v>52.941831954100998</v>
      </c>
      <c r="J4551" t="s">
        <v>60236</v>
      </c>
    </row>
    <row r="4552" spans="1:10" x14ac:dyDescent="0.25">
      <c r="A4552" t="s">
        <v>38533</v>
      </c>
      <c r="B4552" t="s">
        <v>38534</v>
      </c>
      <c r="C4552" t="s">
        <v>5274</v>
      </c>
      <c r="D4552" t="s">
        <v>38207</v>
      </c>
      <c r="E4552" t="s">
        <v>13</v>
      </c>
      <c r="F4552">
        <v>9530</v>
      </c>
      <c r="G4552" t="s">
        <v>38535</v>
      </c>
      <c r="H4552">
        <v>5.7149960246560001</v>
      </c>
      <c r="I4552">
        <v>52.999333353965</v>
      </c>
      <c r="J4552" t="s">
        <v>60237</v>
      </c>
    </row>
    <row r="4553" spans="1:10" x14ac:dyDescent="0.25">
      <c r="A4553" t="s">
        <v>38529</v>
      </c>
      <c r="B4553" t="s">
        <v>38530</v>
      </c>
      <c r="C4553" t="s">
        <v>38531</v>
      </c>
      <c r="D4553" t="s">
        <v>38207</v>
      </c>
      <c r="E4553" t="s">
        <v>13</v>
      </c>
      <c r="F4553">
        <v>9529</v>
      </c>
      <c r="G4553" t="s">
        <v>38532</v>
      </c>
      <c r="H4553">
        <v>5.702469679959</v>
      </c>
      <c r="I4553">
        <v>53.008218098782997</v>
      </c>
      <c r="J4553" t="s">
        <v>60238</v>
      </c>
    </row>
    <row r="4554" spans="1:10" x14ac:dyDescent="0.25">
      <c r="A4554" t="s">
        <v>38525</v>
      </c>
      <c r="B4554" t="s">
        <v>38526</v>
      </c>
      <c r="C4554" t="s">
        <v>38527</v>
      </c>
      <c r="D4554" t="s">
        <v>38207</v>
      </c>
      <c r="E4554" t="s">
        <v>13</v>
      </c>
      <c r="F4554">
        <v>9528</v>
      </c>
      <c r="G4554" t="s">
        <v>38528</v>
      </c>
      <c r="H4554">
        <v>5.7088887119390002</v>
      </c>
      <c r="I4554">
        <v>53.002024382576003</v>
      </c>
      <c r="J4554" t="s">
        <v>60239</v>
      </c>
    </row>
    <row r="4555" spans="1:10" x14ac:dyDescent="0.25">
      <c r="A4555" t="s">
        <v>38521</v>
      </c>
      <c r="B4555" t="s">
        <v>38522</v>
      </c>
      <c r="C4555" t="s">
        <v>38523</v>
      </c>
      <c r="D4555" t="s">
        <v>38207</v>
      </c>
      <c r="E4555" t="s">
        <v>13</v>
      </c>
      <c r="F4555">
        <v>9527</v>
      </c>
      <c r="G4555" t="s">
        <v>38524</v>
      </c>
      <c r="H4555">
        <v>5.6963389954599997</v>
      </c>
      <c r="I4555">
        <v>53.011265043877003</v>
      </c>
      <c r="J4555" t="s">
        <v>60240</v>
      </c>
    </row>
    <row r="4556" spans="1:10" x14ac:dyDescent="0.25">
      <c r="A4556" t="s">
        <v>38517</v>
      </c>
      <c r="B4556" t="s">
        <v>38518</v>
      </c>
      <c r="C4556" t="s">
        <v>38519</v>
      </c>
      <c r="D4556" t="s">
        <v>38207</v>
      </c>
      <c r="E4556" t="s">
        <v>13</v>
      </c>
      <c r="F4556">
        <v>9526</v>
      </c>
      <c r="G4556" t="s">
        <v>38520</v>
      </c>
      <c r="H4556">
        <v>5.5829363487929999</v>
      </c>
      <c r="I4556">
        <v>53.051396302135998</v>
      </c>
      <c r="J4556" t="s">
        <v>60241</v>
      </c>
    </row>
    <row r="4557" spans="1:10" x14ac:dyDescent="0.25">
      <c r="A4557" t="s">
        <v>38513</v>
      </c>
      <c r="B4557" t="s">
        <v>38514</v>
      </c>
      <c r="C4557" t="s">
        <v>38515</v>
      </c>
      <c r="D4557" t="s">
        <v>38207</v>
      </c>
      <c r="E4557" t="s">
        <v>13</v>
      </c>
      <c r="F4557">
        <v>9525</v>
      </c>
      <c r="G4557" t="s">
        <v>38516</v>
      </c>
      <c r="H4557">
        <v>5.6210635315899999</v>
      </c>
      <c r="I4557">
        <v>53.063310062199001</v>
      </c>
      <c r="J4557" t="s">
        <v>60242</v>
      </c>
    </row>
    <row r="4558" spans="1:10" x14ac:dyDescent="0.25">
      <c r="A4558" t="s">
        <v>38509</v>
      </c>
      <c r="B4558" t="s">
        <v>38510</v>
      </c>
      <c r="C4558" t="s">
        <v>38511</v>
      </c>
      <c r="D4558" t="s">
        <v>38207</v>
      </c>
      <c r="E4558" t="s">
        <v>13</v>
      </c>
      <c r="F4558">
        <v>9524</v>
      </c>
      <c r="G4558" t="s">
        <v>38512</v>
      </c>
      <c r="H4558">
        <v>5.6145373539780001</v>
      </c>
      <c r="I4558">
        <v>53.048446338086002</v>
      </c>
      <c r="J4558" t="s">
        <v>60243</v>
      </c>
    </row>
    <row r="4559" spans="1:10" x14ac:dyDescent="0.25">
      <c r="A4559" t="s">
        <v>38505</v>
      </c>
      <c r="B4559" t="s">
        <v>38506</v>
      </c>
      <c r="C4559" t="s">
        <v>38507</v>
      </c>
      <c r="D4559" t="s">
        <v>38207</v>
      </c>
      <c r="E4559" t="s">
        <v>13</v>
      </c>
      <c r="F4559">
        <v>9523</v>
      </c>
      <c r="G4559" t="s">
        <v>38508</v>
      </c>
      <c r="H4559">
        <v>5.6049809987410004</v>
      </c>
      <c r="I4559">
        <v>53.035248117188999</v>
      </c>
      <c r="J4559" t="s">
        <v>60244</v>
      </c>
    </row>
    <row r="4560" spans="1:10" x14ac:dyDescent="0.25">
      <c r="A4560" t="s">
        <v>38501</v>
      </c>
      <c r="B4560" t="s">
        <v>38502</v>
      </c>
      <c r="C4560" t="s">
        <v>38503</v>
      </c>
      <c r="D4560" t="s">
        <v>38207</v>
      </c>
      <c r="E4560" t="s">
        <v>13</v>
      </c>
      <c r="F4560">
        <v>9522</v>
      </c>
      <c r="G4560" t="s">
        <v>38504</v>
      </c>
      <c r="H4560">
        <v>5.5774838801969997</v>
      </c>
      <c r="I4560">
        <v>53.050659910702002</v>
      </c>
      <c r="J4560" t="s">
        <v>60245</v>
      </c>
    </row>
    <row r="4561" spans="1:10" x14ac:dyDescent="0.25">
      <c r="A4561" t="s">
        <v>38497</v>
      </c>
      <c r="B4561" t="s">
        <v>38498</v>
      </c>
      <c r="C4561" t="s">
        <v>38499</v>
      </c>
      <c r="D4561" t="s">
        <v>38207</v>
      </c>
      <c r="E4561" t="s">
        <v>13</v>
      </c>
      <c r="F4561">
        <v>9521</v>
      </c>
      <c r="G4561" t="s">
        <v>38500</v>
      </c>
      <c r="H4561">
        <v>5.6246067717260004</v>
      </c>
      <c r="I4561">
        <v>53.058868348418997</v>
      </c>
      <c r="J4561" t="s">
        <v>60246</v>
      </c>
    </row>
    <row r="4562" spans="1:10" x14ac:dyDescent="0.25">
      <c r="A4562" t="s">
        <v>38493</v>
      </c>
      <c r="B4562" t="s">
        <v>38494</v>
      </c>
      <c r="C4562" t="s">
        <v>38495</v>
      </c>
      <c r="D4562" t="s">
        <v>38207</v>
      </c>
      <c r="E4562" t="s">
        <v>13</v>
      </c>
      <c r="F4562">
        <v>9520</v>
      </c>
      <c r="G4562" t="s">
        <v>38496</v>
      </c>
      <c r="H4562">
        <v>5.5502681582509998</v>
      </c>
      <c r="I4562">
        <v>53.040438058728</v>
      </c>
      <c r="J4562" t="s">
        <v>60247</v>
      </c>
    </row>
    <row r="4563" spans="1:10" x14ac:dyDescent="0.25">
      <c r="A4563" t="s">
        <v>38489</v>
      </c>
      <c r="B4563" t="s">
        <v>38490</v>
      </c>
      <c r="C4563" t="s">
        <v>38491</v>
      </c>
      <c r="D4563" t="s">
        <v>38207</v>
      </c>
      <c r="E4563" t="s">
        <v>13</v>
      </c>
      <c r="F4563">
        <v>9519</v>
      </c>
      <c r="G4563" t="s">
        <v>38492</v>
      </c>
      <c r="H4563">
        <v>5.5705611956050003</v>
      </c>
      <c r="I4563">
        <v>53.020262978718002</v>
      </c>
      <c r="J4563" t="s">
        <v>60248</v>
      </c>
    </row>
    <row r="4564" spans="1:10" x14ac:dyDescent="0.25">
      <c r="A4564" t="s">
        <v>38485</v>
      </c>
      <c r="B4564" t="s">
        <v>38486</v>
      </c>
      <c r="C4564" t="s">
        <v>38487</v>
      </c>
      <c r="D4564" t="s">
        <v>38207</v>
      </c>
      <c r="E4564" t="s">
        <v>13</v>
      </c>
      <c r="F4564">
        <v>9518</v>
      </c>
      <c r="G4564" t="s">
        <v>38488</v>
      </c>
      <c r="H4564">
        <v>5.596922361082</v>
      </c>
      <c r="I4564">
        <v>53.009988584270999</v>
      </c>
      <c r="J4564" t="s">
        <v>60249</v>
      </c>
    </row>
    <row r="4565" spans="1:10" x14ac:dyDescent="0.25">
      <c r="A4565" t="s">
        <v>38481</v>
      </c>
      <c r="B4565" t="s">
        <v>38482</v>
      </c>
      <c r="C4565" t="s">
        <v>38483</v>
      </c>
      <c r="D4565" t="s">
        <v>38207</v>
      </c>
      <c r="E4565" t="s">
        <v>13</v>
      </c>
      <c r="F4565">
        <v>9517</v>
      </c>
      <c r="G4565" t="s">
        <v>38484</v>
      </c>
      <c r="H4565">
        <v>5.5159963877339999</v>
      </c>
      <c r="I4565">
        <v>53.010651436004999</v>
      </c>
      <c r="J4565" t="s">
        <v>60250</v>
      </c>
    </row>
    <row r="4566" spans="1:10" x14ac:dyDescent="0.25">
      <c r="A4566" t="s">
        <v>38477</v>
      </c>
      <c r="B4566" t="s">
        <v>38478</v>
      </c>
      <c r="C4566" t="s">
        <v>38479</v>
      </c>
      <c r="D4566" t="s">
        <v>38207</v>
      </c>
      <c r="E4566" t="s">
        <v>13</v>
      </c>
      <c r="F4566">
        <v>9516</v>
      </c>
      <c r="G4566" t="s">
        <v>38480</v>
      </c>
      <c r="H4566">
        <v>5.5188191012869998</v>
      </c>
      <c r="I4566">
        <v>53.017415099171998</v>
      </c>
      <c r="J4566" t="s">
        <v>60251</v>
      </c>
    </row>
    <row r="4567" spans="1:10" x14ac:dyDescent="0.25">
      <c r="A4567" t="s">
        <v>38473</v>
      </c>
      <c r="B4567" t="s">
        <v>38474</v>
      </c>
      <c r="C4567" t="s">
        <v>38475</v>
      </c>
      <c r="D4567" t="s">
        <v>38207</v>
      </c>
      <c r="E4567" t="s">
        <v>13</v>
      </c>
      <c r="F4567">
        <v>9515</v>
      </c>
      <c r="G4567" t="s">
        <v>38476</v>
      </c>
      <c r="H4567">
        <v>5.5451927423329996</v>
      </c>
      <c r="I4567">
        <v>53.036117459109001</v>
      </c>
      <c r="J4567" t="s">
        <v>60252</v>
      </c>
    </row>
    <row r="4568" spans="1:10" x14ac:dyDescent="0.25">
      <c r="A4568" t="s">
        <v>38469</v>
      </c>
      <c r="B4568" t="s">
        <v>38470</v>
      </c>
      <c r="C4568" t="s">
        <v>38471</v>
      </c>
      <c r="D4568" t="s">
        <v>38207</v>
      </c>
      <c r="E4568" t="s">
        <v>13</v>
      </c>
      <c r="F4568">
        <v>9514</v>
      </c>
      <c r="G4568" t="s">
        <v>38472</v>
      </c>
      <c r="H4568">
        <v>5.5722956515220003</v>
      </c>
      <c r="I4568">
        <v>53.017981051783003</v>
      </c>
      <c r="J4568" t="s">
        <v>60253</v>
      </c>
    </row>
    <row r="4569" spans="1:10" x14ac:dyDescent="0.25">
      <c r="A4569" t="s">
        <v>38465</v>
      </c>
      <c r="B4569" t="s">
        <v>38466</v>
      </c>
      <c r="C4569" t="s">
        <v>38467</v>
      </c>
      <c r="D4569" t="s">
        <v>38207</v>
      </c>
      <c r="E4569" t="s">
        <v>13</v>
      </c>
      <c r="F4569">
        <v>9513</v>
      </c>
      <c r="G4569" t="s">
        <v>38468</v>
      </c>
      <c r="H4569">
        <v>5.5437249188189996</v>
      </c>
      <c r="I4569">
        <v>53.012099436235999</v>
      </c>
      <c r="J4569" t="s">
        <v>60254</v>
      </c>
    </row>
    <row r="4570" spans="1:10" x14ac:dyDescent="0.25">
      <c r="A4570" t="s">
        <v>38461</v>
      </c>
      <c r="B4570" t="s">
        <v>38462</v>
      </c>
      <c r="C4570" t="s">
        <v>38463</v>
      </c>
      <c r="D4570" t="s">
        <v>38207</v>
      </c>
      <c r="E4570" t="s">
        <v>13</v>
      </c>
      <c r="F4570">
        <v>9512</v>
      </c>
      <c r="G4570" t="s">
        <v>38464</v>
      </c>
      <c r="H4570">
        <v>5.5420663342010004</v>
      </c>
      <c r="I4570">
        <v>53.024437589586</v>
      </c>
      <c r="J4570" t="s">
        <v>60255</v>
      </c>
    </row>
    <row r="4571" spans="1:10" x14ac:dyDescent="0.25">
      <c r="A4571" t="s">
        <v>38457</v>
      </c>
      <c r="B4571" t="s">
        <v>38458</v>
      </c>
      <c r="C4571" t="s">
        <v>38459</v>
      </c>
      <c r="D4571" t="s">
        <v>38207</v>
      </c>
      <c r="E4571" t="s">
        <v>13</v>
      </c>
      <c r="F4571">
        <v>9511</v>
      </c>
      <c r="G4571" t="s">
        <v>38460</v>
      </c>
      <c r="H4571">
        <v>5.6004174668970004</v>
      </c>
      <c r="I4571">
        <v>53.016838619209999</v>
      </c>
      <c r="J4571" t="s">
        <v>60256</v>
      </c>
    </row>
    <row r="4572" spans="1:10" x14ac:dyDescent="0.25">
      <c r="A4572" t="s">
        <v>38453</v>
      </c>
      <c r="B4572" t="s">
        <v>38454</v>
      </c>
      <c r="C4572" t="s">
        <v>38455</v>
      </c>
      <c r="D4572" t="s">
        <v>38207</v>
      </c>
      <c r="E4572" t="s">
        <v>13</v>
      </c>
      <c r="F4572">
        <v>9510</v>
      </c>
      <c r="G4572" t="s">
        <v>38456</v>
      </c>
      <c r="H4572">
        <v>5.5254214936109998</v>
      </c>
      <c r="I4572">
        <v>52.968366703901999</v>
      </c>
      <c r="J4572" t="s">
        <v>60257</v>
      </c>
    </row>
    <row r="4573" spans="1:10" x14ac:dyDescent="0.25">
      <c r="A4573" t="s">
        <v>38449</v>
      </c>
      <c r="B4573" t="s">
        <v>38450</v>
      </c>
      <c r="C4573" t="s">
        <v>38451</v>
      </c>
      <c r="D4573" t="s">
        <v>38207</v>
      </c>
      <c r="E4573" t="s">
        <v>13</v>
      </c>
      <c r="F4573">
        <v>9509</v>
      </c>
      <c r="G4573" t="s">
        <v>38452</v>
      </c>
      <c r="H4573">
        <v>5.5490581900829996</v>
      </c>
      <c r="I4573">
        <v>52.991866651933996</v>
      </c>
      <c r="J4573" t="s">
        <v>60258</v>
      </c>
    </row>
    <row r="4574" spans="1:10" x14ac:dyDescent="0.25">
      <c r="A4574" t="s">
        <v>38445</v>
      </c>
      <c r="B4574" t="s">
        <v>38446</v>
      </c>
      <c r="C4574" t="s">
        <v>38447</v>
      </c>
      <c r="D4574" t="s">
        <v>38207</v>
      </c>
      <c r="E4574" t="s">
        <v>13</v>
      </c>
      <c r="F4574">
        <v>9508</v>
      </c>
      <c r="G4574" t="s">
        <v>38448</v>
      </c>
      <c r="H4574">
        <v>5.5164500325230001</v>
      </c>
      <c r="I4574">
        <v>52.989535480042001</v>
      </c>
      <c r="J4574" t="s">
        <v>60259</v>
      </c>
    </row>
    <row r="4575" spans="1:10" x14ac:dyDescent="0.25">
      <c r="A4575" t="s">
        <v>38441</v>
      </c>
      <c r="B4575" t="s">
        <v>38442</v>
      </c>
      <c r="C4575" t="s">
        <v>38443</v>
      </c>
      <c r="D4575" t="s">
        <v>38207</v>
      </c>
      <c r="E4575" t="s">
        <v>13</v>
      </c>
      <c r="F4575">
        <v>9507</v>
      </c>
      <c r="G4575" t="s">
        <v>38444</v>
      </c>
      <c r="H4575">
        <v>5.561756083713</v>
      </c>
      <c r="I4575">
        <v>52.979168447576001</v>
      </c>
      <c r="J4575" t="s">
        <v>60260</v>
      </c>
    </row>
    <row r="4576" spans="1:10" x14ac:dyDescent="0.25">
      <c r="A4576" t="s">
        <v>38437</v>
      </c>
      <c r="B4576" t="s">
        <v>38438</v>
      </c>
      <c r="C4576" t="s">
        <v>38439</v>
      </c>
      <c r="D4576" t="s">
        <v>38207</v>
      </c>
      <c r="E4576" t="s">
        <v>13</v>
      </c>
      <c r="F4576">
        <v>9506</v>
      </c>
      <c r="G4576" t="s">
        <v>38440</v>
      </c>
      <c r="H4576">
        <v>5.5442018516070002</v>
      </c>
      <c r="I4576">
        <v>52.964605892953998</v>
      </c>
      <c r="J4576" t="s">
        <v>60261</v>
      </c>
    </row>
    <row r="4577" spans="1:10" x14ac:dyDescent="0.25">
      <c r="A4577" t="s">
        <v>38434</v>
      </c>
      <c r="B4577" t="s">
        <v>38435</v>
      </c>
      <c r="C4577" t="s">
        <v>6162</v>
      </c>
      <c r="D4577" t="s">
        <v>38207</v>
      </c>
      <c r="E4577" t="s">
        <v>13</v>
      </c>
      <c r="F4577">
        <v>9505</v>
      </c>
      <c r="G4577" t="s">
        <v>38436</v>
      </c>
      <c r="H4577">
        <v>5.5522498242839999</v>
      </c>
      <c r="I4577">
        <v>52.994010731985</v>
      </c>
      <c r="J4577" t="s">
        <v>60262</v>
      </c>
    </row>
    <row r="4578" spans="1:10" x14ac:dyDescent="0.25">
      <c r="A4578" t="s">
        <v>38430</v>
      </c>
      <c r="B4578" t="s">
        <v>38431</v>
      </c>
      <c r="C4578" t="s">
        <v>38432</v>
      </c>
      <c r="D4578" t="s">
        <v>38207</v>
      </c>
      <c r="E4578" t="s">
        <v>13</v>
      </c>
      <c r="F4578">
        <v>9504</v>
      </c>
      <c r="G4578" t="s">
        <v>38433</v>
      </c>
      <c r="H4578">
        <v>5.7197012099800002</v>
      </c>
      <c r="I4578">
        <v>53.055021644679002</v>
      </c>
      <c r="J4578" t="s">
        <v>60263</v>
      </c>
    </row>
    <row r="4579" spans="1:10" x14ac:dyDescent="0.25">
      <c r="A4579" t="s">
        <v>38426</v>
      </c>
      <c r="B4579" t="s">
        <v>38427</v>
      </c>
      <c r="C4579" t="s">
        <v>38428</v>
      </c>
      <c r="D4579" t="s">
        <v>38207</v>
      </c>
      <c r="E4579" t="s">
        <v>13</v>
      </c>
      <c r="F4579">
        <v>9503</v>
      </c>
      <c r="G4579" t="s">
        <v>38429</v>
      </c>
      <c r="H4579">
        <v>5.7032230816959997</v>
      </c>
      <c r="I4579">
        <v>53.052081987186</v>
      </c>
      <c r="J4579" t="s">
        <v>60264</v>
      </c>
    </row>
    <row r="4580" spans="1:10" x14ac:dyDescent="0.25">
      <c r="A4580" t="s">
        <v>38422</v>
      </c>
      <c r="B4580" t="s">
        <v>38423</v>
      </c>
      <c r="C4580" t="s">
        <v>38424</v>
      </c>
      <c r="D4580" t="s">
        <v>38207</v>
      </c>
      <c r="E4580" t="s">
        <v>13</v>
      </c>
      <c r="F4580">
        <v>9502</v>
      </c>
      <c r="G4580" t="s">
        <v>38425</v>
      </c>
      <c r="H4580">
        <v>5.6736036889120003</v>
      </c>
      <c r="I4580">
        <v>53.066447121669</v>
      </c>
      <c r="J4580" t="s">
        <v>60265</v>
      </c>
    </row>
    <row r="4581" spans="1:10" x14ac:dyDescent="0.25">
      <c r="A4581" t="s">
        <v>38418</v>
      </c>
      <c r="B4581" t="s">
        <v>38419</v>
      </c>
      <c r="C4581" t="s">
        <v>38420</v>
      </c>
      <c r="D4581" t="s">
        <v>38207</v>
      </c>
      <c r="E4581" t="s">
        <v>13</v>
      </c>
      <c r="F4581">
        <v>9501</v>
      </c>
      <c r="G4581" t="s">
        <v>38421</v>
      </c>
      <c r="H4581">
        <v>5.7131274300010002</v>
      </c>
      <c r="I4581">
        <v>53.057853741800002</v>
      </c>
      <c r="J4581" t="s">
        <v>60266</v>
      </c>
    </row>
    <row r="4582" spans="1:10" x14ac:dyDescent="0.25">
      <c r="A4582" t="s">
        <v>38414</v>
      </c>
      <c r="B4582" t="s">
        <v>38415</v>
      </c>
      <c r="C4582" t="s">
        <v>38416</v>
      </c>
      <c r="D4582" t="s">
        <v>38207</v>
      </c>
      <c r="E4582" t="s">
        <v>13</v>
      </c>
      <c r="F4582">
        <v>9500</v>
      </c>
      <c r="G4582" t="s">
        <v>38417</v>
      </c>
      <c r="H4582">
        <v>5.6934880328329998</v>
      </c>
      <c r="I4582">
        <v>53.054016759128999</v>
      </c>
      <c r="J4582" t="s">
        <v>60267</v>
      </c>
    </row>
    <row r="4583" spans="1:10" x14ac:dyDescent="0.25">
      <c r="A4583" t="s">
        <v>38410</v>
      </c>
      <c r="B4583" t="s">
        <v>38411</v>
      </c>
      <c r="C4583" t="s">
        <v>38412</v>
      </c>
      <c r="D4583" t="s">
        <v>38207</v>
      </c>
      <c r="E4583" t="s">
        <v>13</v>
      </c>
      <c r="F4583">
        <v>9499</v>
      </c>
      <c r="G4583" t="s">
        <v>38413</v>
      </c>
      <c r="H4583">
        <v>5.6796948785870001</v>
      </c>
      <c r="I4583">
        <v>53.060106689420998</v>
      </c>
      <c r="J4583" t="s">
        <v>60268</v>
      </c>
    </row>
    <row r="4584" spans="1:10" x14ac:dyDescent="0.25">
      <c r="A4584" t="s">
        <v>38406</v>
      </c>
      <c r="B4584" t="s">
        <v>38407</v>
      </c>
      <c r="C4584" t="s">
        <v>38408</v>
      </c>
      <c r="D4584" t="s">
        <v>38207</v>
      </c>
      <c r="E4584" t="s">
        <v>13</v>
      </c>
      <c r="F4584">
        <v>9498</v>
      </c>
      <c r="G4584" t="s">
        <v>38409</v>
      </c>
      <c r="H4584">
        <v>5.6575435728969996</v>
      </c>
      <c r="I4584">
        <v>52.996327952039998</v>
      </c>
      <c r="J4584" t="s">
        <v>60269</v>
      </c>
    </row>
    <row r="4585" spans="1:10" x14ac:dyDescent="0.25">
      <c r="A4585" t="s">
        <v>38402</v>
      </c>
      <c r="B4585" t="s">
        <v>38403</v>
      </c>
      <c r="C4585" t="s">
        <v>38404</v>
      </c>
      <c r="D4585" t="s">
        <v>38207</v>
      </c>
      <c r="E4585" t="s">
        <v>13</v>
      </c>
      <c r="F4585">
        <v>9497</v>
      </c>
      <c r="G4585" t="s">
        <v>38405</v>
      </c>
      <c r="H4585">
        <v>5.6592652376570003</v>
      </c>
      <c r="I4585">
        <v>52.978469199477999</v>
      </c>
      <c r="J4585" t="s">
        <v>60270</v>
      </c>
    </row>
    <row r="4586" spans="1:10" x14ac:dyDescent="0.25">
      <c r="A4586" t="s">
        <v>38398</v>
      </c>
      <c r="B4586" t="s">
        <v>38399</v>
      </c>
      <c r="C4586" t="s">
        <v>38400</v>
      </c>
      <c r="D4586" t="s">
        <v>38207</v>
      </c>
      <c r="E4586" t="s">
        <v>13</v>
      </c>
      <c r="F4586">
        <v>9496</v>
      </c>
      <c r="G4586" t="s">
        <v>38401</v>
      </c>
      <c r="H4586">
        <v>5.5937583236549999</v>
      </c>
      <c r="I4586">
        <v>52.972021518086997</v>
      </c>
      <c r="J4586" t="s">
        <v>60271</v>
      </c>
    </row>
    <row r="4587" spans="1:10" x14ac:dyDescent="0.25">
      <c r="A4587" t="s">
        <v>38394</v>
      </c>
      <c r="B4587" t="s">
        <v>38395</v>
      </c>
      <c r="C4587" t="s">
        <v>38396</v>
      </c>
      <c r="D4587" t="s">
        <v>38207</v>
      </c>
      <c r="E4587" t="s">
        <v>13</v>
      </c>
      <c r="F4587">
        <v>9495</v>
      </c>
      <c r="G4587" t="s">
        <v>38397</v>
      </c>
      <c r="H4587">
        <v>5.6507555879530003</v>
      </c>
      <c r="I4587">
        <v>52.996083088082003</v>
      </c>
      <c r="J4587" t="s">
        <v>60272</v>
      </c>
    </row>
    <row r="4588" spans="1:10" x14ac:dyDescent="0.25">
      <c r="A4588" t="s">
        <v>38390</v>
      </c>
      <c r="B4588" t="s">
        <v>38391</v>
      </c>
      <c r="C4588" t="s">
        <v>38392</v>
      </c>
      <c r="D4588" t="s">
        <v>38207</v>
      </c>
      <c r="E4588" t="s">
        <v>13</v>
      </c>
      <c r="F4588">
        <v>9494</v>
      </c>
      <c r="G4588" t="s">
        <v>38393</v>
      </c>
      <c r="H4588">
        <v>5.6501476480430002</v>
      </c>
      <c r="I4588">
        <v>52.976744737734002</v>
      </c>
      <c r="J4588" t="s">
        <v>60273</v>
      </c>
    </row>
    <row r="4589" spans="1:10" x14ac:dyDescent="0.25">
      <c r="A4589" t="s">
        <v>38386</v>
      </c>
      <c r="B4589" t="s">
        <v>38387</v>
      </c>
      <c r="C4589" t="s">
        <v>38388</v>
      </c>
      <c r="D4589" t="s">
        <v>38207</v>
      </c>
      <c r="E4589" t="s">
        <v>13</v>
      </c>
      <c r="F4589">
        <v>9493</v>
      </c>
      <c r="G4589" t="s">
        <v>38389</v>
      </c>
      <c r="H4589">
        <v>5.6080357370070004</v>
      </c>
      <c r="I4589">
        <v>52.970503671389999</v>
      </c>
      <c r="J4589" t="s">
        <v>60274</v>
      </c>
    </row>
    <row r="4590" spans="1:10" x14ac:dyDescent="0.25">
      <c r="A4590" t="s">
        <v>38382</v>
      </c>
      <c r="B4590" t="s">
        <v>38383</v>
      </c>
      <c r="C4590" t="s">
        <v>38384</v>
      </c>
      <c r="D4590" t="s">
        <v>38207</v>
      </c>
      <c r="E4590" t="s">
        <v>13</v>
      </c>
      <c r="F4590">
        <v>9492</v>
      </c>
      <c r="G4590" t="s">
        <v>38385</v>
      </c>
      <c r="H4590">
        <v>5.6312811277849999</v>
      </c>
      <c r="I4590">
        <v>53.007391740788002</v>
      </c>
      <c r="J4590" t="s">
        <v>60275</v>
      </c>
    </row>
    <row r="4591" spans="1:10" x14ac:dyDescent="0.25">
      <c r="A4591" t="s">
        <v>38378</v>
      </c>
      <c r="B4591" t="s">
        <v>38379</v>
      </c>
      <c r="C4591" t="s">
        <v>38380</v>
      </c>
      <c r="D4591" t="s">
        <v>38207</v>
      </c>
      <c r="E4591" t="s">
        <v>13</v>
      </c>
      <c r="F4591">
        <v>9491</v>
      </c>
      <c r="G4591" t="s">
        <v>38381</v>
      </c>
      <c r="H4591">
        <v>5.6293777443459998</v>
      </c>
      <c r="I4591">
        <v>53.009201859736002</v>
      </c>
      <c r="J4591" t="s">
        <v>60276</v>
      </c>
    </row>
    <row r="4592" spans="1:10" x14ac:dyDescent="0.25">
      <c r="A4592" t="s">
        <v>38374</v>
      </c>
      <c r="B4592" t="s">
        <v>38375</v>
      </c>
      <c r="C4592" t="s">
        <v>38376</v>
      </c>
      <c r="D4592" t="s">
        <v>38207</v>
      </c>
      <c r="E4592" t="s">
        <v>13</v>
      </c>
      <c r="F4592">
        <v>9490</v>
      </c>
      <c r="G4592" t="s">
        <v>38377</v>
      </c>
      <c r="H4592">
        <v>5.6173797167770001</v>
      </c>
      <c r="I4592">
        <v>53.012792708090998</v>
      </c>
      <c r="J4592" t="s">
        <v>60277</v>
      </c>
    </row>
    <row r="4593" spans="1:10" x14ac:dyDescent="0.25">
      <c r="A4593" t="s">
        <v>38370</v>
      </c>
      <c r="B4593" t="s">
        <v>38371</v>
      </c>
      <c r="C4593" t="s">
        <v>38372</v>
      </c>
      <c r="D4593" t="s">
        <v>38207</v>
      </c>
      <c r="E4593" t="s">
        <v>13</v>
      </c>
      <c r="F4593">
        <v>9489</v>
      </c>
      <c r="G4593" t="s">
        <v>38373</v>
      </c>
      <c r="H4593">
        <v>5.6248876984449998</v>
      </c>
      <c r="I4593">
        <v>53.006100722117999</v>
      </c>
      <c r="J4593" t="s">
        <v>60278</v>
      </c>
    </row>
    <row r="4594" spans="1:10" x14ac:dyDescent="0.25">
      <c r="A4594" t="s">
        <v>38366</v>
      </c>
      <c r="B4594" t="s">
        <v>38367</v>
      </c>
      <c r="C4594" t="s">
        <v>38368</v>
      </c>
      <c r="D4594" t="s">
        <v>38207</v>
      </c>
      <c r="E4594" t="s">
        <v>13</v>
      </c>
      <c r="F4594">
        <v>9488</v>
      </c>
      <c r="G4594" t="s">
        <v>38369</v>
      </c>
      <c r="H4594">
        <v>5.3723035213320003</v>
      </c>
      <c r="I4594">
        <v>52.883558214197997</v>
      </c>
      <c r="J4594" t="s">
        <v>60279</v>
      </c>
    </row>
    <row r="4595" spans="1:10" x14ac:dyDescent="0.25">
      <c r="A4595" t="s">
        <v>38362</v>
      </c>
      <c r="B4595" t="s">
        <v>38363</v>
      </c>
      <c r="C4595" t="s">
        <v>38364</v>
      </c>
      <c r="D4595" t="s">
        <v>38207</v>
      </c>
      <c r="E4595" t="s">
        <v>13</v>
      </c>
      <c r="F4595">
        <v>9487</v>
      </c>
      <c r="G4595" t="s">
        <v>38365</v>
      </c>
      <c r="H4595">
        <v>5.4621234878090004</v>
      </c>
      <c r="I4595">
        <v>52.884762608659997</v>
      </c>
      <c r="J4595" t="s">
        <v>60280</v>
      </c>
    </row>
    <row r="4596" spans="1:10" x14ac:dyDescent="0.25">
      <c r="A4596" t="s">
        <v>38358</v>
      </c>
      <c r="B4596" t="s">
        <v>38359</v>
      </c>
      <c r="C4596" t="s">
        <v>38360</v>
      </c>
      <c r="D4596" t="s">
        <v>38207</v>
      </c>
      <c r="E4596" t="s">
        <v>13</v>
      </c>
      <c r="F4596">
        <v>9486</v>
      </c>
      <c r="G4596" t="s">
        <v>38361</v>
      </c>
      <c r="H4596">
        <v>5.3609614493700004</v>
      </c>
      <c r="I4596">
        <v>52.882982887734002</v>
      </c>
      <c r="J4596" t="s">
        <v>60281</v>
      </c>
    </row>
    <row r="4597" spans="1:10" x14ac:dyDescent="0.25">
      <c r="A4597" t="s">
        <v>38354</v>
      </c>
      <c r="B4597" t="s">
        <v>38355</v>
      </c>
      <c r="C4597" t="s">
        <v>38356</v>
      </c>
      <c r="D4597" t="s">
        <v>38207</v>
      </c>
      <c r="E4597" t="s">
        <v>13</v>
      </c>
      <c r="F4597">
        <v>9485</v>
      </c>
      <c r="G4597" t="s">
        <v>38357</v>
      </c>
      <c r="H4597">
        <v>5.4051197761019996</v>
      </c>
      <c r="I4597">
        <v>52.864624115326997</v>
      </c>
      <c r="J4597" t="s">
        <v>60282</v>
      </c>
    </row>
    <row r="4598" spans="1:10" x14ac:dyDescent="0.25">
      <c r="A4598" t="s">
        <v>38350</v>
      </c>
      <c r="B4598" t="s">
        <v>38351</v>
      </c>
      <c r="C4598" t="s">
        <v>38352</v>
      </c>
      <c r="D4598" t="s">
        <v>38207</v>
      </c>
      <c r="E4598" t="s">
        <v>13</v>
      </c>
      <c r="F4598">
        <v>9484</v>
      </c>
      <c r="G4598" t="s">
        <v>38353</v>
      </c>
      <c r="H4598">
        <v>5.4177128235860001</v>
      </c>
      <c r="I4598">
        <v>52.871596495174998</v>
      </c>
      <c r="J4598" t="s">
        <v>60283</v>
      </c>
    </row>
    <row r="4599" spans="1:10" x14ac:dyDescent="0.25">
      <c r="A4599" t="s">
        <v>38346</v>
      </c>
      <c r="B4599" t="s">
        <v>38347</v>
      </c>
      <c r="C4599" t="s">
        <v>38348</v>
      </c>
      <c r="D4599" t="s">
        <v>38207</v>
      </c>
      <c r="E4599" t="s">
        <v>13</v>
      </c>
      <c r="F4599">
        <v>9483</v>
      </c>
      <c r="G4599" t="s">
        <v>38349</v>
      </c>
      <c r="H4599">
        <v>5.462601338222</v>
      </c>
      <c r="I4599">
        <v>52.880446988370998</v>
      </c>
      <c r="J4599" t="s">
        <v>60284</v>
      </c>
    </row>
    <row r="4600" spans="1:10" x14ac:dyDescent="0.25">
      <c r="A4600" t="s">
        <v>38342</v>
      </c>
      <c r="B4600" t="s">
        <v>38343</v>
      </c>
      <c r="C4600" t="s">
        <v>38344</v>
      </c>
      <c r="D4600" t="s">
        <v>38207</v>
      </c>
      <c r="E4600" t="s">
        <v>13</v>
      </c>
      <c r="F4600">
        <v>9482</v>
      </c>
      <c r="G4600" t="s">
        <v>38345</v>
      </c>
      <c r="H4600">
        <v>5.4089510539779999</v>
      </c>
      <c r="I4600">
        <v>52.897776899865001</v>
      </c>
      <c r="J4600" t="s">
        <v>60285</v>
      </c>
    </row>
    <row r="4601" spans="1:10" x14ac:dyDescent="0.25">
      <c r="A4601" t="s">
        <v>38338</v>
      </c>
      <c r="B4601" t="s">
        <v>38339</v>
      </c>
      <c r="C4601" t="s">
        <v>38340</v>
      </c>
      <c r="D4601" t="s">
        <v>38207</v>
      </c>
      <c r="E4601" t="s">
        <v>13</v>
      </c>
      <c r="F4601">
        <v>9481</v>
      </c>
      <c r="G4601" t="s">
        <v>38341</v>
      </c>
      <c r="H4601">
        <v>5.4553726800689999</v>
      </c>
      <c r="I4601">
        <v>52.920461769623998</v>
      </c>
      <c r="J4601" t="s">
        <v>60286</v>
      </c>
    </row>
    <row r="4602" spans="1:10" x14ac:dyDescent="0.25">
      <c r="A4602" t="s">
        <v>38334</v>
      </c>
      <c r="B4602" t="s">
        <v>38335</v>
      </c>
      <c r="C4602" t="s">
        <v>38336</v>
      </c>
      <c r="D4602" t="s">
        <v>38207</v>
      </c>
      <c r="E4602" t="s">
        <v>13</v>
      </c>
      <c r="F4602">
        <v>9480</v>
      </c>
      <c r="G4602" t="s">
        <v>38337</v>
      </c>
      <c r="H4602">
        <v>5.3983120291060001</v>
      </c>
      <c r="I4602">
        <v>52.900782662704998</v>
      </c>
      <c r="J4602" t="s">
        <v>60287</v>
      </c>
    </row>
    <row r="4603" spans="1:10" x14ac:dyDescent="0.25">
      <c r="A4603" t="s">
        <v>38330</v>
      </c>
      <c r="B4603" t="s">
        <v>38331</v>
      </c>
      <c r="C4603" t="s">
        <v>38332</v>
      </c>
      <c r="D4603" t="s">
        <v>38207</v>
      </c>
      <c r="E4603" t="s">
        <v>13</v>
      </c>
      <c r="F4603">
        <v>9479</v>
      </c>
      <c r="G4603" t="s">
        <v>38333</v>
      </c>
      <c r="H4603">
        <v>5.5001898807109999</v>
      </c>
      <c r="I4603">
        <v>52.949032187227999</v>
      </c>
      <c r="J4603" t="s">
        <v>60288</v>
      </c>
    </row>
    <row r="4604" spans="1:10" x14ac:dyDescent="0.25">
      <c r="A4604" t="s">
        <v>38326</v>
      </c>
      <c r="B4604" t="s">
        <v>38327</v>
      </c>
      <c r="C4604" t="s">
        <v>38328</v>
      </c>
      <c r="D4604" t="s">
        <v>38207</v>
      </c>
      <c r="E4604" t="s">
        <v>13</v>
      </c>
      <c r="F4604">
        <v>9478</v>
      </c>
      <c r="G4604" t="s">
        <v>38329</v>
      </c>
      <c r="H4604">
        <v>5.4542285651700002</v>
      </c>
      <c r="I4604">
        <v>52.917160979978</v>
      </c>
      <c r="J4604" t="s">
        <v>60289</v>
      </c>
    </row>
    <row r="4605" spans="1:10" x14ac:dyDescent="0.25">
      <c r="A4605" t="s">
        <v>38322</v>
      </c>
      <c r="B4605" t="s">
        <v>38323</v>
      </c>
      <c r="C4605" t="s">
        <v>38324</v>
      </c>
      <c r="D4605" t="s">
        <v>38207</v>
      </c>
      <c r="E4605" t="s">
        <v>13</v>
      </c>
      <c r="F4605">
        <v>9477</v>
      </c>
      <c r="G4605" t="s">
        <v>38325</v>
      </c>
      <c r="H4605">
        <v>5.4161281337579998</v>
      </c>
      <c r="I4605">
        <v>52.934252449829998</v>
      </c>
      <c r="J4605" t="s">
        <v>60290</v>
      </c>
    </row>
    <row r="4606" spans="1:10" x14ac:dyDescent="0.25">
      <c r="A4606" t="s">
        <v>38318</v>
      </c>
      <c r="B4606" t="s">
        <v>38319</v>
      </c>
      <c r="C4606" t="s">
        <v>38320</v>
      </c>
      <c r="D4606" t="s">
        <v>38207</v>
      </c>
      <c r="E4606" t="s">
        <v>13</v>
      </c>
      <c r="F4606">
        <v>9476</v>
      </c>
      <c r="G4606" t="s">
        <v>38321</v>
      </c>
      <c r="H4606">
        <v>5.4322394227700004</v>
      </c>
      <c r="I4606">
        <v>52.971896092038001</v>
      </c>
      <c r="J4606" t="s">
        <v>60291</v>
      </c>
    </row>
    <row r="4607" spans="1:10" x14ac:dyDescent="0.25">
      <c r="A4607" t="s">
        <v>38314</v>
      </c>
      <c r="B4607" t="s">
        <v>38315</v>
      </c>
      <c r="C4607" t="s">
        <v>38316</v>
      </c>
      <c r="D4607" t="s">
        <v>38207</v>
      </c>
      <c r="E4607" t="s">
        <v>13</v>
      </c>
      <c r="F4607">
        <v>9475</v>
      </c>
      <c r="G4607" t="s">
        <v>38317</v>
      </c>
      <c r="H4607">
        <v>5.4032652410070003</v>
      </c>
      <c r="I4607">
        <v>52.942128677416001</v>
      </c>
      <c r="J4607" t="s">
        <v>60292</v>
      </c>
    </row>
    <row r="4608" spans="1:10" x14ac:dyDescent="0.25">
      <c r="A4608" t="s">
        <v>38310</v>
      </c>
      <c r="B4608" t="s">
        <v>38311</v>
      </c>
      <c r="C4608" t="s">
        <v>38312</v>
      </c>
      <c r="D4608" t="s">
        <v>38207</v>
      </c>
      <c r="E4608" t="s">
        <v>13</v>
      </c>
      <c r="F4608">
        <v>9474</v>
      </c>
      <c r="G4608" t="s">
        <v>38313</v>
      </c>
      <c r="H4608">
        <v>5.4895714951060004</v>
      </c>
      <c r="I4608">
        <v>52.986039132575002</v>
      </c>
      <c r="J4608" t="s">
        <v>60293</v>
      </c>
    </row>
    <row r="4609" spans="1:10" x14ac:dyDescent="0.25">
      <c r="A4609" t="s">
        <v>38306</v>
      </c>
      <c r="B4609" t="s">
        <v>38307</v>
      </c>
      <c r="C4609" t="s">
        <v>38308</v>
      </c>
      <c r="D4609" t="s">
        <v>38207</v>
      </c>
      <c r="E4609" t="s">
        <v>13</v>
      </c>
      <c r="F4609">
        <v>9473</v>
      </c>
      <c r="G4609" t="s">
        <v>38309</v>
      </c>
      <c r="H4609">
        <v>5.4470436215250002</v>
      </c>
      <c r="I4609">
        <v>52.976459030431002</v>
      </c>
      <c r="J4609" t="s">
        <v>60294</v>
      </c>
    </row>
    <row r="4610" spans="1:10" x14ac:dyDescent="0.25">
      <c r="A4610" t="s">
        <v>38302</v>
      </c>
      <c r="B4610" t="s">
        <v>38303</v>
      </c>
      <c r="C4610" t="s">
        <v>38304</v>
      </c>
      <c r="D4610" t="s">
        <v>38207</v>
      </c>
      <c r="E4610" t="s">
        <v>13</v>
      </c>
      <c r="F4610">
        <v>9472</v>
      </c>
      <c r="G4610" t="s">
        <v>38305</v>
      </c>
      <c r="H4610">
        <v>5.6325442797239997</v>
      </c>
      <c r="I4610">
        <v>53.045331684916</v>
      </c>
      <c r="J4610" t="s">
        <v>60295</v>
      </c>
    </row>
    <row r="4611" spans="1:10" x14ac:dyDescent="0.25">
      <c r="A4611" t="s">
        <v>38298</v>
      </c>
      <c r="B4611" t="s">
        <v>38299</v>
      </c>
      <c r="C4611" t="s">
        <v>38300</v>
      </c>
      <c r="D4611" t="s">
        <v>38207</v>
      </c>
      <c r="E4611" t="s">
        <v>13</v>
      </c>
      <c r="F4611">
        <v>9471</v>
      </c>
      <c r="G4611" t="s">
        <v>38301</v>
      </c>
      <c r="H4611">
        <v>5.6691432362500001</v>
      </c>
      <c r="I4611">
        <v>53.052124623657001</v>
      </c>
      <c r="J4611" t="s">
        <v>60296</v>
      </c>
    </row>
    <row r="4612" spans="1:10" x14ac:dyDescent="0.25">
      <c r="A4612" t="s">
        <v>38294</v>
      </c>
      <c r="B4612" t="s">
        <v>38295</v>
      </c>
      <c r="C4612" t="s">
        <v>38296</v>
      </c>
      <c r="D4612" t="s">
        <v>38207</v>
      </c>
      <c r="E4612" t="s">
        <v>13</v>
      </c>
      <c r="F4612">
        <v>9470</v>
      </c>
      <c r="G4612" t="s">
        <v>38297</v>
      </c>
      <c r="H4612">
        <v>5.7207650584890004</v>
      </c>
      <c r="I4612">
        <v>53.035229209047003</v>
      </c>
      <c r="J4612" t="s">
        <v>60297</v>
      </c>
    </row>
    <row r="4613" spans="1:10" x14ac:dyDescent="0.25">
      <c r="A4613" t="s">
        <v>38290</v>
      </c>
      <c r="B4613" t="s">
        <v>38291</v>
      </c>
      <c r="C4613" t="s">
        <v>38292</v>
      </c>
      <c r="D4613" t="s">
        <v>38207</v>
      </c>
      <c r="E4613" t="s">
        <v>13</v>
      </c>
      <c r="F4613">
        <v>9469</v>
      </c>
      <c r="G4613" t="s">
        <v>38293</v>
      </c>
      <c r="H4613">
        <v>5.6646722034110004</v>
      </c>
      <c r="I4613">
        <v>53.013304353968003</v>
      </c>
      <c r="J4613" t="s">
        <v>60298</v>
      </c>
    </row>
    <row r="4614" spans="1:10" x14ac:dyDescent="0.25">
      <c r="A4614" t="s">
        <v>38286</v>
      </c>
      <c r="B4614" t="s">
        <v>38287</v>
      </c>
      <c r="C4614" t="s">
        <v>38288</v>
      </c>
      <c r="D4614" t="s">
        <v>38207</v>
      </c>
      <c r="E4614" t="s">
        <v>13</v>
      </c>
      <c r="F4614">
        <v>9468</v>
      </c>
      <c r="G4614" t="s">
        <v>38289</v>
      </c>
      <c r="H4614">
        <v>5.646642696931</v>
      </c>
      <c r="I4614">
        <v>53.018745646508002</v>
      </c>
      <c r="J4614" t="s">
        <v>60299</v>
      </c>
    </row>
    <row r="4615" spans="1:10" x14ac:dyDescent="0.25">
      <c r="A4615" t="s">
        <v>38282</v>
      </c>
      <c r="B4615" t="s">
        <v>38283</v>
      </c>
      <c r="C4615" t="s">
        <v>38284</v>
      </c>
      <c r="D4615" t="s">
        <v>38207</v>
      </c>
      <c r="E4615" t="s">
        <v>13</v>
      </c>
      <c r="F4615">
        <v>9467</v>
      </c>
      <c r="G4615" t="s">
        <v>38285</v>
      </c>
      <c r="H4615">
        <v>5.6508597426150002</v>
      </c>
      <c r="I4615">
        <v>53.025710526559998</v>
      </c>
      <c r="J4615" t="s">
        <v>60300</v>
      </c>
    </row>
    <row r="4616" spans="1:10" x14ac:dyDescent="0.25">
      <c r="A4616" t="s">
        <v>38278</v>
      </c>
      <c r="B4616" t="s">
        <v>38279</v>
      </c>
      <c r="C4616" t="s">
        <v>38280</v>
      </c>
      <c r="D4616" t="s">
        <v>38207</v>
      </c>
      <c r="E4616" t="s">
        <v>13</v>
      </c>
      <c r="F4616">
        <v>9466</v>
      </c>
      <c r="G4616" t="s">
        <v>38281</v>
      </c>
      <c r="H4616">
        <v>5.6621424560199998</v>
      </c>
      <c r="I4616">
        <v>53.024848166082997</v>
      </c>
      <c r="J4616" t="s">
        <v>60301</v>
      </c>
    </row>
    <row r="4617" spans="1:10" x14ac:dyDescent="0.25">
      <c r="A4617" t="s">
        <v>38274</v>
      </c>
      <c r="B4617" t="s">
        <v>38275</v>
      </c>
      <c r="C4617" t="s">
        <v>38276</v>
      </c>
      <c r="D4617" t="s">
        <v>38207</v>
      </c>
      <c r="E4617" t="s">
        <v>13</v>
      </c>
      <c r="F4617">
        <v>9465</v>
      </c>
      <c r="G4617" t="s">
        <v>38277</v>
      </c>
      <c r="H4617">
        <v>5.6895767479490003</v>
      </c>
      <c r="I4617">
        <v>53.020612490697999</v>
      </c>
      <c r="J4617" t="s">
        <v>60302</v>
      </c>
    </row>
    <row r="4618" spans="1:10" x14ac:dyDescent="0.25">
      <c r="A4618" t="s">
        <v>38271</v>
      </c>
      <c r="B4618" t="s">
        <v>38272</v>
      </c>
      <c r="C4618" t="s">
        <v>20543</v>
      </c>
      <c r="D4618" t="s">
        <v>38207</v>
      </c>
      <c r="E4618" t="s">
        <v>13</v>
      </c>
      <c r="F4618">
        <v>9464</v>
      </c>
      <c r="G4618" t="s">
        <v>38273</v>
      </c>
      <c r="H4618">
        <v>5.6730245464689997</v>
      </c>
      <c r="I4618">
        <v>53.031896242498</v>
      </c>
      <c r="J4618" t="s">
        <v>60303</v>
      </c>
    </row>
    <row r="4619" spans="1:10" x14ac:dyDescent="0.25">
      <c r="A4619" t="s">
        <v>38267</v>
      </c>
      <c r="B4619" t="s">
        <v>38268</v>
      </c>
      <c r="C4619" t="s">
        <v>38269</v>
      </c>
      <c r="D4619" t="s">
        <v>38207</v>
      </c>
      <c r="E4619" t="s">
        <v>13</v>
      </c>
      <c r="F4619">
        <v>9463</v>
      </c>
      <c r="G4619" t="s">
        <v>38270</v>
      </c>
      <c r="H4619">
        <v>5.6857370211590004</v>
      </c>
      <c r="I4619">
        <v>53.031538576956997</v>
      </c>
      <c r="J4619" t="s">
        <v>60304</v>
      </c>
    </row>
    <row r="4620" spans="1:10" x14ac:dyDescent="0.25">
      <c r="A4620" t="s">
        <v>38263</v>
      </c>
      <c r="B4620" t="s">
        <v>38264</v>
      </c>
      <c r="C4620" t="s">
        <v>38265</v>
      </c>
      <c r="D4620" t="s">
        <v>38207</v>
      </c>
      <c r="E4620" t="s">
        <v>13</v>
      </c>
      <c r="F4620">
        <v>9462</v>
      </c>
      <c r="G4620" t="s">
        <v>38266</v>
      </c>
      <c r="H4620">
        <v>5.681633134838</v>
      </c>
      <c r="I4620">
        <v>53.040876107513</v>
      </c>
      <c r="J4620" t="s">
        <v>60305</v>
      </c>
    </row>
    <row r="4621" spans="1:10" x14ac:dyDescent="0.25">
      <c r="A4621" t="s">
        <v>38259</v>
      </c>
      <c r="B4621" t="s">
        <v>38260</v>
      </c>
      <c r="C4621" t="s">
        <v>38261</v>
      </c>
      <c r="D4621" t="s">
        <v>38207</v>
      </c>
      <c r="E4621" t="s">
        <v>13</v>
      </c>
      <c r="F4621">
        <v>9461</v>
      </c>
      <c r="G4621" t="s">
        <v>38262</v>
      </c>
      <c r="H4621">
        <v>5.674017951393</v>
      </c>
      <c r="I4621">
        <v>53.035815409438001</v>
      </c>
      <c r="J4621" t="s">
        <v>60306</v>
      </c>
    </row>
    <row r="4622" spans="1:10" x14ac:dyDescent="0.25">
      <c r="A4622" t="s">
        <v>38256</v>
      </c>
      <c r="B4622" t="s">
        <v>38257</v>
      </c>
      <c r="C4622" t="s">
        <v>6548</v>
      </c>
      <c r="D4622" t="s">
        <v>38207</v>
      </c>
      <c r="E4622" t="s">
        <v>13</v>
      </c>
      <c r="F4622">
        <v>9460</v>
      </c>
      <c r="G4622" t="s">
        <v>38258</v>
      </c>
      <c r="H4622">
        <v>5.6696194763059999</v>
      </c>
      <c r="I4622">
        <v>53.038741809759003</v>
      </c>
      <c r="J4622" t="s">
        <v>60307</v>
      </c>
    </row>
    <row r="4623" spans="1:10" x14ac:dyDescent="0.25">
      <c r="A4623" t="s">
        <v>38252</v>
      </c>
      <c r="B4623" t="s">
        <v>38253</v>
      </c>
      <c r="C4623" t="s">
        <v>38254</v>
      </c>
      <c r="D4623" t="s">
        <v>38207</v>
      </c>
      <c r="E4623" t="s">
        <v>13</v>
      </c>
      <c r="F4623">
        <v>9459</v>
      </c>
      <c r="G4623" t="s">
        <v>38255</v>
      </c>
      <c r="H4623">
        <v>5.6697091780479996</v>
      </c>
      <c r="I4623">
        <v>53.044925872031001</v>
      </c>
      <c r="J4623" t="s">
        <v>60308</v>
      </c>
    </row>
    <row r="4624" spans="1:10" x14ac:dyDescent="0.25">
      <c r="A4624" t="s">
        <v>38248</v>
      </c>
      <c r="B4624" t="s">
        <v>38249</v>
      </c>
      <c r="C4624" t="s">
        <v>38250</v>
      </c>
      <c r="D4624" t="s">
        <v>38207</v>
      </c>
      <c r="E4624" t="s">
        <v>13</v>
      </c>
      <c r="F4624">
        <v>9458</v>
      </c>
      <c r="G4624" t="s">
        <v>38251</v>
      </c>
      <c r="H4624">
        <v>5.6625937806179998</v>
      </c>
      <c r="I4624">
        <v>53.036989522542001</v>
      </c>
      <c r="J4624" t="s">
        <v>60309</v>
      </c>
    </row>
    <row r="4625" spans="1:10" x14ac:dyDescent="0.25">
      <c r="A4625" t="s">
        <v>38244</v>
      </c>
      <c r="B4625" t="s">
        <v>38245</v>
      </c>
      <c r="C4625" t="s">
        <v>38246</v>
      </c>
      <c r="D4625" t="s">
        <v>38207</v>
      </c>
      <c r="E4625" t="s">
        <v>13</v>
      </c>
      <c r="F4625">
        <v>9457</v>
      </c>
      <c r="G4625" t="s">
        <v>38247</v>
      </c>
      <c r="H4625">
        <v>5.6524922452319997</v>
      </c>
      <c r="I4625">
        <v>53.044066438865997</v>
      </c>
      <c r="J4625" t="s">
        <v>60310</v>
      </c>
    </row>
    <row r="4626" spans="1:10" x14ac:dyDescent="0.25">
      <c r="A4626" t="s">
        <v>38240</v>
      </c>
      <c r="B4626" t="s">
        <v>38241</v>
      </c>
      <c r="C4626" t="s">
        <v>38242</v>
      </c>
      <c r="D4626" t="s">
        <v>38207</v>
      </c>
      <c r="E4626" t="s">
        <v>13</v>
      </c>
      <c r="F4626">
        <v>9456</v>
      </c>
      <c r="G4626" t="s">
        <v>38243</v>
      </c>
      <c r="H4626">
        <v>5.6568691825229998</v>
      </c>
      <c r="I4626">
        <v>53.038012843026998</v>
      </c>
      <c r="J4626" t="s">
        <v>60311</v>
      </c>
    </row>
    <row r="4627" spans="1:10" x14ac:dyDescent="0.25">
      <c r="A4627" t="s">
        <v>38236</v>
      </c>
      <c r="B4627" t="s">
        <v>38237</v>
      </c>
      <c r="C4627" t="s">
        <v>38238</v>
      </c>
      <c r="D4627" t="s">
        <v>38207</v>
      </c>
      <c r="E4627" t="s">
        <v>13</v>
      </c>
      <c r="F4627">
        <v>9455</v>
      </c>
      <c r="G4627" t="s">
        <v>38239</v>
      </c>
      <c r="H4627">
        <v>5.6363283654560004</v>
      </c>
      <c r="I4627">
        <v>53.031241348728003</v>
      </c>
      <c r="J4627" t="s">
        <v>60312</v>
      </c>
    </row>
    <row r="4628" spans="1:10" x14ac:dyDescent="0.25">
      <c r="A4628" t="s">
        <v>38233</v>
      </c>
      <c r="B4628" t="s">
        <v>38234</v>
      </c>
      <c r="C4628" t="s">
        <v>4780</v>
      </c>
      <c r="D4628" t="s">
        <v>38207</v>
      </c>
      <c r="E4628" t="s">
        <v>13</v>
      </c>
      <c r="F4628">
        <v>9454</v>
      </c>
      <c r="G4628" t="s">
        <v>38235</v>
      </c>
      <c r="H4628">
        <v>5.6472752544300002</v>
      </c>
      <c r="I4628">
        <v>53.028421084743997</v>
      </c>
      <c r="J4628" t="s">
        <v>60313</v>
      </c>
    </row>
    <row r="4629" spans="1:10" x14ac:dyDescent="0.25">
      <c r="A4629" t="s">
        <v>38229</v>
      </c>
      <c r="B4629" t="s">
        <v>38230</v>
      </c>
      <c r="C4629" t="s">
        <v>38231</v>
      </c>
      <c r="D4629" t="s">
        <v>38207</v>
      </c>
      <c r="E4629" t="s">
        <v>13</v>
      </c>
      <c r="F4629">
        <v>9453</v>
      </c>
      <c r="G4629" t="s">
        <v>38232</v>
      </c>
      <c r="H4629">
        <v>5.6611089122819997</v>
      </c>
      <c r="I4629">
        <v>53.032014611725003</v>
      </c>
      <c r="J4629" t="s">
        <v>60314</v>
      </c>
    </row>
    <row r="4630" spans="1:10" x14ac:dyDescent="0.25">
      <c r="A4630" t="s">
        <v>38225</v>
      </c>
      <c r="B4630" t="s">
        <v>38226</v>
      </c>
      <c r="C4630" t="s">
        <v>38227</v>
      </c>
      <c r="D4630" t="s">
        <v>38207</v>
      </c>
      <c r="E4630" t="s">
        <v>13</v>
      </c>
      <c r="F4630">
        <v>9452</v>
      </c>
      <c r="G4630" t="s">
        <v>38228</v>
      </c>
      <c r="H4630">
        <v>5.5228607211599998</v>
      </c>
      <c r="I4630">
        <v>53.063423398440001</v>
      </c>
      <c r="J4630" t="s">
        <v>60315</v>
      </c>
    </row>
    <row r="4631" spans="1:10" x14ac:dyDescent="0.25">
      <c r="A4631" t="s">
        <v>38221</v>
      </c>
      <c r="B4631" t="s">
        <v>38222</v>
      </c>
      <c r="C4631" t="s">
        <v>38223</v>
      </c>
      <c r="D4631" t="s">
        <v>38207</v>
      </c>
      <c r="E4631" t="s">
        <v>13</v>
      </c>
      <c r="F4631">
        <v>9451</v>
      </c>
      <c r="G4631" t="s">
        <v>38224</v>
      </c>
      <c r="H4631">
        <v>5.5332795467110003</v>
      </c>
      <c r="I4631">
        <v>53.069584802930997</v>
      </c>
      <c r="J4631" t="s">
        <v>60316</v>
      </c>
    </row>
    <row r="4632" spans="1:10" x14ac:dyDescent="0.25">
      <c r="A4632" t="s">
        <v>38217</v>
      </c>
      <c r="B4632" t="s">
        <v>38218</v>
      </c>
      <c r="C4632" t="s">
        <v>38219</v>
      </c>
      <c r="D4632" t="s">
        <v>38207</v>
      </c>
      <c r="E4632" t="s">
        <v>13</v>
      </c>
      <c r="F4632">
        <v>9450</v>
      </c>
      <c r="G4632" t="s">
        <v>38220</v>
      </c>
      <c r="H4632">
        <v>5.5143188141869999</v>
      </c>
      <c r="I4632">
        <v>53.060551002845997</v>
      </c>
      <c r="J4632" t="s">
        <v>60317</v>
      </c>
    </row>
    <row r="4633" spans="1:10" x14ac:dyDescent="0.25">
      <c r="A4633" t="s">
        <v>38213</v>
      </c>
      <c r="B4633" t="s">
        <v>38214</v>
      </c>
      <c r="C4633" t="s">
        <v>38215</v>
      </c>
      <c r="D4633" t="s">
        <v>38207</v>
      </c>
      <c r="E4633" t="s">
        <v>13</v>
      </c>
      <c r="F4633">
        <v>9449</v>
      </c>
      <c r="G4633" t="s">
        <v>38216</v>
      </c>
      <c r="H4633">
        <v>5.5313511831669997</v>
      </c>
      <c r="I4633">
        <v>53.060265552232003</v>
      </c>
      <c r="J4633" t="s">
        <v>60318</v>
      </c>
    </row>
    <row r="4634" spans="1:10" x14ac:dyDescent="0.25">
      <c r="A4634" t="s">
        <v>38209</v>
      </c>
      <c r="B4634" t="s">
        <v>38210</v>
      </c>
      <c r="C4634" t="s">
        <v>38211</v>
      </c>
      <c r="D4634" t="s">
        <v>38207</v>
      </c>
      <c r="E4634" t="s">
        <v>13</v>
      </c>
      <c r="F4634">
        <v>9448</v>
      </c>
      <c r="G4634" t="s">
        <v>38212</v>
      </c>
      <c r="H4634">
        <v>5.5184350595809999</v>
      </c>
      <c r="I4634">
        <v>53.066581922053999</v>
      </c>
      <c r="J4634" t="s">
        <v>60319</v>
      </c>
    </row>
    <row r="4635" spans="1:10" x14ac:dyDescent="0.25">
      <c r="A4635" t="s">
        <v>38204</v>
      </c>
      <c r="B4635" t="s">
        <v>38205</v>
      </c>
      <c r="C4635" t="s">
        <v>38206</v>
      </c>
      <c r="D4635" t="s">
        <v>38207</v>
      </c>
      <c r="E4635" t="s">
        <v>13</v>
      </c>
      <c r="F4635">
        <v>9447</v>
      </c>
      <c r="G4635" t="s">
        <v>38208</v>
      </c>
      <c r="H4635">
        <v>5.5231769068809999</v>
      </c>
      <c r="I4635">
        <v>53.062919241513001</v>
      </c>
      <c r="J4635" t="s">
        <v>60320</v>
      </c>
    </row>
    <row r="4636" spans="1:10" x14ac:dyDescent="0.25">
      <c r="A4636" t="s">
        <v>38200</v>
      </c>
      <c r="B4636" t="s">
        <v>38201</v>
      </c>
      <c r="C4636" t="s">
        <v>38202</v>
      </c>
      <c r="D4636" t="s">
        <v>38072</v>
      </c>
      <c r="E4636" t="s">
        <v>13</v>
      </c>
      <c r="F4636">
        <v>9446</v>
      </c>
      <c r="G4636" t="s">
        <v>38203</v>
      </c>
      <c r="H4636">
        <v>6.0454553965929998</v>
      </c>
      <c r="I4636">
        <v>52.577862734611003</v>
      </c>
      <c r="J4636" t="s">
        <v>60321</v>
      </c>
    </row>
    <row r="4637" spans="1:10" x14ac:dyDescent="0.25">
      <c r="A4637" t="s">
        <v>38196</v>
      </c>
      <c r="B4637" t="s">
        <v>38197</v>
      </c>
      <c r="C4637" t="s">
        <v>38198</v>
      </c>
      <c r="D4637" t="s">
        <v>38072</v>
      </c>
      <c r="E4637" t="s">
        <v>13</v>
      </c>
      <c r="F4637">
        <v>9445</v>
      </c>
      <c r="G4637" t="s">
        <v>38199</v>
      </c>
      <c r="H4637">
        <v>6.0594893735330002</v>
      </c>
      <c r="I4637">
        <v>52.641709756460003</v>
      </c>
      <c r="J4637" t="s">
        <v>60322</v>
      </c>
    </row>
    <row r="4638" spans="1:10" x14ac:dyDescent="0.25">
      <c r="A4638" t="s">
        <v>38192</v>
      </c>
      <c r="B4638" t="s">
        <v>38193</v>
      </c>
      <c r="C4638" t="s">
        <v>38194</v>
      </c>
      <c r="D4638" t="s">
        <v>38072</v>
      </c>
      <c r="E4638" t="s">
        <v>13</v>
      </c>
      <c r="F4638">
        <v>9444</v>
      </c>
      <c r="G4638" t="s">
        <v>38195</v>
      </c>
      <c r="H4638">
        <v>6.0693114359209996</v>
      </c>
      <c r="I4638">
        <v>52.647524633015003</v>
      </c>
      <c r="J4638" t="s">
        <v>60323</v>
      </c>
    </row>
    <row r="4639" spans="1:10" x14ac:dyDescent="0.25">
      <c r="A4639" t="s">
        <v>38188</v>
      </c>
      <c r="B4639" t="s">
        <v>38189</v>
      </c>
      <c r="C4639" t="s">
        <v>38190</v>
      </c>
      <c r="D4639" t="s">
        <v>38072</v>
      </c>
      <c r="E4639" t="s">
        <v>13</v>
      </c>
      <c r="F4639">
        <v>9443</v>
      </c>
      <c r="G4639" t="s">
        <v>38191</v>
      </c>
      <c r="H4639">
        <v>6.0919978531980004</v>
      </c>
      <c r="I4639">
        <v>52.620394216637997</v>
      </c>
      <c r="J4639" t="s">
        <v>60324</v>
      </c>
    </row>
    <row r="4640" spans="1:10" x14ac:dyDescent="0.25">
      <c r="A4640" t="s">
        <v>38184</v>
      </c>
      <c r="B4640" t="s">
        <v>38185</v>
      </c>
      <c r="C4640" t="s">
        <v>38186</v>
      </c>
      <c r="D4640" t="s">
        <v>38072</v>
      </c>
      <c r="E4640" t="s">
        <v>13</v>
      </c>
      <c r="F4640">
        <v>9442</v>
      </c>
      <c r="G4640" t="s">
        <v>38187</v>
      </c>
      <c r="H4640">
        <v>6.0871832086650004</v>
      </c>
      <c r="I4640">
        <v>52.643514453438002</v>
      </c>
      <c r="J4640" t="s">
        <v>60325</v>
      </c>
    </row>
    <row r="4641" spans="1:10" x14ac:dyDescent="0.25">
      <c r="A4641" t="s">
        <v>38180</v>
      </c>
      <c r="B4641" t="s">
        <v>38181</v>
      </c>
      <c r="C4641" t="s">
        <v>38182</v>
      </c>
      <c r="D4641" t="s">
        <v>38072</v>
      </c>
      <c r="E4641" t="s">
        <v>13</v>
      </c>
      <c r="F4641">
        <v>9441</v>
      </c>
      <c r="G4641" t="s">
        <v>38183</v>
      </c>
      <c r="H4641">
        <v>6.0758249148469998</v>
      </c>
      <c r="I4641">
        <v>52.639072083381002</v>
      </c>
      <c r="J4641" t="s">
        <v>60326</v>
      </c>
    </row>
    <row r="4642" spans="1:10" x14ac:dyDescent="0.25">
      <c r="A4642" t="s">
        <v>38176</v>
      </c>
      <c r="B4642" t="s">
        <v>38177</v>
      </c>
      <c r="C4642" t="s">
        <v>38178</v>
      </c>
      <c r="D4642" t="s">
        <v>38072</v>
      </c>
      <c r="E4642" t="s">
        <v>13</v>
      </c>
      <c r="F4642">
        <v>9440</v>
      </c>
      <c r="G4642" t="s">
        <v>38179</v>
      </c>
      <c r="H4642">
        <v>6.0810971790890003</v>
      </c>
      <c r="I4642">
        <v>52.644360569315999</v>
      </c>
      <c r="J4642" t="s">
        <v>60327</v>
      </c>
    </row>
    <row r="4643" spans="1:10" x14ac:dyDescent="0.25">
      <c r="A4643" t="s">
        <v>38172</v>
      </c>
      <c r="B4643" t="s">
        <v>38173</v>
      </c>
      <c r="C4643" t="s">
        <v>38174</v>
      </c>
      <c r="D4643" t="s">
        <v>38072</v>
      </c>
      <c r="E4643" t="s">
        <v>13</v>
      </c>
      <c r="F4643">
        <v>9439</v>
      </c>
      <c r="G4643" t="s">
        <v>38175</v>
      </c>
      <c r="H4643">
        <v>6.0732140533330004</v>
      </c>
      <c r="I4643">
        <v>52.644684577376999</v>
      </c>
      <c r="J4643" t="s">
        <v>60328</v>
      </c>
    </row>
    <row r="4644" spans="1:10" x14ac:dyDescent="0.25">
      <c r="A4644" t="s">
        <v>38169</v>
      </c>
      <c r="B4644" t="s">
        <v>38170</v>
      </c>
      <c r="C4644" t="s">
        <v>1296</v>
      </c>
      <c r="D4644" t="s">
        <v>38072</v>
      </c>
      <c r="E4644" t="s">
        <v>13</v>
      </c>
      <c r="F4644">
        <v>9438</v>
      </c>
      <c r="G4644" t="s">
        <v>38171</v>
      </c>
      <c r="H4644">
        <v>6.0641455957019996</v>
      </c>
      <c r="I4644">
        <v>52.643517644550002</v>
      </c>
      <c r="J4644" t="s">
        <v>60329</v>
      </c>
    </row>
    <row r="4645" spans="1:10" x14ac:dyDescent="0.25">
      <c r="A4645" t="s">
        <v>38165</v>
      </c>
      <c r="B4645" t="s">
        <v>38166</v>
      </c>
      <c r="C4645" t="s">
        <v>38167</v>
      </c>
      <c r="D4645" t="s">
        <v>38072</v>
      </c>
      <c r="E4645" t="s">
        <v>13</v>
      </c>
      <c r="F4645">
        <v>9437</v>
      </c>
      <c r="G4645" t="s">
        <v>38168</v>
      </c>
      <c r="H4645">
        <v>6.064365911746</v>
      </c>
      <c r="I4645">
        <v>52.638740755987001</v>
      </c>
      <c r="J4645" t="s">
        <v>60330</v>
      </c>
    </row>
    <row r="4646" spans="1:10" x14ac:dyDescent="0.25">
      <c r="A4646" t="s">
        <v>38161</v>
      </c>
      <c r="B4646" t="s">
        <v>38162</v>
      </c>
      <c r="C4646" t="s">
        <v>38163</v>
      </c>
      <c r="D4646" t="s">
        <v>38072</v>
      </c>
      <c r="E4646" t="s">
        <v>13</v>
      </c>
      <c r="F4646">
        <v>9436</v>
      </c>
      <c r="G4646" t="s">
        <v>38164</v>
      </c>
      <c r="H4646">
        <v>6.0720064021190003</v>
      </c>
      <c r="I4646">
        <v>52.640598022280997</v>
      </c>
      <c r="J4646" t="s">
        <v>60331</v>
      </c>
    </row>
    <row r="4647" spans="1:10" x14ac:dyDescent="0.25">
      <c r="A4647" t="s">
        <v>38157</v>
      </c>
      <c r="B4647" t="s">
        <v>38158</v>
      </c>
      <c r="C4647" t="s">
        <v>38159</v>
      </c>
      <c r="D4647" t="s">
        <v>38072</v>
      </c>
      <c r="E4647" t="s">
        <v>13</v>
      </c>
      <c r="F4647">
        <v>9435</v>
      </c>
      <c r="G4647" t="s">
        <v>38160</v>
      </c>
      <c r="H4647">
        <v>6.1314406636310004</v>
      </c>
      <c r="I4647">
        <v>52.571533089562998</v>
      </c>
      <c r="J4647" t="s">
        <v>60332</v>
      </c>
    </row>
    <row r="4648" spans="1:10" x14ac:dyDescent="0.25">
      <c r="A4648" t="s">
        <v>38153</v>
      </c>
      <c r="B4648" t="s">
        <v>38154</v>
      </c>
      <c r="C4648" t="s">
        <v>38155</v>
      </c>
      <c r="D4648" t="s">
        <v>38072</v>
      </c>
      <c r="E4648" t="s">
        <v>13</v>
      </c>
      <c r="F4648">
        <v>9434</v>
      </c>
      <c r="G4648" t="s">
        <v>38156</v>
      </c>
      <c r="H4648">
        <v>6.0797083684780002</v>
      </c>
      <c r="I4648">
        <v>52.585393543500999</v>
      </c>
      <c r="J4648" t="s">
        <v>60333</v>
      </c>
    </row>
    <row r="4649" spans="1:10" x14ac:dyDescent="0.25">
      <c r="A4649" t="s">
        <v>38149</v>
      </c>
      <c r="B4649" t="s">
        <v>38150</v>
      </c>
      <c r="C4649" t="s">
        <v>38151</v>
      </c>
      <c r="D4649" t="s">
        <v>38072</v>
      </c>
      <c r="E4649" t="s">
        <v>13</v>
      </c>
      <c r="F4649">
        <v>9433</v>
      </c>
      <c r="G4649" t="s">
        <v>38152</v>
      </c>
      <c r="H4649">
        <v>6.1160555454130003</v>
      </c>
      <c r="I4649">
        <v>52.593545622043003</v>
      </c>
      <c r="J4649" t="s">
        <v>60334</v>
      </c>
    </row>
    <row r="4650" spans="1:10" x14ac:dyDescent="0.25">
      <c r="A4650" t="s">
        <v>38145</v>
      </c>
      <c r="B4650" t="s">
        <v>38146</v>
      </c>
      <c r="C4650" t="s">
        <v>38147</v>
      </c>
      <c r="D4650" t="s">
        <v>38072</v>
      </c>
      <c r="E4650" t="s">
        <v>13</v>
      </c>
      <c r="F4650">
        <v>9432</v>
      </c>
      <c r="G4650" t="s">
        <v>38148</v>
      </c>
      <c r="H4650">
        <v>6.0896755098369999</v>
      </c>
      <c r="I4650">
        <v>52.597047369365001</v>
      </c>
      <c r="J4650" t="s">
        <v>60335</v>
      </c>
    </row>
    <row r="4651" spans="1:10" x14ac:dyDescent="0.25">
      <c r="A4651" t="s">
        <v>38141</v>
      </c>
      <c r="B4651" t="s">
        <v>38142</v>
      </c>
      <c r="C4651" t="s">
        <v>38143</v>
      </c>
      <c r="D4651" t="s">
        <v>38072</v>
      </c>
      <c r="E4651" t="s">
        <v>13</v>
      </c>
      <c r="F4651">
        <v>9431</v>
      </c>
      <c r="G4651" t="s">
        <v>38144</v>
      </c>
      <c r="H4651">
        <v>6.1038283084109999</v>
      </c>
      <c r="I4651">
        <v>52.599225880113003</v>
      </c>
      <c r="J4651" t="s">
        <v>60336</v>
      </c>
    </row>
    <row r="4652" spans="1:10" x14ac:dyDescent="0.25">
      <c r="A4652" t="s">
        <v>38137</v>
      </c>
      <c r="B4652" t="s">
        <v>38138</v>
      </c>
      <c r="C4652" t="s">
        <v>38139</v>
      </c>
      <c r="D4652" t="s">
        <v>38072</v>
      </c>
      <c r="E4652" t="s">
        <v>13</v>
      </c>
      <c r="F4652">
        <v>9430</v>
      </c>
      <c r="G4652" t="s">
        <v>38140</v>
      </c>
      <c r="H4652">
        <v>6.1010816024250003</v>
      </c>
      <c r="I4652">
        <v>52.593935790320003</v>
      </c>
      <c r="J4652" t="s">
        <v>60337</v>
      </c>
    </row>
    <row r="4653" spans="1:10" x14ac:dyDescent="0.25">
      <c r="A4653" t="s">
        <v>38133</v>
      </c>
      <c r="B4653" t="s">
        <v>38134</v>
      </c>
      <c r="C4653" t="s">
        <v>38135</v>
      </c>
      <c r="D4653" t="s">
        <v>38072</v>
      </c>
      <c r="E4653" t="s">
        <v>13</v>
      </c>
      <c r="F4653">
        <v>9429</v>
      </c>
      <c r="G4653" t="s">
        <v>38136</v>
      </c>
      <c r="H4653">
        <v>6.0908572861129997</v>
      </c>
      <c r="I4653">
        <v>52.581087057746998</v>
      </c>
      <c r="J4653" t="s">
        <v>60338</v>
      </c>
    </row>
    <row r="4654" spans="1:10" x14ac:dyDescent="0.25">
      <c r="A4654" t="s">
        <v>38129</v>
      </c>
      <c r="B4654" t="s">
        <v>38130</v>
      </c>
      <c r="C4654" t="s">
        <v>38131</v>
      </c>
      <c r="D4654" t="s">
        <v>38072</v>
      </c>
      <c r="E4654" t="s">
        <v>13</v>
      </c>
      <c r="F4654">
        <v>9428</v>
      </c>
      <c r="G4654" t="s">
        <v>38132</v>
      </c>
      <c r="H4654">
        <v>6.1001039013370004</v>
      </c>
      <c r="I4654">
        <v>52.591092061277003</v>
      </c>
      <c r="J4654" t="s">
        <v>60339</v>
      </c>
    </row>
    <row r="4655" spans="1:10" x14ac:dyDescent="0.25">
      <c r="A4655" t="s">
        <v>38125</v>
      </c>
      <c r="B4655" t="s">
        <v>38126</v>
      </c>
      <c r="C4655" t="s">
        <v>38127</v>
      </c>
      <c r="D4655" t="s">
        <v>38072</v>
      </c>
      <c r="E4655" t="s">
        <v>13</v>
      </c>
      <c r="F4655">
        <v>9427</v>
      </c>
      <c r="G4655" t="s">
        <v>38128</v>
      </c>
      <c r="H4655">
        <v>6.1003800717349996</v>
      </c>
      <c r="I4655">
        <v>52.587145806841001</v>
      </c>
      <c r="J4655" t="s">
        <v>60340</v>
      </c>
    </row>
    <row r="4656" spans="1:10" x14ac:dyDescent="0.25">
      <c r="A4656" t="s">
        <v>38121</v>
      </c>
      <c r="B4656" t="s">
        <v>38122</v>
      </c>
      <c r="C4656" t="s">
        <v>38123</v>
      </c>
      <c r="D4656" t="s">
        <v>38072</v>
      </c>
      <c r="E4656" t="s">
        <v>13</v>
      </c>
      <c r="F4656">
        <v>9426</v>
      </c>
      <c r="G4656" t="s">
        <v>38124</v>
      </c>
      <c r="H4656">
        <v>6.0917319325949997</v>
      </c>
      <c r="I4656">
        <v>52.590726467402</v>
      </c>
      <c r="J4656" t="s">
        <v>60341</v>
      </c>
    </row>
    <row r="4657" spans="1:10" x14ac:dyDescent="0.25">
      <c r="A4657" t="s">
        <v>38117</v>
      </c>
      <c r="B4657" t="s">
        <v>38118</v>
      </c>
      <c r="C4657" t="s">
        <v>38119</v>
      </c>
      <c r="D4657" t="s">
        <v>38072</v>
      </c>
      <c r="E4657" t="s">
        <v>13</v>
      </c>
      <c r="F4657">
        <v>9425</v>
      </c>
      <c r="G4657" t="s">
        <v>38120</v>
      </c>
      <c r="H4657">
        <v>5.9985426959170001</v>
      </c>
      <c r="I4657">
        <v>52.606955509941997</v>
      </c>
      <c r="J4657" t="s">
        <v>60342</v>
      </c>
    </row>
    <row r="4658" spans="1:10" x14ac:dyDescent="0.25">
      <c r="A4658" t="s">
        <v>38113</v>
      </c>
      <c r="B4658" t="s">
        <v>38114</v>
      </c>
      <c r="C4658" t="s">
        <v>38115</v>
      </c>
      <c r="D4658" t="s">
        <v>38072</v>
      </c>
      <c r="E4658" t="s">
        <v>13</v>
      </c>
      <c r="F4658">
        <v>9424</v>
      </c>
      <c r="G4658" t="s">
        <v>38116</v>
      </c>
      <c r="H4658">
        <v>6.0229316840560001</v>
      </c>
      <c r="I4658">
        <v>52.597891847733997</v>
      </c>
      <c r="J4658" t="s">
        <v>60343</v>
      </c>
    </row>
    <row r="4659" spans="1:10" x14ac:dyDescent="0.25">
      <c r="A4659" t="s">
        <v>38109</v>
      </c>
      <c r="B4659" t="s">
        <v>38110</v>
      </c>
      <c r="C4659" t="s">
        <v>38111</v>
      </c>
      <c r="D4659" t="s">
        <v>38072</v>
      </c>
      <c r="E4659" t="s">
        <v>13</v>
      </c>
      <c r="F4659">
        <v>9423</v>
      </c>
      <c r="G4659" t="s">
        <v>38112</v>
      </c>
      <c r="H4659">
        <v>5.9846600926709996</v>
      </c>
      <c r="I4659">
        <v>52.595326894701998</v>
      </c>
      <c r="J4659" t="s">
        <v>60344</v>
      </c>
    </row>
    <row r="4660" spans="1:10" x14ac:dyDescent="0.25">
      <c r="A4660" t="s">
        <v>38105</v>
      </c>
      <c r="B4660" t="s">
        <v>38106</v>
      </c>
      <c r="C4660" t="s">
        <v>38107</v>
      </c>
      <c r="D4660" t="s">
        <v>38072</v>
      </c>
      <c r="E4660" t="s">
        <v>13</v>
      </c>
      <c r="F4660">
        <v>9422</v>
      </c>
      <c r="G4660" t="s">
        <v>38108</v>
      </c>
      <c r="H4660">
        <v>6.0106402696280004</v>
      </c>
      <c r="I4660">
        <v>52.598677808344</v>
      </c>
      <c r="J4660" t="s">
        <v>60345</v>
      </c>
    </row>
    <row r="4661" spans="1:10" x14ac:dyDescent="0.25">
      <c r="A4661" t="s">
        <v>38101</v>
      </c>
      <c r="B4661" t="s">
        <v>38102</v>
      </c>
      <c r="C4661" t="s">
        <v>38103</v>
      </c>
      <c r="D4661" t="s">
        <v>38072</v>
      </c>
      <c r="E4661" t="s">
        <v>13</v>
      </c>
      <c r="F4661">
        <v>9421</v>
      </c>
      <c r="G4661" t="s">
        <v>38104</v>
      </c>
      <c r="H4661">
        <v>6.0345466363040003</v>
      </c>
      <c r="I4661">
        <v>52.627822626307001</v>
      </c>
      <c r="J4661" t="s">
        <v>60346</v>
      </c>
    </row>
    <row r="4662" spans="1:10" x14ac:dyDescent="0.25">
      <c r="A4662" t="s">
        <v>38097</v>
      </c>
      <c r="B4662" t="s">
        <v>38098</v>
      </c>
      <c r="C4662" t="s">
        <v>38099</v>
      </c>
      <c r="D4662" t="s">
        <v>38072</v>
      </c>
      <c r="E4662" t="s">
        <v>13</v>
      </c>
      <c r="F4662">
        <v>9420</v>
      </c>
      <c r="G4662" t="s">
        <v>38100</v>
      </c>
      <c r="H4662">
        <v>6.0429506459809996</v>
      </c>
      <c r="I4662">
        <v>52.618591279854002</v>
      </c>
      <c r="J4662" t="s">
        <v>60347</v>
      </c>
    </row>
    <row r="4663" spans="1:10" x14ac:dyDescent="0.25">
      <c r="A4663" t="s">
        <v>38093</v>
      </c>
      <c r="B4663" t="s">
        <v>38094</v>
      </c>
      <c r="C4663" t="s">
        <v>38095</v>
      </c>
      <c r="D4663" t="s">
        <v>38072</v>
      </c>
      <c r="E4663" t="s">
        <v>13</v>
      </c>
      <c r="F4663">
        <v>9419</v>
      </c>
      <c r="G4663" t="s">
        <v>38096</v>
      </c>
      <c r="H4663">
        <v>6.0328112324759999</v>
      </c>
      <c r="I4663">
        <v>52.619769541844001</v>
      </c>
      <c r="J4663" t="s">
        <v>60348</v>
      </c>
    </row>
    <row r="4664" spans="1:10" x14ac:dyDescent="0.25">
      <c r="A4664" t="s">
        <v>38090</v>
      </c>
      <c r="B4664" t="s">
        <v>38091</v>
      </c>
      <c r="C4664" t="s">
        <v>37</v>
      </c>
      <c r="D4664" t="s">
        <v>38072</v>
      </c>
      <c r="E4664" t="s">
        <v>13</v>
      </c>
      <c r="F4664">
        <v>9418</v>
      </c>
      <c r="G4664" t="s">
        <v>38092</v>
      </c>
      <c r="H4664">
        <v>6.0498154325489999</v>
      </c>
      <c r="I4664">
        <v>52.619867825253998</v>
      </c>
      <c r="J4664" t="s">
        <v>60349</v>
      </c>
    </row>
    <row r="4665" spans="1:10" x14ac:dyDescent="0.25">
      <c r="A4665" t="s">
        <v>38086</v>
      </c>
      <c r="B4665" t="s">
        <v>38087</v>
      </c>
      <c r="C4665" t="s">
        <v>38088</v>
      </c>
      <c r="D4665" t="s">
        <v>38072</v>
      </c>
      <c r="E4665" t="s">
        <v>13</v>
      </c>
      <c r="F4665">
        <v>9417</v>
      </c>
      <c r="G4665" t="s">
        <v>38089</v>
      </c>
      <c r="H4665">
        <v>6.0562463759309999</v>
      </c>
      <c r="I4665">
        <v>52.62278735364</v>
      </c>
      <c r="J4665" t="s">
        <v>60350</v>
      </c>
    </row>
    <row r="4666" spans="1:10" x14ac:dyDescent="0.25">
      <c r="A4666" t="s">
        <v>38082</v>
      </c>
      <c r="B4666" t="s">
        <v>38083</v>
      </c>
      <c r="C4666" t="s">
        <v>38084</v>
      </c>
      <c r="D4666" t="s">
        <v>38072</v>
      </c>
      <c r="E4666" t="s">
        <v>13</v>
      </c>
      <c r="F4666">
        <v>9416</v>
      </c>
      <c r="G4666" t="s">
        <v>38085</v>
      </c>
      <c r="H4666">
        <v>6.0148882173139997</v>
      </c>
      <c r="I4666">
        <v>52.624855178190998</v>
      </c>
      <c r="J4666" t="s">
        <v>60351</v>
      </c>
    </row>
    <row r="4667" spans="1:10" x14ac:dyDescent="0.25">
      <c r="A4667" t="s">
        <v>38078</v>
      </c>
      <c r="B4667" t="s">
        <v>38079</v>
      </c>
      <c r="C4667" t="s">
        <v>38080</v>
      </c>
      <c r="D4667" t="s">
        <v>38072</v>
      </c>
      <c r="E4667" t="s">
        <v>13</v>
      </c>
      <c r="F4667">
        <v>9415</v>
      </c>
      <c r="G4667" t="s">
        <v>38081</v>
      </c>
      <c r="H4667">
        <v>6.0694689076149997</v>
      </c>
      <c r="I4667">
        <v>52.626731109992001</v>
      </c>
      <c r="J4667" t="s">
        <v>60352</v>
      </c>
    </row>
    <row r="4668" spans="1:10" x14ac:dyDescent="0.25">
      <c r="A4668" t="s">
        <v>38074</v>
      </c>
      <c r="B4668" t="s">
        <v>38075</v>
      </c>
      <c r="C4668" t="s">
        <v>38076</v>
      </c>
      <c r="D4668" t="s">
        <v>38072</v>
      </c>
      <c r="E4668" t="s">
        <v>13</v>
      </c>
      <c r="F4668">
        <v>9414</v>
      </c>
      <c r="G4668" t="s">
        <v>38077</v>
      </c>
      <c r="H4668">
        <v>6.0444242239879999</v>
      </c>
      <c r="I4668">
        <v>52.625290218042998</v>
      </c>
      <c r="J4668" t="s">
        <v>60353</v>
      </c>
    </row>
    <row r="4669" spans="1:10" x14ac:dyDescent="0.25">
      <c r="A4669" t="s">
        <v>38069</v>
      </c>
      <c r="B4669" t="s">
        <v>38070</v>
      </c>
      <c r="C4669" t="s">
        <v>38071</v>
      </c>
      <c r="D4669" t="s">
        <v>38072</v>
      </c>
      <c r="E4669" t="s">
        <v>13</v>
      </c>
      <c r="F4669">
        <v>9413</v>
      </c>
      <c r="G4669" t="s">
        <v>38073</v>
      </c>
      <c r="H4669">
        <v>6.0396592357159999</v>
      </c>
      <c r="I4669">
        <v>52.624446360031001</v>
      </c>
      <c r="J4669" t="s">
        <v>60354</v>
      </c>
    </row>
    <row r="4670" spans="1:10" x14ac:dyDescent="0.25">
      <c r="A4670" t="s">
        <v>38065</v>
      </c>
      <c r="B4670" t="s">
        <v>38066</v>
      </c>
      <c r="C4670" t="s">
        <v>38067</v>
      </c>
      <c r="D4670" t="s">
        <v>37875</v>
      </c>
      <c r="E4670" t="s">
        <v>13</v>
      </c>
      <c r="F4670">
        <v>9412</v>
      </c>
      <c r="G4670" t="s">
        <v>38068</v>
      </c>
      <c r="H4670">
        <v>7.0013962570960002</v>
      </c>
      <c r="I4670">
        <v>53.242527176212</v>
      </c>
      <c r="J4670" t="s">
        <v>60355</v>
      </c>
    </row>
    <row r="4671" spans="1:10" x14ac:dyDescent="0.25">
      <c r="A4671" t="s">
        <v>38062</v>
      </c>
      <c r="B4671" t="s">
        <v>38063</v>
      </c>
      <c r="C4671" t="s">
        <v>28256</v>
      </c>
      <c r="D4671" t="s">
        <v>37875</v>
      </c>
      <c r="E4671" t="s">
        <v>13</v>
      </c>
      <c r="F4671">
        <v>9411</v>
      </c>
      <c r="G4671" t="s">
        <v>38064</v>
      </c>
      <c r="H4671">
        <v>7.000108693354</v>
      </c>
      <c r="I4671">
        <v>53.248654434843999</v>
      </c>
      <c r="J4671" t="s">
        <v>60356</v>
      </c>
    </row>
    <row r="4672" spans="1:10" x14ac:dyDescent="0.25">
      <c r="A4672" t="s">
        <v>38058</v>
      </c>
      <c r="B4672" t="s">
        <v>38059</v>
      </c>
      <c r="C4672" t="s">
        <v>38060</v>
      </c>
      <c r="D4672" t="s">
        <v>37875</v>
      </c>
      <c r="E4672" t="s">
        <v>13</v>
      </c>
      <c r="F4672">
        <v>9410</v>
      </c>
      <c r="G4672" t="s">
        <v>38061</v>
      </c>
      <c r="H4672">
        <v>6.9700472752070004</v>
      </c>
      <c r="I4672">
        <v>53.241832424409999</v>
      </c>
      <c r="J4672" t="s">
        <v>60357</v>
      </c>
    </row>
    <row r="4673" spans="1:10" x14ac:dyDescent="0.25">
      <c r="A4673" t="s">
        <v>38054</v>
      </c>
      <c r="B4673" t="s">
        <v>38055</v>
      </c>
      <c r="C4673" t="s">
        <v>38056</v>
      </c>
      <c r="D4673" t="s">
        <v>37875</v>
      </c>
      <c r="E4673" t="s">
        <v>13</v>
      </c>
      <c r="F4673">
        <v>9409</v>
      </c>
      <c r="G4673" t="s">
        <v>38057</v>
      </c>
      <c r="H4673">
        <v>7.0170453111139999</v>
      </c>
      <c r="I4673">
        <v>53.206898184000998</v>
      </c>
      <c r="J4673" t="s">
        <v>60358</v>
      </c>
    </row>
    <row r="4674" spans="1:10" x14ac:dyDescent="0.25">
      <c r="A4674" t="s">
        <v>38050</v>
      </c>
      <c r="B4674" t="s">
        <v>38051</v>
      </c>
      <c r="C4674" t="s">
        <v>38052</v>
      </c>
      <c r="D4674" t="s">
        <v>37875</v>
      </c>
      <c r="E4674" t="s">
        <v>13</v>
      </c>
      <c r="F4674">
        <v>9408</v>
      </c>
      <c r="G4674" t="s">
        <v>38053</v>
      </c>
      <c r="H4674">
        <v>7.0486815139000001</v>
      </c>
      <c r="I4674">
        <v>53.184197447538999</v>
      </c>
      <c r="J4674" t="s">
        <v>60359</v>
      </c>
    </row>
    <row r="4675" spans="1:10" x14ac:dyDescent="0.25">
      <c r="A4675" t="s">
        <v>38046</v>
      </c>
      <c r="B4675" t="s">
        <v>38047</v>
      </c>
      <c r="C4675" t="s">
        <v>38048</v>
      </c>
      <c r="D4675" t="s">
        <v>37875</v>
      </c>
      <c r="E4675" t="s">
        <v>13</v>
      </c>
      <c r="F4675">
        <v>9407</v>
      </c>
      <c r="G4675" t="s">
        <v>38049</v>
      </c>
      <c r="H4675">
        <v>7.0275290736910003</v>
      </c>
      <c r="I4675">
        <v>53.179610870182003</v>
      </c>
      <c r="J4675" t="s">
        <v>60360</v>
      </c>
    </row>
    <row r="4676" spans="1:10" x14ac:dyDescent="0.25">
      <c r="A4676" t="s">
        <v>38042</v>
      </c>
      <c r="B4676" t="s">
        <v>38043</v>
      </c>
      <c r="C4676" t="s">
        <v>38044</v>
      </c>
      <c r="D4676" t="s">
        <v>37875</v>
      </c>
      <c r="E4676" t="s">
        <v>13</v>
      </c>
      <c r="F4676">
        <v>9406</v>
      </c>
      <c r="G4676" t="s">
        <v>38045</v>
      </c>
      <c r="H4676">
        <v>7.0580626512359999</v>
      </c>
      <c r="I4676">
        <v>53.190594905570002</v>
      </c>
      <c r="J4676" t="s">
        <v>60361</v>
      </c>
    </row>
    <row r="4677" spans="1:10" x14ac:dyDescent="0.25">
      <c r="A4677" t="s">
        <v>38038</v>
      </c>
      <c r="B4677" t="s">
        <v>38039</v>
      </c>
      <c r="C4677" t="s">
        <v>38040</v>
      </c>
      <c r="D4677" t="s">
        <v>37875</v>
      </c>
      <c r="E4677" t="s">
        <v>13</v>
      </c>
      <c r="F4677">
        <v>9405</v>
      </c>
      <c r="G4677" t="s">
        <v>38041</v>
      </c>
      <c r="H4677">
        <v>7.0548614065460002</v>
      </c>
      <c r="I4677">
        <v>53.170635472340997</v>
      </c>
      <c r="J4677" t="s">
        <v>60362</v>
      </c>
    </row>
    <row r="4678" spans="1:10" x14ac:dyDescent="0.25">
      <c r="A4678" t="s">
        <v>38035</v>
      </c>
      <c r="B4678" t="s">
        <v>38036</v>
      </c>
      <c r="C4678" t="s">
        <v>19886</v>
      </c>
      <c r="D4678" t="s">
        <v>37875</v>
      </c>
      <c r="E4678" t="s">
        <v>13</v>
      </c>
      <c r="F4678">
        <v>9404</v>
      </c>
      <c r="G4678" t="s">
        <v>38037</v>
      </c>
      <c r="H4678">
        <v>6.987313335604</v>
      </c>
      <c r="I4678">
        <v>53.187469054917003</v>
      </c>
      <c r="J4678" t="s">
        <v>60363</v>
      </c>
    </row>
    <row r="4679" spans="1:10" x14ac:dyDescent="0.25">
      <c r="A4679" t="s">
        <v>38031</v>
      </c>
      <c r="B4679" t="s">
        <v>38032</v>
      </c>
      <c r="C4679" t="s">
        <v>38033</v>
      </c>
      <c r="D4679" t="s">
        <v>37875</v>
      </c>
      <c r="E4679" t="s">
        <v>13</v>
      </c>
      <c r="F4679">
        <v>9403</v>
      </c>
      <c r="G4679" t="s">
        <v>38034</v>
      </c>
      <c r="H4679">
        <v>7.0453818212119996</v>
      </c>
      <c r="I4679">
        <v>53.202892963857003</v>
      </c>
      <c r="J4679" t="s">
        <v>60364</v>
      </c>
    </row>
    <row r="4680" spans="1:10" x14ac:dyDescent="0.25">
      <c r="A4680" t="s">
        <v>38027</v>
      </c>
      <c r="B4680" t="s">
        <v>38028</v>
      </c>
      <c r="C4680" t="s">
        <v>38029</v>
      </c>
      <c r="D4680" t="s">
        <v>37875</v>
      </c>
      <c r="E4680" t="s">
        <v>13</v>
      </c>
      <c r="F4680">
        <v>9402</v>
      </c>
      <c r="G4680" t="s">
        <v>38030</v>
      </c>
      <c r="H4680">
        <v>7.0148097210550002</v>
      </c>
      <c r="I4680">
        <v>53.195282791868998</v>
      </c>
      <c r="J4680" t="s">
        <v>60365</v>
      </c>
    </row>
    <row r="4681" spans="1:10" x14ac:dyDescent="0.25">
      <c r="A4681" t="s">
        <v>38024</v>
      </c>
      <c r="B4681" t="s">
        <v>38025</v>
      </c>
      <c r="C4681" t="s">
        <v>5274</v>
      </c>
      <c r="D4681" t="s">
        <v>37875</v>
      </c>
      <c r="E4681" t="s">
        <v>13</v>
      </c>
      <c r="F4681">
        <v>9401</v>
      </c>
      <c r="G4681" t="s">
        <v>38026</v>
      </c>
      <c r="H4681">
        <v>6.939484145442</v>
      </c>
      <c r="I4681">
        <v>53.199002791219002</v>
      </c>
      <c r="J4681" t="s">
        <v>60366</v>
      </c>
    </row>
    <row r="4682" spans="1:10" x14ac:dyDescent="0.25">
      <c r="A4682" t="s">
        <v>38020</v>
      </c>
      <c r="B4682" t="s">
        <v>38021</v>
      </c>
      <c r="C4682" t="s">
        <v>38022</v>
      </c>
      <c r="D4682" t="s">
        <v>37875</v>
      </c>
      <c r="E4682" t="s">
        <v>13</v>
      </c>
      <c r="F4682">
        <v>9400</v>
      </c>
      <c r="G4682" t="s">
        <v>38023</v>
      </c>
      <c r="H4682">
        <v>6.9542504271160004</v>
      </c>
      <c r="I4682">
        <v>53.182274047958998</v>
      </c>
      <c r="J4682" t="s">
        <v>60367</v>
      </c>
    </row>
    <row r="4683" spans="1:10" x14ac:dyDescent="0.25">
      <c r="A4683" t="s">
        <v>38016</v>
      </c>
      <c r="B4683" t="s">
        <v>38017</v>
      </c>
      <c r="C4683" t="s">
        <v>38018</v>
      </c>
      <c r="D4683" t="s">
        <v>37875</v>
      </c>
      <c r="E4683" t="s">
        <v>13</v>
      </c>
      <c r="F4683">
        <v>9399</v>
      </c>
      <c r="G4683" t="s">
        <v>38019</v>
      </c>
      <c r="H4683">
        <v>6.9332982849720004</v>
      </c>
      <c r="I4683">
        <v>53.201316125841998</v>
      </c>
      <c r="J4683" t="s">
        <v>60368</v>
      </c>
    </row>
    <row r="4684" spans="1:10" x14ac:dyDescent="0.25">
      <c r="A4684" t="s">
        <v>38012</v>
      </c>
      <c r="B4684" t="s">
        <v>38013</v>
      </c>
      <c r="C4684" t="s">
        <v>38014</v>
      </c>
      <c r="D4684" t="s">
        <v>37875</v>
      </c>
      <c r="E4684" t="s">
        <v>13</v>
      </c>
      <c r="F4684">
        <v>9398</v>
      </c>
      <c r="G4684" t="s">
        <v>38015</v>
      </c>
      <c r="H4684">
        <v>6.9458067176989999</v>
      </c>
      <c r="I4684">
        <v>53.223211995920003</v>
      </c>
      <c r="J4684" t="s">
        <v>60369</v>
      </c>
    </row>
    <row r="4685" spans="1:10" x14ac:dyDescent="0.25">
      <c r="A4685" t="s">
        <v>38008</v>
      </c>
      <c r="B4685" t="s">
        <v>38009</v>
      </c>
      <c r="C4685" t="s">
        <v>38010</v>
      </c>
      <c r="D4685" t="s">
        <v>37875</v>
      </c>
      <c r="E4685" t="s">
        <v>13</v>
      </c>
      <c r="F4685">
        <v>9397</v>
      </c>
      <c r="G4685" t="s">
        <v>38011</v>
      </c>
      <c r="H4685">
        <v>6.9432126840870003</v>
      </c>
      <c r="I4685">
        <v>53.212513447127002</v>
      </c>
      <c r="J4685" t="s">
        <v>60370</v>
      </c>
    </row>
    <row r="4686" spans="1:10" x14ac:dyDescent="0.25">
      <c r="A4686" t="s">
        <v>38004</v>
      </c>
      <c r="B4686" t="s">
        <v>38005</v>
      </c>
      <c r="C4686" t="s">
        <v>38006</v>
      </c>
      <c r="D4686" t="s">
        <v>37875</v>
      </c>
      <c r="E4686" t="s">
        <v>13</v>
      </c>
      <c r="F4686">
        <v>9396</v>
      </c>
      <c r="G4686" t="s">
        <v>38007</v>
      </c>
      <c r="H4686">
        <v>6.9658666918909997</v>
      </c>
      <c r="I4686">
        <v>53.154858109125001</v>
      </c>
      <c r="J4686" t="s">
        <v>60371</v>
      </c>
    </row>
    <row r="4687" spans="1:10" x14ac:dyDescent="0.25">
      <c r="A4687" t="s">
        <v>38000</v>
      </c>
      <c r="B4687" t="s">
        <v>38001</v>
      </c>
      <c r="C4687" t="s">
        <v>38002</v>
      </c>
      <c r="D4687" t="s">
        <v>37875</v>
      </c>
      <c r="E4687" t="s">
        <v>13</v>
      </c>
      <c r="F4687">
        <v>9395</v>
      </c>
      <c r="G4687" t="s">
        <v>38003</v>
      </c>
      <c r="H4687">
        <v>6.9816177795019998</v>
      </c>
      <c r="I4687">
        <v>53.130690815267997</v>
      </c>
      <c r="J4687" t="s">
        <v>60372</v>
      </c>
    </row>
    <row r="4688" spans="1:10" x14ac:dyDescent="0.25">
      <c r="A4688" t="s">
        <v>37996</v>
      </c>
      <c r="B4688" t="s">
        <v>37997</v>
      </c>
      <c r="C4688" t="s">
        <v>37998</v>
      </c>
      <c r="D4688" t="s">
        <v>37875</v>
      </c>
      <c r="E4688" t="s">
        <v>13</v>
      </c>
      <c r="F4688">
        <v>9394</v>
      </c>
      <c r="G4688" t="s">
        <v>37999</v>
      </c>
      <c r="H4688">
        <v>6.9842395971329996</v>
      </c>
      <c r="I4688">
        <v>53.145027002924003</v>
      </c>
      <c r="J4688" t="s">
        <v>60373</v>
      </c>
    </row>
    <row r="4689" spans="1:10" x14ac:dyDescent="0.25">
      <c r="A4689" t="s">
        <v>37992</v>
      </c>
      <c r="B4689" t="s">
        <v>37993</v>
      </c>
      <c r="C4689" t="s">
        <v>37994</v>
      </c>
      <c r="D4689" t="s">
        <v>37875</v>
      </c>
      <c r="E4689" t="s">
        <v>13</v>
      </c>
      <c r="F4689">
        <v>9393</v>
      </c>
      <c r="G4689" t="s">
        <v>37995</v>
      </c>
      <c r="H4689">
        <v>7.0079185160039996</v>
      </c>
      <c r="I4689">
        <v>53.151698262347999</v>
      </c>
      <c r="J4689" t="s">
        <v>60374</v>
      </c>
    </row>
    <row r="4690" spans="1:10" x14ac:dyDescent="0.25">
      <c r="A4690" t="s">
        <v>37988</v>
      </c>
      <c r="B4690" t="s">
        <v>37989</v>
      </c>
      <c r="C4690" t="s">
        <v>37990</v>
      </c>
      <c r="D4690" t="s">
        <v>37875</v>
      </c>
      <c r="E4690" t="s">
        <v>13</v>
      </c>
      <c r="F4690">
        <v>9392</v>
      </c>
      <c r="G4690" t="s">
        <v>37991</v>
      </c>
      <c r="H4690">
        <v>6.9913403958210001</v>
      </c>
      <c r="I4690">
        <v>53.171846268727002</v>
      </c>
      <c r="J4690" t="s">
        <v>60375</v>
      </c>
    </row>
    <row r="4691" spans="1:10" x14ac:dyDescent="0.25">
      <c r="A4691" t="s">
        <v>37984</v>
      </c>
      <c r="B4691" t="s">
        <v>37985</v>
      </c>
      <c r="C4691" t="s">
        <v>37986</v>
      </c>
      <c r="D4691" t="s">
        <v>37875</v>
      </c>
      <c r="E4691" t="s">
        <v>13</v>
      </c>
      <c r="F4691">
        <v>9391</v>
      </c>
      <c r="G4691" t="s">
        <v>37987</v>
      </c>
      <c r="H4691">
        <v>6.9855589877649997</v>
      </c>
      <c r="I4691">
        <v>53.163398540781003</v>
      </c>
      <c r="J4691" t="s">
        <v>60376</v>
      </c>
    </row>
    <row r="4692" spans="1:10" x14ac:dyDescent="0.25">
      <c r="A4692" t="s">
        <v>37980</v>
      </c>
      <c r="B4692" t="s">
        <v>37981</v>
      </c>
      <c r="C4692" t="s">
        <v>37982</v>
      </c>
      <c r="D4692" t="s">
        <v>37875</v>
      </c>
      <c r="E4692" t="s">
        <v>13</v>
      </c>
      <c r="F4692">
        <v>9390</v>
      </c>
      <c r="G4692" t="s">
        <v>37983</v>
      </c>
      <c r="H4692">
        <v>7.007788736717</v>
      </c>
      <c r="I4692">
        <v>53.161391280292001</v>
      </c>
      <c r="J4692" t="s">
        <v>60377</v>
      </c>
    </row>
    <row r="4693" spans="1:10" x14ac:dyDescent="0.25">
      <c r="A4693" t="s">
        <v>37976</v>
      </c>
      <c r="B4693" t="s">
        <v>37977</v>
      </c>
      <c r="C4693" t="s">
        <v>37978</v>
      </c>
      <c r="D4693" t="s">
        <v>37875</v>
      </c>
      <c r="E4693" t="s">
        <v>13</v>
      </c>
      <c r="F4693">
        <v>9389</v>
      </c>
      <c r="G4693" t="s">
        <v>37979</v>
      </c>
      <c r="H4693">
        <v>6.9658066935810004</v>
      </c>
      <c r="I4693">
        <v>53.171118976499997</v>
      </c>
      <c r="J4693" t="s">
        <v>60378</v>
      </c>
    </row>
    <row r="4694" spans="1:10" x14ac:dyDescent="0.25">
      <c r="A4694" t="s">
        <v>37972</v>
      </c>
      <c r="B4694" t="s">
        <v>37973</v>
      </c>
      <c r="C4694" t="s">
        <v>37974</v>
      </c>
      <c r="D4694" t="s">
        <v>37875</v>
      </c>
      <c r="E4694" t="s">
        <v>13</v>
      </c>
      <c r="F4694">
        <v>9388</v>
      </c>
      <c r="G4694" t="s">
        <v>37975</v>
      </c>
      <c r="H4694">
        <v>6.9725563369290002</v>
      </c>
      <c r="I4694">
        <v>53.178612416490999</v>
      </c>
      <c r="J4694" t="s">
        <v>60379</v>
      </c>
    </row>
    <row r="4695" spans="1:10" x14ac:dyDescent="0.25">
      <c r="A4695" t="s">
        <v>37968</v>
      </c>
      <c r="B4695" t="s">
        <v>37969</v>
      </c>
      <c r="C4695" t="s">
        <v>37970</v>
      </c>
      <c r="D4695" t="s">
        <v>37875</v>
      </c>
      <c r="E4695" t="s">
        <v>13</v>
      </c>
      <c r="F4695">
        <v>9387</v>
      </c>
      <c r="G4695" t="s">
        <v>37971</v>
      </c>
      <c r="H4695">
        <v>7.209980856274</v>
      </c>
      <c r="I4695">
        <v>53.185294592166002</v>
      </c>
      <c r="J4695" t="s">
        <v>60380</v>
      </c>
    </row>
    <row r="4696" spans="1:10" x14ac:dyDescent="0.25">
      <c r="A4696" t="s">
        <v>37964</v>
      </c>
      <c r="B4696" t="s">
        <v>37965</v>
      </c>
      <c r="C4696" t="s">
        <v>37966</v>
      </c>
      <c r="D4696" t="s">
        <v>37875</v>
      </c>
      <c r="E4696" t="s">
        <v>13</v>
      </c>
      <c r="F4696">
        <v>9386</v>
      </c>
      <c r="G4696" t="s">
        <v>37967</v>
      </c>
      <c r="H4696">
        <v>7.2147571439310001</v>
      </c>
      <c r="I4696">
        <v>53.180371781961</v>
      </c>
      <c r="J4696" t="s">
        <v>60381</v>
      </c>
    </row>
    <row r="4697" spans="1:10" x14ac:dyDescent="0.25">
      <c r="A4697" t="s">
        <v>37960</v>
      </c>
      <c r="B4697" t="s">
        <v>37961</v>
      </c>
      <c r="C4697" t="s">
        <v>37962</v>
      </c>
      <c r="D4697" t="s">
        <v>37875</v>
      </c>
      <c r="E4697" t="s">
        <v>13</v>
      </c>
      <c r="F4697">
        <v>9385</v>
      </c>
      <c r="G4697" t="s">
        <v>37963</v>
      </c>
      <c r="H4697">
        <v>7.2011055910990001</v>
      </c>
      <c r="I4697">
        <v>53.180867991465</v>
      </c>
      <c r="J4697" t="s">
        <v>60382</v>
      </c>
    </row>
    <row r="4698" spans="1:10" x14ac:dyDescent="0.25">
      <c r="A4698" t="s">
        <v>37956</v>
      </c>
      <c r="B4698" t="s">
        <v>37957</v>
      </c>
      <c r="C4698" t="s">
        <v>37958</v>
      </c>
      <c r="D4698" t="s">
        <v>37875</v>
      </c>
      <c r="E4698" t="s">
        <v>13</v>
      </c>
      <c r="F4698">
        <v>9384</v>
      </c>
      <c r="G4698" t="s">
        <v>37959</v>
      </c>
      <c r="H4698">
        <v>7.1634557393509999</v>
      </c>
      <c r="I4698">
        <v>53.188770600298</v>
      </c>
      <c r="J4698" t="s">
        <v>60383</v>
      </c>
    </row>
    <row r="4699" spans="1:10" x14ac:dyDescent="0.25">
      <c r="A4699" t="s">
        <v>37952</v>
      </c>
      <c r="B4699" t="s">
        <v>37953</v>
      </c>
      <c r="C4699" t="s">
        <v>37954</v>
      </c>
      <c r="D4699" t="s">
        <v>37875</v>
      </c>
      <c r="E4699" t="s">
        <v>13</v>
      </c>
      <c r="F4699">
        <v>9383</v>
      </c>
      <c r="G4699" t="s">
        <v>37955</v>
      </c>
      <c r="H4699">
        <v>7.1375153675309999</v>
      </c>
      <c r="I4699">
        <v>53.171167357121</v>
      </c>
      <c r="J4699" t="s">
        <v>60384</v>
      </c>
    </row>
    <row r="4700" spans="1:10" x14ac:dyDescent="0.25">
      <c r="A4700" t="s">
        <v>37948</v>
      </c>
      <c r="B4700" t="s">
        <v>37949</v>
      </c>
      <c r="C4700" t="s">
        <v>37950</v>
      </c>
      <c r="D4700" t="s">
        <v>37875</v>
      </c>
      <c r="E4700" t="s">
        <v>13</v>
      </c>
      <c r="F4700">
        <v>9382</v>
      </c>
      <c r="G4700" t="s">
        <v>37951</v>
      </c>
      <c r="H4700">
        <v>7.0939521762000002</v>
      </c>
      <c r="I4700">
        <v>53.177178277049997</v>
      </c>
      <c r="J4700" t="s">
        <v>60385</v>
      </c>
    </row>
    <row r="4701" spans="1:10" x14ac:dyDescent="0.25">
      <c r="A4701" t="s">
        <v>37944</v>
      </c>
      <c r="B4701" t="s">
        <v>37945</v>
      </c>
      <c r="C4701" t="s">
        <v>37946</v>
      </c>
      <c r="D4701" t="s">
        <v>37875</v>
      </c>
      <c r="E4701" t="s">
        <v>13</v>
      </c>
      <c r="F4701">
        <v>9381</v>
      </c>
      <c r="G4701" t="s">
        <v>37947</v>
      </c>
      <c r="H4701">
        <v>7.089120148328</v>
      </c>
      <c r="I4701">
        <v>53.175922338687997</v>
      </c>
      <c r="J4701" t="s">
        <v>60386</v>
      </c>
    </row>
    <row r="4702" spans="1:10" x14ac:dyDescent="0.25">
      <c r="A4702" t="s">
        <v>37940</v>
      </c>
      <c r="B4702" t="s">
        <v>37941</v>
      </c>
      <c r="C4702" t="s">
        <v>37942</v>
      </c>
      <c r="D4702" t="s">
        <v>37875</v>
      </c>
      <c r="E4702" t="s">
        <v>13</v>
      </c>
      <c r="F4702">
        <v>9380</v>
      </c>
      <c r="G4702" t="s">
        <v>37943</v>
      </c>
      <c r="H4702">
        <v>7.0976050684640004</v>
      </c>
      <c r="I4702">
        <v>53.174123569552997</v>
      </c>
      <c r="J4702" t="s">
        <v>60387</v>
      </c>
    </row>
    <row r="4703" spans="1:10" x14ac:dyDescent="0.25">
      <c r="A4703" t="s">
        <v>37936</v>
      </c>
      <c r="B4703" t="s">
        <v>37937</v>
      </c>
      <c r="C4703" t="s">
        <v>37938</v>
      </c>
      <c r="D4703" t="s">
        <v>37875</v>
      </c>
      <c r="E4703" t="s">
        <v>13</v>
      </c>
      <c r="F4703">
        <v>9379</v>
      </c>
      <c r="G4703" t="s">
        <v>37939</v>
      </c>
      <c r="H4703">
        <v>7.1860872777270002</v>
      </c>
      <c r="I4703">
        <v>53.217694488650999</v>
      </c>
      <c r="J4703" t="s">
        <v>60388</v>
      </c>
    </row>
    <row r="4704" spans="1:10" x14ac:dyDescent="0.25">
      <c r="A4704" t="s">
        <v>37932</v>
      </c>
      <c r="B4704" t="s">
        <v>37933</v>
      </c>
      <c r="C4704" t="s">
        <v>37934</v>
      </c>
      <c r="D4704" t="s">
        <v>37875</v>
      </c>
      <c r="E4704" t="s">
        <v>13</v>
      </c>
      <c r="F4704">
        <v>9378</v>
      </c>
      <c r="G4704" t="s">
        <v>37935</v>
      </c>
      <c r="H4704">
        <v>7.1814218691449998</v>
      </c>
      <c r="I4704">
        <v>53.206242446986998</v>
      </c>
      <c r="J4704" t="s">
        <v>60389</v>
      </c>
    </row>
    <row r="4705" spans="1:10" x14ac:dyDescent="0.25">
      <c r="A4705" t="s">
        <v>37928</v>
      </c>
      <c r="B4705" t="s">
        <v>37929</v>
      </c>
      <c r="C4705" t="s">
        <v>37930</v>
      </c>
      <c r="D4705" t="s">
        <v>37875</v>
      </c>
      <c r="E4705" t="s">
        <v>13</v>
      </c>
      <c r="F4705">
        <v>9377</v>
      </c>
      <c r="G4705" t="s">
        <v>37931</v>
      </c>
      <c r="H4705">
        <v>7.1084728025499997</v>
      </c>
      <c r="I4705">
        <v>53.217349266086998</v>
      </c>
      <c r="J4705" t="s">
        <v>60390</v>
      </c>
    </row>
    <row r="4706" spans="1:10" x14ac:dyDescent="0.25">
      <c r="A4706" t="s">
        <v>37924</v>
      </c>
      <c r="B4706" t="s">
        <v>37925</v>
      </c>
      <c r="C4706" t="s">
        <v>37926</v>
      </c>
      <c r="D4706" t="s">
        <v>37875</v>
      </c>
      <c r="E4706" t="s">
        <v>13</v>
      </c>
      <c r="F4706">
        <v>9376</v>
      </c>
      <c r="G4706" t="s">
        <v>37927</v>
      </c>
      <c r="H4706">
        <v>7.1190080870369998</v>
      </c>
      <c r="I4706">
        <v>53.206281464554998</v>
      </c>
      <c r="J4706" t="s">
        <v>60391</v>
      </c>
    </row>
    <row r="4707" spans="1:10" x14ac:dyDescent="0.25">
      <c r="A4707" t="s">
        <v>37920</v>
      </c>
      <c r="B4707" t="s">
        <v>37921</v>
      </c>
      <c r="C4707" t="s">
        <v>37922</v>
      </c>
      <c r="D4707" t="s">
        <v>37875</v>
      </c>
      <c r="E4707" t="s">
        <v>13</v>
      </c>
      <c r="F4707">
        <v>9375</v>
      </c>
      <c r="G4707" t="s">
        <v>37923</v>
      </c>
      <c r="H4707">
        <v>7.0846079054800004</v>
      </c>
      <c r="I4707">
        <v>53.193574423091</v>
      </c>
      <c r="J4707" t="s">
        <v>60392</v>
      </c>
    </row>
    <row r="4708" spans="1:10" x14ac:dyDescent="0.25">
      <c r="A4708" t="s">
        <v>37916</v>
      </c>
      <c r="B4708" t="s">
        <v>37917</v>
      </c>
      <c r="C4708" t="s">
        <v>37918</v>
      </c>
      <c r="D4708" t="s">
        <v>37875</v>
      </c>
      <c r="E4708" t="s">
        <v>13</v>
      </c>
      <c r="F4708">
        <v>9374</v>
      </c>
      <c r="G4708" t="s">
        <v>37919</v>
      </c>
      <c r="H4708">
        <v>7.0795420473729997</v>
      </c>
      <c r="I4708">
        <v>53.188448437898003</v>
      </c>
      <c r="J4708" t="s">
        <v>60393</v>
      </c>
    </row>
    <row r="4709" spans="1:10" x14ac:dyDescent="0.25">
      <c r="A4709" t="s">
        <v>37912</v>
      </c>
      <c r="B4709" t="s">
        <v>37913</v>
      </c>
      <c r="C4709" t="s">
        <v>37914</v>
      </c>
      <c r="D4709" t="s">
        <v>37875</v>
      </c>
      <c r="E4709" t="s">
        <v>13</v>
      </c>
      <c r="F4709">
        <v>9373</v>
      </c>
      <c r="G4709" t="s">
        <v>37915</v>
      </c>
      <c r="H4709">
        <v>7.0899966870369999</v>
      </c>
      <c r="I4709">
        <v>53.198576756615999</v>
      </c>
      <c r="J4709" t="s">
        <v>60394</v>
      </c>
    </row>
    <row r="4710" spans="1:10" x14ac:dyDescent="0.25">
      <c r="A4710" t="s">
        <v>37908</v>
      </c>
      <c r="B4710" t="s">
        <v>37909</v>
      </c>
      <c r="C4710" t="s">
        <v>37910</v>
      </c>
      <c r="D4710" t="s">
        <v>37875</v>
      </c>
      <c r="E4710" t="s">
        <v>13</v>
      </c>
      <c r="F4710">
        <v>9372</v>
      </c>
      <c r="G4710" t="s">
        <v>37911</v>
      </c>
      <c r="H4710">
        <v>7.0333336185139999</v>
      </c>
      <c r="I4710">
        <v>53.144577245924999</v>
      </c>
      <c r="J4710" t="s">
        <v>60395</v>
      </c>
    </row>
    <row r="4711" spans="1:10" x14ac:dyDescent="0.25">
      <c r="A4711" t="s">
        <v>37904</v>
      </c>
      <c r="B4711" t="s">
        <v>37905</v>
      </c>
      <c r="C4711" t="s">
        <v>37906</v>
      </c>
      <c r="D4711" t="s">
        <v>37875</v>
      </c>
      <c r="E4711" t="s">
        <v>13</v>
      </c>
      <c r="F4711">
        <v>9371</v>
      </c>
      <c r="G4711" t="s">
        <v>37907</v>
      </c>
      <c r="H4711">
        <v>7.0572290696279998</v>
      </c>
      <c r="I4711">
        <v>53.141977905445003</v>
      </c>
      <c r="J4711" t="s">
        <v>60396</v>
      </c>
    </row>
    <row r="4712" spans="1:10" x14ac:dyDescent="0.25">
      <c r="A4712" t="s">
        <v>37900</v>
      </c>
      <c r="B4712" t="s">
        <v>37901</v>
      </c>
      <c r="C4712" t="s">
        <v>37902</v>
      </c>
      <c r="D4712" t="s">
        <v>37875</v>
      </c>
      <c r="E4712" t="s">
        <v>13</v>
      </c>
      <c r="F4712">
        <v>9370</v>
      </c>
      <c r="G4712" t="s">
        <v>37903</v>
      </c>
      <c r="H4712">
        <v>7.0123175770810002</v>
      </c>
      <c r="I4712">
        <v>53.138338094666999</v>
      </c>
      <c r="J4712" t="s">
        <v>60397</v>
      </c>
    </row>
    <row r="4713" spans="1:10" x14ac:dyDescent="0.25">
      <c r="A4713" t="s">
        <v>37896</v>
      </c>
      <c r="B4713" t="s">
        <v>37897</v>
      </c>
      <c r="C4713" t="s">
        <v>37898</v>
      </c>
      <c r="D4713" t="s">
        <v>37875</v>
      </c>
      <c r="E4713" t="s">
        <v>13</v>
      </c>
      <c r="F4713">
        <v>9369</v>
      </c>
      <c r="G4713" t="s">
        <v>37899</v>
      </c>
      <c r="H4713">
        <v>7.0182612231860002</v>
      </c>
      <c r="I4713">
        <v>53.147666550003997</v>
      </c>
      <c r="J4713" t="s">
        <v>60398</v>
      </c>
    </row>
    <row r="4714" spans="1:10" x14ac:dyDescent="0.25">
      <c r="A4714" t="s">
        <v>37892</v>
      </c>
      <c r="B4714" t="s">
        <v>37893</v>
      </c>
      <c r="C4714" t="s">
        <v>37894</v>
      </c>
      <c r="D4714" t="s">
        <v>37875</v>
      </c>
      <c r="E4714" t="s">
        <v>13</v>
      </c>
      <c r="F4714">
        <v>9368</v>
      </c>
      <c r="G4714" t="s">
        <v>37895</v>
      </c>
      <c r="H4714">
        <v>7.0217213622849997</v>
      </c>
      <c r="I4714">
        <v>53.154707836459004</v>
      </c>
      <c r="J4714" t="s">
        <v>60399</v>
      </c>
    </row>
    <row r="4715" spans="1:10" x14ac:dyDescent="0.25">
      <c r="A4715" t="s">
        <v>37888</v>
      </c>
      <c r="B4715" t="s">
        <v>37889</v>
      </c>
      <c r="C4715" t="s">
        <v>37890</v>
      </c>
      <c r="D4715" t="s">
        <v>37875</v>
      </c>
      <c r="E4715" t="s">
        <v>13</v>
      </c>
      <c r="F4715">
        <v>9367</v>
      </c>
      <c r="G4715" t="s">
        <v>37891</v>
      </c>
      <c r="H4715">
        <v>7.0337233150460001</v>
      </c>
      <c r="I4715">
        <v>53.126079728085998</v>
      </c>
      <c r="J4715" t="s">
        <v>60400</v>
      </c>
    </row>
    <row r="4716" spans="1:10" x14ac:dyDescent="0.25">
      <c r="A4716" t="s">
        <v>37884</v>
      </c>
      <c r="B4716" t="s">
        <v>37885</v>
      </c>
      <c r="C4716" t="s">
        <v>37886</v>
      </c>
      <c r="D4716" t="s">
        <v>37875</v>
      </c>
      <c r="E4716" t="s">
        <v>13</v>
      </c>
      <c r="F4716">
        <v>9366</v>
      </c>
      <c r="G4716" t="s">
        <v>37887</v>
      </c>
      <c r="H4716">
        <v>7.0306914061830001</v>
      </c>
      <c r="I4716">
        <v>53.136893545623998</v>
      </c>
      <c r="J4716" t="s">
        <v>60401</v>
      </c>
    </row>
    <row r="4717" spans="1:10" x14ac:dyDescent="0.25">
      <c r="A4717" t="s">
        <v>37880</v>
      </c>
      <c r="B4717" t="s">
        <v>37881</v>
      </c>
      <c r="C4717" t="s">
        <v>37882</v>
      </c>
      <c r="D4717" t="s">
        <v>37875</v>
      </c>
      <c r="E4717" t="s">
        <v>13</v>
      </c>
      <c r="F4717">
        <v>9365</v>
      </c>
      <c r="G4717" t="s">
        <v>37883</v>
      </c>
      <c r="H4717">
        <v>7.0371707962850003</v>
      </c>
      <c r="I4717">
        <v>53.155832904839997</v>
      </c>
      <c r="J4717" t="s">
        <v>60402</v>
      </c>
    </row>
    <row r="4718" spans="1:10" x14ac:dyDescent="0.25">
      <c r="A4718" t="s">
        <v>37877</v>
      </c>
      <c r="B4718" t="s">
        <v>37878</v>
      </c>
      <c r="C4718" t="s">
        <v>1376</v>
      </c>
      <c r="D4718" t="s">
        <v>37875</v>
      </c>
      <c r="E4718" t="s">
        <v>13</v>
      </c>
      <c r="F4718">
        <v>9364</v>
      </c>
      <c r="G4718" t="s">
        <v>37879</v>
      </c>
      <c r="H4718">
        <v>7.0364449719050004</v>
      </c>
      <c r="I4718">
        <v>53.149805640616997</v>
      </c>
      <c r="J4718" t="s">
        <v>60403</v>
      </c>
    </row>
    <row r="4719" spans="1:10" x14ac:dyDescent="0.25">
      <c r="A4719" t="s">
        <v>37872</v>
      </c>
      <c r="B4719" t="s">
        <v>37873</v>
      </c>
      <c r="C4719" t="s">
        <v>37874</v>
      </c>
      <c r="D4719" t="s">
        <v>37875</v>
      </c>
      <c r="E4719" t="s">
        <v>13</v>
      </c>
      <c r="F4719">
        <v>9363</v>
      </c>
      <c r="G4719" t="s">
        <v>37876</v>
      </c>
      <c r="H4719">
        <v>7.0343525324530001</v>
      </c>
      <c r="I4719">
        <v>53.143303691104997</v>
      </c>
      <c r="J4719" t="s">
        <v>60404</v>
      </c>
    </row>
    <row r="4720" spans="1:10" x14ac:dyDescent="0.25">
      <c r="A4720" t="s">
        <v>37868</v>
      </c>
      <c r="B4720" t="s">
        <v>37869</v>
      </c>
      <c r="C4720" t="s">
        <v>37870</v>
      </c>
      <c r="D4720" t="s">
        <v>37747</v>
      </c>
      <c r="E4720" t="s">
        <v>13</v>
      </c>
      <c r="F4720">
        <v>9362</v>
      </c>
      <c r="G4720" t="s">
        <v>37871</v>
      </c>
      <c r="H4720">
        <v>5.8993048279659996</v>
      </c>
      <c r="I4720">
        <v>51.328449936538</v>
      </c>
      <c r="J4720" t="s">
        <v>60405</v>
      </c>
    </row>
    <row r="4721" spans="1:10" x14ac:dyDescent="0.25">
      <c r="A4721" t="s">
        <v>37864</v>
      </c>
      <c r="B4721" t="s">
        <v>37865</v>
      </c>
      <c r="C4721" t="s">
        <v>37866</v>
      </c>
      <c r="D4721" t="s">
        <v>37747</v>
      </c>
      <c r="E4721" t="s">
        <v>13</v>
      </c>
      <c r="F4721">
        <v>9361</v>
      </c>
      <c r="G4721" t="s">
        <v>37867</v>
      </c>
      <c r="H4721">
        <v>5.8622060213390004</v>
      </c>
      <c r="I4721">
        <v>51.331816887667003</v>
      </c>
      <c r="J4721" t="s">
        <v>60406</v>
      </c>
    </row>
    <row r="4722" spans="1:10" x14ac:dyDescent="0.25">
      <c r="A4722" t="s">
        <v>37860</v>
      </c>
      <c r="B4722" t="s">
        <v>37861</v>
      </c>
      <c r="C4722" t="s">
        <v>37862</v>
      </c>
      <c r="D4722" t="s">
        <v>37747</v>
      </c>
      <c r="E4722" t="s">
        <v>13</v>
      </c>
      <c r="F4722">
        <v>9360</v>
      </c>
      <c r="G4722" t="s">
        <v>37863</v>
      </c>
      <c r="H4722">
        <v>5.8510735279109998</v>
      </c>
      <c r="I4722">
        <v>51.342539507570002</v>
      </c>
      <c r="J4722" t="s">
        <v>60407</v>
      </c>
    </row>
    <row r="4723" spans="1:10" x14ac:dyDescent="0.25">
      <c r="A4723" t="s">
        <v>37856</v>
      </c>
      <c r="B4723" t="s">
        <v>37857</v>
      </c>
      <c r="C4723" t="s">
        <v>37858</v>
      </c>
      <c r="D4723" t="s">
        <v>37747</v>
      </c>
      <c r="E4723" t="s">
        <v>13</v>
      </c>
      <c r="F4723">
        <v>9359</v>
      </c>
      <c r="G4723" t="s">
        <v>37859</v>
      </c>
      <c r="H4723">
        <v>5.8958427037360002</v>
      </c>
      <c r="I4723">
        <v>51.353957485997</v>
      </c>
      <c r="J4723" t="s">
        <v>60408</v>
      </c>
    </row>
    <row r="4724" spans="1:10" x14ac:dyDescent="0.25">
      <c r="A4724" t="s">
        <v>37852</v>
      </c>
      <c r="B4724" t="s">
        <v>37853</v>
      </c>
      <c r="C4724" t="s">
        <v>37854</v>
      </c>
      <c r="D4724" t="s">
        <v>37747</v>
      </c>
      <c r="E4724" t="s">
        <v>13</v>
      </c>
      <c r="F4724">
        <v>9358</v>
      </c>
      <c r="G4724" t="s">
        <v>37855</v>
      </c>
      <c r="H4724">
        <v>5.8788660952090002</v>
      </c>
      <c r="I4724">
        <v>51.322533859221998</v>
      </c>
      <c r="J4724" t="s">
        <v>60409</v>
      </c>
    </row>
    <row r="4725" spans="1:10" x14ac:dyDescent="0.25">
      <c r="A4725" t="s">
        <v>37848</v>
      </c>
      <c r="B4725" t="s">
        <v>37849</v>
      </c>
      <c r="C4725" t="s">
        <v>37850</v>
      </c>
      <c r="D4725" t="s">
        <v>37747</v>
      </c>
      <c r="E4725" t="s">
        <v>13</v>
      </c>
      <c r="F4725">
        <v>9357</v>
      </c>
      <c r="G4725" t="s">
        <v>37851</v>
      </c>
      <c r="H4725">
        <v>5.8833001087739998</v>
      </c>
      <c r="I4725">
        <v>51.343367794085999</v>
      </c>
      <c r="J4725" t="s">
        <v>60410</v>
      </c>
    </row>
    <row r="4726" spans="1:10" x14ac:dyDescent="0.25">
      <c r="A4726" t="s">
        <v>37844</v>
      </c>
      <c r="B4726" t="s">
        <v>37845</v>
      </c>
      <c r="C4726" t="s">
        <v>37846</v>
      </c>
      <c r="D4726" t="s">
        <v>37747</v>
      </c>
      <c r="E4726" t="s">
        <v>13</v>
      </c>
      <c r="F4726">
        <v>9356</v>
      </c>
      <c r="G4726" t="s">
        <v>37847</v>
      </c>
      <c r="H4726">
        <v>6.0739031667630003</v>
      </c>
      <c r="I4726">
        <v>51.323816430390004</v>
      </c>
      <c r="J4726" t="s">
        <v>60411</v>
      </c>
    </row>
    <row r="4727" spans="1:10" x14ac:dyDescent="0.25">
      <c r="A4727" t="s">
        <v>37840</v>
      </c>
      <c r="B4727" t="s">
        <v>37841</v>
      </c>
      <c r="C4727" t="s">
        <v>37842</v>
      </c>
      <c r="D4727" t="s">
        <v>37747</v>
      </c>
      <c r="E4727" t="s">
        <v>13</v>
      </c>
      <c r="F4727">
        <v>9355</v>
      </c>
      <c r="G4727" t="s">
        <v>37843</v>
      </c>
      <c r="H4727">
        <v>6.0990210262779998</v>
      </c>
      <c r="I4727">
        <v>51.346205417114</v>
      </c>
      <c r="J4727" t="s">
        <v>60412</v>
      </c>
    </row>
    <row r="4728" spans="1:10" x14ac:dyDescent="0.25">
      <c r="A4728" t="s">
        <v>37836</v>
      </c>
      <c r="B4728" t="s">
        <v>37837</v>
      </c>
      <c r="C4728" t="s">
        <v>37838</v>
      </c>
      <c r="D4728" t="s">
        <v>37747</v>
      </c>
      <c r="E4728" t="s">
        <v>13</v>
      </c>
      <c r="F4728">
        <v>9354</v>
      </c>
      <c r="G4728" t="s">
        <v>37839</v>
      </c>
      <c r="H4728">
        <v>6.0786721781289996</v>
      </c>
      <c r="I4728">
        <v>51.330677611407999</v>
      </c>
      <c r="J4728" t="s">
        <v>60413</v>
      </c>
    </row>
    <row r="4729" spans="1:10" x14ac:dyDescent="0.25">
      <c r="A4729" t="s">
        <v>37832</v>
      </c>
      <c r="B4729" t="s">
        <v>37833</v>
      </c>
      <c r="C4729" t="s">
        <v>37834</v>
      </c>
      <c r="D4729" t="s">
        <v>37747</v>
      </c>
      <c r="E4729" t="s">
        <v>13</v>
      </c>
      <c r="F4729">
        <v>9353</v>
      </c>
      <c r="G4729" t="s">
        <v>37835</v>
      </c>
      <c r="H4729">
        <v>6.081214258208</v>
      </c>
      <c r="I4729">
        <v>51.337881490222998</v>
      </c>
      <c r="J4729" t="s">
        <v>60414</v>
      </c>
    </row>
    <row r="4730" spans="1:10" x14ac:dyDescent="0.25">
      <c r="A4730" t="s">
        <v>37829</v>
      </c>
      <c r="B4730" t="s">
        <v>37830</v>
      </c>
      <c r="C4730" t="s">
        <v>34534</v>
      </c>
      <c r="D4730" t="s">
        <v>37747</v>
      </c>
      <c r="E4730" t="s">
        <v>13</v>
      </c>
      <c r="F4730">
        <v>9352</v>
      </c>
      <c r="G4730" t="s">
        <v>37831</v>
      </c>
      <c r="H4730">
        <v>6.0981230952269998</v>
      </c>
      <c r="I4730">
        <v>51.331487831338002</v>
      </c>
      <c r="J4730" t="s">
        <v>60415</v>
      </c>
    </row>
    <row r="4731" spans="1:10" x14ac:dyDescent="0.25">
      <c r="A4731" t="s">
        <v>37825</v>
      </c>
      <c r="B4731" t="s">
        <v>37826</v>
      </c>
      <c r="C4731" t="s">
        <v>37827</v>
      </c>
      <c r="D4731" t="s">
        <v>37747</v>
      </c>
      <c r="E4731" t="s">
        <v>13</v>
      </c>
      <c r="F4731">
        <v>9351</v>
      </c>
      <c r="G4731" t="s">
        <v>37828</v>
      </c>
      <c r="H4731">
        <v>6.0402815083619998</v>
      </c>
      <c r="I4731">
        <v>51.373896358582002</v>
      </c>
      <c r="J4731" t="s">
        <v>60416</v>
      </c>
    </row>
    <row r="4732" spans="1:10" x14ac:dyDescent="0.25">
      <c r="A4732" t="s">
        <v>37821</v>
      </c>
      <c r="B4732" t="s">
        <v>37822</v>
      </c>
      <c r="C4732" t="s">
        <v>37823</v>
      </c>
      <c r="D4732" t="s">
        <v>37747</v>
      </c>
      <c r="E4732" t="s">
        <v>13</v>
      </c>
      <c r="F4732">
        <v>9350</v>
      </c>
      <c r="G4732" t="s">
        <v>37824</v>
      </c>
      <c r="H4732">
        <v>6.0570965559080001</v>
      </c>
      <c r="I4732">
        <v>51.348671033064001</v>
      </c>
      <c r="J4732" t="s">
        <v>60417</v>
      </c>
    </row>
    <row r="4733" spans="1:10" x14ac:dyDescent="0.25">
      <c r="A4733" t="s">
        <v>37817</v>
      </c>
      <c r="B4733" t="s">
        <v>37818</v>
      </c>
      <c r="C4733" t="s">
        <v>37819</v>
      </c>
      <c r="D4733" t="s">
        <v>37747</v>
      </c>
      <c r="E4733" t="s">
        <v>13</v>
      </c>
      <c r="F4733">
        <v>9349</v>
      </c>
      <c r="G4733" t="s">
        <v>37820</v>
      </c>
      <c r="H4733">
        <v>6.05003113261</v>
      </c>
      <c r="I4733">
        <v>51.359929175483003</v>
      </c>
      <c r="J4733" t="s">
        <v>60418</v>
      </c>
    </row>
    <row r="4734" spans="1:10" x14ac:dyDescent="0.25">
      <c r="A4734" t="s">
        <v>37813</v>
      </c>
      <c r="B4734" t="s">
        <v>37814</v>
      </c>
      <c r="C4734" t="s">
        <v>37815</v>
      </c>
      <c r="D4734" t="s">
        <v>37747</v>
      </c>
      <c r="E4734" t="s">
        <v>13</v>
      </c>
      <c r="F4734">
        <v>9348</v>
      </c>
      <c r="G4734" t="s">
        <v>37816</v>
      </c>
      <c r="H4734">
        <v>6.0106838959309998</v>
      </c>
      <c r="I4734">
        <v>51.285525047716</v>
      </c>
      <c r="J4734" t="s">
        <v>60419</v>
      </c>
    </row>
    <row r="4735" spans="1:10" x14ac:dyDescent="0.25">
      <c r="A4735" t="s">
        <v>37809</v>
      </c>
      <c r="B4735" t="s">
        <v>37810</v>
      </c>
      <c r="C4735" t="s">
        <v>37811</v>
      </c>
      <c r="D4735" t="s">
        <v>37747</v>
      </c>
      <c r="E4735" t="s">
        <v>13</v>
      </c>
      <c r="F4735">
        <v>9347</v>
      </c>
      <c r="G4735" t="s">
        <v>37812</v>
      </c>
      <c r="H4735">
        <v>6.0478521743130003</v>
      </c>
      <c r="I4735">
        <v>51.30411687993</v>
      </c>
      <c r="J4735" t="s">
        <v>60420</v>
      </c>
    </row>
    <row r="4736" spans="1:10" x14ac:dyDescent="0.25">
      <c r="A4736" t="s">
        <v>37805</v>
      </c>
      <c r="B4736" t="s">
        <v>37806</v>
      </c>
      <c r="C4736" t="s">
        <v>37807</v>
      </c>
      <c r="D4736" t="s">
        <v>37747</v>
      </c>
      <c r="E4736" t="s">
        <v>13</v>
      </c>
      <c r="F4736">
        <v>9346</v>
      </c>
      <c r="G4736" t="s">
        <v>37808</v>
      </c>
      <c r="H4736">
        <v>6.0871454090980004</v>
      </c>
      <c r="I4736">
        <v>51.308311475993001</v>
      </c>
      <c r="J4736" t="s">
        <v>60421</v>
      </c>
    </row>
    <row r="4737" spans="1:10" x14ac:dyDescent="0.25">
      <c r="A4737" t="s">
        <v>37801</v>
      </c>
      <c r="B4737" t="s">
        <v>37802</v>
      </c>
      <c r="C4737" t="s">
        <v>37803</v>
      </c>
      <c r="D4737" t="s">
        <v>37747</v>
      </c>
      <c r="E4737" t="s">
        <v>13</v>
      </c>
      <c r="F4737">
        <v>9345</v>
      </c>
      <c r="G4737" t="s">
        <v>37804</v>
      </c>
      <c r="H4737">
        <v>6.0262624610440003</v>
      </c>
      <c r="I4737">
        <v>51.281937271151001</v>
      </c>
      <c r="J4737" t="s">
        <v>60422</v>
      </c>
    </row>
    <row r="4738" spans="1:10" x14ac:dyDescent="0.25">
      <c r="A4738" t="s">
        <v>37797</v>
      </c>
      <c r="B4738" t="s">
        <v>37798</v>
      </c>
      <c r="C4738" t="s">
        <v>37799</v>
      </c>
      <c r="D4738" t="s">
        <v>37747</v>
      </c>
      <c r="E4738" t="s">
        <v>13</v>
      </c>
      <c r="F4738">
        <v>9344</v>
      </c>
      <c r="G4738" t="s">
        <v>37800</v>
      </c>
      <c r="H4738">
        <v>6.046006146921</v>
      </c>
      <c r="I4738">
        <v>51.291142332539003</v>
      </c>
      <c r="J4738" t="s">
        <v>60423</v>
      </c>
    </row>
    <row r="4739" spans="1:10" x14ac:dyDescent="0.25">
      <c r="A4739" t="s">
        <v>37793</v>
      </c>
      <c r="B4739" t="s">
        <v>37794</v>
      </c>
      <c r="C4739" t="s">
        <v>37795</v>
      </c>
      <c r="D4739" t="s">
        <v>37747</v>
      </c>
      <c r="E4739" t="s">
        <v>13</v>
      </c>
      <c r="F4739">
        <v>9343</v>
      </c>
      <c r="G4739" t="s">
        <v>37796</v>
      </c>
      <c r="H4739">
        <v>5.9885156849910004</v>
      </c>
      <c r="I4739">
        <v>51.3030758401</v>
      </c>
      <c r="J4739" t="s">
        <v>60424</v>
      </c>
    </row>
    <row r="4740" spans="1:10" x14ac:dyDescent="0.25">
      <c r="A4740" t="s">
        <v>37789</v>
      </c>
      <c r="B4740" t="s">
        <v>37790</v>
      </c>
      <c r="C4740" t="s">
        <v>37791</v>
      </c>
      <c r="D4740" t="s">
        <v>37747</v>
      </c>
      <c r="E4740" t="s">
        <v>13</v>
      </c>
      <c r="F4740">
        <v>9342</v>
      </c>
      <c r="G4740" t="s">
        <v>37792</v>
      </c>
      <c r="H4740">
        <v>6.0150502783580002</v>
      </c>
      <c r="I4740">
        <v>51.333886872283998</v>
      </c>
      <c r="J4740" t="s">
        <v>60425</v>
      </c>
    </row>
    <row r="4741" spans="1:10" x14ac:dyDescent="0.25">
      <c r="A4741" t="s">
        <v>37785</v>
      </c>
      <c r="B4741" t="s">
        <v>37786</v>
      </c>
      <c r="C4741" t="s">
        <v>37787</v>
      </c>
      <c r="D4741" t="s">
        <v>37747</v>
      </c>
      <c r="E4741" t="s">
        <v>13</v>
      </c>
      <c r="F4741">
        <v>9341</v>
      </c>
      <c r="G4741" t="s">
        <v>37788</v>
      </c>
      <c r="H4741">
        <v>5.9260487852120001</v>
      </c>
      <c r="I4741">
        <v>51.325556039707998</v>
      </c>
      <c r="J4741" t="s">
        <v>60426</v>
      </c>
    </row>
    <row r="4742" spans="1:10" x14ac:dyDescent="0.25">
      <c r="A4742" t="s">
        <v>37781</v>
      </c>
      <c r="B4742" t="s">
        <v>37782</v>
      </c>
      <c r="C4742" t="s">
        <v>37783</v>
      </c>
      <c r="D4742" t="s">
        <v>37747</v>
      </c>
      <c r="E4742" t="s">
        <v>13</v>
      </c>
      <c r="F4742">
        <v>9340</v>
      </c>
      <c r="G4742" t="s">
        <v>37784</v>
      </c>
      <c r="H4742">
        <v>5.9444781162940004</v>
      </c>
      <c r="I4742">
        <v>51.319781044349</v>
      </c>
      <c r="J4742" t="s">
        <v>60427</v>
      </c>
    </row>
    <row r="4743" spans="1:10" x14ac:dyDescent="0.25">
      <c r="A4743" t="s">
        <v>37777</v>
      </c>
      <c r="B4743" t="s">
        <v>37778</v>
      </c>
      <c r="C4743" t="s">
        <v>37779</v>
      </c>
      <c r="D4743" t="s">
        <v>37747</v>
      </c>
      <c r="E4743" t="s">
        <v>13</v>
      </c>
      <c r="F4743">
        <v>9339</v>
      </c>
      <c r="G4743" t="s">
        <v>37780</v>
      </c>
      <c r="H4743">
        <v>5.9580397456699998</v>
      </c>
      <c r="I4743">
        <v>51.308657432194998</v>
      </c>
      <c r="J4743" t="s">
        <v>60428</v>
      </c>
    </row>
    <row r="4744" spans="1:10" x14ac:dyDescent="0.25">
      <c r="A4744" t="s">
        <v>37773</v>
      </c>
      <c r="B4744" t="s">
        <v>37774</v>
      </c>
      <c r="C4744" t="s">
        <v>37775</v>
      </c>
      <c r="D4744" t="s">
        <v>37747</v>
      </c>
      <c r="E4744" t="s">
        <v>13</v>
      </c>
      <c r="F4744">
        <v>9338</v>
      </c>
      <c r="G4744" t="s">
        <v>37776</v>
      </c>
      <c r="H4744">
        <v>5.9803765419059998</v>
      </c>
      <c r="I4744">
        <v>51.343141608518998</v>
      </c>
      <c r="J4744" t="s">
        <v>60429</v>
      </c>
    </row>
    <row r="4745" spans="1:10" x14ac:dyDescent="0.25">
      <c r="A4745" t="s">
        <v>37769</v>
      </c>
      <c r="B4745" t="s">
        <v>37770</v>
      </c>
      <c r="C4745" t="s">
        <v>37771</v>
      </c>
      <c r="D4745" t="s">
        <v>37747</v>
      </c>
      <c r="E4745" t="s">
        <v>13</v>
      </c>
      <c r="F4745">
        <v>9337</v>
      </c>
      <c r="G4745" t="s">
        <v>37772</v>
      </c>
      <c r="H4745">
        <v>6.0159134371330003</v>
      </c>
      <c r="I4745">
        <v>51.317703856342</v>
      </c>
      <c r="J4745" t="s">
        <v>60430</v>
      </c>
    </row>
    <row r="4746" spans="1:10" x14ac:dyDescent="0.25">
      <c r="A4746" t="s">
        <v>37765</v>
      </c>
      <c r="B4746" t="s">
        <v>37766</v>
      </c>
      <c r="C4746" t="s">
        <v>37767</v>
      </c>
      <c r="D4746" t="s">
        <v>37747</v>
      </c>
      <c r="E4746" t="s">
        <v>13</v>
      </c>
      <c r="F4746">
        <v>9336</v>
      </c>
      <c r="G4746" t="s">
        <v>37768</v>
      </c>
      <c r="H4746">
        <v>5.9785824196880002</v>
      </c>
      <c r="I4746">
        <v>51.329984057468003</v>
      </c>
      <c r="J4746" t="s">
        <v>60431</v>
      </c>
    </row>
    <row r="4747" spans="1:10" x14ac:dyDescent="0.25">
      <c r="A4747" t="s">
        <v>37761</v>
      </c>
      <c r="B4747" t="s">
        <v>37762</v>
      </c>
      <c r="C4747" t="s">
        <v>37763</v>
      </c>
      <c r="D4747" t="s">
        <v>37747</v>
      </c>
      <c r="E4747" t="s">
        <v>13</v>
      </c>
      <c r="F4747">
        <v>9335</v>
      </c>
      <c r="G4747" t="s">
        <v>37764</v>
      </c>
      <c r="H4747">
        <v>5.9326769639299997</v>
      </c>
      <c r="I4747">
        <v>51.340351941484997</v>
      </c>
      <c r="J4747" t="s">
        <v>60432</v>
      </c>
    </row>
    <row r="4748" spans="1:10" x14ac:dyDescent="0.25">
      <c r="A4748" t="s">
        <v>37757</v>
      </c>
      <c r="B4748" t="s">
        <v>37758</v>
      </c>
      <c r="C4748" t="s">
        <v>37759</v>
      </c>
      <c r="D4748" t="s">
        <v>37747</v>
      </c>
      <c r="E4748" t="s">
        <v>13</v>
      </c>
      <c r="F4748">
        <v>9334</v>
      </c>
      <c r="G4748" t="s">
        <v>37760</v>
      </c>
      <c r="H4748">
        <v>5.9614886954259996</v>
      </c>
      <c r="I4748">
        <v>51.35921514748</v>
      </c>
      <c r="J4748" t="s">
        <v>60433</v>
      </c>
    </row>
    <row r="4749" spans="1:10" x14ac:dyDescent="0.25">
      <c r="A4749" t="s">
        <v>37753</v>
      </c>
      <c r="B4749" t="s">
        <v>37754</v>
      </c>
      <c r="C4749" t="s">
        <v>37755</v>
      </c>
      <c r="D4749" t="s">
        <v>37747</v>
      </c>
      <c r="E4749" t="s">
        <v>13</v>
      </c>
      <c r="F4749">
        <v>9333</v>
      </c>
      <c r="G4749" t="s">
        <v>37756</v>
      </c>
      <c r="H4749">
        <v>5.918018855043</v>
      </c>
      <c r="I4749">
        <v>51.361788948733</v>
      </c>
      <c r="J4749" t="s">
        <v>60434</v>
      </c>
    </row>
    <row r="4750" spans="1:10" x14ac:dyDescent="0.25">
      <c r="A4750" t="s">
        <v>37749</v>
      </c>
      <c r="B4750" t="s">
        <v>37750</v>
      </c>
      <c r="C4750" t="s">
        <v>37751</v>
      </c>
      <c r="D4750" t="s">
        <v>37747</v>
      </c>
      <c r="E4750" t="s">
        <v>13</v>
      </c>
      <c r="F4750">
        <v>9332</v>
      </c>
      <c r="G4750" t="s">
        <v>37752</v>
      </c>
      <c r="H4750">
        <v>5.9935059621190003</v>
      </c>
      <c r="I4750">
        <v>51.357213347729001</v>
      </c>
      <c r="J4750" t="s">
        <v>60435</v>
      </c>
    </row>
    <row r="4751" spans="1:10" x14ac:dyDescent="0.25">
      <c r="A4751" t="s">
        <v>37744</v>
      </c>
      <c r="B4751" t="s">
        <v>37745</v>
      </c>
      <c r="C4751" t="s">
        <v>37746</v>
      </c>
      <c r="D4751" t="s">
        <v>37747</v>
      </c>
      <c r="E4751" t="s">
        <v>13</v>
      </c>
      <c r="F4751">
        <v>9331</v>
      </c>
      <c r="G4751" t="s">
        <v>37748</v>
      </c>
      <c r="H4751">
        <v>5.940662049618</v>
      </c>
      <c r="I4751">
        <v>51.370846569807</v>
      </c>
      <c r="J4751" t="s">
        <v>60436</v>
      </c>
    </row>
    <row r="4752" spans="1:10" x14ac:dyDescent="0.25">
      <c r="A4752" t="s">
        <v>37740</v>
      </c>
      <c r="B4752" t="s">
        <v>37741</v>
      </c>
      <c r="C4752" t="s">
        <v>37742</v>
      </c>
      <c r="D4752" t="s">
        <v>37537</v>
      </c>
      <c r="E4752" t="s">
        <v>13</v>
      </c>
      <c r="F4752">
        <v>9330</v>
      </c>
      <c r="G4752" t="s">
        <v>37743</v>
      </c>
      <c r="H4752">
        <v>4.5948165751790002</v>
      </c>
      <c r="I4752">
        <v>51.963615973962</v>
      </c>
      <c r="J4752" t="s">
        <v>60437</v>
      </c>
    </row>
    <row r="4753" spans="1:10" x14ac:dyDescent="0.25">
      <c r="A4753" t="s">
        <v>37736</v>
      </c>
      <c r="B4753" t="s">
        <v>37737</v>
      </c>
      <c r="C4753" t="s">
        <v>37738</v>
      </c>
      <c r="D4753" t="s">
        <v>37537</v>
      </c>
      <c r="E4753" t="s">
        <v>13</v>
      </c>
      <c r="F4753">
        <v>9329</v>
      </c>
      <c r="G4753" t="s">
        <v>37739</v>
      </c>
      <c r="H4753">
        <v>4.6228386297270001</v>
      </c>
      <c r="I4753">
        <v>51.950193545156999</v>
      </c>
      <c r="J4753" t="s">
        <v>60438</v>
      </c>
    </row>
    <row r="4754" spans="1:10" x14ac:dyDescent="0.25">
      <c r="A4754" t="s">
        <v>37732</v>
      </c>
      <c r="B4754" t="s">
        <v>37733</v>
      </c>
      <c r="C4754" t="s">
        <v>37734</v>
      </c>
      <c r="D4754" t="s">
        <v>37537</v>
      </c>
      <c r="E4754" t="s">
        <v>13</v>
      </c>
      <c r="F4754">
        <v>9328</v>
      </c>
      <c r="G4754" t="s">
        <v>37735</v>
      </c>
      <c r="H4754">
        <v>4.6203940796960001</v>
      </c>
      <c r="I4754">
        <v>51.983560627026002</v>
      </c>
      <c r="J4754" t="s">
        <v>60439</v>
      </c>
    </row>
    <row r="4755" spans="1:10" x14ac:dyDescent="0.25">
      <c r="A4755" t="s">
        <v>37728</v>
      </c>
      <c r="B4755" t="s">
        <v>37729</v>
      </c>
      <c r="C4755" t="s">
        <v>37730</v>
      </c>
      <c r="D4755" t="s">
        <v>37537</v>
      </c>
      <c r="E4755" t="s">
        <v>13</v>
      </c>
      <c r="F4755">
        <v>9327</v>
      </c>
      <c r="G4755" t="s">
        <v>37731</v>
      </c>
      <c r="H4755">
        <v>4.609625029149</v>
      </c>
      <c r="I4755">
        <v>51.964452563098</v>
      </c>
      <c r="J4755" t="s">
        <v>60440</v>
      </c>
    </row>
    <row r="4756" spans="1:10" x14ac:dyDescent="0.25">
      <c r="A4756" t="s">
        <v>37724</v>
      </c>
      <c r="B4756" t="s">
        <v>37725</v>
      </c>
      <c r="C4756" t="s">
        <v>37726</v>
      </c>
      <c r="D4756" t="s">
        <v>37537</v>
      </c>
      <c r="E4756" t="s">
        <v>13</v>
      </c>
      <c r="F4756">
        <v>9326</v>
      </c>
      <c r="G4756" t="s">
        <v>37727</v>
      </c>
      <c r="H4756">
        <v>4.6163334208120004</v>
      </c>
      <c r="I4756">
        <v>51.968944869543002</v>
      </c>
      <c r="J4756" t="s">
        <v>60441</v>
      </c>
    </row>
    <row r="4757" spans="1:10" x14ac:dyDescent="0.25">
      <c r="A4757" t="s">
        <v>37720</v>
      </c>
      <c r="B4757" t="s">
        <v>37721</v>
      </c>
      <c r="C4757" t="s">
        <v>37722</v>
      </c>
      <c r="D4757" t="s">
        <v>37537</v>
      </c>
      <c r="E4757" t="s">
        <v>13</v>
      </c>
      <c r="F4757">
        <v>9325</v>
      </c>
      <c r="G4757" t="s">
        <v>37723</v>
      </c>
      <c r="H4757">
        <v>4.6101861158880002</v>
      </c>
      <c r="I4757">
        <v>51.972652100481</v>
      </c>
      <c r="J4757" t="s">
        <v>60442</v>
      </c>
    </row>
    <row r="4758" spans="1:10" x14ac:dyDescent="0.25">
      <c r="A4758" t="s">
        <v>37716</v>
      </c>
      <c r="B4758" t="s">
        <v>37717</v>
      </c>
      <c r="C4758" t="s">
        <v>37718</v>
      </c>
      <c r="D4758" t="s">
        <v>37537</v>
      </c>
      <c r="E4758" t="s">
        <v>13</v>
      </c>
      <c r="F4758">
        <v>9324</v>
      </c>
      <c r="G4758" t="s">
        <v>37719</v>
      </c>
      <c r="H4758">
        <v>4.6067139924899996</v>
      </c>
      <c r="I4758">
        <v>51.956089048350002</v>
      </c>
      <c r="J4758" t="s">
        <v>60443</v>
      </c>
    </row>
    <row r="4759" spans="1:10" x14ac:dyDescent="0.25">
      <c r="A4759" t="s">
        <v>37712</v>
      </c>
      <c r="B4759" t="s">
        <v>37713</v>
      </c>
      <c r="C4759" t="s">
        <v>37714</v>
      </c>
      <c r="D4759" t="s">
        <v>37537</v>
      </c>
      <c r="E4759" t="s">
        <v>13</v>
      </c>
      <c r="F4759">
        <v>9323</v>
      </c>
      <c r="G4759" t="s">
        <v>37715</v>
      </c>
      <c r="H4759">
        <v>4.5986224366680002</v>
      </c>
      <c r="I4759">
        <v>51.962998206771999</v>
      </c>
      <c r="J4759" t="s">
        <v>60444</v>
      </c>
    </row>
    <row r="4760" spans="1:10" x14ac:dyDescent="0.25">
      <c r="A4760" t="s">
        <v>37708</v>
      </c>
      <c r="B4760" t="s">
        <v>37709</v>
      </c>
      <c r="C4760" t="s">
        <v>37710</v>
      </c>
      <c r="D4760" t="s">
        <v>37537</v>
      </c>
      <c r="E4760" t="s">
        <v>13</v>
      </c>
      <c r="F4760">
        <v>9322</v>
      </c>
      <c r="G4760" t="s">
        <v>37711</v>
      </c>
      <c r="H4760">
        <v>4.6042215327739999</v>
      </c>
      <c r="I4760">
        <v>51.967213805093998</v>
      </c>
      <c r="J4760" t="s">
        <v>60445</v>
      </c>
    </row>
    <row r="4761" spans="1:10" x14ac:dyDescent="0.25">
      <c r="A4761" t="s">
        <v>37705</v>
      </c>
      <c r="B4761" t="s">
        <v>37706</v>
      </c>
      <c r="C4761" t="s">
        <v>6548</v>
      </c>
      <c r="D4761" t="s">
        <v>37537</v>
      </c>
      <c r="E4761" t="s">
        <v>13</v>
      </c>
      <c r="F4761">
        <v>9321</v>
      </c>
      <c r="G4761" t="s">
        <v>37707</v>
      </c>
      <c r="H4761">
        <v>4.6088954119709999</v>
      </c>
      <c r="I4761">
        <v>51.961737976728998</v>
      </c>
      <c r="J4761" t="s">
        <v>60446</v>
      </c>
    </row>
    <row r="4762" spans="1:10" x14ac:dyDescent="0.25">
      <c r="A4762" t="s">
        <v>37701</v>
      </c>
      <c r="B4762" t="s">
        <v>37702</v>
      </c>
      <c r="C4762" t="s">
        <v>37703</v>
      </c>
      <c r="D4762" t="s">
        <v>37537</v>
      </c>
      <c r="E4762" t="s">
        <v>13</v>
      </c>
      <c r="F4762">
        <v>9320</v>
      </c>
      <c r="G4762" t="s">
        <v>37704</v>
      </c>
      <c r="H4762">
        <v>4.6130228014570003</v>
      </c>
      <c r="I4762">
        <v>51.960465025821001</v>
      </c>
      <c r="J4762" t="s">
        <v>60447</v>
      </c>
    </row>
    <row r="4763" spans="1:10" x14ac:dyDescent="0.25">
      <c r="A4763" t="s">
        <v>37697</v>
      </c>
      <c r="B4763" t="s">
        <v>37698</v>
      </c>
      <c r="C4763" t="s">
        <v>37699</v>
      </c>
      <c r="D4763" t="s">
        <v>37537</v>
      </c>
      <c r="E4763" t="s">
        <v>13</v>
      </c>
      <c r="F4763">
        <v>9319</v>
      </c>
      <c r="G4763" t="s">
        <v>37700</v>
      </c>
      <c r="H4763">
        <v>4.6167296034670002</v>
      </c>
      <c r="I4763">
        <v>51.958835645725003</v>
      </c>
      <c r="J4763" t="s">
        <v>60448</v>
      </c>
    </row>
    <row r="4764" spans="1:10" x14ac:dyDescent="0.25">
      <c r="A4764" t="s">
        <v>37693</v>
      </c>
      <c r="B4764" t="s">
        <v>37694</v>
      </c>
      <c r="C4764" t="s">
        <v>37695</v>
      </c>
      <c r="D4764" t="s">
        <v>37537</v>
      </c>
      <c r="E4764" t="s">
        <v>13</v>
      </c>
      <c r="F4764">
        <v>9318</v>
      </c>
      <c r="G4764" t="s">
        <v>37696</v>
      </c>
      <c r="H4764">
        <v>4.6401944170389999</v>
      </c>
      <c r="I4764">
        <v>51.957642626884002</v>
      </c>
      <c r="J4764" t="s">
        <v>60449</v>
      </c>
    </row>
    <row r="4765" spans="1:10" x14ac:dyDescent="0.25">
      <c r="A4765" t="s">
        <v>37689</v>
      </c>
      <c r="B4765" t="s">
        <v>37690</v>
      </c>
      <c r="C4765" t="s">
        <v>37691</v>
      </c>
      <c r="D4765" t="s">
        <v>37537</v>
      </c>
      <c r="E4765" t="s">
        <v>13</v>
      </c>
      <c r="F4765">
        <v>9317</v>
      </c>
      <c r="G4765" t="s">
        <v>37692</v>
      </c>
      <c r="H4765">
        <v>4.633042087273</v>
      </c>
      <c r="I4765">
        <v>51.971090360128002</v>
      </c>
      <c r="J4765" t="s">
        <v>60450</v>
      </c>
    </row>
    <row r="4766" spans="1:10" x14ac:dyDescent="0.25">
      <c r="A4766" t="s">
        <v>37685</v>
      </c>
      <c r="B4766" t="s">
        <v>37686</v>
      </c>
      <c r="C4766" t="s">
        <v>37687</v>
      </c>
      <c r="D4766" t="s">
        <v>37537</v>
      </c>
      <c r="E4766" t="s">
        <v>13</v>
      </c>
      <c r="F4766">
        <v>9316</v>
      </c>
      <c r="G4766" t="s">
        <v>37688</v>
      </c>
      <c r="H4766">
        <v>4.6223659769659999</v>
      </c>
      <c r="I4766">
        <v>51.968676695709</v>
      </c>
      <c r="J4766" t="s">
        <v>60451</v>
      </c>
    </row>
    <row r="4767" spans="1:10" x14ac:dyDescent="0.25">
      <c r="A4767" t="s">
        <v>37681</v>
      </c>
      <c r="B4767" t="s">
        <v>37682</v>
      </c>
      <c r="C4767" t="s">
        <v>37683</v>
      </c>
      <c r="D4767" t="s">
        <v>37537</v>
      </c>
      <c r="E4767" t="s">
        <v>13</v>
      </c>
      <c r="F4767">
        <v>9315</v>
      </c>
      <c r="G4767" t="s">
        <v>37684</v>
      </c>
      <c r="H4767">
        <v>4.6216296116629998</v>
      </c>
      <c r="I4767">
        <v>51.972594552529003</v>
      </c>
      <c r="J4767" t="s">
        <v>60452</v>
      </c>
    </row>
    <row r="4768" spans="1:10" x14ac:dyDescent="0.25">
      <c r="A4768" t="s">
        <v>37677</v>
      </c>
      <c r="B4768" t="s">
        <v>37678</v>
      </c>
      <c r="C4768" t="s">
        <v>37679</v>
      </c>
      <c r="D4768" t="s">
        <v>37537</v>
      </c>
      <c r="E4768" t="s">
        <v>13</v>
      </c>
      <c r="F4768">
        <v>9314</v>
      </c>
      <c r="G4768" t="s">
        <v>37680</v>
      </c>
      <c r="H4768">
        <v>4.6172668367309999</v>
      </c>
      <c r="I4768">
        <v>51.975927085636997</v>
      </c>
      <c r="J4768" t="s">
        <v>60453</v>
      </c>
    </row>
    <row r="4769" spans="1:10" x14ac:dyDescent="0.25">
      <c r="A4769" t="s">
        <v>37673</v>
      </c>
      <c r="B4769" t="s">
        <v>37674</v>
      </c>
      <c r="C4769" t="s">
        <v>37675</v>
      </c>
      <c r="D4769" t="s">
        <v>37537</v>
      </c>
      <c r="E4769" t="s">
        <v>13</v>
      </c>
      <c r="F4769">
        <v>9313</v>
      </c>
      <c r="G4769" t="s">
        <v>37676</v>
      </c>
      <c r="H4769">
        <v>4.6112222743969999</v>
      </c>
      <c r="I4769">
        <v>51.978672821766999</v>
      </c>
      <c r="J4769" t="s">
        <v>60454</v>
      </c>
    </row>
    <row r="4770" spans="1:10" x14ac:dyDescent="0.25">
      <c r="A4770" t="s">
        <v>37669</v>
      </c>
      <c r="B4770" t="s">
        <v>37670</v>
      </c>
      <c r="C4770" t="s">
        <v>37671</v>
      </c>
      <c r="D4770" t="s">
        <v>37537</v>
      </c>
      <c r="E4770" t="s">
        <v>13</v>
      </c>
      <c r="F4770">
        <v>9312</v>
      </c>
      <c r="G4770" t="s">
        <v>37672</v>
      </c>
      <c r="H4770">
        <v>4.6054096404799996</v>
      </c>
      <c r="I4770">
        <v>51.970171700298998</v>
      </c>
      <c r="J4770" t="s">
        <v>60455</v>
      </c>
    </row>
    <row r="4771" spans="1:10" x14ac:dyDescent="0.25">
      <c r="A4771" t="s">
        <v>37665</v>
      </c>
      <c r="B4771" t="s">
        <v>37666</v>
      </c>
      <c r="C4771" t="s">
        <v>37667</v>
      </c>
      <c r="D4771" t="s">
        <v>37537</v>
      </c>
      <c r="E4771" t="s">
        <v>13</v>
      </c>
      <c r="F4771">
        <v>9311</v>
      </c>
      <c r="G4771" t="s">
        <v>37668</v>
      </c>
      <c r="H4771">
        <v>4.6495856354139997</v>
      </c>
      <c r="I4771">
        <v>51.998122721130997</v>
      </c>
      <c r="J4771" t="s">
        <v>60456</v>
      </c>
    </row>
    <row r="4772" spans="1:10" x14ac:dyDescent="0.25">
      <c r="A4772" t="s">
        <v>37661</v>
      </c>
      <c r="B4772" t="s">
        <v>37662</v>
      </c>
      <c r="C4772" t="s">
        <v>37663</v>
      </c>
      <c r="D4772" t="s">
        <v>37537</v>
      </c>
      <c r="E4772" t="s">
        <v>13</v>
      </c>
      <c r="F4772">
        <v>9310</v>
      </c>
      <c r="G4772" t="s">
        <v>37664</v>
      </c>
      <c r="H4772">
        <v>4.6587354426129997</v>
      </c>
      <c r="I4772">
        <v>51.988402469423001</v>
      </c>
      <c r="J4772" t="s">
        <v>60457</v>
      </c>
    </row>
    <row r="4773" spans="1:10" x14ac:dyDescent="0.25">
      <c r="A4773" t="s">
        <v>37657</v>
      </c>
      <c r="B4773" t="s">
        <v>37658</v>
      </c>
      <c r="C4773" t="s">
        <v>37659</v>
      </c>
      <c r="D4773" t="s">
        <v>37537</v>
      </c>
      <c r="E4773" t="s">
        <v>13</v>
      </c>
      <c r="F4773">
        <v>9309</v>
      </c>
      <c r="G4773" t="s">
        <v>37660</v>
      </c>
      <c r="H4773">
        <v>4.6601121510169996</v>
      </c>
      <c r="I4773">
        <v>52.018848475509998</v>
      </c>
      <c r="J4773" t="s">
        <v>60458</v>
      </c>
    </row>
    <row r="4774" spans="1:10" x14ac:dyDescent="0.25">
      <c r="A4774" t="s">
        <v>37653</v>
      </c>
      <c r="B4774" t="s">
        <v>37654</v>
      </c>
      <c r="C4774" t="s">
        <v>37655</v>
      </c>
      <c r="D4774" t="s">
        <v>37537</v>
      </c>
      <c r="E4774" t="s">
        <v>13</v>
      </c>
      <c r="F4774">
        <v>9308</v>
      </c>
      <c r="G4774" t="s">
        <v>37656</v>
      </c>
      <c r="H4774">
        <v>4.6807699491210002</v>
      </c>
      <c r="I4774">
        <v>51.995123842262998</v>
      </c>
      <c r="J4774" t="s">
        <v>60459</v>
      </c>
    </row>
    <row r="4775" spans="1:10" x14ac:dyDescent="0.25">
      <c r="A4775" t="s">
        <v>37649</v>
      </c>
      <c r="B4775" t="s">
        <v>37650</v>
      </c>
      <c r="C4775" t="s">
        <v>37651</v>
      </c>
      <c r="D4775" t="s">
        <v>37537</v>
      </c>
      <c r="E4775" t="s">
        <v>13</v>
      </c>
      <c r="F4775">
        <v>9307</v>
      </c>
      <c r="G4775" t="s">
        <v>37652</v>
      </c>
      <c r="H4775">
        <v>4.6709946411159997</v>
      </c>
      <c r="I4775">
        <v>51.993225257654998</v>
      </c>
      <c r="J4775" t="s">
        <v>60460</v>
      </c>
    </row>
    <row r="4776" spans="1:10" x14ac:dyDescent="0.25">
      <c r="A4776" t="s">
        <v>37645</v>
      </c>
      <c r="B4776" t="s">
        <v>37646</v>
      </c>
      <c r="C4776" t="s">
        <v>37647</v>
      </c>
      <c r="D4776" t="s">
        <v>37537</v>
      </c>
      <c r="E4776" t="s">
        <v>13</v>
      </c>
      <c r="F4776">
        <v>9306</v>
      </c>
      <c r="G4776" t="s">
        <v>37648</v>
      </c>
      <c r="H4776">
        <v>4.6703757078879997</v>
      </c>
      <c r="I4776">
        <v>51.982172477913998</v>
      </c>
      <c r="J4776" t="s">
        <v>60461</v>
      </c>
    </row>
    <row r="4777" spans="1:10" x14ac:dyDescent="0.25">
      <c r="A4777" t="s">
        <v>37642</v>
      </c>
      <c r="B4777" t="s">
        <v>37643</v>
      </c>
      <c r="C4777" t="s">
        <v>24706</v>
      </c>
      <c r="D4777" t="s">
        <v>37537</v>
      </c>
      <c r="E4777" t="s">
        <v>13</v>
      </c>
      <c r="F4777">
        <v>9305</v>
      </c>
      <c r="G4777" t="s">
        <v>37644</v>
      </c>
      <c r="H4777">
        <v>4.6666593560859999</v>
      </c>
      <c r="I4777">
        <v>51.980387839209001</v>
      </c>
      <c r="J4777" t="s">
        <v>60462</v>
      </c>
    </row>
    <row r="4778" spans="1:10" x14ac:dyDescent="0.25">
      <c r="A4778" t="s">
        <v>37638</v>
      </c>
      <c r="B4778" t="s">
        <v>37639</v>
      </c>
      <c r="C4778" t="s">
        <v>37640</v>
      </c>
      <c r="D4778" t="s">
        <v>37537</v>
      </c>
      <c r="E4778" t="s">
        <v>13</v>
      </c>
      <c r="F4778">
        <v>9304</v>
      </c>
      <c r="G4778" t="s">
        <v>37641</v>
      </c>
      <c r="H4778">
        <v>4.6653570029280003</v>
      </c>
      <c r="I4778">
        <v>51.981922491326003</v>
      </c>
      <c r="J4778" t="s">
        <v>60463</v>
      </c>
    </row>
    <row r="4779" spans="1:10" x14ac:dyDescent="0.25">
      <c r="A4779" t="s">
        <v>37634</v>
      </c>
      <c r="B4779" t="s">
        <v>37635</v>
      </c>
      <c r="C4779" t="s">
        <v>37636</v>
      </c>
      <c r="D4779" t="s">
        <v>37537</v>
      </c>
      <c r="E4779" t="s">
        <v>13</v>
      </c>
      <c r="F4779">
        <v>9303</v>
      </c>
      <c r="G4779" t="s">
        <v>37637</v>
      </c>
      <c r="H4779">
        <v>4.6632006863150002</v>
      </c>
      <c r="I4779">
        <v>51.986506222941998</v>
      </c>
      <c r="J4779" t="s">
        <v>60464</v>
      </c>
    </row>
    <row r="4780" spans="1:10" x14ac:dyDescent="0.25">
      <c r="A4780" t="s">
        <v>37631</v>
      </c>
      <c r="B4780" t="s">
        <v>37632</v>
      </c>
      <c r="C4780" t="s">
        <v>24702</v>
      </c>
      <c r="D4780" t="s">
        <v>37537</v>
      </c>
      <c r="E4780" t="s">
        <v>13</v>
      </c>
      <c r="F4780">
        <v>9302</v>
      </c>
      <c r="G4780" t="s">
        <v>37633</v>
      </c>
      <c r="H4780">
        <v>4.6669149957</v>
      </c>
      <c r="I4780">
        <v>51.991135244725001</v>
      </c>
      <c r="J4780" t="s">
        <v>60465</v>
      </c>
    </row>
    <row r="4781" spans="1:10" x14ac:dyDescent="0.25">
      <c r="A4781" t="s">
        <v>37627</v>
      </c>
      <c r="B4781" t="s">
        <v>37628</v>
      </c>
      <c r="C4781" t="s">
        <v>37629</v>
      </c>
      <c r="D4781" t="s">
        <v>37537</v>
      </c>
      <c r="E4781" t="s">
        <v>13</v>
      </c>
      <c r="F4781">
        <v>9301</v>
      </c>
      <c r="G4781" t="s">
        <v>37630</v>
      </c>
      <c r="H4781">
        <v>4.67325429989</v>
      </c>
      <c r="I4781">
        <v>51.988840219427999</v>
      </c>
      <c r="J4781" t="s">
        <v>60466</v>
      </c>
    </row>
    <row r="4782" spans="1:10" x14ac:dyDescent="0.25">
      <c r="A4782" t="s">
        <v>37623</v>
      </c>
      <c r="B4782" t="s">
        <v>37624</v>
      </c>
      <c r="C4782" t="s">
        <v>37625</v>
      </c>
      <c r="D4782" t="s">
        <v>37537</v>
      </c>
      <c r="E4782" t="s">
        <v>13</v>
      </c>
      <c r="F4782">
        <v>9300</v>
      </c>
      <c r="G4782" t="s">
        <v>37626</v>
      </c>
      <c r="H4782">
        <v>4.6693203418999998</v>
      </c>
      <c r="I4782">
        <v>51.985478510733003</v>
      </c>
      <c r="J4782" t="s">
        <v>60467</v>
      </c>
    </row>
    <row r="4783" spans="1:10" x14ac:dyDescent="0.25">
      <c r="A4783" t="s">
        <v>37619</v>
      </c>
      <c r="B4783" t="s">
        <v>37620</v>
      </c>
      <c r="C4783" t="s">
        <v>37621</v>
      </c>
      <c r="D4783" t="s">
        <v>37537</v>
      </c>
      <c r="E4783" t="s">
        <v>13</v>
      </c>
      <c r="F4783">
        <v>9299</v>
      </c>
      <c r="G4783" t="s">
        <v>37622</v>
      </c>
      <c r="H4783">
        <v>4.5684422221950003</v>
      </c>
      <c r="I4783">
        <v>51.996632286457</v>
      </c>
      <c r="J4783" t="s">
        <v>60468</v>
      </c>
    </row>
    <row r="4784" spans="1:10" x14ac:dyDescent="0.25">
      <c r="A4784" t="s">
        <v>37615</v>
      </c>
      <c r="B4784" t="s">
        <v>37616</v>
      </c>
      <c r="C4784" t="s">
        <v>37617</v>
      </c>
      <c r="D4784" t="s">
        <v>37537</v>
      </c>
      <c r="E4784" t="s">
        <v>13</v>
      </c>
      <c r="F4784">
        <v>9298</v>
      </c>
      <c r="G4784" t="s">
        <v>37618</v>
      </c>
      <c r="H4784">
        <v>4.6030925704580001</v>
      </c>
      <c r="I4784">
        <v>52.013100590694997</v>
      </c>
      <c r="J4784" t="s">
        <v>60469</v>
      </c>
    </row>
    <row r="4785" spans="1:10" x14ac:dyDescent="0.25">
      <c r="A4785" t="s">
        <v>37611</v>
      </c>
      <c r="B4785" t="s">
        <v>37612</v>
      </c>
      <c r="C4785" t="s">
        <v>37613</v>
      </c>
      <c r="D4785" t="s">
        <v>37537</v>
      </c>
      <c r="E4785" t="s">
        <v>13</v>
      </c>
      <c r="F4785">
        <v>9297</v>
      </c>
      <c r="G4785" t="s">
        <v>37614</v>
      </c>
      <c r="H4785">
        <v>4.5679071485409999</v>
      </c>
      <c r="I4785">
        <v>52.022984219735001</v>
      </c>
      <c r="J4785" t="s">
        <v>60470</v>
      </c>
    </row>
    <row r="4786" spans="1:10" x14ac:dyDescent="0.25">
      <c r="A4786" t="s">
        <v>37607</v>
      </c>
      <c r="B4786" t="s">
        <v>37608</v>
      </c>
      <c r="C4786" t="s">
        <v>37609</v>
      </c>
      <c r="D4786" t="s">
        <v>37537</v>
      </c>
      <c r="E4786" t="s">
        <v>13</v>
      </c>
      <c r="F4786">
        <v>9296</v>
      </c>
      <c r="G4786" t="s">
        <v>37610</v>
      </c>
      <c r="H4786">
        <v>4.5946827932209997</v>
      </c>
      <c r="I4786">
        <v>52.007073085729999</v>
      </c>
      <c r="J4786" t="s">
        <v>60471</v>
      </c>
    </row>
    <row r="4787" spans="1:10" x14ac:dyDescent="0.25">
      <c r="A4787" t="s">
        <v>37603</v>
      </c>
      <c r="B4787" t="s">
        <v>37604</v>
      </c>
      <c r="C4787" t="s">
        <v>37605</v>
      </c>
      <c r="D4787" t="s">
        <v>37537</v>
      </c>
      <c r="E4787" t="s">
        <v>13</v>
      </c>
      <c r="F4787">
        <v>9295</v>
      </c>
      <c r="G4787" t="s">
        <v>37606</v>
      </c>
      <c r="H4787">
        <v>4.5689817724820001</v>
      </c>
      <c r="I4787">
        <v>51.981050049830003</v>
      </c>
      <c r="J4787" t="s">
        <v>60472</v>
      </c>
    </row>
    <row r="4788" spans="1:10" x14ac:dyDescent="0.25">
      <c r="A4788" t="s">
        <v>37599</v>
      </c>
      <c r="B4788" t="s">
        <v>37600</v>
      </c>
      <c r="C4788" t="s">
        <v>37601</v>
      </c>
      <c r="D4788" t="s">
        <v>37537</v>
      </c>
      <c r="E4788" t="s">
        <v>13</v>
      </c>
      <c r="F4788">
        <v>9294</v>
      </c>
      <c r="G4788" t="s">
        <v>37602</v>
      </c>
      <c r="H4788">
        <v>4.5576833666420002</v>
      </c>
      <c r="I4788">
        <v>51.975162036858997</v>
      </c>
      <c r="J4788" t="s">
        <v>60473</v>
      </c>
    </row>
    <row r="4789" spans="1:10" x14ac:dyDescent="0.25">
      <c r="A4789" t="s">
        <v>37595</v>
      </c>
      <c r="B4789" t="s">
        <v>37596</v>
      </c>
      <c r="C4789" t="s">
        <v>37597</v>
      </c>
      <c r="D4789" t="s">
        <v>37537</v>
      </c>
      <c r="E4789" t="s">
        <v>13</v>
      </c>
      <c r="F4789">
        <v>9293</v>
      </c>
      <c r="G4789" t="s">
        <v>37598</v>
      </c>
      <c r="H4789">
        <v>4.5490619101060004</v>
      </c>
      <c r="I4789">
        <v>51.987217785250003</v>
      </c>
      <c r="J4789" t="s">
        <v>60474</v>
      </c>
    </row>
    <row r="4790" spans="1:10" x14ac:dyDescent="0.25">
      <c r="A4790" t="s">
        <v>37591</v>
      </c>
      <c r="B4790" t="s">
        <v>37592</v>
      </c>
      <c r="C4790" t="s">
        <v>37593</v>
      </c>
      <c r="D4790" t="s">
        <v>37537</v>
      </c>
      <c r="E4790" t="s">
        <v>13</v>
      </c>
      <c r="F4790">
        <v>9292</v>
      </c>
      <c r="G4790" t="s">
        <v>37594</v>
      </c>
      <c r="H4790">
        <v>4.5639184093300003</v>
      </c>
      <c r="I4790">
        <v>52.0091634845</v>
      </c>
      <c r="J4790" t="s">
        <v>60475</v>
      </c>
    </row>
    <row r="4791" spans="1:10" x14ac:dyDescent="0.25">
      <c r="A4791" t="s">
        <v>37587</v>
      </c>
      <c r="B4791" t="s">
        <v>37588</v>
      </c>
      <c r="C4791" t="s">
        <v>37589</v>
      </c>
      <c r="D4791" t="s">
        <v>37537</v>
      </c>
      <c r="E4791" t="s">
        <v>13</v>
      </c>
      <c r="F4791">
        <v>9291</v>
      </c>
      <c r="G4791" t="s">
        <v>37590</v>
      </c>
      <c r="H4791">
        <v>4.5798645308459998</v>
      </c>
      <c r="I4791">
        <v>52.007512222481999</v>
      </c>
      <c r="J4791" t="s">
        <v>60476</v>
      </c>
    </row>
    <row r="4792" spans="1:10" x14ac:dyDescent="0.25">
      <c r="A4792" t="s">
        <v>37583</v>
      </c>
      <c r="B4792" t="s">
        <v>37584</v>
      </c>
      <c r="C4792" t="s">
        <v>37585</v>
      </c>
      <c r="D4792" t="s">
        <v>37537</v>
      </c>
      <c r="E4792" t="s">
        <v>13</v>
      </c>
      <c r="F4792">
        <v>9290</v>
      </c>
      <c r="G4792" t="s">
        <v>37586</v>
      </c>
      <c r="H4792">
        <v>4.5783323689750004</v>
      </c>
      <c r="I4792">
        <v>52.010945788945001</v>
      </c>
      <c r="J4792" t="s">
        <v>60477</v>
      </c>
    </row>
    <row r="4793" spans="1:10" x14ac:dyDescent="0.25">
      <c r="A4793" t="s">
        <v>37579</v>
      </c>
      <c r="B4793" t="s">
        <v>37580</v>
      </c>
      <c r="C4793" t="s">
        <v>37581</v>
      </c>
      <c r="D4793" t="s">
        <v>37537</v>
      </c>
      <c r="E4793" t="s">
        <v>13</v>
      </c>
      <c r="F4793">
        <v>9289</v>
      </c>
      <c r="G4793" t="s">
        <v>37582</v>
      </c>
      <c r="H4793">
        <v>4.58928571574</v>
      </c>
      <c r="I4793">
        <v>52.008611042239998</v>
      </c>
      <c r="J4793" t="s">
        <v>60478</v>
      </c>
    </row>
    <row r="4794" spans="1:10" x14ac:dyDescent="0.25">
      <c r="A4794" t="s">
        <v>37575</v>
      </c>
      <c r="B4794" t="s">
        <v>37576</v>
      </c>
      <c r="C4794" t="s">
        <v>37577</v>
      </c>
      <c r="D4794" t="s">
        <v>37537</v>
      </c>
      <c r="E4794" t="s">
        <v>13</v>
      </c>
      <c r="F4794">
        <v>9288</v>
      </c>
      <c r="G4794" t="s">
        <v>37578</v>
      </c>
      <c r="H4794">
        <v>4.5848180793509998</v>
      </c>
      <c r="I4794">
        <v>52.012345484431997</v>
      </c>
      <c r="J4794" t="s">
        <v>60479</v>
      </c>
    </row>
    <row r="4795" spans="1:10" x14ac:dyDescent="0.25">
      <c r="A4795" t="s">
        <v>37571</v>
      </c>
      <c r="B4795" t="s">
        <v>37572</v>
      </c>
      <c r="C4795" t="s">
        <v>37573</v>
      </c>
      <c r="D4795" t="s">
        <v>37537</v>
      </c>
      <c r="E4795" t="s">
        <v>13</v>
      </c>
      <c r="F4795">
        <v>9287</v>
      </c>
      <c r="G4795" t="s">
        <v>37574</v>
      </c>
      <c r="H4795">
        <v>4.5841953867419996</v>
      </c>
      <c r="I4795">
        <v>52.016413005932002</v>
      </c>
      <c r="J4795" t="s">
        <v>60480</v>
      </c>
    </row>
    <row r="4796" spans="1:10" x14ac:dyDescent="0.25">
      <c r="A4796" t="s">
        <v>37567</v>
      </c>
      <c r="B4796" t="s">
        <v>37568</v>
      </c>
      <c r="C4796" t="s">
        <v>37569</v>
      </c>
      <c r="D4796" t="s">
        <v>37537</v>
      </c>
      <c r="E4796" t="s">
        <v>13</v>
      </c>
      <c r="F4796">
        <v>9286</v>
      </c>
      <c r="G4796" t="s">
        <v>37570</v>
      </c>
      <c r="H4796">
        <v>4.5815981801810004</v>
      </c>
      <c r="I4796">
        <v>52.011280197380003</v>
      </c>
      <c r="J4796" t="s">
        <v>60481</v>
      </c>
    </row>
    <row r="4797" spans="1:10" x14ac:dyDescent="0.25">
      <c r="A4797" t="s">
        <v>37563</v>
      </c>
      <c r="B4797" t="s">
        <v>37564</v>
      </c>
      <c r="C4797" t="s">
        <v>37565</v>
      </c>
      <c r="D4797" t="s">
        <v>37537</v>
      </c>
      <c r="E4797" t="s">
        <v>13</v>
      </c>
      <c r="F4797">
        <v>9285</v>
      </c>
      <c r="G4797" t="s">
        <v>37566</v>
      </c>
      <c r="H4797">
        <v>4.5857977524460001</v>
      </c>
      <c r="I4797">
        <v>52.053228469977</v>
      </c>
      <c r="J4797" t="s">
        <v>60482</v>
      </c>
    </row>
    <row r="4798" spans="1:10" x14ac:dyDescent="0.25">
      <c r="A4798" t="s">
        <v>37559</v>
      </c>
      <c r="B4798" t="s">
        <v>37560</v>
      </c>
      <c r="C4798" t="s">
        <v>37561</v>
      </c>
      <c r="D4798" t="s">
        <v>37537</v>
      </c>
      <c r="E4798" t="s">
        <v>13</v>
      </c>
      <c r="F4798">
        <v>9284</v>
      </c>
      <c r="G4798" t="s">
        <v>37562</v>
      </c>
      <c r="H4798">
        <v>4.5852901814060001</v>
      </c>
      <c r="I4798">
        <v>52.046662001835998</v>
      </c>
      <c r="J4798" t="s">
        <v>60483</v>
      </c>
    </row>
    <row r="4799" spans="1:10" x14ac:dyDescent="0.25">
      <c r="A4799" t="s">
        <v>37555</v>
      </c>
      <c r="B4799" t="s">
        <v>37556</v>
      </c>
      <c r="C4799" t="s">
        <v>37557</v>
      </c>
      <c r="D4799" t="s">
        <v>37537</v>
      </c>
      <c r="E4799" t="s">
        <v>13</v>
      </c>
      <c r="F4799">
        <v>9283</v>
      </c>
      <c r="G4799" t="s">
        <v>37558</v>
      </c>
      <c r="H4799">
        <v>4.5922805281979997</v>
      </c>
      <c r="I4799">
        <v>52.037646693608998</v>
      </c>
      <c r="J4799" t="s">
        <v>60484</v>
      </c>
    </row>
    <row r="4800" spans="1:10" x14ac:dyDescent="0.25">
      <c r="A4800" t="s">
        <v>37551</v>
      </c>
      <c r="B4800" t="s">
        <v>37552</v>
      </c>
      <c r="C4800" t="s">
        <v>37553</v>
      </c>
      <c r="D4800" t="s">
        <v>37537</v>
      </c>
      <c r="E4800" t="s">
        <v>13</v>
      </c>
      <c r="F4800">
        <v>9282</v>
      </c>
      <c r="G4800" t="s">
        <v>37554</v>
      </c>
      <c r="H4800">
        <v>4.5848542083629997</v>
      </c>
      <c r="I4800">
        <v>52.042056676271997</v>
      </c>
      <c r="J4800" t="s">
        <v>60485</v>
      </c>
    </row>
    <row r="4801" spans="1:10" x14ac:dyDescent="0.25">
      <c r="A4801" t="s">
        <v>37547</v>
      </c>
      <c r="B4801" t="s">
        <v>37548</v>
      </c>
      <c r="C4801" t="s">
        <v>37549</v>
      </c>
      <c r="D4801" t="s">
        <v>37537</v>
      </c>
      <c r="E4801" t="s">
        <v>13</v>
      </c>
      <c r="F4801">
        <v>9281</v>
      </c>
      <c r="G4801" t="s">
        <v>37550</v>
      </c>
      <c r="H4801">
        <v>4.5791584448179998</v>
      </c>
      <c r="I4801">
        <v>52.046149624936</v>
      </c>
      <c r="J4801" t="s">
        <v>60486</v>
      </c>
    </row>
    <row r="4802" spans="1:10" x14ac:dyDescent="0.25">
      <c r="A4802" t="s">
        <v>37543</v>
      </c>
      <c r="B4802" t="s">
        <v>37544</v>
      </c>
      <c r="C4802" t="s">
        <v>37545</v>
      </c>
      <c r="D4802" t="s">
        <v>37537</v>
      </c>
      <c r="E4802" t="s">
        <v>13</v>
      </c>
      <c r="F4802">
        <v>9280</v>
      </c>
      <c r="G4802" t="s">
        <v>37546</v>
      </c>
      <c r="H4802">
        <v>4.5712724324879996</v>
      </c>
      <c r="I4802">
        <v>52.04567618406</v>
      </c>
      <c r="J4802" t="s">
        <v>60487</v>
      </c>
    </row>
    <row r="4803" spans="1:10" x14ac:dyDescent="0.25">
      <c r="A4803" t="s">
        <v>37539</v>
      </c>
      <c r="B4803" t="s">
        <v>37540</v>
      </c>
      <c r="C4803" t="s">
        <v>37541</v>
      </c>
      <c r="D4803" t="s">
        <v>37537</v>
      </c>
      <c r="E4803" t="s">
        <v>13</v>
      </c>
      <c r="F4803">
        <v>9279</v>
      </c>
      <c r="G4803" t="s">
        <v>37542</v>
      </c>
      <c r="H4803">
        <v>4.5700766050299997</v>
      </c>
      <c r="I4803">
        <v>52.044189699013998</v>
      </c>
      <c r="J4803" t="s">
        <v>60488</v>
      </c>
    </row>
    <row r="4804" spans="1:10" x14ac:dyDescent="0.25">
      <c r="A4804" t="s">
        <v>37534</v>
      </c>
      <c r="B4804" t="s">
        <v>37535</v>
      </c>
      <c r="C4804" t="s">
        <v>37536</v>
      </c>
      <c r="D4804" t="s">
        <v>37537</v>
      </c>
      <c r="E4804" t="s">
        <v>13</v>
      </c>
      <c r="F4804">
        <v>9278</v>
      </c>
      <c r="G4804" t="s">
        <v>37538</v>
      </c>
      <c r="H4804">
        <v>4.5759687409890004</v>
      </c>
      <c r="I4804">
        <v>52.043394797898998</v>
      </c>
      <c r="J4804" t="s">
        <v>60489</v>
      </c>
    </row>
    <row r="4805" spans="1:10" x14ac:dyDescent="0.25">
      <c r="A4805" t="s">
        <v>37530</v>
      </c>
      <c r="B4805" t="s">
        <v>37531</v>
      </c>
      <c r="C4805" t="s">
        <v>37532</v>
      </c>
      <c r="D4805" t="s">
        <v>37468</v>
      </c>
      <c r="E4805" t="s">
        <v>13</v>
      </c>
      <c r="F4805">
        <v>9277</v>
      </c>
      <c r="G4805" t="s">
        <v>37533</v>
      </c>
      <c r="H4805">
        <v>5.9303990225590004</v>
      </c>
      <c r="I4805">
        <v>53.289666640825999</v>
      </c>
      <c r="J4805" t="s">
        <v>60490</v>
      </c>
    </row>
    <row r="4806" spans="1:10" x14ac:dyDescent="0.25">
      <c r="A4806" t="s">
        <v>37526</v>
      </c>
      <c r="B4806" t="s">
        <v>37527</v>
      </c>
      <c r="C4806" t="s">
        <v>37528</v>
      </c>
      <c r="D4806" t="s">
        <v>37468</v>
      </c>
      <c r="E4806" t="s">
        <v>13</v>
      </c>
      <c r="F4806">
        <v>9276</v>
      </c>
      <c r="G4806" t="s">
        <v>37529</v>
      </c>
      <c r="H4806">
        <v>5.954351335408</v>
      </c>
      <c r="I4806">
        <v>53.313641400466999</v>
      </c>
      <c r="J4806" t="s">
        <v>60491</v>
      </c>
    </row>
    <row r="4807" spans="1:10" x14ac:dyDescent="0.25">
      <c r="A4807" t="s">
        <v>37522</v>
      </c>
      <c r="B4807" t="s">
        <v>37523</v>
      </c>
      <c r="C4807" t="s">
        <v>37524</v>
      </c>
      <c r="D4807" t="s">
        <v>37468</v>
      </c>
      <c r="E4807" t="s">
        <v>13</v>
      </c>
      <c r="F4807">
        <v>9275</v>
      </c>
      <c r="G4807" t="s">
        <v>37525</v>
      </c>
      <c r="H4807">
        <v>5.9480146582710001</v>
      </c>
      <c r="I4807">
        <v>53.297472931584998</v>
      </c>
      <c r="J4807" t="s">
        <v>60492</v>
      </c>
    </row>
    <row r="4808" spans="1:10" x14ac:dyDescent="0.25">
      <c r="A4808" t="s">
        <v>37518</v>
      </c>
      <c r="B4808" t="s">
        <v>37519</v>
      </c>
      <c r="C4808" t="s">
        <v>37520</v>
      </c>
      <c r="D4808" t="s">
        <v>37468</v>
      </c>
      <c r="E4808" t="s">
        <v>13</v>
      </c>
      <c r="F4808">
        <v>9274</v>
      </c>
      <c r="G4808" t="s">
        <v>37521</v>
      </c>
      <c r="H4808">
        <v>5.971479994429</v>
      </c>
      <c r="I4808">
        <v>53.247473891555998</v>
      </c>
      <c r="J4808" t="s">
        <v>60493</v>
      </c>
    </row>
    <row r="4809" spans="1:10" x14ac:dyDescent="0.25">
      <c r="A4809" t="s">
        <v>37514</v>
      </c>
      <c r="B4809" t="s">
        <v>37515</v>
      </c>
      <c r="C4809" t="s">
        <v>37516</v>
      </c>
      <c r="D4809" t="s">
        <v>37468</v>
      </c>
      <c r="E4809" t="s">
        <v>13</v>
      </c>
      <c r="F4809">
        <v>9273</v>
      </c>
      <c r="G4809" t="s">
        <v>37517</v>
      </c>
      <c r="H4809">
        <v>6.034155408138</v>
      </c>
      <c r="I4809">
        <v>53.266118456976997</v>
      </c>
      <c r="J4809" t="s">
        <v>60494</v>
      </c>
    </row>
    <row r="4810" spans="1:10" x14ac:dyDescent="0.25">
      <c r="A4810" t="s">
        <v>37510</v>
      </c>
      <c r="B4810" t="s">
        <v>37511</v>
      </c>
      <c r="C4810" t="s">
        <v>37512</v>
      </c>
      <c r="D4810" t="s">
        <v>37468</v>
      </c>
      <c r="E4810" t="s">
        <v>13</v>
      </c>
      <c r="F4810">
        <v>9272</v>
      </c>
      <c r="G4810" t="s">
        <v>37513</v>
      </c>
      <c r="H4810">
        <v>5.923432995432</v>
      </c>
      <c r="I4810">
        <v>53.265763361975999</v>
      </c>
      <c r="J4810" t="s">
        <v>60495</v>
      </c>
    </row>
    <row r="4811" spans="1:10" x14ac:dyDescent="0.25">
      <c r="A4811" t="s">
        <v>37506</v>
      </c>
      <c r="B4811" t="s">
        <v>37507</v>
      </c>
      <c r="C4811" t="s">
        <v>37508</v>
      </c>
      <c r="D4811" t="s">
        <v>37468</v>
      </c>
      <c r="E4811" t="s">
        <v>13</v>
      </c>
      <c r="F4811">
        <v>9271</v>
      </c>
      <c r="G4811" t="s">
        <v>37509</v>
      </c>
      <c r="H4811">
        <v>5.9894625442180001</v>
      </c>
      <c r="I4811">
        <v>53.237533475569997</v>
      </c>
      <c r="J4811" t="s">
        <v>60496</v>
      </c>
    </row>
    <row r="4812" spans="1:10" x14ac:dyDescent="0.25">
      <c r="A4812" t="s">
        <v>37502</v>
      </c>
      <c r="B4812" t="s">
        <v>37503</v>
      </c>
      <c r="C4812" t="s">
        <v>37504</v>
      </c>
      <c r="D4812" t="s">
        <v>37468</v>
      </c>
      <c r="E4812" t="s">
        <v>13</v>
      </c>
      <c r="F4812">
        <v>9270</v>
      </c>
      <c r="G4812" t="s">
        <v>37505</v>
      </c>
      <c r="H4812">
        <v>6.0350653566550001</v>
      </c>
      <c r="I4812">
        <v>53.253823929813002</v>
      </c>
      <c r="J4812" t="s">
        <v>60497</v>
      </c>
    </row>
    <row r="4813" spans="1:10" x14ac:dyDescent="0.25">
      <c r="A4813" t="s">
        <v>37498</v>
      </c>
      <c r="B4813" t="s">
        <v>37499</v>
      </c>
      <c r="C4813" t="s">
        <v>37500</v>
      </c>
      <c r="D4813" t="s">
        <v>37468</v>
      </c>
      <c r="E4813" t="s">
        <v>13</v>
      </c>
      <c r="F4813">
        <v>9269</v>
      </c>
      <c r="G4813" t="s">
        <v>37501</v>
      </c>
      <c r="H4813">
        <v>6.0304115634070001</v>
      </c>
      <c r="I4813">
        <v>53.301627543804003</v>
      </c>
      <c r="J4813" t="s">
        <v>60498</v>
      </c>
    </row>
    <row r="4814" spans="1:10" x14ac:dyDescent="0.25">
      <c r="A4814" t="s">
        <v>37494</v>
      </c>
      <c r="B4814" t="s">
        <v>37495</v>
      </c>
      <c r="C4814" t="s">
        <v>37496</v>
      </c>
      <c r="D4814" t="s">
        <v>37468</v>
      </c>
      <c r="E4814" t="s">
        <v>13</v>
      </c>
      <c r="F4814">
        <v>9268</v>
      </c>
      <c r="G4814" t="s">
        <v>37497</v>
      </c>
      <c r="H4814">
        <v>6.0561077565919996</v>
      </c>
      <c r="I4814">
        <v>53.308591959658003</v>
      </c>
      <c r="J4814" t="s">
        <v>60499</v>
      </c>
    </row>
    <row r="4815" spans="1:10" x14ac:dyDescent="0.25">
      <c r="A4815" t="s">
        <v>37490</v>
      </c>
      <c r="B4815" t="s">
        <v>37491</v>
      </c>
      <c r="C4815" t="s">
        <v>37492</v>
      </c>
      <c r="D4815" t="s">
        <v>37468</v>
      </c>
      <c r="E4815" t="s">
        <v>13</v>
      </c>
      <c r="F4815">
        <v>9267</v>
      </c>
      <c r="G4815" t="s">
        <v>37493</v>
      </c>
      <c r="H4815">
        <v>6.0294973229139996</v>
      </c>
      <c r="I4815">
        <v>53.294825441721002</v>
      </c>
      <c r="J4815" t="s">
        <v>60500</v>
      </c>
    </row>
    <row r="4816" spans="1:10" x14ac:dyDescent="0.25">
      <c r="A4816" t="s">
        <v>37486</v>
      </c>
      <c r="B4816" t="s">
        <v>37487</v>
      </c>
      <c r="C4816" t="s">
        <v>37488</v>
      </c>
      <c r="D4816" t="s">
        <v>37468</v>
      </c>
      <c r="E4816" t="s">
        <v>13</v>
      </c>
      <c r="F4816">
        <v>9266</v>
      </c>
      <c r="G4816" t="s">
        <v>37489</v>
      </c>
      <c r="H4816">
        <v>6.0460410831609996</v>
      </c>
      <c r="I4816">
        <v>53.297219734153998</v>
      </c>
      <c r="J4816" t="s">
        <v>60501</v>
      </c>
    </row>
    <row r="4817" spans="1:10" x14ac:dyDescent="0.25">
      <c r="A4817" t="s">
        <v>37482</v>
      </c>
      <c r="B4817" t="s">
        <v>37483</v>
      </c>
      <c r="C4817" t="s">
        <v>37484</v>
      </c>
      <c r="D4817" t="s">
        <v>37468</v>
      </c>
      <c r="E4817" t="s">
        <v>13</v>
      </c>
      <c r="F4817">
        <v>9265</v>
      </c>
      <c r="G4817" t="s">
        <v>37485</v>
      </c>
      <c r="H4817">
        <v>5.972504122858</v>
      </c>
      <c r="I4817">
        <v>53.267929956816999</v>
      </c>
      <c r="J4817" t="s">
        <v>60502</v>
      </c>
    </row>
    <row r="4818" spans="1:10" x14ac:dyDescent="0.25">
      <c r="A4818" t="s">
        <v>37478</v>
      </c>
      <c r="B4818" t="s">
        <v>37479</v>
      </c>
      <c r="C4818" t="s">
        <v>37480</v>
      </c>
      <c r="D4818" t="s">
        <v>37468</v>
      </c>
      <c r="E4818" t="s">
        <v>13</v>
      </c>
      <c r="F4818">
        <v>9264</v>
      </c>
      <c r="G4818" t="s">
        <v>37481</v>
      </c>
      <c r="H4818">
        <v>5.9918685895120003</v>
      </c>
      <c r="I4818">
        <v>53.297329072727003</v>
      </c>
      <c r="J4818" t="s">
        <v>60503</v>
      </c>
    </row>
    <row r="4819" spans="1:10" x14ac:dyDescent="0.25">
      <c r="A4819" t="s">
        <v>37474</v>
      </c>
      <c r="B4819" t="s">
        <v>37475</v>
      </c>
      <c r="C4819" t="s">
        <v>37476</v>
      </c>
      <c r="D4819" t="s">
        <v>37468</v>
      </c>
      <c r="E4819" t="s">
        <v>13</v>
      </c>
      <c r="F4819">
        <v>9263</v>
      </c>
      <c r="G4819" t="s">
        <v>37477</v>
      </c>
      <c r="H4819">
        <v>6.0104304158939996</v>
      </c>
      <c r="I4819">
        <v>53.263397708431</v>
      </c>
      <c r="J4819" t="s">
        <v>60504</v>
      </c>
    </row>
    <row r="4820" spans="1:10" x14ac:dyDescent="0.25">
      <c r="A4820" t="s">
        <v>37470</v>
      </c>
      <c r="B4820" t="s">
        <v>37471</v>
      </c>
      <c r="C4820" t="s">
        <v>37472</v>
      </c>
      <c r="D4820" t="s">
        <v>37468</v>
      </c>
      <c r="E4820" t="s">
        <v>13</v>
      </c>
      <c r="F4820">
        <v>9262</v>
      </c>
      <c r="G4820" t="s">
        <v>37473</v>
      </c>
      <c r="H4820">
        <v>5.9945734037999996</v>
      </c>
      <c r="I4820">
        <v>53.272404830566003</v>
      </c>
      <c r="J4820" t="s">
        <v>60505</v>
      </c>
    </row>
    <row r="4821" spans="1:10" x14ac:dyDescent="0.25">
      <c r="A4821" t="s">
        <v>37465</v>
      </c>
      <c r="B4821" t="s">
        <v>37466</v>
      </c>
      <c r="C4821" t="s">
        <v>37467</v>
      </c>
      <c r="D4821" t="s">
        <v>37468</v>
      </c>
      <c r="E4821" t="s">
        <v>13</v>
      </c>
      <c r="F4821">
        <v>9261</v>
      </c>
      <c r="G4821" t="s">
        <v>37469</v>
      </c>
      <c r="H4821">
        <v>5.9927265959740001</v>
      </c>
      <c r="I4821">
        <v>53.289404321657003</v>
      </c>
      <c r="J4821" t="s">
        <v>60506</v>
      </c>
    </row>
    <row r="4822" spans="1:10" x14ac:dyDescent="0.25">
      <c r="A4822" t="s">
        <v>37461</v>
      </c>
      <c r="B4822" t="s">
        <v>37462</v>
      </c>
      <c r="C4822" t="s">
        <v>37463</v>
      </c>
      <c r="D4822" t="s">
        <v>37362</v>
      </c>
      <c r="E4822" t="s">
        <v>13</v>
      </c>
      <c r="F4822">
        <v>9260</v>
      </c>
      <c r="G4822" t="s">
        <v>37464</v>
      </c>
      <c r="H4822">
        <v>4.7005150809889997</v>
      </c>
      <c r="I4822">
        <v>52.211786716973002</v>
      </c>
      <c r="J4822" t="s">
        <v>60507</v>
      </c>
    </row>
    <row r="4823" spans="1:10" x14ac:dyDescent="0.25">
      <c r="A4823" t="s">
        <v>37457</v>
      </c>
      <c r="B4823" t="s">
        <v>37458</v>
      </c>
      <c r="C4823" t="s">
        <v>37459</v>
      </c>
      <c r="D4823" t="s">
        <v>37362</v>
      </c>
      <c r="E4823" t="s">
        <v>13</v>
      </c>
      <c r="F4823">
        <v>9259</v>
      </c>
      <c r="G4823" t="s">
        <v>37460</v>
      </c>
      <c r="H4823">
        <v>4.6590570964770004</v>
      </c>
      <c r="I4823">
        <v>52.217801011877</v>
      </c>
      <c r="J4823" t="s">
        <v>60508</v>
      </c>
    </row>
    <row r="4824" spans="1:10" x14ac:dyDescent="0.25">
      <c r="A4824" t="s">
        <v>37453</v>
      </c>
      <c r="B4824" t="s">
        <v>37454</v>
      </c>
      <c r="C4824" t="s">
        <v>37455</v>
      </c>
      <c r="D4824" t="s">
        <v>37362</v>
      </c>
      <c r="E4824" t="s">
        <v>13</v>
      </c>
      <c r="F4824">
        <v>9258</v>
      </c>
      <c r="G4824" t="s">
        <v>37456</v>
      </c>
      <c r="H4824">
        <v>4.7078530269199996</v>
      </c>
      <c r="I4824">
        <v>52.225408368956998</v>
      </c>
      <c r="J4824" t="s">
        <v>60509</v>
      </c>
    </row>
    <row r="4825" spans="1:10" x14ac:dyDescent="0.25">
      <c r="A4825" t="s">
        <v>37449</v>
      </c>
      <c r="B4825" t="s">
        <v>37450</v>
      </c>
      <c r="C4825" t="s">
        <v>37451</v>
      </c>
      <c r="D4825" t="s">
        <v>37362</v>
      </c>
      <c r="E4825" t="s">
        <v>13</v>
      </c>
      <c r="F4825">
        <v>9257</v>
      </c>
      <c r="G4825" t="s">
        <v>37452</v>
      </c>
      <c r="H4825">
        <v>4.6673984812459999</v>
      </c>
      <c r="I4825">
        <v>52.222394273539003</v>
      </c>
      <c r="J4825" t="s">
        <v>60510</v>
      </c>
    </row>
    <row r="4826" spans="1:10" x14ac:dyDescent="0.25">
      <c r="A4826" t="s">
        <v>37445</v>
      </c>
      <c r="B4826" t="s">
        <v>37446</v>
      </c>
      <c r="C4826" t="s">
        <v>37447</v>
      </c>
      <c r="D4826" t="s">
        <v>37362</v>
      </c>
      <c r="E4826" t="s">
        <v>13</v>
      </c>
      <c r="F4826">
        <v>9256</v>
      </c>
      <c r="G4826" t="s">
        <v>37448</v>
      </c>
      <c r="H4826">
        <v>4.721008974259</v>
      </c>
      <c r="I4826">
        <v>52.212932484795999</v>
      </c>
      <c r="J4826" t="s">
        <v>60511</v>
      </c>
    </row>
    <row r="4827" spans="1:10" x14ac:dyDescent="0.25">
      <c r="A4827" t="s">
        <v>37441</v>
      </c>
      <c r="B4827" t="s">
        <v>37442</v>
      </c>
      <c r="C4827" t="s">
        <v>37443</v>
      </c>
      <c r="D4827" t="s">
        <v>37362</v>
      </c>
      <c r="E4827" t="s">
        <v>13</v>
      </c>
      <c r="F4827">
        <v>9255</v>
      </c>
      <c r="G4827" t="s">
        <v>37444</v>
      </c>
      <c r="H4827">
        <v>4.6995775345009996</v>
      </c>
      <c r="I4827">
        <v>52.218703023659003</v>
      </c>
      <c r="J4827" t="s">
        <v>60512</v>
      </c>
    </row>
    <row r="4828" spans="1:10" x14ac:dyDescent="0.25">
      <c r="A4828" t="s">
        <v>37437</v>
      </c>
      <c r="B4828" t="s">
        <v>37438</v>
      </c>
      <c r="C4828" t="s">
        <v>37439</v>
      </c>
      <c r="D4828" t="s">
        <v>37362</v>
      </c>
      <c r="E4828" t="s">
        <v>13</v>
      </c>
      <c r="F4828">
        <v>9254</v>
      </c>
      <c r="G4828" t="s">
        <v>37440</v>
      </c>
      <c r="H4828">
        <v>4.6743612274449999</v>
      </c>
      <c r="I4828">
        <v>52.218863355724999</v>
      </c>
      <c r="J4828" t="s">
        <v>60513</v>
      </c>
    </row>
    <row r="4829" spans="1:10" x14ac:dyDescent="0.25">
      <c r="A4829" t="s">
        <v>37433</v>
      </c>
      <c r="B4829" t="s">
        <v>37434</v>
      </c>
      <c r="C4829" t="s">
        <v>37435</v>
      </c>
      <c r="D4829" t="s">
        <v>37362</v>
      </c>
      <c r="E4829" t="s">
        <v>13</v>
      </c>
      <c r="F4829">
        <v>9253</v>
      </c>
      <c r="G4829" t="s">
        <v>37436</v>
      </c>
      <c r="H4829">
        <v>4.6904869753660003</v>
      </c>
      <c r="I4829">
        <v>52.200583704830002</v>
      </c>
      <c r="J4829" t="s">
        <v>60514</v>
      </c>
    </row>
    <row r="4830" spans="1:10" x14ac:dyDescent="0.25">
      <c r="A4830" t="s">
        <v>37429</v>
      </c>
      <c r="B4830" t="s">
        <v>37430</v>
      </c>
      <c r="C4830" t="s">
        <v>37431</v>
      </c>
      <c r="D4830" t="s">
        <v>37362</v>
      </c>
      <c r="E4830" t="s">
        <v>13</v>
      </c>
      <c r="F4830">
        <v>9252</v>
      </c>
      <c r="G4830" t="s">
        <v>37432</v>
      </c>
      <c r="H4830">
        <v>4.6608700973539996</v>
      </c>
      <c r="I4830">
        <v>52.197360332598002</v>
      </c>
      <c r="J4830" t="s">
        <v>60515</v>
      </c>
    </row>
    <row r="4831" spans="1:10" x14ac:dyDescent="0.25">
      <c r="A4831" t="s">
        <v>37426</v>
      </c>
      <c r="B4831" t="s">
        <v>37427</v>
      </c>
      <c r="C4831" t="s">
        <v>10802</v>
      </c>
      <c r="D4831" t="s">
        <v>37362</v>
      </c>
      <c r="E4831" t="s">
        <v>13</v>
      </c>
      <c r="F4831">
        <v>9251</v>
      </c>
      <c r="G4831" t="s">
        <v>37428</v>
      </c>
      <c r="H4831">
        <v>4.5855660604440001</v>
      </c>
      <c r="I4831">
        <v>52.163948138956997</v>
      </c>
      <c r="J4831" t="s">
        <v>60516</v>
      </c>
    </row>
    <row r="4832" spans="1:10" x14ac:dyDescent="0.25">
      <c r="A4832" t="s">
        <v>37422</v>
      </c>
      <c r="B4832" t="s">
        <v>37423</v>
      </c>
      <c r="C4832" t="s">
        <v>37424</v>
      </c>
      <c r="D4832" t="s">
        <v>37362</v>
      </c>
      <c r="E4832" t="s">
        <v>13</v>
      </c>
      <c r="F4832">
        <v>9250</v>
      </c>
      <c r="G4832" t="s">
        <v>37425</v>
      </c>
      <c r="H4832">
        <v>4.6213792633719999</v>
      </c>
      <c r="I4832">
        <v>52.167853951049999</v>
      </c>
      <c r="J4832" t="s">
        <v>60517</v>
      </c>
    </row>
    <row r="4833" spans="1:10" x14ac:dyDescent="0.25">
      <c r="A4833" t="s">
        <v>37418</v>
      </c>
      <c r="B4833" t="s">
        <v>37419</v>
      </c>
      <c r="C4833" t="s">
        <v>37420</v>
      </c>
      <c r="D4833" t="s">
        <v>37362</v>
      </c>
      <c r="E4833" t="s">
        <v>13</v>
      </c>
      <c r="F4833">
        <v>9249</v>
      </c>
      <c r="G4833" t="s">
        <v>37421</v>
      </c>
      <c r="H4833">
        <v>4.6627189478959998</v>
      </c>
      <c r="I4833">
        <v>52.176312993899998</v>
      </c>
      <c r="J4833" t="s">
        <v>60518</v>
      </c>
    </row>
    <row r="4834" spans="1:10" x14ac:dyDescent="0.25">
      <c r="A4834" t="s">
        <v>37414</v>
      </c>
      <c r="B4834" t="s">
        <v>37415</v>
      </c>
      <c r="C4834" t="s">
        <v>37416</v>
      </c>
      <c r="D4834" t="s">
        <v>37362</v>
      </c>
      <c r="E4834" t="s">
        <v>13</v>
      </c>
      <c r="F4834">
        <v>9248</v>
      </c>
      <c r="G4834" t="s">
        <v>37417</v>
      </c>
      <c r="H4834">
        <v>4.6335181094540001</v>
      </c>
      <c r="I4834">
        <v>52.170425174762997</v>
      </c>
      <c r="J4834" t="s">
        <v>60519</v>
      </c>
    </row>
    <row r="4835" spans="1:10" x14ac:dyDescent="0.25">
      <c r="A4835" t="s">
        <v>37410</v>
      </c>
      <c r="B4835" t="s">
        <v>37411</v>
      </c>
      <c r="C4835" t="s">
        <v>37412</v>
      </c>
      <c r="D4835" t="s">
        <v>37362</v>
      </c>
      <c r="E4835" t="s">
        <v>13</v>
      </c>
      <c r="F4835">
        <v>9247</v>
      </c>
      <c r="G4835" t="s">
        <v>37413</v>
      </c>
      <c r="H4835">
        <v>4.5779160154099996</v>
      </c>
      <c r="I4835">
        <v>52.169732721034002</v>
      </c>
      <c r="J4835" t="s">
        <v>60520</v>
      </c>
    </row>
    <row r="4836" spans="1:10" x14ac:dyDescent="0.25">
      <c r="A4836" t="s">
        <v>37406</v>
      </c>
      <c r="B4836" t="s">
        <v>37407</v>
      </c>
      <c r="C4836" t="s">
        <v>37408</v>
      </c>
      <c r="D4836" t="s">
        <v>37362</v>
      </c>
      <c r="E4836" t="s">
        <v>13</v>
      </c>
      <c r="F4836">
        <v>9246</v>
      </c>
      <c r="G4836" t="s">
        <v>37409</v>
      </c>
      <c r="H4836">
        <v>4.6063762130430002</v>
      </c>
      <c r="I4836">
        <v>52.162578813991999</v>
      </c>
      <c r="J4836" t="s">
        <v>60521</v>
      </c>
    </row>
    <row r="4837" spans="1:10" x14ac:dyDescent="0.25">
      <c r="A4837" t="s">
        <v>37402</v>
      </c>
      <c r="B4837" t="s">
        <v>37403</v>
      </c>
      <c r="C4837" t="s">
        <v>37404</v>
      </c>
      <c r="D4837" t="s">
        <v>37362</v>
      </c>
      <c r="E4837" t="s">
        <v>13</v>
      </c>
      <c r="F4837">
        <v>9245</v>
      </c>
      <c r="G4837" t="s">
        <v>37405</v>
      </c>
      <c r="H4837">
        <v>4.6384097683799999</v>
      </c>
      <c r="I4837">
        <v>52.170224803179003</v>
      </c>
      <c r="J4837" t="s">
        <v>60522</v>
      </c>
    </row>
    <row r="4838" spans="1:10" x14ac:dyDescent="0.25">
      <c r="A4838" t="s">
        <v>37399</v>
      </c>
      <c r="B4838" t="s">
        <v>37400</v>
      </c>
      <c r="C4838" t="s">
        <v>10802</v>
      </c>
      <c r="D4838" t="s">
        <v>37362</v>
      </c>
      <c r="E4838" t="s">
        <v>13</v>
      </c>
      <c r="F4838">
        <v>9244</v>
      </c>
      <c r="G4838" t="s">
        <v>37401</v>
      </c>
      <c r="H4838">
        <v>4.5670520173089999</v>
      </c>
      <c r="I4838">
        <v>52.188718004202997</v>
      </c>
      <c r="J4838" t="s">
        <v>60523</v>
      </c>
    </row>
    <row r="4839" spans="1:10" x14ac:dyDescent="0.25">
      <c r="A4839" t="s">
        <v>37395</v>
      </c>
      <c r="B4839" t="s">
        <v>37396</v>
      </c>
      <c r="C4839" t="s">
        <v>37397</v>
      </c>
      <c r="D4839" t="s">
        <v>37362</v>
      </c>
      <c r="E4839" t="s">
        <v>13</v>
      </c>
      <c r="F4839">
        <v>9243</v>
      </c>
      <c r="G4839" t="s">
        <v>37398</v>
      </c>
      <c r="H4839">
        <v>4.6033317476670002</v>
      </c>
      <c r="I4839">
        <v>52.195867556974001</v>
      </c>
      <c r="J4839" t="s">
        <v>60524</v>
      </c>
    </row>
    <row r="4840" spans="1:10" x14ac:dyDescent="0.25">
      <c r="A4840" t="s">
        <v>37391</v>
      </c>
      <c r="B4840" t="s">
        <v>37392</v>
      </c>
      <c r="C4840" t="s">
        <v>37393</v>
      </c>
      <c r="D4840" t="s">
        <v>37362</v>
      </c>
      <c r="E4840" t="s">
        <v>13</v>
      </c>
      <c r="F4840">
        <v>9242</v>
      </c>
      <c r="G4840" t="s">
        <v>37394</v>
      </c>
      <c r="H4840">
        <v>4.5649556701389997</v>
      </c>
      <c r="I4840">
        <v>52.212795835553003</v>
      </c>
      <c r="J4840" t="s">
        <v>60525</v>
      </c>
    </row>
    <row r="4841" spans="1:10" x14ac:dyDescent="0.25">
      <c r="A4841" t="s">
        <v>37387</v>
      </c>
      <c r="B4841" t="s">
        <v>37388</v>
      </c>
      <c r="C4841" t="s">
        <v>37389</v>
      </c>
      <c r="D4841" t="s">
        <v>37362</v>
      </c>
      <c r="E4841" t="s">
        <v>13</v>
      </c>
      <c r="F4841">
        <v>9241</v>
      </c>
      <c r="G4841" t="s">
        <v>37390</v>
      </c>
      <c r="H4841">
        <v>4.5563933443050004</v>
      </c>
      <c r="I4841">
        <v>52.192720503955996</v>
      </c>
      <c r="J4841" t="s">
        <v>60526</v>
      </c>
    </row>
    <row r="4842" spans="1:10" x14ac:dyDescent="0.25">
      <c r="A4842" t="s">
        <v>37383</v>
      </c>
      <c r="B4842" t="s">
        <v>37384</v>
      </c>
      <c r="C4842" t="s">
        <v>37385</v>
      </c>
      <c r="D4842" t="s">
        <v>37362</v>
      </c>
      <c r="E4842" t="s">
        <v>13</v>
      </c>
      <c r="F4842">
        <v>9240</v>
      </c>
      <c r="G4842" t="s">
        <v>37386</v>
      </c>
      <c r="H4842">
        <v>4.5883403361769997</v>
      </c>
      <c r="I4842">
        <v>52.193049041386999</v>
      </c>
      <c r="J4842" t="s">
        <v>60527</v>
      </c>
    </row>
    <row r="4843" spans="1:10" x14ac:dyDescent="0.25">
      <c r="A4843" t="s">
        <v>37379</v>
      </c>
      <c r="B4843" t="s">
        <v>37380</v>
      </c>
      <c r="C4843" t="s">
        <v>37381</v>
      </c>
      <c r="D4843" t="s">
        <v>37362</v>
      </c>
      <c r="E4843" t="s">
        <v>13</v>
      </c>
      <c r="F4843">
        <v>9239</v>
      </c>
      <c r="G4843" t="s">
        <v>37382</v>
      </c>
      <c r="H4843">
        <v>4.6174931408199997</v>
      </c>
      <c r="I4843">
        <v>52.207369367443</v>
      </c>
      <c r="J4843" t="s">
        <v>60528</v>
      </c>
    </row>
    <row r="4844" spans="1:10" x14ac:dyDescent="0.25">
      <c r="A4844" t="s">
        <v>37375</v>
      </c>
      <c r="B4844" t="s">
        <v>37376</v>
      </c>
      <c r="C4844" t="s">
        <v>37377</v>
      </c>
      <c r="D4844" t="s">
        <v>37362</v>
      </c>
      <c r="E4844" t="s">
        <v>13</v>
      </c>
      <c r="F4844">
        <v>9238</v>
      </c>
      <c r="G4844" t="s">
        <v>37378</v>
      </c>
      <c r="H4844">
        <v>4.6261988827070004</v>
      </c>
      <c r="I4844">
        <v>52.196506821341998</v>
      </c>
      <c r="J4844" t="s">
        <v>60529</v>
      </c>
    </row>
    <row r="4845" spans="1:10" x14ac:dyDescent="0.25">
      <c r="A4845" t="s">
        <v>37372</v>
      </c>
      <c r="B4845" t="s">
        <v>37373</v>
      </c>
      <c r="C4845" t="s">
        <v>3421</v>
      </c>
      <c r="D4845" t="s">
        <v>37362</v>
      </c>
      <c r="E4845" t="s">
        <v>13</v>
      </c>
      <c r="F4845">
        <v>9237</v>
      </c>
      <c r="G4845" t="s">
        <v>37374</v>
      </c>
      <c r="H4845">
        <v>4.642968748286</v>
      </c>
      <c r="I4845">
        <v>52.207722740135999</v>
      </c>
      <c r="J4845" t="s">
        <v>60530</v>
      </c>
    </row>
    <row r="4846" spans="1:10" x14ac:dyDescent="0.25">
      <c r="A4846" t="s">
        <v>37368</v>
      </c>
      <c r="B4846" t="s">
        <v>37369</v>
      </c>
      <c r="C4846" t="s">
        <v>37370</v>
      </c>
      <c r="D4846" t="s">
        <v>37362</v>
      </c>
      <c r="E4846" t="s">
        <v>13</v>
      </c>
      <c r="F4846">
        <v>9236</v>
      </c>
      <c r="G4846" t="s">
        <v>37371</v>
      </c>
      <c r="H4846">
        <v>4.6338672178479996</v>
      </c>
      <c r="I4846">
        <v>52.206315714002997</v>
      </c>
      <c r="J4846" t="s">
        <v>60531</v>
      </c>
    </row>
    <row r="4847" spans="1:10" x14ac:dyDescent="0.25">
      <c r="A4847" t="s">
        <v>37364</v>
      </c>
      <c r="B4847" t="s">
        <v>37365</v>
      </c>
      <c r="C4847" t="s">
        <v>37366</v>
      </c>
      <c r="D4847" t="s">
        <v>37362</v>
      </c>
      <c r="E4847" t="s">
        <v>13</v>
      </c>
      <c r="F4847">
        <v>9235</v>
      </c>
      <c r="G4847" t="s">
        <v>37367</v>
      </c>
      <c r="H4847">
        <v>4.6455152231919996</v>
      </c>
      <c r="I4847">
        <v>52.212295468142997</v>
      </c>
      <c r="J4847" t="s">
        <v>60532</v>
      </c>
    </row>
    <row r="4848" spans="1:10" x14ac:dyDescent="0.25">
      <c r="A4848" t="s">
        <v>37359</v>
      </c>
      <c r="B4848" t="s">
        <v>37360</v>
      </c>
      <c r="C4848" t="s">
        <v>37361</v>
      </c>
      <c r="D4848" t="s">
        <v>37362</v>
      </c>
      <c r="E4848" t="s">
        <v>13</v>
      </c>
      <c r="F4848">
        <v>9234</v>
      </c>
      <c r="G4848" t="s">
        <v>37363</v>
      </c>
      <c r="H4848">
        <v>4.6300314841360004</v>
      </c>
      <c r="I4848">
        <v>52.192906064344001</v>
      </c>
      <c r="J4848" t="s">
        <v>60533</v>
      </c>
    </row>
    <row r="4849" spans="1:10" x14ac:dyDescent="0.25">
      <c r="A4849" t="s">
        <v>37355</v>
      </c>
      <c r="B4849" t="s">
        <v>37356</v>
      </c>
      <c r="C4849" t="s">
        <v>37357</v>
      </c>
      <c r="D4849" t="s">
        <v>37216</v>
      </c>
      <c r="E4849" t="s">
        <v>13</v>
      </c>
      <c r="F4849">
        <v>9233</v>
      </c>
      <c r="G4849" t="s">
        <v>37358</v>
      </c>
      <c r="H4849">
        <v>5.7750479277869999</v>
      </c>
      <c r="I4849">
        <v>51.046715859427998</v>
      </c>
      <c r="J4849" t="s">
        <v>60534</v>
      </c>
    </row>
    <row r="4850" spans="1:10" x14ac:dyDescent="0.25">
      <c r="A4850" t="s">
        <v>37351</v>
      </c>
      <c r="B4850" t="s">
        <v>37352</v>
      </c>
      <c r="C4850" t="s">
        <v>37353</v>
      </c>
      <c r="D4850" t="s">
        <v>37216</v>
      </c>
      <c r="E4850" t="s">
        <v>13</v>
      </c>
      <c r="F4850">
        <v>9232</v>
      </c>
      <c r="G4850" t="s">
        <v>37354</v>
      </c>
      <c r="H4850">
        <v>5.7862979099210001</v>
      </c>
      <c r="I4850">
        <v>51.042779415721</v>
      </c>
      <c r="J4850" t="s">
        <v>60535</v>
      </c>
    </row>
    <row r="4851" spans="1:10" x14ac:dyDescent="0.25">
      <c r="A4851" t="s">
        <v>37347</v>
      </c>
      <c r="B4851" t="s">
        <v>37348</v>
      </c>
      <c r="C4851" t="s">
        <v>37349</v>
      </c>
      <c r="D4851" t="s">
        <v>37216</v>
      </c>
      <c r="E4851" t="s">
        <v>13</v>
      </c>
      <c r="F4851">
        <v>9231</v>
      </c>
      <c r="G4851" t="s">
        <v>37350</v>
      </c>
      <c r="H4851">
        <v>5.7830252761220002</v>
      </c>
      <c r="I4851">
        <v>51.028431633875002</v>
      </c>
      <c r="J4851" t="s">
        <v>60536</v>
      </c>
    </row>
    <row r="4852" spans="1:10" x14ac:dyDescent="0.25">
      <c r="A4852" t="s">
        <v>37343</v>
      </c>
      <c r="B4852" t="s">
        <v>37344</v>
      </c>
      <c r="C4852" t="s">
        <v>37345</v>
      </c>
      <c r="D4852" t="s">
        <v>37216</v>
      </c>
      <c r="E4852" t="s">
        <v>13</v>
      </c>
      <c r="F4852">
        <v>9230</v>
      </c>
      <c r="G4852" t="s">
        <v>37346</v>
      </c>
      <c r="H4852">
        <v>5.837233328211</v>
      </c>
      <c r="I4852">
        <v>51.033911062923998</v>
      </c>
      <c r="J4852" t="s">
        <v>60537</v>
      </c>
    </row>
    <row r="4853" spans="1:10" x14ac:dyDescent="0.25">
      <c r="A4853" t="s">
        <v>37340</v>
      </c>
      <c r="B4853" t="s">
        <v>37341</v>
      </c>
      <c r="C4853" t="s">
        <v>8705</v>
      </c>
      <c r="D4853" t="s">
        <v>37216</v>
      </c>
      <c r="E4853" t="s">
        <v>13</v>
      </c>
      <c r="F4853">
        <v>9229</v>
      </c>
      <c r="G4853" t="s">
        <v>37342</v>
      </c>
      <c r="H4853">
        <v>5.8082287436169997</v>
      </c>
      <c r="I4853">
        <v>51.052138781903999</v>
      </c>
      <c r="J4853" t="s">
        <v>60538</v>
      </c>
    </row>
    <row r="4854" spans="1:10" x14ac:dyDescent="0.25">
      <c r="A4854" t="s">
        <v>37336</v>
      </c>
      <c r="B4854" t="s">
        <v>37337</v>
      </c>
      <c r="C4854" t="s">
        <v>37338</v>
      </c>
      <c r="D4854" t="s">
        <v>37216</v>
      </c>
      <c r="E4854" t="s">
        <v>13</v>
      </c>
      <c r="F4854">
        <v>9228</v>
      </c>
      <c r="G4854" t="s">
        <v>37339</v>
      </c>
      <c r="H4854">
        <v>5.796329341581</v>
      </c>
      <c r="I4854">
        <v>51.007379955989002</v>
      </c>
      <c r="J4854" t="s">
        <v>60539</v>
      </c>
    </row>
    <row r="4855" spans="1:10" x14ac:dyDescent="0.25">
      <c r="A4855" t="s">
        <v>37332</v>
      </c>
      <c r="B4855" t="s">
        <v>37333</v>
      </c>
      <c r="C4855" t="s">
        <v>37334</v>
      </c>
      <c r="D4855" t="s">
        <v>37216</v>
      </c>
      <c r="E4855" t="s">
        <v>13</v>
      </c>
      <c r="F4855">
        <v>9227</v>
      </c>
      <c r="G4855" t="s">
        <v>37335</v>
      </c>
      <c r="H4855">
        <v>5.8174085967859996</v>
      </c>
      <c r="I4855">
        <v>51.034243572778998</v>
      </c>
      <c r="J4855" t="s">
        <v>60540</v>
      </c>
    </row>
    <row r="4856" spans="1:10" x14ac:dyDescent="0.25">
      <c r="A4856" t="s">
        <v>37328</v>
      </c>
      <c r="B4856" t="s">
        <v>37329</v>
      </c>
      <c r="C4856" t="s">
        <v>37330</v>
      </c>
      <c r="D4856" t="s">
        <v>37216</v>
      </c>
      <c r="E4856" t="s">
        <v>13</v>
      </c>
      <c r="F4856">
        <v>9226</v>
      </c>
      <c r="G4856" t="s">
        <v>37331</v>
      </c>
      <c r="H4856">
        <v>5.8061078853119996</v>
      </c>
      <c r="I4856">
        <v>51.029480803390001</v>
      </c>
      <c r="J4856" t="s">
        <v>60541</v>
      </c>
    </row>
    <row r="4857" spans="1:10" x14ac:dyDescent="0.25">
      <c r="A4857" t="s">
        <v>37324</v>
      </c>
      <c r="B4857" t="s">
        <v>37325</v>
      </c>
      <c r="C4857" t="s">
        <v>37326</v>
      </c>
      <c r="D4857" t="s">
        <v>37216</v>
      </c>
      <c r="E4857" t="s">
        <v>13</v>
      </c>
      <c r="F4857">
        <v>9225</v>
      </c>
      <c r="G4857" t="s">
        <v>37327</v>
      </c>
      <c r="H4857">
        <v>5.8130146886559997</v>
      </c>
      <c r="I4857">
        <v>51.043351797721002</v>
      </c>
      <c r="J4857" t="s">
        <v>60542</v>
      </c>
    </row>
    <row r="4858" spans="1:10" x14ac:dyDescent="0.25">
      <c r="A4858" t="s">
        <v>37320</v>
      </c>
      <c r="B4858" t="s">
        <v>37321</v>
      </c>
      <c r="C4858" t="s">
        <v>37322</v>
      </c>
      <c r="D4858" t="s">
        <v>37216</v>
      </c>
      <c r="E4858" t="s">
        <v>13</v>
      </c>
      <c r="F4858">
        <v>9224</v>
      </c>
      <c r="G4858" t="s">
        <v>37323</v>
      </c>
      <c r="H4858">
        <v>5.8229180361369997</v>
      </c>
      <c r="I4858">
        <v>51.047274316710997</v>
      </c>
      <c r="J4858" t="s">
        <v>60543</v>
      </c>
    </row>
    <row r="4859" spans="1:10" x14ac:dyDescent="0.25">
      <c r="A4859" t="s">
        <v>37316</v>
      </c>
      <c r="B4859" t="s">
        <v>37317</v>
      </c>
      <c r="C4859" t="s">
        <v>37318</v>
      </c>
      <c r="D4859" t="s">
        <v>37216</v>
      </c>
      <c r="E4859" t="s">
        <v>13</v>
      </c>
      <c r="F4859">
        <v>9223</v>
      </c>
      <c r="G4859" t="s">
        <v>37319</v>
      </c>
      <c r="H4859">
        <v>5.7982723361930004</v>
      </c>
      <c r="I4859">
        <v>50.970513886517999</v>
      </c>
      <c r="J4859" t="s">
        <v>60544</v>
      </c>
    </row>
    <row r="4860" spans="1:10" x14ac:dyDescent="0.25">
      <c r="A4860" t="s">
        <v>37312</v>
      </c>
      <c r="B4860" t="s">
        <v>37313</v>
      </c>
      <c r="C4860" t="s">
        <v>37314</v>
      </c>
      <c r="D4860" t="s">
        <v>37216</v>
      </c>
      <c r="E4860" t="s">
        <v>13</v>
      </c>
      <c r="F4860">
        <v>9222</v>
      </c>
      <c r="G4860" t="s">
        <v>37315</v>
      </c>
      <c r="H4860">
        <v>5.8435714192540003</v>
      </c>
      <c r="I4860">
        <v>50.973182912749998</v>
      </c>
      <c r="J4860" t="s">
        <v>60545</v>
      </c>
    </row>
    <row r="4861" spans="1:10" x14ac:dyDescent="0.25">
      <c r="A4861" t="s">
        <v>37309</v>
      </c>
      <c r="B4861" t="s">
        <v>37310</v>
      </c>
      <c r="C4861" t="s">
        <v>10508</v>
      </c>
      <c r="D4861" t="s">
        <v>37216</v>
      </c>
      <c r="E4861" t="s">
        <v>13</v>
      </c>
      <c r="F4861">
        <v>9221</v>
      </c>
      <c r="G4861" t="s">
        <v>37311</v>
      </c>
      <c r="H4861">
        <v>5.829975160039</v>
      </c>
      <c r="I4861">
        <v>50.963228834611002</v>
      </c>
      <c r="J4861" t="s">
        <v>60546</v>
      </c>
    </row>
    <row r="4862" spans="1:10" x14ac:dyDescent="0.25">
      <c r="A4862" t="s">
        <v>37305</v>
      </c>
      <c r="B4862" t="s">
        <v>37306</v>
      </c>
      <c r="C4862" t="s">
        <v>37307</v>
      </c>
      <c r="D4862" t="s">
        <v>37216</v>
      </c>
      <c r="E4862" t="s">
        <v>13</v>
      </c>
      <c r="F4862">
        <v>9220</v>
      </c>
      <c r="G4862" t="s">
        <v>37308</v>
      </c>
      <c r="H4862">
        <v>5.8307611462519997</v>
      </c>
      <c r="I4862">
        <v>50.954902084456002</v>
      </c>
      <c r="J4862" t="s">
        <v>60547</v>
      </c>
    </row>
    <row r="4863" spans="1:10" x14ac:dyDescent="0.25">
      <c r="A4863" t="s">
        <v>37301</v>
      </c>
      <c r="B4863" t="s">
        <v>37302</v>
      </c>
      <c r="C4863" t="s">
        <v>37303</v>
      </c>
      <c r="D4863" t="s">
        <v>37216</v>
      </c>
      <c r="E4863" t="s">
        <v>13</v>
      </c>
      <c r="F4863">
        <v>9219</v>
      </c>
      <c r="G4863" t="s">
        <v>37304</v>
      </c>
      <c r="H4863">
        <v>5.8219055137279998</v>
      </c>
      <c r="I4863">
        <v>50.985089990055997</v>
      </c>
      <c r="J4863" t="s">
        <v>60548</v>
      </c>
    </row>
    <row r="4864" spans="1:10" x14ac:dyDescent="0.25">
      <c r="A4864" t="s">
        <v>37297</v>
      </c>
      <c r="B4864" t="s">
        <v>37298</v>
      </c>
      <c r="C4864" t="s">
        <v>37299</v>
      </c>
      <c r="D4864" t="s">
        <v>37216</v>
      </c>
      <c r="E4864" t="s">
        <v>13</v>
      </c>
      <c r="F4864">
        <v>9218</v>
      </c>
      <c r="G4864" t="s">
        <v>37300</v>
      </c>
      <c r="H4864">
        <v>5.8356230543900001</v>
      </c>
      <c r="I4864">
        <v>50.978414105612003</v>
      </c>
      <c r="J4864" t="s">
        <v>60549</v>
      </c>
    </row>
    <row r="4865" spans="1:10" x14ac:dyDescent="0.25">
      <c r="A4865" t="s">
        <v>37293</v>
      </c>
      <c r="B4865" t="s">
        <v>37294</v>
      </c>
      <c r="C4865" t="s">
        <v>37295</v>
      </c>
      <c r="D4865" t="s">
        <v>37216</v>
      </c>
      <c r="E4865" t="s">
        <v>13</v>
      </c>
      <c r="F4865">
        <v>9217</v>
      </c>
      <c r="G4865" t="s">
        <v>37296</v>
      </c>
      <c r="H4865">
        <v>5.8180310955980001</v>
      </c>
      <c r="I4865">
        <v>50.964686790670001</v>
      </c>
      <c r="J4865" t="s">
        <v>60550</v>
      </c>
    </row>
    <row r="4866" spans="1:10" x14ac:dyDescent="0.25">
      <c r="A4866" t="s">
        <v>37289</v>
      </c>
      <c r="B4866" t="s">
        <v>37290</v>
      </c>
      <c r="C4866" t="s">
        <v>37291</v>
      </c>
      <c r="D4866" t="s">
        <v>37216</v>
      </c>
      <c r="E4866" t="s">
        <v>13</v>
      </c>
      <c r="F4866">
        <v>9216</v>
      </c>
      <c r="G4866" t="s">
        <v>37292</v>
      </c>
      <c r="H4866">
        <v>5.8253415295769999</v>
      </c>
      <c r="I4866">
        <v>50.999800062955003</v>
      </c>
      <c r="J4866" t="s">
        <v>60551</v>
      </c>
    </row>
    <row r="4867" spans="1:10" x14ac:dyDescent="0.25">
      <c r="A4867" t="s">
        <v>37285</v>
      </c>
      <c r="B4867" t="s">
        <v>37286</v>
      </c>
      <c r="C4867" t="s">
        <v>37287</v>
      </c>
      <c r="D4867" t="s">
        <v>37216</v>
      </c>
      <c r="E4867" t="s">
        <v>13</v>
      </c>
      <c r="F4867">
        <v>9215</v>
      </c>
      <c r="G4867" t="s">
        <v>37288</v>
      </c>
      <c r="H4867">
        <v>5.8402222636949999</v>
      </c>
      <c r="I4867">
        <v>51.015109381571001</v>
      </c>
      <c r="J4867" t="s">
        <v>60552</v>
      </c>
    </row>
    <row r="4868" spans="1:10" x14ac:dyDescent="0.25">
      <c r="A4868" t="s">
        <v>37281</v>
      </c>
      <c r="B4868" t="s">
        <v>37282</v>
      </c>
      <c r="C4868" t="s">
        <v>37283</v>
      </c>
      <c r="D4868" t="s">
        <v>37216</v>
      </c>
      <c r="E4868" t="s">
        <v>13</v>
      </c>
      <c r="F4868">
        <v>9214</v>
      </c>
      <c r="G4868" t="s">
        <v>37284</v>
      </c>
      <c r="H4868">
        <v>5.8168619166640001</v>
      </c>
      <c r="I4868">
        <v>51.014694723628999</v>
      </c>
      <c r="J4868" t="s">
        <v>60553</v>
      </c>
    </row>
    <row r="4869" spans="1:10" x14ac:dyDescent="0.25">
      <c r="A4869" t="s">
        <v>37277</v>
      </c>
      <c r="B4869" t="s">
        <v>37278</v>
      </c>
      <c r="C4869" t="s">
        <v>37279</v>
      </c>
      <c r="D4869" t="s">
        <v>37216</v>
      </c>
      <c r="E4869" t="s">
        <v>13</v>
      </c>
      <c r="F4869">
        <v>9213</v>
      </c>
      <c r="G4869" t="s">
        <v>37280</v>
      </c>
      <c r="H4869">
        <v>5.8842718173320003</v>
      </c>
      <c r="I4869">
        <v>50.973495583291999</v>
      </c>
      <c r="J4869" t="s">
        <v>60554</v>
      </c>
    </row>
    <row r="4870" spans="1:10" x14ac:dyDescent="0.25">
      <c r="A4870" t="s">
        <v>37273</v>
      </c>
      <c r="B4870" t="s">
        <v>37274</v>
      </c>
      <c r="C4870" t="s">
        <v>37275</v>
      </c>
      <c r="D4870" t="s">
        <v>37216</v>
      </c>
      <c r="E4870" t="s">
        <v>13</v>
      </c>
      <c r="F4870">
        <v>9212</v>
      </c>
      <c r="G4870" t="s">
        <v>37276</v>
      </c>
      <c r="H4870">
        <v>5.8630223349010002</v>
      </c>
      <c r="I4870">
        <v>50.972983514481001</v>
      </c>
      <c r="J4870" t="s">
        <v>60555</v>
      </c>
    </row>
    <row r="4871" spans="1:10" x14ac:dyDescent="0.25">
      <c r="A4871" t="s">
        <v>37269</v>
      </c>
      <c r="B4871" t="s">
        <v>37270</v>
      </c>
      <c r="C4871" t="s">
        <v>37271</v>
      </c>
      <c r="D4871" t="s">
        <v>37216</v>
      </c>
      <c r="E4871" t="s">
        <v>13</v>
      </c>
      <c r="F4871">
        <v>9211</v>
      </c>
      <c r="G4871" t="s">
        <v>37272</v>
      </c>
      <c r="H4871">
        <v>5.8857503453110001</v>
      </c>
      <c r="I4871">
        <v>51.010169623838003</v>
      </c>
      <c r="J4871" t="s">
        <v>60556</v>
      </c>
    </row>
    <row r="4872" spans="1:10" x14ac:dyDescent="0.25">
      <c r="A4872" t="s">
        <v>37265</v>
      </c>
      <c r="B4872" t="s">
        <v>37266</v>
      </c>
      <c r="C4872" t="s">
        <v>37267</v>
      </c>
      <c r="D4872" t="s">
        <v>37216</v>
      </c>
      <c r="E4872" t="s">
        <v>13</v>
      </c>
      <c r="F4872">
        <v>9210</v>
      </c>
      <c r="G4872" t="s">
        <v>37268</v>
      </c>
      <c r="H4872">
        <v>5.8683149247959996</v>
      </c>
      <c r="I4872">
        <v>51.020887654607002</v>
      </c>
      <c r="J4872" t="s">
        <v>60557</v>
      </c>
    </row>
    <row r="4873" spans="1:10" x14ac:dyDescent="0.25">
      <c r="A4873" t="s">
        <v>37261</v>
      </c>
      <c r="B4873" t="s">
        <v>37262</v>
      </c>
      <c r="C4873" t="s">
        <v>37263</v>
      </c>
      <c r="D4873" t="s">
        <v>37216</v>
      </c>
      <c r="E4873" t="s">
        <v>13</v>
      </c>
      <c r="F4873">
        <v>9209</v>
      </c>
      <c r="G4873" t="s">
        <v>37264</v>
      </c>
      <c r="H4873">
        <v>5.8968206680530004</v>
      </c>
      <c r="I4873">
        <v>50.995954716181998</v>
      </c>
      <c r="J4873" t="s">
        <v>60558</v>
      </c>
    </row>
    <row r="4874" spans="1:10" x14ac:dyDescent="0.25">
      <c r="A4874" t="s">
        <v>37257</v>
      </c>
      <c r="B4874" t="s">
        <v>37258</v>
      </c>
      <c r="C4874" t="s">
        <v>37259</v>
      </c>
      <c r="D4874" t="s">
        <v>37216</v>
      </c>
      <c r="E4874" t="s">
        <v>13</v>
      </c>
      <c r="F4874">
        <v>9208</v>
      </c>
      <c r="G4874" t="s">
        <v>37260</v>
      </c>
      <c r="H4874">
        <v>5.8925353985570004</v>
      </c>
      <c r="I4874">
        <v>51.003289185127997</v>
      </c>
      <c r="J4874" t="s">
        <v>60559</v>
      </c>
    </row>
    <row r="4875" spans="1:10" x14ac:dyDescent="0.25">
      <c r="A4875" t="s">
        <v>37253</v>
      </c>
      <c r="B4875" t="s">
        <v>37254</v>
      </c>
      <c r="C4875" t="s">
        <v>37255</v>
      </c>
      <c r="D4875" t="s">
        <v>37216</v>
      </c>
      <c r="E4875" t="s">
        <v>13</v>
      </c>
      <c r="F4875">
        <v>9207</v>
      </c>
      <c r="G4875" t="s">
        <v>37256</v>
      </c>
      <c r="H4875">
        <v>5.8825384148589999</v>
      </c>
      <c r="I4875">
        <v>50.997987082561004</v>
      </c>
      <c r="J4875" t="s">
        <v>60560</v>
      </c>
    </row>
    <row r="4876" spans="1:10" x14ac:dyDescent="0.25">
      <c r="A4876" t="s">
        <v>37249</v>
      </c>
      <c r="B4876" t="s">
        <v>37250</v>
      </c>
      <c r="C4876" t="s">
        <v>37251</v>
      </c>
      <c r="D4876" t="s">
        <v>37216</v>
      </c>
      <c r="E4876" t="s">
        <v>13</v>
      </c>
      <c r="F4876">
        <v>9206</v>
      </c>
      <c r="G4876" t="s">
        <v>37252</v>
      </c>
      <c r="H4876">
        <v>5.8826063506999997</v>
      </c>
      <c r="I4876">
        <v>51.003380731051003</v>
      </c>
      <c r="J4876" t="s">
        <v>60561</v>
      </c>
    </row>
    <row r="4877" spans="1:10" x14ac:dyDescent="0.25">
      <c r="A4877" t="s">
        <v>37245</v>
      </c>
      <c r="B4877" t="s">
        <v>37246</v>
      </c>
      <c r="C4877" t="s">
        <v>37247</v>
      </c>
      <c r="D4877" t="s">
        <v>37216</v>
      </c>
      <c r="E4877" t="s">
        <v>13</v>
      </c>
      <c r="F4877">
        <v>9205</v>
      </c>
      <c r="G4877" t="s">
        <v>37248</v>
      </c>
      <c r="H4877">
        <v>5.8749131650540001</v>
      </c>
      <c r="I4877">
        <v>51.004632346721998</v>
      </c>
      <c r="J4877" t="s">
        <v>60562</v>
      </c>
    </row>
    <row r="4878" spans="1:10" x14ac:dyDescent="0.25">
      <c r="A4878" t="s">
        <v>37241</v>
      </c>
      <c r="B4878" t="s">
        <v>37242</v>
      </c>
      <c r="C4878" t="s">
        <v>37243</v>
      </c>
      <c r="D4878" t="s">
        <v>37216</v>
      </c>
      <c r="E4878" t="s">
        <v>13</v>
      </c>
      <c r="F4878">
        <v>9204</v>
      </c>
      <c r="G4878" t="s">
        <v>37244</v>
      </c>
      <c r="H4878">
        <v>5.8667512815340004</v>
      </c>
      <c r="I4878">
        <v>51.008550867026003</v>
      </c>
      <c r="J4878" t="s">
        <v>60563</v>
      </c>
    </row>
    <row r="4879" spans="1:10" x14ac:dyDescent="0.25">
      <c r="A4879" t="s">
        <v>37237</v>
      </c>
      <c r="B4879" t="s">
        <v>37238</v>
      </c>
      <c r="C4879" t="s">
        <v>37239</v>
      </c>
      <c r="D4879" t="s">
        <v>37216</v>
      </c>
      <c r="E4879" t="s">
        <v>13</v>
      </c>
      <c r="F4879">
        <v>9203</v>
      </c>
      <c r="G4879" t="s">
        <v>37240</v>
      </c>
      <c r="H4879">
        <v>5.8864646590019998</v>
      </c>
      <c r="I4879">
        <v>50.985876044609</v>
      </c>
      <c r="J4879" t="s">
        <v>60564</v>
      </c>
    </row>
    <row r="4880" spans="1:10" x14ac:dyDescent="0.25">
      <c r="A4880" t="s">
        <v>37233</v>
      </c>
      <c r="B4880" t="s">
        <v>37234</v>
      </c>
      <c r="C4880" t="s">
        <v>37235</v>
      </c>
      <c r="D4880" t="s">
        <v>37216</v>
      </c>
      <c r="E4880" t="s">
        <v>13</v>
      </c>
      <c r="F4880">
        <v>9202</v>
      </c>
      <c r="G4880" t="s">
        <v>37236</v>
      </c>
      <c r="H4880">
        <v>5.8696239544870004</v>
      </c>
      <c r="I4880">
        <v>50.988321313073001</v>
      </c>
      <c r="J4880" t="s">
        <v>60565</v>
      </c>
    </row>
    <row r="4881" spans="1:10" x14ac:dyDescent="0.25">
      <c r="A4881" t="s">
        <v>37230</v>
      </c>
      <c r="B4881" t="s">
        <v>37231</v>
      </c>
      <c r="C4881" t="s">
        <v>34805</v>
      </c>
      <c r="D4881" t="s">
        <v>37216</v>
      </c>
      <c r="E4881" t="s">
        <v>13</v>
      </c>
      <c r="F4881">
        <v>9201</v>
      </c>
      <c r="G4881" t="s">
        <v>37232</v>
      </c>
      <c r="H4881">
        <v>5.8576347487170004</v>
      </c>
      <c r="I4881">
        <v>50.990468797208003</v>
      </c>
      <c r="J4881" t="s">
        <v>60566</v>
      </c>
    </row>
    <row r="4882" spans="1:10" x14ac:dyDescent="0.25">
      <c r="A4882" t="s">
        <v>37226</v>
      </c>
      <c r="B4882" t="s">
        <v>37227</v>
      </c>
      <c r="C4882" t="s">
        <v>37228</v>
      </c>
      <c r="D4882" t="s">
        <v>37216</v>
      </c>
      <c r="E4882" t="s">
        <v>13</v>
      </c>
      <c r="F4882">
        <v>9200</v>
      </c>
      <c r="G4882" t="s">
        <v>37229</v>
      </c>
      <c r="H4882">
        <v>5.8485727158709997</v>
      </c>
      <c r="I4882">
        <v>50.988125700238001</v>
      </c>
      <c r="J4882" t="s">
        <v>60567</v>
      </c>
    </row>
    <row r="4883" spans="1:10" x14ac:dyDescent="0.25">
      <c r="A4883" t="s">
        <v>37222</v>
      </c>
      <c r="B4883" t="s">
        <v>37223</v>
      </c>
      <c r="C4883" t="s">
        <v>37224</v>
      </c>
      <c r="D4883" t="s">
        <v>37216</v>
      </c>
      <c r="E4883" t="s">
        <v>13</v>
      </c>
      <c r="F4883">
        <v>9199</v>
      </c>
      <c r="G4883" t="s">
        <v>37225</v>
      </c>
      <c r="H4883">
        <v>5.8666888216139998</v>
      </c>
      <c r="I4883">
        <v>50.999577126639998</v>
      </c>
      <c r="J4883" t="s">
        <v>60568</v>
      </c>
    </row>
    <row r="4884" spans="1:10" x14ac:dyDescent="0.25">
      <c r="A4884" t="s">
        <v>37218</v>
      </c>
      <c r="B4884" t="s">
        <v>37219</v>
      </c>
      <c r="C4884" t="s">
        <v>37220</v>
      </c>
      <c r="D4884" t="s">
        <v>37216</v>
      </c>
      <c r="E4884" t="s">
        <v>13</v>
      </c>
      <c r="F4884">
        <v>9198</v>
      </c>
      <c r="G4884" t="s">
        <v>37221</v>
      </c>
      <c r="H4884">
        <v>5.8464197351539999</v>
      </c>
      <c r="I4884">
        <v>50.997475227064001</v>
      </c>
      <c r="J4884" t="s">
        <v>60569</v>
      </c>
    </row>
    <row r="4885" spans="1:10" x14ac:dyDescent="0.25">
      <c r="A4885" t="s">
        <v>37213</v>
      </c>
      <c r="B4885" t="s">
        <v>37214</v>
      </c>
      <c r="C4885" t="s">
        <v>37215</v>
      </c>
      <c r="D4885" t="s">
        <v>37216</v>
      </c>
      <c r="E4885" t="s">
        <v>13</v>
      </c>
      <c r="F4885">
        <v>9197</v>
      </c>
      <c r="G4885" t="s">
        <v>37217</v>
      </c>
      <c r="H4885">
        <v>5.8538309032909996</v>
      </c>
      <c r="I4885">
        <v>51.011094257064997</v>
      </c>
      <c r="J4885" t="s">
        <v>60570</v>
      </c>
    </row>
    <row r="4886" spans="1:10" x14ac:dyDescent="0.25">
      <c r="A4886" t="s">
        <v>37209</v>
      </c>
      <c r="B4886" t="s">
        <v>37210</v>
      </c>
      <c r="C4886" t="s">
        <v>37211</v>
      </c>
      <c r="D4886" t="s">
        <v>37036</v>
      </c>
      <c r="E4886" t="s">
        <v>13</v>
      </c>
      <c r="F4886">
        <v>9196</v>
      </c>
      <c r="G4886" t="s">
        <v>37212</v>
      </c>
      <c r="H4886">
        <v>6.1918285780389999</v>
      </c>
      <c r="I4886">
        <v>51.990514530767001</v>
      </c>
      <c r="J4886" t="s">
        <v>60571</v>
      </c>
    </row>
    <row r="4887" spans="1:10" x14ac:dyDescent="0.25">
      <c r="A4887" t="s">
        <v>37205</v>
      </c>
      <c r="B4887" t="s">
        <v>37206</v>
      </c>
      <c r="C4887" t="s">
        <v>37207</v>
      </c>
      <c r="D4887" t="s">
        <v>37036</v>
      </c>
      <c r="E4887" t="s">
        <v>13</v>
      </c>
      <c r="F4887">
        <v>9195</v>
      </c>
      <c r="G4887" t="s">
        <v>37208</v>
      </c>
      <c r="H4887">
        <v>6.20015325513</v>
      </c>
      <c r="I4887">
        <v>52.009235460595001</v>
      </c>
      <c r="J4887" t="s">
        <v>60572</v>
      </c>
    </row>
    <row r="4888" spans="1:10" x14ac:dyDescent="0.25">
      <c r="A4888" t="s">
        <v>37201</v>
      </c>
      <c r="B4888" t="s">
        <v>37202</v>
      </c>
      <c r="C4888" t="s">
        <v>37203</v>
      </c>
      <c r="D4888" t="s">
        <v>37036</v>
      </c>
      <c r="E4888" t="s">
        <v>13</v>
      </c>
      <c r="F4888">
        <v>9194</v>
      </c>
      <c r="G4888" t="s">
        <v>37204</v>
      </c>
      <c r="H4888">
        <v>6.2586822419520001</v>
      </c>
      <c r="I4888">
        <v>51.991930538730998</v>
      </c>
      <c r="J4888" t="s">
        <v>60573</v>
      </c>
    </row>
    <row r="4889" spans="1:10" x14ac:dyDescent="0.25">
      <c r="A4889" t="s">
        <v>37197</v>
      </c>
      <c r="B4889" t="s">
        <v>37198</v>
      </c>
      <c r="C4889" t="s">
        <v>37199</v>
      </c>
      <c r="D4889" t="s">
        <v>37036</v>
      </c>
      <c r="E4889" t="s">
        <v>13</v>
      </c>
      <c r="F4889">
        <v>9193</v>
      </c>
      <c r="G4889" t="s">
        <v>37200</v>
      </c>
      <c r="H4889">
        <v>6.2548595005900003</v>
      </c>
      <c r="I4889">
        <v>52.017735184416999</v>
      </c>
      <c r="J4889" t="s">
        <v>60574</v>
      </c>
    </row>
    <row r="4890" spans="1:10" x14ac:dyDescent="0.25">
      <c r="A4890" t="s">
        <v>37193</v>
      </c>
      <c r="B4890" t="s">
        <v>37194</v>
      </c>
      <c r="C4890" t="s">
        <v>37195</v>
      </c>
      <c r="D4890" t="s">
        <v>37036</v>
      </c>
      <c r="E4890" t="s">
        <v>13</v>
      </c>
      <c r="F4890">
        <v>9192</v>
      </c>
      <c r="G4890" t="s">
        <v>37196</v>
      </c>
      <c r="H4890">
        <v>6.2333410996790004</v>
      </c>
      <c r="I4890">
        <v>52.012695488266999</v>
      </c>
      <c r="J4890" t="s">
        <v>60575</v>
      </c>
    </row>
    <row r="4891" spans="1:10" x14ac:dyDescent="0.25">
      <c r="A4891" t="s">
        <v>37189</v>
      </c>
      <c r="B4891" t="s">
        <v>37190</v>
      </c>
      <c r="C4891" t="s">
        <v>37191</v>
      </c>
      <c r="D4891" t="s">
        <v>37036</v>
      </c>
      <c r="E4891" t="s">
        <v>13</v>
      </c>
      <c r="F4891">
        <v>9191</v>
      </c>
      <c r="G4891" t="s">
        <v>37192</v>
      </c>
      <c r="H4891">
        <v>6.1872237804549997</v>
      </c>
      <c r="I4891">
        <v>52.023652890027002</v>
      </c>
      <c r="J4891" t="s">
        <v>60576</v>
      </c>
    </row>
    <row r="4892" spans="1:10" x14ac:dyDescent="0.25">
      <c r="A4892" t="s">
        <v>37185</v>
      </c>
      <c r="B4892" t="s">
        <v>37186</v>
      </c>
      <c r="C4892" t="s">
        <v>37187</v>
      </c>
      <c r="D4892" t="s">
        <v>37036</v>
      </c>
      <c r="E4892" t="s">
        <v>13</v>
      </c>
      <c r="F4892">
        <v>9190</v>
      </c>
      <c r="G4892" t="s">
        <v>37188</v>
      </c>
      <c r="H4892">
        <v>6.1822150405430003</v>
      </c>
      <c r="I4892">
        <v>52.022218566806998</v>
      </c>
      <c r="J4892" t="s">
        <v>60577</v>
      </c>
    </row>
    <row r="4893" spans="1:10" x14ac:dyDescent="0.25">
      <c r="A4893" t="s">
        <v>37181</v>
      </c>
      <c r="B4893" t="s">
        <v>37182</v>
      </c>
      <c r="C4893" t="s">
        <v>37183</v>
      </c>
      <c r="D4893" t="s">
        <v>37036</v>
      </c>
      <c r="E4893" t="s">
        <v>13</v>
      </c>
      <c r="F4893">
        <v>9189</v>
      </c>
      <c r="G4893" t="s">
        <v>37184</v>
      </c>
      <c r="H4893">
        <v>6.1716840802780002</v>
      </c>
      <c r="I4893">
        <v>52.006876514147997</v>
      </c>
      <c r="J4893" t="s">
        <v>60578</v>
      </c>
    </row>
    <row r="4894" spans="1:10" x14ac:dyDescent="0.25">
      <c r="A4894" t="s">
        <v>37177</v>
      </c>
      <c r="B4894" t="s">
        <v>37178</v>
      </c>
      <c r="C4894" t="s">
        <v>37179</v>
      </c>
      <c r="D4894" t="s">
        <v>37036</v>
      </c>
      <c r="E4894" t="s">
        <v>13</v>
      </c>
      <c r="F4894">
        <v>9188</v>
      </c>
      <c r="G4894" t="s">
        <v>37180</v>
      </c>
      <c r="H4894">
        <v>6.2221595940599999</v>
      </c>
      <c r="I4894">
        <v>51.996827733571997</v>
      </c>
      <c r="J4894" t="s">
        <v>60579</v>
      </c>
    </row>
    <row r="4895" spans="1:10" x14ac:dyDescent="0.25">
      <c r="A4895" t="s">
        <v>37173</v>
      </c>
      <c r="B4895" t="s">
        <v>37174</v>
      </c>
      <c r="C4895" t="s">
        <v>37175</v>
      </c>
      <c r="D4895" t="s">
        <v>37036</v>
      </c>
      <c r="E4895" t="s">
        <v>13</v>
      </c>
      <c r="F4895">
        <v>9187</v>
      </c>
      <c r="G4895" t="s">
        <v>37176</v>
      </c>
      <c r="H4895">
        <v>6.2018268935089997</v>
      </c>
      <c r="I4895">
        <v>52.005021361173</v>
      </c>
      <c r="J4895" t="s">
        <v>60580</v>
      </c>
    </row>
    <row r="4896" spans="1:10" x14ac:dyDescent="0.25">
      <c r="A4896" t="s">
        <v>37169</v>
      </c>
      <c r="B4896" t="s">
        <v>37170</v>
      </c>
      <c r="C4896" t="s">
        <v>37171</v>
      </c>
      <c r="D4896" t="s">
        <v>37036</v>
      </c>
      <c r="E4896" t="s">
        <v>13</v>
      </c>
      <c r="F4896">
        <v>9186</v>
      </c>
      <c r="G4896" t="s">
        <v>37172</v>
      </c>
      <c r="H4896">
        <v>6.2335852662619997</v>
      </c>
      <c r="I4896">
        <v>52.004218802971003</v>
      </c>
      <c r="J4896" t="s">
        <v>60581</v>
      </c>
    </row>
    <row r="4897" spans="1:10" x14ac:dyDescent="0.25">
      <c r="A4897" t="s">
        <v>37165</v>
      </c>
      <c r="B4897" t="s">
        <v>37166</v>
      </c>
      <c r="C4897" t="s">
        <v>37167</v>
      </c>
      <c r="D4897" t="s">
        <v>37036</v>
      </c>
      <c r="E4897" t="s">
        <v>13</v>
      </c>
      <c r="F4897">
        <v>9185</v>
      </c>
      <c r="G4897" t="s">
        <v>37168</v>
      </c>
      <c r="H4897">
        <v>6.1771413882630002</v>
      </c>
      <c r="I4897">
        <v>52.059457186412999</v>
      </c>
      <c r="J4897" t="s">
        <v>60582</v>
      </c>
    </row>
    <row r="4898" spans="1:10" x14ac:dyDescent="0.25">
      <c r="A4898" t="s">
        <v>37161</v>
      </c>
      <c r="B4898" t="s">
        <v>37162</v>
      </c>
      <c r="C4898" t="s">
        <v>37163</v>
      </c>
      <c r="D4898" t="s">
        <v>37036</v>
      </c>
      <c r="E4898" t="s">
        <v>13</v>
      </c>
      <c r="F4898">
        <v>9184</v>
      </c>
      <c r="G4898" t="s">
        <v>37164</v>
      </c>
      <c r="H4898">
        <v>6.2270141424879997</v>
      </c>
      <c r="I4898">
        <v>52.043092647445</v>
      </c>
      <c r="J4898" t="s">
        <v>60583</v>
      </c>
    </row>
    <row r="4899" spans="1:10" x14ac:dyDescent="0.25">
      <c r="A4899" t="s">
        <v>37157</v>
      </c>
      <c r="B4899" t="s">
        <v>37158</v>
      </c>
      <c r="C4899" t="s">
        <v>37159</v>
      </c>
      <c r="D4899" t="s">
        <v>37036</v>
      </c>
      <c r="E4899" t="s">
        <v>13</v>
      </c>
      <c r="F4899">
        <v>9183</v>
      </c>
      <c r="G4899" t="s">
        <v>37160</v>
      </c>
      <c r="H4899">
        <v>6.2409388412439997</v>
      </c>
      <c r="I4899">
        <v>52.071278033687001</v>
      </c>
      <c r="J4899" t="s">
        <v>60584</v>
      </c>
    </row>
    <row r="4900" spans="1:10" x14ac:dyDescent="0.25">
      <c r="A4900" t="s">
        <v>37153</v>
      </c>
      <c r="B4900" t="s">
        <v>37154</v>
      </c>
      <c r="C4900" t="s">
        <v>37155</v>
      </c>
      <c r="D4900" t="s">
        <v>37036</v>
      </c>
      <c r="E4900" t="s">
        <v>13</v>
      </c>
      <c r="F4900">
        <v>9182</v>
      </c>
      <c r="G4900" t="s">
        <v>37156</v>
      </c>
      <c r="H4900">
        <v>6.1353770822170004</v>
      </c>
      <c r="I4900">
        <v>52.045885321470003</v>
      </c>
      <c r="J4900" t="s">
        <v>60585</v>
      </c>
    </row>
    <row r="4901" spans="1:10" x14ac:dyDescent="0.25">
      <c r="A4901" t="s">
        <v>37149</v>
      </c>
      <c r="B4901" t="s">
        <v>37150</v>
      </c>
      <c r="C4901" t="s">
        <v>37151</v>
      </c>
      <c r="D4901" t="s">
        <v>37036</v>
      </c>
      <c r="E4901" t="s">
        <v>13</v>
      </c>
      <c r="F4901">
        <v>9181</v>
      </c>
      <c r="G4901" t="s">
        <v>37152</v>
      </c>
      <c r="H4901">
        <v>6.2013249055340003</v>
      </c>
      <c r="I4901">
        <v>52.082739744637003</v>
      </c>
      <c r="J4901" t="s">
        <v>60586</v>
      </c>
    </row>
    <row r="4902" spans="1:10" x14ac:dyDescent="0.25">
      <c r="A4902" t="s">
        <v>37145</v>
      </c>
      <c r="B4902" t="s">
        <v>37146</v>
      </c>
      <c r="C4902" t="s">
        <v>37147</v>
      </c>
      <c r="D4902" t="s">
        <v>37036</v>
      </c>
      <c r="E4902" t="s">
        <v>13</v>
      </c>
      <c r="F4902">
        <v>9180</v>
      </c>
      <c r="G4902" t="s">
        <v>37148</v>
      </c>
      <c r="H4902">
        <v>6.2228356659150004</v>
      </c>
      <c r="I4902">
        <v>52.054247882589998</v>
      </c>
      <c r="J4902" t="s">
        <v>60587</v>
      </c>
    </row>
    <row r="4903" spans="1:10" x14ac:dyDescent="0.25">
      <c r="A4903" t="s">
        <v>37141</v>
      </c>
      <c r="B4903" t="s">
        <v>37142</v>
      </c>
      <c r="C4903" t="s">
        <v>37143</v>
      </c>
      <c r="D4903" t="s">
        <v>37036</v>
      </c>
      <c r="E4903" t="s">
        <v>13</v>
      </c>
      <c r="F4903">
        <v>9179</v>
      </c>
      <c r="G4903" t="s">
        <v>37144</v>
      </c>
      <c r="H4903">
        <v>6.1468864050800001</v>
      </c>
      <c r="I4903">
        <v>52.052939274116</v>
      </c>
      <c r="J4903" t="s">
        <v>60588</v>
      </c>
    </row>
    <row r="4904" spans="1:10" x14ac:dyDescent="0.25">
      <c r="A4904" t="s">
        <v>37137</v>
      </c>
      <c r="B4904" t="s">
        <v>37138</v>
      </c>
      <c r="C4904" t="s">
        <v>37139</v>
      </c>
      <c r="D4904" t="s">
        <v>37036</v>
      </c>
      <c r="E4904" t="s">
        <v>13</v>
      </c>
      <c r="F4904">
        <v>9178</v>
      </c>
      <c r="G4904" t="s">
        <v>37140</v>
      </c>
      <c r="H4904">
        <v>6.1262612233580001</v>
      </c>
      <c r="I4904">
        <v>52.045767503261999</v>
      </c>
      <c r="J4904" t="s">
        <v>60589</v>
      </c>
    </row>
    <row r="4905" spans="1:10" x14ac:dyDescent="0.25">
      <c r="A4905" t="s">
        <v>37133</v>
      </c>
      <c r="B4905" t="s">
        <v>37134</v>
      </c>
      <c r="C4905" t="s">
        <v>37135</v>
      </c>
      <c r="D4905" t="s">
        <v>37036</v>
      </c>
      <c r="E4905" t="s">
        <v>13</v>
      </c>
      <c r="F4905">
        <v>9177</v>
      </c>
      <c r="G4905" t="s">
        <v>37136</v>
      </c>
      <c r="H4905">
        <v>6.2247884505859998</v>
      </c>
      <c r="I4905">
        <v>52.075047157531998</v>
      </c>
      <c r="J4905" t="s">
        <v>60590</v>
      </c>
    </row>
    <row r="4906" spans="1:10" x14ac:dyDescent="0.25">
      <c r="A4906" t="s">
        <v>37129</v>
      </c>
      <c r="B4906" t="s">
        <v>37130</v>
      </c>
      <c r="C4906" t="s">
        <v>37131</v>
      </c>
      <c r="D4906" t="s">
        <v>37036</v>
      </c>
      <c r="E4906" t="s">
        <v>13</v>
      </c>
      <c r="F4906">
        <v>9176</v>
      </c>
      <c r="G4906" t="s">
        <v>37132</v>
      </c>
      <c r="H4906">
        <v>6.1807394008829997</v>
      </c>
      <c r="I4906">
        <v>52.075960897874999</v>
      </c>
      <c r="J4906" t="s">
        <v>60591</v>
      </c>
    </row>
    <row r="4907" spans="1:10" x14ac:dyDescent="0.25">
      <c r="A4907" t="s">
        <v>37125</v>
      </c>
      <c r="B4907" t="s">
        <v>37126</v>
      </c>
      <c r="C4907" t="s">
        <v>37127</v>
      </c>
      <c r="D4907" t="s">
        <v>37036</v>
      </c>
      <c r="E4907" t="s">
        <v>13</v>
      </c>
      <c r="F4907">
        <v>9175</v>
      </c>
      <c r="G4907" t="s">
        <v>37128</v>
      </c>
      <c r="H4907">
        <v>6.1870682049159997</v>
      </c>
      <c r="I4907">
        <v>52.063873455180001</v>
      </c>
      <c r="J4907" t="s">
        <v>60592</v>
      </c>
    </row>
    <row r="4908" spans="1:10" x14ac:dyDescent="0.25">
      <c r="A4908" t="s">
        <v>37121</v>
      </c>
      <c r="B4908" t="s">
        <v>37122</v>
      </c>
      <c r="C4908" t="s">
        <v>37123</v>
      </c>
      <c r="D4908" t="s">
        <v>37036</v>
      </c>
      <c r="E4908" t="s">
        <v>13</v>
      </c>
      <c r="F4908">
        <v>9174</v>
      </c>
      <c r="G4908" t="s">
        <v>37124</v>
      </c>
      <c r="H4908">
        <v>6.306050402945</v>
      </c>
      <c r="I4908">
        <v>52.100630791024003</v>
      </c>
      <c r="J4908" t="s">
        <v>60593</v>
      </c>
    </row>
    <row r="4909" spans="1:10" x14ac:dyDescent="0.25">
      <c r="A4909" t="s">
        <v>37117</v>
      </c>
      <c r="B4909" t="s">
        <v>37118</v>
      </c>
      <c r="C4909" t="s">
        <v>37119</v>
      </c>
      <c r="D4909" t="s">
        <v>37036</v>
      </c>
      <c r="E4909" t="s">
        <v>13</v>
      </c>
      <c r="F4909">
        <v>9173</v>
      </c>
      <c r="G4909" t="s">
        <v>37120</v>
      </c>
      <c r="H4909">
        <v>6.3425948570240003</v>
      </c>
      <c r="I4909">
        <v>52.124002159511001</v>
      </c>
      <c r="J4909" t="s">
        <v>60594</v>
      </c>
    </row>
    <row r="4910" spans="1:10" x14ac:dyDescent="0.25">
      <c r="A4910" t="s">
        <v>37113</v>
      </c>
      <c r="B4910" t="s">
        <v>37114</v>
      </c>
      <c r="C4910" t="s">
        <v>37115</v>
      </c>
      <c r="D4910" t="s">
        <v>37036</v>
      </c>
      <c r="E4910" t="s">
        <v>13</v>
      </c>
      <c r="F4910">
        <v>9172</v>
      </c>
      <c r="G4910" t="s">
        <v>37116</v>
      </c>
      <c r="H4910">
        <v>6.3776371864919996</v>
      </c>
      <c r="I4910">
        <v>52.094792520586999</v>
      </c>
      <c r="J4910" t="s">
        <v>60595</v>
      </c>
    </row>
    <row r="4911" spans="1:10" x14ac:dyDescent="0.25">
      <c r="A4911" t="s">
        <v>37109</v>
      </c>
      <c r="B4911" t="s">
        <v>37110</v>
      </c>
      <c r="C4911" t="s">
        <v>37111</v>
      </c>
      <c r="D4911" t="s">
        <v>37036</v>
      </c>
      <c r="E4911" t="s">
        <v>13</v>
      </c>
      <c r="F4911">
        <v>9171</v>
      </c>
      <c r="G4911" t="s">
        <v>37112</v>
      </c>
      <c r="H4911">
        <v>6.2625448785369997</v>
      </c>
      <c r="I4911">
        <v>52.092438615147003</v>
      </c>
      <c r="J4911" t="s">
        <v>60596</v>
      </c>
    </row>
    <row r="4912" spans="1:10" x14ac:dyDescent="0.25">
      <c r="A4912" t="s">
        <v>37105</v>
      </c>
      <c r="B4912" t="s">
        <v>37106</v>
      </c>
      <c r="C4912" t="s">
        <v>37107</v>
      </c>
      <c r="D4912" t="s">
        <v>37036</v>
      </c>
      <c r="E4912" t="s">
        <v>13</v>
      </c>
      <c r="F4912">
        <v>9170</v>
      </c>
      <c r="G4912" t="s">
        <v>37108</v>
      </c>
      <c r="H4912">
        <v>6.2347380751330004</v>
      </c>
      <c r="I4912">
        <v>52.099777408796001</v>
      </c>
      <c r="J4912" t="s">
        <v>60597</v>
      </c>
    </row>
    <row r="4913" spans="1:10" x14ac:dyDescent="0.25">
      <c r="A4913" t="s">
        <v>37101</v>
      </c>
      <c r="B4913" t="s">
        <v>37102</v>
      </c>
      <c r="C4913" t="s">
        <v>37103</v>
      </c>
      <c r="D4913" t="s">
        <v>37036</v>
      </c>
      <c r="E4913" t="s">
        <v>13</v>
      </c>
      <c r="F4913">
        <v>9169</v>
      </c>
      <c r="G4913" t="s">
        <v>37104</v>
      </c>
      <c r="H4913">
        <v>6.2587155754759998</v>
      </c>
      <c r="I4913">
        <v>52.089941438419999</v>
      </c>
      <c r="J4913" t="s">
        <v>60598</v>
      </c>
    </row>
    <row r="4914" spans="1:10" x14ac:dyDescent="0.25">
      <c r="A4914" t="s">
        <v>37098</v>
      </c>
      <c r="B4914" t="s">
        <v>37099</v>
      </c>
      <c r="C4914" t="s">
        <v>10257</v>
      </c>
      <c r="D4914" t="s">
        <v>37036</v>
      </c>
      <c r="E4914" t="s">
        <v>13</v>
      </c>
      <c r="F4914">
        <v>9168</v>
      </c>
      <c r="G4914" t="s">
        <v>37100</v>
      </c>
      <c r="H4914">
        <v>6.3594131715710001</v>
      </c>
      <c r="I4914">
        <v>52.100957563822</v>
      </c>
      <c r="J4914" t="s">
        <v>60599</v>
      </c>
    </row>
    <row r="4915" spans="1:10" x14ac:dyDescent="0.25">
      <c r="A4915" t="s">
        <v>37094</v>
      </c>
      <c r="B4915" t="s">
        <v>37095</v>
      </c>
      <c r="C4915" t="s">
        <v>37096</v>
      </c>
      <c r="D4915" t="s">
        <v>37036</v>
      </c>
      <c r="E4915" t="s">
        <v>13</v>
      </c>
      <c r="F4915">
        <v>9167</v>
      </c>
      <c r="G4915" t="s">
        <v>37097</v>
      </c>
      <c r="H4915">
        <v>6.3095317341300001</v>
      </c>
      <c r="I4915">
        <v>52.105952686358002</v>
      </c>
      <c r="J4915" t="s">
        <v>60600</v>
      </c>
    </row>
    <row r="4916" spans="1:10" x14ac:dyDescent="0.25">
      <c r="A4916" t="s">
        <v>37090</v>
      </c>
      <c r="B4916" t="s">
        <v>37091</v>
      </c>
      <c r="C4916" t="s">
        <v>37092</v>
      </c>
      <c r="D4916" t="s">
        <v>37036</v>
      </c>
      <c r="E4916" t="s">
        <v>13</v>
      </c>
      <c r="F4916">
        <v>9166</v>
      </c>
      <c r="G4916" t="s">
        <v>37093</v>
      </c>
      <c r="H4916">
        <v>6.297245571395</v>
      </c>
      <c r="I4916">
        <v>52.010151006957997</v>
      </c>
      <c r="J4916" t="s">
        <v>60601</v>
      </c>
    </row>
    <row r="4917" spans="1:10" x14ac:dyDescent="0.25">
      <c r="A4917" t="s">
        <v>37086</v>
      </c>
      <c r="B4917" t="s">
        <v>37087</v>
      </c>
      <c r="C4917" t="s">
        <v>37088</v>
      </c>
      <c r="D4917" t="s">
        <v>37036</v>
      </c>
      <c r="E4917" t="s">
        <v>13</v>
      </c>
      <c r="F4917">
        <v>9165</v>
      </c>
      <c r="G4917" t="s">
        <v>37089</v>
      </c>
      <c r="H4917">
        <v>6.431278987632</v>
      </c>
      <c r="I4917">
        <v>52.00459141951</v>
      </c>
      <c r="J4917" t="s">
        <v>60602</v>
      </c>
    </row>
    <row r="4918" spans="1:10" x14ac:dyDescent="0.25">
      <c r="A4918" t="s">
        <v>37082</v>
      </c>
      <c r="B4918" t="s">
        <v>37083</v>
      </c>
      <c r="C4918" t="s">
        <v>37084</v>
      </c>
      <c r="D4918" t="s">
        <v>37036</v>
      </c>
      <c r="E4918" t="s">
        <v>13</v>
      </c>
      <c r="F4918">
        <v>9164</v>
      </c>
      <c r="G4918" t="s">
        <v>37085</v>
      </c>
      <c r="H4918">
        <v>6.3647753149869999</v>
      </c>
      <c r="I4918">
        <v>52.004438373699998</v>
      </c>
      <c r="J4918" t="s">
        <v>60603</v>
      </c>
    </row>
    <row r="4919" spans="1:10" x14ac:dyDescent="0.25">
      <c r="A4919" t="s">
        <v>37078</v>
      </c>
      <c r="B4919" t="s">
        <v>37079</v>
      </c>
      <c r="C4919" t="s">
        <v>37080</v>
      </c>
      <c r="D4919" t="s">
        <v>37036</v>
      </c>
      <c r="E4919" t="s">
        <v>13</v>
      </c>
      <c r="F4919">
        <v>9163</v>
      </c>
      <c r="G4919" t="s">
        <v>37081</v>
      </c>
      <c r="H4919">
        <v>6.304901989917</v>
      </c>
      <c r="I4919">
        <v>52.010548489268999</v>
      </c>
      <c r="J4919" t="s">
        <v>60604</v>
      </c>
    </row>
    <row r="4920" spans="1:10" x14ac:dyDescent="0.25">
      <c r="A4920" t="s">
        <v>37074</v>
      </c>
      <c r="B4920" t="s">
        <v>37075</v>
      </c>
      <c r="C4920" t="s">
        <v>37076</v>
      </c>
      <c r="D4920" t="s">
        <v>37036</v>
      </c>
      <c r="E4920" t="s">
        <v>13</v>
      </c>
      <c r="F4920">
        <v>9162</v>
      </c>
      <c r="G4920" t="s">
        <v>37077</v>
      </c>
      <c r="H4920">
        <v>6.4304079515490002</v>
      </c>
      <c r="I4920">
        <v>51.990234611208997</v>
      </c>
      <c r="J4920" t="s">
        <v>60605</v>
      </c>
    </row>
    <row r="4921" spans="1:10" x14ac:dyDescent="0.25">
      <c r="A4921" t="s">
        <v>37070</v>
      </c>
      <c r="B4921" t="s">
        <v>37071</v>
      </c>
      <c r="C4921" t="s">
        <v>37072</v>
      </c>
      <c r="D4921" t="s">
        <v>37036</v>
      </c>
      <c r="E4921" t="s">
        <v>13</v>
      </c>
      <c r="F4921">
        <v>9161</v>
      </c>
      <c r="G4921" t="s">
        <v>37073</v>
      </c>
      <c r="H4921">
        <v>6.3488656543820001</v>
      </c>
      <c r="I4921">
        <v>52.005734718543998</v>
      </c>
      <c r="J4921" t="s">
        <v>60606</v>
      </c>
    </row>
    <row r="4922" spans="1:10" x14ac:dyDescent="0.25">
      <c r="A4922" t="s">
        <v>37066</v>
      </c>
      <c r="B4922" t="s">
        <v>37067</v>
      </c>
      <c r="C4922" t="s">
        <v>37068</v>
      </c>
      <c r="D4922" t="s">
        <v>37036</v>
      </c>
      <c r="E4922" t="s">
        <v>13</v>
      </c>
      <c r="F4922">
        <v>9160</v>
      </c>
      <c r="G4922" t="s">
        <v>37069</v>
      </c>
      <c r="H4922">
        <v>6.3820951542840003</v>
      </c>
      <c r="I4922">
        <v>52.044230964843003</v>
      </c>
      <c r="J4922" t="s">
        <v>60607</v>
      </c>
    </row>
    <row r="4923" spans="1:10" x14ac:dyDescent="0.25">
      <c r="A4923" t="s">
        <v>37062</v>
      </c>
      <c r="B4923" t="s">
        <v>37063</v>
      </c>
      <c r="C4923" t="s">
        <v>37064</v>
      </c>
      <c r="D4923" t="s">
        <v>37036</v>
      </c>
      <c r="E4923" t="s">
        <v>13</v>
      </c>
      <c r="F4923">
        <v>9159</v>
      </c>
      <c r="G4923" t="s">
        <v>37065</v>
      </c>
      <c r="H4923">
        <v>6.379345952425</v>
      </c>
      <c r="I4923">
        <v>52.061112598500003</v>
      </c>
      <c r="J4923" t="s">
        <v>60608</v>
      </c>
    </row>
    <row r="4924" spans="1:10" x14ac:dyDescent="0.25">
      <c r="A4924" t="s">
        <v>37058</v>
      </c>
      <c r="B4924" t="s">
        <v>37059</v>
      </c>
      <c r="C4924" t="s">
        <v>37060</v>
      </c>
      <c r="D4924" t="s">
        <v>37036</v>
      </c>
      <c r="E4924" t="s">
        <v>13</v>
      </c>
      <c r="F4924">
        <v>9158</v>
      </c>
      <c r="G4924" t="s">
        <v>37061</v>
      </c>
      <c r="H4924">
        <v>6.2747031628299998</v>
      </c>
      <c r="I4924">
        <v>52.056580363782999</v>
      </c>
      <c r="J4924" t="s">
        <v>60609</v>
      </c>
    </row>
    <row r="4925" spans="1:10" x14ac:dyDescent="0.25">
      <c r="A4925" t="s">
        <v>37054</v>
      </c>
      <c r="B4925" t="s">
        <v>37055</v>
      </c>
      <c r="C4925" t="s">
        <v>37056</v>
      </c>
      <c r="D4925" t="s">
        <v>37036</v>
      </c>
      <c r="E4925" t="s">
        <v>13</v>
      </c>
      <c r="F4925">
        <v>9157</v>
      </c>
      <c r="G4925" t="s">
        <v>37057</v>
      </c>
      <c r="H4925">
        <v>6.3076933209810004</v>
      </c>
      <c r="I4925">
        <v>52.059850866279</v>
      </c>
      <c r="J4925" t="s">
        <v>60610</v>
      </c>
    </row>
    <row r="4926" spans="1:10" x14ac:dyDescent="0.25">
      <c r="A4926" t="s">
        <v>37050</v>
      </c>
      <c r="B4926" t="s">
        <v>37051</v>
      </c>
      <c r="C4926" t="s">
        <v>37052</v>
      </c>
      <c r="D4926" t="s">
        <v>37036</v>
      </c>
      <c r="E4926" t="s">
        <v>13</v>
      </c>
      <c r="F4926">
        <v>9156</v>
      </c>
      <c r="G4926" t="s">
        <v>37053</v>
      </c>
      <c r="H4926">
        <v>6.3338707661880003</v>
      </c>
      <c r="I4926">
        <v>52.046049602019004</v>
      </c>
      <c r="J4926" t="s">
        <v>60611</v>
      </c>
    </row>
    <row r="4927" spans="1:10" x14ac:dyDescent="0.25">
      <c r="A4927" t="s">
        <v>37046</v>
      </c>
      <c r="B4927" t="s">
        <v>37047</v>
      </c>
      <c r="C4927" t="s">
        <v>37048</v>
      </c>
      <c r="D4927" t="s">
        <v>37036</v>
      </c>
      <c r="E4927" t="s">
        <v>13</v>
      </c>
      <c r="F4927">
        <v>9155</v>
      </c>
      <c r="G4927" t="s">
        <v>37049</v>
      </c>
      <c r="H4927">
        <v>6.2883227084150004</v>
      </c>
      <c r="I4927">
        <v>52.030979854106</v>
      </c>
      <c r="J4927" t="s">
        <v>60612</v>
      </c>
    </row>
    <row r="4928" spans="1:10" x14ac:dyDescent="0.25">
      <c r="A4928" t="s">
        <v>37042</v>
      </c>
      <c r="B4928" t="s">
        <v>37043</v>
      </c>
      <c r="C4928" t="s">
        <v>37044</v>
      </c>
      <c r="D4928" t="s">
        <v>37036</v>
      </c>
      <c r="E4928" t="s">
        <v>13</v>
      </c>
      <c r="F4928">
        <v>9154</v>
      </c>
      <c r="G4928" t="s">
        <v>37045</v>
      </c>
      <c r="H4928">
        <v>6.4111115728880002</v>
      </c>
      <c r="I4928">
        <v>52.045648928032001</v>
      </c>
      <c r="J4928" t="s">
        <v>60613</v>
      </c>
    </row>
    <row r="4929" spans="1:10" x14ac:dyDescent="0.25">
      <c r="A4929" t="s">
        <v>37038</v>
      </c>
      <c r="B4929" t="s">
        <v>37039</v>
      </c>
      <c r="C4929" t="s">
        <v>37040</v>
      </c>
      <c r="D4929" t="s">
        <v>37036</v>
      </c>
      <c r="E4929" t="s">
        <v>13</v>
      </c>
      <c r="F4929">
        <v>9153</v>
      </c>
      <c r="G4929" t="s">
        <v>37041</v>
      </c>
      <c r="H4929">
        <v>6.2950498231919996</v>
      </c>
      <c r="I4929">
        <v>52.030305031113002</v>
      </c>
      <c r="J4929" t="s">
        <v>60614</v>
      </c>
    </row>
    <row r="4930" spans="1:10" x14ac:dyDescent="0.25">
      <c r="A4930" t="s">
        <v>37033</v>
      </c>
      <c r="B4930" t="s">
        <v>37034</v>
      </c>
      <c r="C4930" t="s">
        <v>37035</v>
      </c>
      <c r="D4930" t="s">
        <v>37036</v>
      </c>
      <c r="E4930" t="s">
        <v>13</v>
      </c>
      <c r="F4930">
        <v>9152</v>
      </c>
      <c r="G4930" t="s">
        <v>37037</v>
      </c>
      <c r="H4930">
        <v>6.3111474490830002</v>
      </c>
      <c r="I4930">
        <v>52.049678941781004</v>
      </c>
      <c r="J4930" t="s">
        <v>60615</v>
      </c>
    </row>
    <row r="4931" spans="1:10" x14ac:dyDescent="0.25">
      <c r="A4931" t="s">
        <v>37029</v>
      </c>
      <c r="B4931" t="s">
        <v>37030</v>
      </c>
      <c r="C4931" t="s">
        <v>37031</v>
      </c>
      <c r="D4931" t="s">
        <v>36984</v>
      </c>
      <c r="E4931" t="s">
        <v>13</v>
      </c>
      <c r="F4931">
        <v>9151</v>
      </c>
      <c r="G4931" t="s">
        <v>37032</v>
      </c>
      <c r="H4931">
        <v>4.2998082435710003</v>
      </c>
      <c r="I4931">
        <v>51.943223419935997</v>
      </c>
      <c r="J4931" t="s">
        <v>60616</v>
      </c>
    </row>
    <row r="4932" spans="1:10" x14ac:dyDescent="0.25">
      <c r="A4932" t="s">
        <v>37025</v>
      </c>
      <c r="B4932" t="s">
        <v>37026</v>
      </c>
      <c r="C4932" t="s">
        <v>37027</v>
      </c>
      <c r="D4932" t="s">
        <v>36984</v>
      </c>
      <c r="E4932" t="s">
        <v>13</v>
      </c>
      <c r="F4932">
        <v>9150</v>
      </c>
      <c r="G4932" t="s">
        <v>37028</v>
      </c>
      <c r="H4932">
        <v>4.2598327705320003</v>
      </c>
      <c r="I4932">
        <v>51.938671572913002</v>
      </c>
      <c r="J4932" t="s">
        <v>60617</v>
      </c>
    </row>
    <row r="4933" spans="1:10" x14ac:dyDescent="0.25">
      <c r="A4933" t="s">
        <v>37021</v>
      </c>
      <c r="B4933" t="s">
        <v>37022</v>
      </c>
      <c r="C4933" t="s">
        <v>37023</v>
      </c>
      <c r="D4933" t="s">
        <v>36984</v>
      </c>
      <c r="E4933" t="s">
        <v>13</v>
      </c>
      <c r="F4933">
        <v>9149</v>
      </c>
      <c r="G4933" t="s">
        <v>37024</v>
      </c>
      <c r="H4933">
        <v>4.2670992386659998</v>
      </c>
      <c r="I4933">
        <v>51.933663205183002</v>
      </c>
      <c r="J4933" t="s">
        <v>60618</v>
      </c>
    </row>
    <row r="4934" spans="1:10" x14ac:dyDescent="0.25">
      <c r="A4934" t="s">
        <v>37017</v>
      </c>
      <c r="B4934" t="s">
        <v>37018</v>
      </c>
      <c r="C4934" t="s">
        <v>37019</v>
      </c>
      <c r="D4934" t="s">
        <v>36984</v>
      </c>
      <c r="E4934" t="s">
        <v>13</v>
      </c>
      <c r="F4934">
        <v>9148</v>
      </c>
      <c r="G4934" t="s">
        <v>37020</v>
      </c>
      <c r="H4934">
        <v>4.2659705913539998</v>
      </c>
      <c r="I4934">
        <v>51.954921671923003</v>
      </c>
      <c r="J4934" t="s">
        <v>60619</v>
      </c>
    </row>
    <row r="4935" spans="1:10" x14ac:dyDescent="0.25">
      <c r="A4935" t="s">
        <v>37013</v>
      </c>
      <c r="B4935" t="s">
        <v>37014</v>
      </c>
      <c r="C4935" t="s">
        <v>37015</v>
      </c>
      <c r="D4935" t="s">
        <v>36984</v>
      </c>
      <c r="E4935" t="s">
        <v>13</v>
      </c>
      <c r="F4935">
        <v>9147</v>
      </c>
      <c r="G4935" t="s">
        <v>37016</v>
      </c>
      <c r="H4935">
        <v>4.2806009693779998</v>
      </c>
      <c r="I4935">
        <v>51.926383192385998</v>
      </c>
      <c r="J4935" t="s">
        <v>60620</v>
      </c>
    </row>
    <row r="4936" spans="1:10" x14ac:dyDescent="0.25">
      <c r="A4936" t="s">
        <v>37009</v>
      </c>
      <c r="B4936" t="s">
        <v>37010</v>
      </c>
      <c r="C4936" t="s">
        <v>37011</v>
      </c>
      <c r="D4936" t="s">
        <v>36984</v>
      </c>
      <c r="E4936" t="s">
        <v>13</v>
      </c>
      <c r="F4936">
        <v>9146</v>
      </c>
      <c r="G4936" t="s">
        <v>37012</v>
      </c>
      <c r="H4936">
        <v>4.2768183204770001</v>
      </c>
      <c r="I4936">
        <v>51.935063974639</v>
      </c>
      <c r="J4936" t="s">
        <v>60621</v>
      </c>
    </row>
    <row r="4937" spans="1:10" x14ac:dyDescent="0.25">
      <c r="A4937" t="s">
        <v>37005</v>
      </c>
      <c r="B4937" t="s">
        <v>37006</v>
      </c>
      <c r="C4937" t="s">
        <v>37007</v>
      </c>
      <c r="D4937" t="s">
        <v>36984</v>
      </c>
      <c r="E4937" t="s">
        <v>13</v>
      </c>
      <c r="F4937">
        <v>9145</v>
      </c>
      <c r="G4937" t="s">
        <v>37008</v>
      </c>
      <c r="H4937">
        <v>4.2963321818339999</v>
      </c>
      <c r="I4937">
        <v>51.997811923786998</v>
      </c>
      <c r="J4937" t="s">
        <v>60622</v>
      </c>
    </row>
    <row r="4938" spans="1:10" x14ac:dyDescent="0.25">
      <c r="A4938" t="s">
        <v>37001</v>
      </c>
      <c r="B4938" t="s">
        <v>37002</v>
      </c>
      <c r="C4938" t="s">
        <v>37003</v>
      </c>
      <c r="D4938" t="s">
        <v>36984</v>
      </c>
      <c r="E4938" t="s">
        <v>13</v>
      </c>
      <c r="F4938">
        <v>9144</v>
      </c>
      <c r="G4938" t="s">
        <v>37004</v>
      </c>
      <c r="H4938">
        <v>4.29403327163</v>
      </c>
      <c r="I4938">
        <v>51.995378744707999</v>
      </c>
      <c r="J4938" t="s">
        <v>60623</v>
      </c>
    </row>
    <row r="4939" spans="1:10" x14ac:dyDescent="0.25">
      <c r="A4939" t="s">
        <v>36997</v>
      </c>
      <c r="B4939" t="s">
        <v>36998</v>
      </c>
      <c r="C4939" t="s">
        <v>36999</v>
      </c>
      <c r="D4939" t="s">
        <v>36984</v>
      </c>
      <c r="E4939" t="s">
        <v>13</v>
      </c>
      <c r="F4939">
        <v>9143</v>
      </c>
      <c r="G4939" t="s">
        <v>37000</v>
      </c>
      <c r="H4939">
        <v>4.3482735596850004</v>
      </c>
      <c r="I4939">
        <v>51.962628366894002</v>
      </c>
      <c r="J4939" t="s">
        <v>60624</v>
      </c>
    </row>
    <row r="4940" spans="1:10" x14ac:dyDescent="0.25">
      <c r="A4940" t="s">
        <v>36993</v>
      </c>
      <c r="B4940" t="s">
        <v>36994</v>
      </c>
      <c r="C4940" t="s">
        <v>36995</v>
      </c>
      <c r="D4940" t="s">
        <v>36984</v>
      </c>
      <c r="E4940" t="s">
        <v>13</v>
      </c>
      <c r="F4940">
        <v>9142</v>
      </c>
      <c r="G4940" t="s">
        <v>36996</v>
      </c>
      <c r="H4940">
        <v>4.2999090472869996</v>
      </c>
      <c r="I4940">
        <v>51.967923702865001</v>
      </c>
      <c r="J4940" t="s">
        <v>60625</v>
      </c>
    </row>
    <row r="4941" spans="1:10" x14ac:dyDescent="0.25">
      <c r="A4941" t="s">
        <v>36989</v>
      </c>
      <c r="B4941" t="s">
        <v>36990</v>
      </c>
      <c r="C4941" t="s">
        <v>36991</v>
      </c>
      <c r="D4941" t="s">
        <v>36984</v>
      </c>
      <c r="E4941" t="s">
        <v>13</v>
      </c>
      <c r="F4941">
        <v>9141</v>
      </c>
      <c r="G4941" t="s">
        <v>36992</v>
      </c>
      <c r="H4941">
        <v>4.3206769088290002</v>
      </c>
      <c r="I4941">
        <v>51.982982275257001</v>
      </c>
      <c r="J4941" t="s">
        <v>60626</v>
      </c>
    </row>
    <row r="4942" spans="1:10" x14ac:dyDescent="0.25">
      <c r="A4942" t="s">
        <v>36986</v>
      </c>
      <c r="B4942" t="s">
        <v>36987</v>
      </c>
      <c r="C4942" t="s">
        <v>20005</v>
      </c>
      <c r="D4942" t="s">
        <v>36984</v>
      </c>
      <c r="E4942" t="s">
        <v>13</v>
      </c>
      <c r="F4942">
        <v>9140</v>
      </c>
      <c r="G4942" t="s">
        <v>36988</v>
      </c>
      <c r="H4942">
        <v>4.3235618527790001</v>
      </c>
      <c r="I4942">
        <v>52.003628424897997</v>
      </c>
      <c r="J4942" t="s">
        <v>60627</v>
      </c>
    </row>
    <row r="4943" spans="1:10" x14ac:dyDescent="0.25">
      <c r="A4943" t="s">
        <v>36981</v>
      </c>
      <c r="B4943" t="s">
        <v>36982</v>
      </c>
      <c r="C4943" t="s">
        <v>36983</v>
      </c>
      <c r="D4943" t="s">
        <v>36984</v>
      </c>
      <c r="E4943" t="s">
        <v>13</v>
      </c>
      <c r="F4943">
        <v>9139</v>
      </c>
      <c r="G4943" t="s">
        <v>36985</v>
      </c>
      <c r="H4943">
        <v>4.3154573590350003</v>
      </c>
      <c r="I4943">
        <v>51.975485953476003</v>
      </c>
      <c r="J4943" t="s">
        <v>60628</v>
      </c>
    </row>
    <row r="4944" spans="1:10" x14ac:dyDescent="0.25">
      <c r="A4944" t="s">
        <v>36977</v>
      </c>
      <c r="B4944" t="s">
        <v>36978</v>
      </c>
      <c r="C4944" t="s">
        <v>36979</v>
      </c>
      <c r="D4944" t="s">
        <v>36695</v>
      </c>
      <c r="E4944" t="s">
        <v>13</v>
      </c>
      <c r="F4944">
        <v>9138</v>
      </c>
      <c r="G4944" t="s">
        <v>36980</v>
      </c>
      <c r="H4944">
        <v>4.1683535835859997</v>
      </c>
      <c r="I4944">
        <v>52.030006372286003</v>
      </c>
      <c r="J4944" t="s">
        <v>60629</v>
      </c>
    </row>
    <row r="4945" spans="1:10" x14ac:dyDescent="0.25">
      <c r="A4945" t="s">
        <v>36973</v>
      </c>
      <c r="B4945" t="s">
        <v>36974</v>
      </c>
      <c r="C4945" t="s">
        <v>36975</v>
      </c>
      <c r="D4945" t="s">
        <v>36695</v>
      </c>
      <c r="E4945" t="s">
        <v>13</v>
      </c>
      <c r="F4945">
        <v>9137</v>
      </c>
      <c r="G4945" t="s">
        <v>36976</v>
      </c>
      <c r="H4945">
        <v>4.2090744810730003</v>
      </c>
      <c r="I4945">
        <v>52.02605329272</v>
      </c>
      <c r="J4945" t="s">
        <v>60630</v>
      </c>
    </row>
    <row r="4946" spans="1:10" x14ac:dyDescent="0.25">
      <c r="A4946" t="s">
        <v>36969</v>
      </c>
      <c r="B4946" t="s">
        <v>36970</v>
      </c>
      <c r="C4946" t="s">
        <v>36971</v>
      </c>
      <c r="D4946" t="s">
        <v>36695</v>
      </c>
      <c r="E4946" t="s">
        <v>13</v>
      </c>
      <c r="F4946">
        <v>9136</v>
      </c>
      <c r="G4946" t="s">
        <v>36972</v>
      </c>
      <c r="H4946">
        <v>4.2098804002780001</v>
      </c>
      <c r="I4946">
        <v>52.020645419113002</v>
      </c>
      <c r="J4946" t="s">
        <v>60631</v>
      </c>
    </row>
    <row r="4947" spans="1:10" x14ac:dyDescent="0.25">
      <c r="A4947" t="s">
        <v>36965</v>
      </c>
      <c r="B4947" t="s">
        <v>36966</v>
      </c>
      <c r="C4947" t="s">
        <v>36967</v>
      </c>
      <c r="D4947" t="s">
        <v>36695</v>
      </c>
      <c r="E4947" t="s">
        <v>13</v>
      </c>
      <c r="F4947">
        <v>9135</v>
      </c>
      <c r="G4947" t="s">
        <v>36968</v>
      </c>
      <c r="H4947">
        <v>4.2335427038819997</v>
      </c>
      <c r="I4947">
        <v>52.032948082343999</v>
      </c>
      <c r="J4947" t="s">
        <v>60632</v>
      </c>
    </row>
    <row r="4948" spans="1:10" x14ac:dyDescent="0.25">
      <c r="A4948" t="s">
        <v>36961</v>
      </c>
      <c r="B4948" t="s">
        <v>36962</v>
      </c>
      <c r="C4948" t="s">
        <v>36963</v>
      </c>
      <c r="D4948" t="s">
        <v>36695</v>
      </c>
      <c r="E4948" t="s">
        <v>13</v>
      </c>
      <c r="F4948">
        <v>9134</v>
      </c>
      <c r="G4948" t="s">
        <v>36964</v>
      </c>
      <c r="H4948">
        <v>4.2264149849460004</v>
      </c>
      <c r="I4948">
        <v>52.027704460791</v>
      </c>
      <c r="J4948" t="s">
        <v>60633</v>
      </c>
    </row>
    <row r="4949" spans="1:10" x14ac:dyDescent="0.25">
      <c r="A4949" t="s">
        <v>36957</v>
      </c>
      <c r="B4949" t="s">
        <v>36958</v>
      </c>
      <c r="C4949" t="s">
        <v>36959</v>
      </c>
      <c r="D4949" t="s">
        <v>36695</v>
      </c>
      <c r="E4949" t="s">
        <v>13</v>
      </c>
      <c r="F4949">
        <v>9133</v>
      </c>
      <c r="G4949" t="s">
        <v>36960</v>
      </c>
      <c r="H4949">
        <v>4.2200044925069999</v>
      </c>
      <c r="I4949">
        <v>52.024621601424997</v>
      </c>
      <c r="J4949" t="s">
        <v>60634</v>
      </c>
    </row>
    <row r="4950" spans="1:10" x14ac:dyDescent="0.25">
      <c r="A4950" t="s">
        <v>36953</v>
      </c>
      <c r="B4950" t="s">
        <v>36954</v>
      </c>
      <c r="C4950" t="s">
        <v>36955</v>
      </c>
      <c r="D4950" t="s">
        <v>36695</v>
      </c>
      <c r="E4950" t="s">
        <v>13</v>
      </c>
      <c r="F4950">
        <v>9132</v>
      </c>
      <c r="G4950" t="s">
        <v>36956</v>
      </c>
      <c r="H4950">
        <v>4.217810253663</v>
      </c>
      <c r="I4950">
        <v>52.021838091058001</v>
      </c>
      <c r="J4950" t="s">
        <v>60635</v>
      </c>
    </row>
    <row r="4951" spans="1:10" x14ac:dyDescent="0.25">
      <c r="A4951" t="s">
        <v>36949</v>
      </c>
      <c r="B4951" t="s">
        <v>36950</v>
      </c>
      <c r="C4951" t="s">
        <v>36951</v>
      </c>
      <c r="D4951" t="s">
        <v>36695</v>
      </c>
      <c r="E4951" t="s">
        <v>13</v>
      </c>
      <c r="F4951">
        <v>9131</v>
      </c>
      <c r="G4951" t="s">
        <v>36952</v>
      </c>
      <c r="H4951">
        <v>4.2380701225440003</v>
      </c>
      <c r="I4951">
        <v>52.024001754753002</v>
      </c>
      <c r="J4951" t="s">
        <v>60636</v>
      </c>
    </row>
    <row r="4952" spans="1:10" x14ac:dyDescent="0.25">
      <c r="A4952" t="s">
        <v>36945</v>
      </c>
      <c r="B4952" t="s">
        <v>36946</v>
      </c>
      <c r="C4952" t="s">
        <v>36947</v>
      </c>
      <c r="D4952" t="s">
        <v>36695</v>
      </c>
      <c r="E4952" t="s">
        <v>13</v>
      </c>
      <c r="F4952">
        <v>9130</v>
      </c>
      <c r="G4952" t="s">
        <v>36948</v>
      </c>
      <c r="H4952">
        <v>4.2623595856719998</v>
      </c>
      <c r="I4952">
        <v>52.014066330816</v>
      </c>
      <c r="J4952" t="s">
        <v>60637</v>
      </c>
    </row>
    <row r="4953" spans="1:10" x14ac:dyDescent="0.25">
      <c r="A4953" t="s">
        <v>36941</v>
      </c>
      <c r="B4953" t="s">
        <v>36942</v>
      </c>
      <c r="C4953" t="s">
        <v>36943</v>
      </c>
      <c r="D4953" t="s">
        <v>36695</v>
      </c>
      <c r="E4953" t="s">
        <v>13</v>
      </c>
      <c r="F4953">
        <v>9129</v>
      </c>
      <c r="G4953" t="s">
        <v>36944</v>
      </c>
      <c r="H4953">
        <v>4.2602543315780004</v>
      </c>
      <c r="I4953">
        <v>52.015280598689998</v>
      </c>
      <c r="J4953" t="s">
        <v>60638</v>
      </c>
    </row>
    <row r="4954" spans="1:10" x14ac:dyDescent="0.25">
      <c r="A4954" t="s">
        <v>36937</v>
      </c>
      <c r="B4954" t="s">
        <v>36938</v>
      </c>
      <c r="C4954" t="s">
        <v>36939</v>
      </c>
      <c r="D4954" t="s">
        <v>36695</v>
      </c>
      <c r="E4954" t="s">
        <v>13</v>
      </c>
      <c r="F4954">
        <v>9128</v>
      </c>
      <c r="G4954" t="s">
        <v>36940</v>
      </c>
      <c r="H4954">
        <v>4.2544085538490002</v>
      </c>
      <c r="I4954">
        <v>52.013309669473998</v>
      </c>
      <c r="J4954" t="s">
        <v>60639</v>
      </c>
    </row>
    <row r="4955" spans="1:10" x14ac:dyDescent="0.25">
      <c r="A4955" t="s">
        <v>36933</v>
      </c>
      <c r="B4955" t="s">
        <v>36934</v>
      </c>
      <c r="C4955" t="s">
        <v>36935</v>
      </c>
      <c r="D4955" t="s">
        <v>36695</v>
      </c>
      <c r="E4955" t="s">
        <v>13</v>
      </c>
      <c r="F4955">
        <v>9127</v>
      </c>
      <c r="G4955" t="s">
        <v>36936</v>
      </c>
      <c r="H4955">
        <v>4.2578190003670002</v>
      </c>
      <c r="I4955">
        <v>51.975752848380999</v>
      </c>
      <c r="J4955" t="s">
        <v>60640</v>
      </c>
    </row>
    <row r="4956" spans="1:10" x14ac:dyDescent="0.25">
      <c r="A4956" t="s">
        <v>36929</v>
      </c>
      <c r="B4956" t="s">
        <v>36930</v>
      </c>
      <c r="C4956" t="s">
        <v>36931</v>
      </c>
      <c r="D4956" t="s">
        <v>36695</v>
      </c>
      <c r="E4956" t="s">
        <v>13</v>
      </c>
      <c r="F4956">
        <v>9126</v>
      </c>
      <c r="G4956" t="s">
        <v>36932</v>
      </c>
      <c r="H4956">
        <v>4.2580282276989996</v>
      </c>
      <c r="I4956">
        <v>51.980680603910997</v>
      </c>
      <c r="J4956" t="s">
        <v>60641</v>
      </c>
    </row>
    <row r="4957" spans="1:10" x14ac:dyDescent="0.25">
      <c r="A4957" t="s">
        <v>36925</v>
      </c>
      <c r="B4957" t="s">
        <v>36926</v>
      </c>
      <c r="C4957" t="s">
        <v>36927</v>
      </c>
      <c r="D4957" t="s">
        <v>36695</v>
      </c>
      <c r="E4957" t="s">
        <v>13</v>
      </c>
      <c r="F4957">
        <v>9125</v>
      </c>
      <c r="G4957" t="s">
        <v>36928</v>
      </c>
      <c r="H4957">
        <v>4.2495549005099997</v>
      </c>
      <c r="I4957">
        <v>51.978662358770002</v>
      </c>
      <c r="J4957" t="s">
        <v>60642</v>
      </c>
    </row>
    <row r="4958" spans="1:10" x14ac:dyDescent="0.25">
      <c r="A4958" t="s">
        <v>36921</v>
      </c>
      <c r="B4958" t="s">
        <v>36922</v>
      </c>
      <c r="C4958" t="s">
        <v>36923</v>
      </c>
      <c r="D4958" t="s">
        <v>36695</v>
      </c>
      <c r="E4958" t="s">
        <v>13</v>
      </c>
      <c r="F4958">
        <v>9124</v>
      </c>
      <c r="G4958" t="s">
        <v>36924</v>
      </c>
      <c r="H4958">
        <v>4.2397964480099999</v>
      </c>
      <c r="I4958">
        <v>51.981602109628</v>
      </c>
      <c r="J4958" t="s">
        <v>60643</v>
      </c>
    </row>
    <row r="4959" spans="1:10" x14ac:dyDescent="0.25">
      <c r="A4959" t="s">
        <v>36917</v>
      </c>
      <c r="B4959" t="s">
        <v>36918</v>
      </c>
      <c r="C4959" t="s">
        <v>36919</v>
      </c>
      <c r="D4959" t="s">
        <v>36695</v>
      </c>
      <c r="E4959" t="s">
        <v>13</v>
      </c>
      <c r="F4959">
        <v>9123</v>
      </c>
      <c r="G4959" t="s">
        <v>36920</v>
      </c>
      <c r="H4959">
        <v>4.2410246460599996</v>
      </c>
      <c r="I4959">
        <v>51.976514854506</v>
      </c>
      <c r="J4959" t="s">
        <v>60644</v>
      </c>
    </row>
    <row r="4960" spans="1:10" x14ac:dyDescent="0.25">
      <c r="A4960" t="s">
        <v>36913</v>
      </c>
      <c r="B4960" t="s">
        <v>36914</v>
      </c>
      <c r="C4960" t="s">
        <v>36915</v>
      </c>
      <c r="D4960" t="s">
        <v>36695</v>
      </c>
      <c r="E4960" t="s">
        <v>13</v>
      </c>
      <c r="F4960">
        <v>9122</v>
      </c>
      <c r="G4960" t="s">
        <v>36916</v>
      </c>
      <c r="H4960">
        <v>4.249842590628</v>
      </c>
      <c r="I4960">
        <v>51.974856211593</v>
      </c>
      <c r="J4960" t="s">
        <v>60645</v>
      </c>
    </row>
    <row r="4961" spans="1:10" x14ac:dyDescent="0.25">
      <c r="A4961" t="s">
        <v>36909</v>
      </c>
      <c r="B4961" t="s">
        <v>36910</v>
      </c>
      <c r="C4961" t="s">
        <v>36911</v>
      </c>
      <c r="D4961" t="s">
        <v>36695</v>
      </c>
      <c r="E4961" t="s">
        <v>13</v>
      </c>
      <c r="F4961">
        <v>9121</v>
      </c>
      <c r="G4961" t="s">
        <v>36912</v>
      </c>
      <c r="H4961">
        <v>4.2247422984199998</v>
      </c>
      <c r="I4961">
        <v>51.973871473568003</v>
      </c>
      <c r="J4961" t="s">
        <v>60646</v>
      </c>
    </row>
    <row r="4962" spans="1:10" x14ac:dyDescent="0.25">
      <c r="A4962" t="s">
        <v>36905</v>
      </c>
      <c r="B4962" t="s">
        <v>36906</v>
      </c>
      <c r="C4962" t="s">
        <v>36907</v>
      </c>
      <c r="D4962" t="s">
        <v>36695</v>
      </c>
      <c r="E4962" t="s">
        <v>13</v>
      </c>
      <c r="F4962">
        <v>9120</v>
      </c>
      <c r="G4962" t="s">
        <v>36908</v>
      </c>
      <c r="H4962">
        <v>4.258951179906</v>
      </c>
      <c r="I4962">
        <v>51.974248760645999</v>
      </c>
      <c r="J4962" t="s">
        <v>60647</v>
      </c>
    </row>
    <row r="4963" spans="1:10" x14ac:dyDescent="0.25">
      <c r="A4963" t="s">
        <v>36901</v>
      </c>
      <c r="B4963" t="s">
        <v>36902</v>
      </c>
      <c r="C4963" t="s">
        <v>36903</v>
      </c>
      <c r="D4963" t="s">
        <v>36695</v>
      </c>
      <c r="E4963" t="s">
        <v>13</v>
      </c>
      <c r="F4963">
        <v>9119</v>
      </c>
      <c r="G4963" t="s">
        <v>36904</v>
      </c>
      <c r="H4963">
        <v>4.2902688744489996</v>
      </c>
      <c r="I4963">
        <v>52.014662708731002</v>
      </c>
      <c r="J4963" t="s">
        <v>60648</v>
      </c>
    </row>
    <row r="4964" spans="1:10" x14ac:dyDescent="0.25">
      <c r="A4964" t="s">
        <v>36897</v>
      </c>
      <c r="B4964" t="s">
        <v>36898</v>
      </c>
      <c r="C4964" t="s">
        <v>36899</v>
      </c>
      <c r="D4964" t="s">
        <v>36695</v>
      </c>
      <c r="E4964" t="s">
        <v>13</v>
      </c>
      <c r="F4964">
        <v>9118</v>
      </c>
      <c r="G4964" t="s">
        <v>36900</v>
      </c>
      <c r="H4964">
        <v>4.2871571609380004</v>
      </c>
      <c r="I4964">
        <v>52.019634940552002</v>
      </c>
      <c r="J4964" t="s">
        <v>60649</v>
      </c>
    </row>
    <row r="4965" spans="1:10" x14ac:dyDescent="0.25">
      <c r="A4965" t="s">
        <v>36893</v>
      </c>
      <c r="B4965" t="s">
        <v>36894</v>
      </c>
      <c r="C4965" t="s">
        <v>36895</v>
      </c>
      <c r="D4965" t="s">
        <v>36695</v>
      </c>
      <c r="E4965" t="s">
        <v>13</v>
      </c>
      <c r="F4965">
        <v>9117</v>
      </c>
      <c r="G4965" t="s">
        <v>36896</v>
      </c>
      <c r="H4965">
        <v>4.277236453874</v>
      </c>
      <c r="I4965">
        <v>52.028156158028999</v>
      </c>
      <c r="J4965" t="s">
        <v>60650</v>
      </c>
    </row>
    <row r="4966" spans="1:10" x14ac:dyDescent="0.25">
      <c r="A4966" t="s">
        <v>36889</v>
      </c>
      <c r="B4966" t="s">
        <v>36890</v>
      </c>
      <c r="C4966" t="s">
        <v>36891</v>
      </c>
      <c r="D4966" t="s">
        <v>36695</v>
      </c>
      <c r="E4966" t="s">
        <v>13</v>
      </c>
      <c r="F4966">
        <v>9116</v>
      </c>
      <c r="G4966" t="s">
        <v>36892</v>
      </c>
      <c r="H4966">
        <v>4.2784875097189996</v>
      </c>
      <c r="I4966">
        <v>52.014205329361999</v>
      </c>
      <c r="J4966" t="s">
        <v>60651</v>
      </c>
    </row>
    <row r="4967" spans="1:10" x14ac:dyDescent="0.25">
      <c r="A4967" t="s">
        <v>36885</v>
      </c>
      <c r="B4967" t="s">
        <v>36886</v>
      </c>
      <c r="C4967" t="s">
        <v>36887</v>
      </c>
      <c r="D4967" t="s">
        <v>36695</v>
      </c>
      <c r="E4967" t="s">
        <v>13</v>
      </c>
      <c r="F4967">
        <v>9115</v>
      </c>
      <c r="G4967" t="s">
        <v>36888</v>
      </c>
      <c r="H4967">
        <v>4.2742505300940001</v>
      </c>
      <c r="I4967">
        <v>52.019806474570998</v>
      </c>
      <c r="J4967" t="s">
        <v>60652</v>
      </c>
    </row>
    <row r="4968" spans="1:10" x14ac:dyDescent="0.25">
      <c r="A4968" t="s">
        <v>36881</v>
      </c>
      <c r="B4968" t="s">
        <v>36882</v>
      </c>
      <c r="C4968" t="s">
        <v>36883</v>
      </c>
      <c r="D4968" t="s">
        <v>36695</v>
      </c>
      <c r="E4968" t="s">
        <v>13</v>
      </c>
      <c r="F4968">
        <v>9114</v>
      </c>
      <c r="G4968" t="s">
        <v>36884</v>
      </c>
      <c r="H4968">
        <v>4.2712494952410003</v>
      </c>
      <c r="I4968">
        <v>52.032311801276997</v>
      </c>
      <c r="J4968" t="s">
        <v>60653</v>
      </c>
    </row>
    <row r="4969" spans="1:10" x14ac:dyDescent="0.25">
      <c r="A4969" t="s">
        <v>36877</v>
      </c>
      <c r="B4969" t="s">
        <v>36878</v>
      </c>
      <c r="C4969" t="s">
        <v>36879</v>
      </c>
      <c r="D4969" t="s">
        <v>36695</v>
      </c>
      <c r="E4969" t="s">
        <v>13</v>
      </c>
      <c r="F4969">
        <v>9113</v>
      </c>
      <c r="G4969" t="s">
        <v>36880</v>
      </c>
      <c r="H4969">
        <v>4.2677814641599996</v>
      </c>
      <c r="I4969">
        <v>52.025187267565002</v>
      </c>
      <c r="J4969" t="s">
        <v>60654</v>
      </c>
    </row>
    <row r="4970" spans="1:10" x14ac:dyDescent="0.25">
      <c r="A4970" t="s">
        <v>36873</v>
      </c>
      <c r="B4970" t="s">
        <v>36874</v>
      </c>
      <c r="C4970" t="s">
        <v>36875</v>
      </c>
      <c r="D4970" t="s">
        <v>36695</v>
      </c>
      <c r="E4970" t="s">
        <v>13</v>
      </c>
      <c r="F4970">
        <v>9112</v>
      </c>
      <c r="G4970" t="s">
        <v>36876</v>
      </c>
      <c r="H4970">
        <v>4.2821015668460003</v>
      </c>
      <c r="I4970">
        <v>52.022986255699998</v>
      </c>
      <c r="J4970" t="s">
        <v>60655</v>
      </c>
    </row>
    <row r="4971" spans="1:10" x14ac:dyDescent="0.25">
      <c r="A4971" t="s">
        <v>36869</v>
      </c>
      <c r="B4971" t="s">
        <v>36870</v>
      </c>
      <c r="C4971" t="s">
        <v>36871</v>
      </c>
      <c r="D4971" t="s">
        <v>36695</v>
      </c>
      <c r="E4971" t="s">
        <v>13</v>
      </c>
      <c r="F4971">
        <v>9111</v>
      </c>
      <c r="G4971" t="s">
        <v>36872</v>
      </c>
      <c r="H4971">
        <v>4.275702087709</v>
      </c>
      <c r="I4971">
        <v>52.023944148139996</v>
      </c>
      <c r="J4971" t="s">
        <v>60656</v>
      </c>
    </row>
    <row r="4972" spans="1:10" x14ac:dyDescent="0.25">
      <c r="A4972" t="s">
        <v>36865</v>
      </c>
      <c r="B4972" t="s">
        <v>36866</v>
      </c>
      <c r="C4972" t="s">
        <v>36867</v>
      </c>
      <c r="D4972" t="s">
        <v>36695</v>
      </c>
      <c r="E4972" t="s">
        <v>13</v>
      </c>
      <c r="F4972">
        <v>9110</v>
      </c>
      <c r="G4972" t="s">
        <v>36868</v>
      </c>
      <c r="H4972">
        <v>4.1826015274559998</v>
      </c>
      <c r="I4972">
        <v>52.040897322936999</v>
      </c>
      <c r="J4972" t="s">
        <v>60657</v>
      </c>
    </row>
    <row r="4973" spans="1:10" x14ac:dyDescent="0.25">
      <c r="A4973" t="s">
        <v>36861</v>
      </c>
      <c r="B4973" t="s">
        <v>36862</v>
      </c>
      <c r="C4973" t="s">
        <v>36863</v>
      </c>
      <c r="D4973" t="s">
        <v>36695</v>
      </c>
      <c r="E4973" t="s">
        <v>13</v>
      </c>
      <c r="F4973">
        <v>9109</v>
      </c>
      <c r="G4973" t="s">
        <v>36864</v>
      </c>
      <c r="H4973">
        <v>4.1681778646070002</v>
      </c>
      <c r="I4973">
        <v>52.018491925867004</v>
      </c>
      <c r="J4973" t="s">
        <v>60658</v>
      </c>
    </row>
    <row r="4974" spans="1:10" x14ac:dyDescent="0.25">
      <c r="A4974" t="s">
        <v>36857</v>
      </c>
      <c r="B4974" t="s">
        <v>36858</v>
      </c>
      <c r="C4974" t="s">
        <v>36859</v>
      </c>
      <c r="D4974" t="s">
        <v>36695</v>
      </c>
      <c r="E4974" t="s">
        <v>13</v>
      </c>
      <c r="F4974">
        <v>9108</v>
      </c>
      <c r="G4974" t="s">
        <v>36860</v>
      </c>
      <c r="H4974">
        <v>4.1963281078329997</v>
      </c>
      <c r="I4974">
        <v>52.035267138674001</v>
      </c>
      <c r="J4974" t="s">
        <v>60659</v>
      </c>
    </row>
    <row r="4975" spans="1:10" x14ac:dyDescent="0.25">
      <c r="A4975" t="s">
        <v>36853</v>
      </c>
      <c r="B4975" t="s">
        <v>36854</v>
      </c>
      <c r="C4975" t="s">
        <v>36855</v>
      </c>
      <c r="D4975" t="s">
        <v>36695</v>
      </c>
      <c r="E4975" t="s">
        <v>13</v>
      </c>
      <c r="F4975">
        <v>9107</v>
      </c>
      <c r="G4975" t="s">
        <v>36856</v>
      </c>
      <c r="H4975">
        <v>4.1914862319859996</v>
      </c>
      <c r="I4975">
        <v>52.022448161629001</v>
      </c>
      <c r="J4975" t="s">
        <v>60660</v>
      </c>
    </row>
    <row r="4976" spans="1:10" x14ac:dyDescent="0.25">
      <c r="A4976" t="s">
        <v>36849</v>
      </c>
      <c r="B4976" t="s">
        <v>36850</v>
      </c>
      <c r="C4976" t="s">
        <v>36851</v>
      </c>
      <c r="D4976" t="s">
        <v>36695</v>
      </c>
      <c r="E4976" t="s">
        <v>13</v>
      </c>
      <c r="F4976">
        <v>9106</v>
      </c>
      <c r="G4976" t="s">
        <v>36852</v>
      </c>
      <c r="H4976">
        <v>4.1936784481659997</v>
      </c>
      <c r="I4976">
        <v>52.037778740373</v>
      </c>
      <c r="J4976" t="s">
        <v>60661</v>
      </c>
    </row>
    <row r="4977" spans="1:10" x14ac:dyDescent="0.25">
      <c r="A4977" t="s">
        <v>36846</v>
      </c>
      <c r="B4977" t="s">
        <v>36847</v>
      </c>
      <c r="C4977" t="s">
        <v>13386</v>
      </c>
      <c r="D4977" t="s">
        <v>36695</v>
      </c>
      <c r="E4977" t="s">
        <v>13</v>
      </c>
      <c r="F4977">
        <v>9105</v>
      </c>
      <c r="G4977" t="s">
        <v>36848</v>
      </c>
      <c r="H4977">
        <v>4.1824667051629998</v>
      </c>
      <c r="I4977">
        <v>52.031442254675</v>
      </c>
      <c r="J4977" t="s">
        <v>60662</v>
      </c>
    </row>
    <row r="4978" spans="1:10" x14ac:dyDescent="0.25">
      <c r="A4978" t="s">
        <v>36842</v>
      </c>
      <c r="B4978" t="s">
        <v>36843</v>
      </c>
      <c r="C4978" t="s">
        <v>36844</v>
      </c>
      <c r="D4978" t="s">
        <v>36695</v>
      </c>
      <c r="E4978" t="s">
        <v>13</v>
      </c>
      <c r="F4978">
        <v>9104</v>
      </c>
      <c r="G4978" t="s">
        <v>36845</v>
      </c>
      <c r="H4978">
        <v>4.1632864902979998</v>
      </c>
      <c r="I4978">
        <v>52.023228904088</v>
      </c>
      <c r="J4978" t="s">
        <v>60663</v>
      </c>
    </row>
    <row r="4979" spans="1:10" x14ac:dyDescent="0.25">
      <c r="A4979" t="s">
        <v>36838</v>
      </c>
      <c r="B4979" t="s">
        <v>36839</v>
      </c>
      <c r="C4979" t="s">
        <v>36840</v>
      </c>
      <c r="D4979" t="s">
        <v>36695</v>
      </c>
      <c r="E4979" t="s">
        <v>13</v>
      </c>
      <c r="F4979">
        <v>9103</v>
      </c>
      <c r="G4979" t="s">
        <v>36841</v>
      </c>
      <c r="H4979">
        <v>4.1791761041979996</v>
      </c>
      <c r="I4979">
        <v>52.025159524692</v>
      </c>
      <c r="J4979" t="s">
        <v>60664</v>
      </c>
    </row>
    <row r="4980" spans="1:10" x14ac:dyDescent="0.25">
      <c r="A4980" t="s">
        <v>36834</v>
      </c>
      <c r="B4980" t="s">
        <v>36835</v>
      </c>
      <c r="C4980" t="s">
        <v>36836</v>
      </c>
      <c r="D4980" t="s">
        <v>36695</v>
      </c>
      <c r="E4980" t="s">
        <v>13</v>
      </c>
      <c r="F4980">
        <v>9102</v>
      </c>
      <c r="G4980" t="s">
        <v>36837</v>
      </c>
      <c r="H4980">
        <v>4.1732548680399999</v>
      </c>
      <c r="I4980">
        <v>52.028401632532002</v>
      </c>
      <c r="J4980" t="s">
        <v>60665</v>
      </c>
    </row>
    <row r="4981" spans="1:10" x14ac:dyDescent="0.25">
      <c r="A4981" t="s">
        <v>36830</v>
      </c>
      <c r="B4981" t="s">
        <v>36831</v>
      </c>
      <c r="C4981" t="s">
        <v>36832</v>
      </c>
      <c r="D4981" t="s">
        <v>36695</v>
      </c>
      <c r="E4981" t="s">
        <v>13</v>
      </c>
      <c r="F4981">
        <v>9101</v>
      </c>
      <c r="G4981" t="s">
        <v>36833</v>
      </c>
      <c r="H4981">
        <v>4.1721344252410004</v>
      </c>
      <c r="I4981">
        <v>52.022088838243</v>
      </c>
      <c r="J4981" t="s">
        <v>60666</v>
      </c>
    </row>
    <row r="4982" spans="1:10" x14ac:dyDescent="0.25">
      <c r="A4982" t="s">
        <v>36826</v>
      </c>
      <c r="B4982" t="s">
        <v>36827</v>
      </c>
      <c r="C4982" t="s">
        <v>36828</v>
      </c>
      <c r="D4982" t="s">
        <v>36695</v>
      </c>
      <c r="E4982" t="s">
        <v>13</v>
      </c>
      <c r="F4982">
        <v>9100</v>
      </c>
      <c r="G4982" t="s">
        <v>36829</v>
      </c>
      <c r="H4982">
        <v>4.1832403320729998</v>
      </c>
      <c r="I4982">
        <v>51.997524099639001</v>
      </c>
      <c r="J4982" t="s">
        <v>60667</v>
      </c>
    </row>
    <row r="4983" spans="1:10" x14ac:dyDescent="0.25">
      <c r="A4983" t="s">
        <v>36822</v>
      </c>
      <c r="B4983" t="s">
        <v>36823</v>
      </c>
      <c r="C4983" t="s">
        <v>36824</v>
      </c>
      <c r="D4983" t="s">
        <v>36695</v>
      </c>
      <c r="E4983" t="s">
        <v>13</v>
      </c>
      <c r="F4983">
        <v>9099</v>
      </c>
      <c r="G4983" t="s">
        <v>36825</v>
      </c>
      <c r="H4983">
        <v>4.140340956827</v>
      </c>
      <c r="I4983">
        <v>52.009397836319003</v>
      </c>
      <c r="J4983" t="s">
        <v>60668</v>
      </c>
    </row>
    <row r="4984" spans="1:10" x14ac:dyDescent="0.25">
      <c r="A4984" t="s">
        <v>36818</v>
      </c>
      <c r="B4984" t="s">
        <v>36819</v>
      </c>
      <c r="C4984" t="s">
        <v>36820</v>
      </c>
      <c r="D4984" t="s">
        <v>36695</v>
      </c>
      <c r="E4984" t="s">
        <v>13</v>
      </c>
      <c r="F4984">
        <v>9098</v>
      </c>
      <c r="G4984" t="s">
        <v>36821</v>
      </c>
      <c r="H4984">
        <v>4.1694031275550003</v>
      </c>
      <c r="I4984">
        <v>51.989781372719001</v>
      </c>
      <c r="J4984" t="s">
        <v>60669</v>
      </c>
    </row>
    <row r="4985" spans="1:10" x14ac:dyDescent="0.25">
      <c r="A4985" t="s">
        <v>36814</v>
      </c>
      <c r="B4985" t="s">
        <v>36815</v>
      </c>
      <c r="C4985" t="s">
        <v>36816</v>
      </c>
      <c r="D4985" t="s">
        <v>36695</v>
      </c>
      <c r="E4985" t="s">
        <v>13</v>
      </c>
      <c r="F4985">
        <v>9097</v>
      </c>
      <c r="G4985" t="s">
        <v>36817</v>
      </c>
      <c r="H4985">
        <v>4.1803242188459997</v>
      </c>
      <c r="I4985">
        <v>51.982362204433997</v>
      </c>
      <c r="J4985" t="s">
        <v>60670</v>
      </c>
    </row>
    <row r="4986" spans="1:10" x14ac:dyDescent="0.25">
      <c r="A4986" t="s">
        <v>36810</v>
      </c>
      <c r="B4986" t="s">
        <v>36811</v>
      </c>
      <c r="C4986" t="s">
        <v>36812</v>
      </c>
      <c r="D4986" t="s">
        <v>36695</v>
      </c>
      <c r="E4986" t="s">
        <v>13</v>
      </c>
      <c r="F4986">
        <v>9096</v>
      </c>
      <c r="G4986" t="s">
        <v>36813</v>
      </c>
      <c r="H4986">
        <v>4.1774412052830003</v>
      </c>
      <c r="I4986">
        <v>51.993562654408997</v>
      </c>
      <c r="J4986" t="s">
        <v>60671</v>
      </c>
    </row>
    <row r="4987" spans="1:10" x14ac:dyDescent="0.25">
      <c r="A4987" t="s">
        <v>36806</v>
      </c>
      <c r="B4987" t="s">
        <v>36807</v>
      </c>
      <c r="C4987" t="s">
        <v>36808</v>
      </c>
      <c r="D4987" t="s">
        <v>36695</v>
      </c>
      <c r="E4987" t="s">
        <v>13</v>
      </c>
      <c r="F4987">
        <v>9095</v>
      </c>
      <c r="G4987" t="s">
        <v>36809</v>
      </c>
      <c r="H4987">
        <v>4.1754183947939998</v>
      </c>
      <c r="I4987">
        <v>52.001091039911003</v>
      </c>
      <c r="J4987" t="s">
        <v>60672</v>
      </c>
    </row>
    <row r="4988" spans="1:10" x14ac:dyDescent="0.25">
      <c r="A4988" t="s">
        <v>36802</v>
      </c>
      <c r="B4988" t="s">
        <v>36803</v>
      </c>
      <c r="C4988" t="s">
        <v>36804</v>
      </c>
      <c r="D4988" t="s">
        <v>36695</v>
      </c>
      <c r="E4988" t="s">
        <v>13</v>
      </c>
      <c r="F4988">
        <v>9094</v>
      </c>
      <c r="G4988" t="s">
        <v>36805</v>
      </c>
      <c r="H4988">
        <v>4.1719754179780004</v>
      </c>
      <c r="I4988">
        <v>52.006888614193997</v>
      </c>
      <c r="J4988" t="s">
        <v>60673</v>
      </c>
    </row>
    <row r="4989" spans="1:10" x14ac:dyDescent="0.25">
      <c r="A4989" t="s">
        <v>36798</v>
      </c>
      <c r="B4989" t="s">
        <v>36799</v>
      </c>
      <c r="C4989" t="s">
        <v>36800</v>
      </c>
      <c r="D4989" t="s">
        <v>36695</v>
      </c>
      <c r="E4989" t="s">
        <v>13</v>
      </c>
      <c r="F4989">
        <v>9093</v>
      </c>
      <c r="G4989" t="s">
        <v>36801</v>
      </c>
      <c r="H4989">
        <v>4.1638457745739998</v>
      </c>
      <c r="I4989">
        <v>52.007036064611</v>
      </c>
      <c r="J4989" t="s">
        <v>60674</v>
      </c>
    </row>
    <row r="4990" spans="1:10" x14ac:dyDescent="0.25">
      <c r="A4990" t="s">
        <v>36795</v>
      </c>
      <c r="B4990" t="s">
        <v>36796</v>
      </c>
      <c r="C4990" t="s">
        <v>18410</v>
      </c>
      <c r="D4990" t="s">
        <v>36695</v>
      </c>
      <c r="E4990" t="s">
        <v>13</v>
      </c>
      <c r="F4990">
        <v>9092</v>
      </c>
      <c r="G4990" t="s">
        <v>36797</v>
      </c>
      <c r="H4990">
        <v>4.1677678680639998</v>
      </c>
      <c r="I4990">
        <v>51.995336061571003</v>
      </c>
      <c r="J4990" t="s">
        <v>60675</v>
      </c>
    </row>
    <row r="4991" spans="1:10" x14ac:dyDescent="0.25">
      <c r="A4991" t="s">
        <v>36791</v>
      </c>
      <c r="B4991" t="s">
        <v>36792</v>
      </c>
      <c r="C4991" t="s">
        <v>36793</v>
      </c>
      <c r="D4991" t="s">
        <v>36695</v>
      </c>
      <c r="E4991" t="s">
        <v>13</v>
      </c>
      <c r="F4991">
        <v>9091</v>
      </c>
      <c r="G4991" t="s">
        <v>36794</v>
      </c>
      <c r="H4991">
        <v>4.1671628621280004</v>
      </c>
      <c r="I4991">
        <v>51.999041325816002</v>
      </c>
      <c r="J4991" t="s">
        <v>60676</v>
      </c>
    </row>
    <row r="4992" spans="1:10" x14ac:dyDescent="0.25">
      <c r="A4992" t="s">
        <v>36787</v>
      </c>
      <c r="B4992" t="s">
        <v>36788</v>
      </c>
      <c r="C4992" t="s">
        <v>36789</v>
      </c>
      <c r="D4992" t="s">
        <v>36695</v>
      </c>
      <c r="E4992" t="s">
        <v>13</v>
      </c>
      <c r="F4992">
        <v>9090</v>
      </c>
      <c r="G4992" t="s">
        <v>36790</v>
      </c>
      <c r="H4992">
        <v>4.1671620467170003</v>
      </c>
      <c r="I4992">
        <v>52.003143612027003</v>
      </c>
      <c r="J4992" t="s">
        <v>60677</v>
      </c>
    </row>
    <row r="4993" spans="1:10" x14ac:dyDescent="0.25">
      <c r="A4993" t="s">
        <v>36783</v>
      </c>
      <c r="B4993" t="s">
        <v>36784</v>
      </c>
      <c r="C4993" t="s">
        <v>36785</v>
      </c>
      <c r="D4993" t="s">
        <v>36695</v>
      </c>
      <c r="E4993" t="s">
        <v>13</v>
      </c>
      <c r="F4993">
        <v>9089</v>
      </c>
      <c r="G4993" t="s">
        <v>36786</v>
      </c>
      <c r="H4993">
        <v>4.157089688718</v>
      </c>
      <c r="I4993">
        <v>51.999743242698997</v>
      </c>
      <c r="J4993" t="s">
        <v>60678</v>
      </c>
    </row>
    <row r="4994" spans="1:10" x14ac:dyDescent="0.25">
      <c r="A4994" t="s">
        <v>36779</v>
      </c>
      <c r="B4994" t="s">
        <v>36780</v>
      </c>
      <c r="C4994" t="s">
        <v>36781</v>
      </c>
      <c r="D4994" t="s">
        <v>36695</v>
      </c>
      <c r="E4994" t="s">
        <v>13</v>
      </c>
      <c r="F4994">
        <v>9088</v>
      </c>
      <c r="G4994" t="s">
        <v>36782</v>
      </c>
      <c r="H4994">
        <v>4.1606187658689997</v>
      </c>
      <c r="I4994">
        <v>52.002777444205002</v>
      </c>
      <c r="J4994" t="s">
        <v>60679</v>
      </c>
    </row>
    <row r="4995" spans="1:10" x14ac:dyDescent="0.25">
      <c r="A4995" t="s">
        <v>36775</v>
      </c>
      <c r="B4995" t="s">
        <v>36776</v>
      </c>
      <c r="C4995" t="s">
        <v>36777</v>
      </c>
      <c r="D4995" t="s">
        <v>36695</v>
      </c>
      <c r="E4995" t="s">
        <v>13</v>
      </c>
      <c r="F4995">
        <v>9087</v>
      </c>
      <c r="G4995" t="s">
        <v>36778</v>
      </c>
      <c r="H4995">
        <v>4.2071171053569998</v>
      </c>
      <c r="I4995">
        <v>51.9561233704</v>
      </c>
      <c r="J4995" t="s">
        <v>60680</v>
      </c>
    </row>
    <row r="4996" spans="1:10" x14ac:dyDescent="0.25">
      <c r="A4996" t="s">
        <v>36771</v>
      </c>
      <c r="B4996" t="s">
        <v>36772</v>
      </c>
      <c r="C4996" t="s">
        <v>36773</v>
      </c>
      <c r="D4996" t="s">
        <v>36695</v>
      </c>
      <c r="E4996" t="s">
        <v>13</v>
      </c>
      <c r="F4996">
        <v>9086</v>
      </c>
      <c r="G4996" t="s">
        <v>36774</v>
      </c>
      <c r="H4996">
        <v>4.2238219805919996</v>
      </c>
      <c r="I4996">
        <v>51.958325125754001</v>
      </c>
      <c r="J4996" t="s">
        <v>60681</v>
      </c>
    </row>
    <row r="4997" spans="1:10" x14ac:dyDescent="0.25">
      <c r="A4997" t="s">
        <v>36767</v>
      </c>
      <c r="B4997" t="s">
        <v>36768</v>
      </c>
      <c r="C4997" t="s">
        <v>36769</v>
      </c>
      <c r="D4997" t="s">
        <v>36695</v>
      </c>
      <c r="E4997" t="s">
        <v>13</v>
      </c>
      <c r="F4997">
        <v>9085</v>
      </c>
      <c r="G4997" t="s">
        <v>36770</v>
      </c>
      <c r="H4997">
        <v>4.2097130145820003</v>
      </c>
      <c r="I4997">
        <v>51.960713662079002</v>
      </c>
      <c r="J4997" t="s">
        <v>60682</v>
      </c>
    </row>
    <row r="4998" spans="1:10" x14ac:dyDescent="0.25">
      <c r="A4998" t="s">
        <v>36763</v>
      </c>
      <c r="B4998" t="s">
        <v>36764</v>
      </c>
      <c r="C4998" t="s">
        <v>36765</v>
      </c>
      <c r="D4998" t="s">
        <v>36695</v>
      </c>
      <c r="E4998" t="s">
        <v>13</v>
      </c>
      <c r="F4998">
        <v>9084</v>
      </c>
      <c r="G4998" t="s">
        <v>36766</v>
      </c>
      <c r="H4998">
        <v>4.2143546275889996</v>
      </c>
      <c r="I4998">
        <v>51.957987648188002</v>
      </c>
      <c r="J4998" t="s">
        <v>60683</v>
      </c>
    </row>
    <row r="4999" spans="1:10" x14ac:dyDescent="0.25">
      <c r="A4999" t="s">
        <v>36759</v>
      </c>
      <c r="B4999" t="s">
        <v>36760</v>
      </c>
      <c r="C4999" t="s">
        <v>36761</v>
      </c>
      <c r="D4999" t="s">
        <v>36695</v>
      </c>
      <c r="E4999" t="s">
        <v>13</v>
      </c>
      <c r="F4999">
        <v>9083</v>
      </c>
      <c r="G4999" t="s">
        <v>36762</v>
      </c>
      <c r="H4999">
        <v>4.2381308217809996</v>
      </c>
      <c r="I4999">
        <v>52.006485018124003</v>
      </c>
      <c r="J4999" t="s">
        <v>60684</v>
      </c>
    </row>
    <row r="5000" spans="1:10" x14ac:dyDescent="0.25">
      <c r="A5000" t="s">
        <v>36755</v>
      </c>
      <c r="B5000" t="s">
        <v>36756</v>
      </c>
      <c r="C5000" t="s">
        <v>36757</v>
      </c>
      <c r="D5000" t="s">
        <v>36695</v>
      </c>
      <c r="E5000" t="s">
        <v>13</v>
      </c>
      <c r="F5000">
        <v>9082</v>
      </c>
      <c r="G5000" t="s">
        <v>36758</v>
      </c>
      <c r="H5000">
        <v>4.228867729549</v>
      </c>
      <c r="I5000">
        <v>51.997702939881002</v>
      </c>
      <c r="J5000" t="s">
        <v>60685</v>
      </c>
    </row>
    <row r="5001" spans="1:10" x14ac:dyDescent="0.25">
      <c r="A5001" t="s">
        <v>36751</v>
      </c>
      <c r="B5001" t="s">
        <v>36752</v>
      </c>
      <c r="C5001" t="s">
        <v>36753</v>
      </c>
      <c r="D5001" t="s">
        <v>36695</v>
      </c>
      <c r="E5001" t="s">
        <v>13</v>
      </c>
      <c r="F5001">
        <v>9081</v>
      </c>
      <c r="G5001" t="s">
        <v>36754</v>
      </c>
      <c r="H5001">
        <v>4.2257146031610002</v>
      </c>
      <c r="I5001">
        <v>52.009973080260998</v>
      </c>
      <c r="J5001" t="s">
        <v>60686</v>
      </c>
    </row>
    <row r="5002" spans="1:10" x14ac:dyDescent="0.25">
      <c r="A5002" t="s">
        <v>36747</v>
      </c>
      <c r="B5002" t="s">
        <v>36748</v>
      </c>
      <c r="C5002" t="s">
        <v>36749</v>
      </c>
      <c r="D5002" t="s">
        <v>36695</v>
      </c>
      <c r="E5002" t="s">
        <v>13</v>
      </c>
      <c r="F5002">
        <v>9080</v>
      </c>
      <c r="G5002" t="s">
        <v>36750</v>
      </c>
      <c r="H5002">
        <v>4.2205541039519998</v>
      </c>
      <c r="I5002">
        <v>52.006050066249003</v>
      </c>
      <c r="J5002" t="s">
        <v>60687</v>
      </c>
    </row>
    <row r="5003" spans="1:10" x14ac:dyDescent="0.25">
      <c r="A5003" t="s">
        <v>36744</v>
      </c>
      <c r="B5003" t="s">
        <v>36745</v>
      </c>
      <c r="C5003" t="s">
        <v>3421</v>
      </c>
      <c r="D5003" t="s">
        <v>36695</v>
      </c>
      <c r="E5003" t="s">
        <v>13</v>
      </c>
      <c r="F5003">
        <v>9079</v>
      </c>
      <c r="G5003" t="s">
        <v>36746</v>
      </c>
      <c r="H5003">
        <v>4.234019446115</v>
      </c>
      <c r="I5003">
        <v>52.008643683549003</v>
      </c>
      <c r="J5003" t="s">
        <v>60688</v>
      </c>
    </row>
    <row r="5004" spans="1:10" x14ac:dyDescent="0.25">
      <c r="A5004" t="s">
        <v>36741</v>
      </c>
      <c r="B5004" t="s">
        <v>36742</v>
      </c>
      <c r="C5004" t="s">
        <v>14401</v>
      </c>
      <c r="D5004" t="s">
        <v>36695</v>
      </c>
      <c r="E5004" t="s">
        <v>13</v>
      </c>
      <c r="F5004">
        <v>9078</v>
      </c>
      <c r="G5004" t="s">
        <v>36743</v>
      </c>
      <c r="H5004">
        <v>4.2315819677939999</v>
      </c>
      <c r="I5004">
        <v>52.004238887819</v>
      </c>
      <c r="J5004" t="s">
        <v>60689</v>
      </c>
    </row>
    <row r="5005" spans="1:10" x14ac:dyDescent="0.25">
      <c r="A5005" t="s">
        <v>36737</v>
      </c>
      <c r="B5005" t="s">
        <v>36738</v>
      </c>
      <c r="C5005" t="s">
        <v>36739</v>
      </c>
      <c r="D5005" t="s">
        <v>36695</v>
      </c>
      <c r="E5005" t="s">
        <v>13</v>
      </c>
      <c r="F5005">
        <v>9077</v>
      </c>
      <c r="G5005" t="s">
        <v>36740</v>
      </c>
      <c r="H5005">
        <v>4.2264587956049997</v>
      </c>
      <c r="I5005">
        <v>52.006852909659003</v>
      </c>
      <c r="J5005" t="s">
        <v>60690</v>
      </c>
    </row>
    <row r="5006" spans="1:10" x14ac:dyDescent="0.25">
      <c r="A5006" t="s">
        <v>36733</v>
      </c>
      <c r="B5006" t="s">
        <v>36734</v>
      </c>
      <c r="C5006" t="s">
        <v>36735</v>
      </c>
      <c r="D5006" t="s">
        <v>36695</v>
      </c>
      <c r="E5006" t="s">
        <v>13</v>
      </c>
      <c r="F5006">
        <v>9076</v>
      </c>
      <c r="G5006" t="s">
        <v>36736</v>
      </c>
      <c r="H5006">
        <v>4.2013041932409996</v>
      </c>
      <c r="I5006">
        <v>51.999975802641998</v>
      </c>
      <c r="J5006" t="s">
        <v>60691</v>
      </c>
    </row>
    <row r="5007" spans="1:10" x14ac:dyDescent="0.25">
      <c r="A5007" t="s">
        <v>36729</v>
      </c>
      <c r="B5007" t="s">
        <v>36730</v>
      </c>
      <c r="C5007" t="s">
        <v>36731</v>
      </c>
      <c r="D5007" t="s">
        <v>36695</v>
      </c>
      <c r="E5007" t="s">
        <v>13</v>
      </c>
      <c r="F5007">
        <v>9075</v>
      </c>
      <c r="G5007" t="s">
        <v>36732</v>
      </c>
      <c r="H5007">
        <v>4.2036121594180003</v>
      </c>
      <c r="I5007">
        <v>51.986599363056001</v>
      </c>
      <c r="J5007" t="s">
        <v>60692</v>
      </c>
    </row>
    <row r="5008" spans="1:10" x14ac:dyDescent="0.25">
      <c r="A5008" t="s">
        <v>36725</v>
      </c>
      <c r="B5008" t="s">
        <v>36726</v>
      </c>
      <c r="C5008" t="s">
        <v>36727</v>
      </c>
      <c r="D5008" t="s">
        <v>36695</v>
      </c>
      <c r="E5008" t="s">
        <v>13</v>
      </c>
      <c r="F5008">
        <v>9074</v>
      </c>
      <c r="G5008" t="s">
        <v>36728</v>
      </c>
      <c r="H5008">
        <v>4.2159676590819997</v>
      </c>
      <c r="I5008">
        <v>51.985395101748999</v>
      </c>
      <c r="J5008" t="s">
        <v>60693</v>
      </c>
    </row>
    <row r="5009" spans="1:10" x14ac:dyDescent="0.25">
      <c r="A5009" t="s">
        <v>36721</v>
      </c>
      <c r="B5009" t="s">
        <v>36722</v>
      </c>
      <c r="C5009" t="s">
        <v>36723</v>
      </c>
      <c r="D5009" t="s">
        <v>36695</v>
      </c>
      <c r="E5009" t="s">
        <v>13</v>
      </c>
      <c r="F5009">
        <v>9073</v>
      </c>
      <c r="G5009" t="s">
        <v>36724</v>
      </c>
      <c r="H5009">
        <v>4.2133033739060002</v>
      </c>
      <c r="I5009">
        <v>51.980395319237999</v>
      </c>
      <c r="J5009" t="s">
        <v>60694</v>
      </c>
    </row>
    <row r="5010" spans="1:10" x14ac:dyDescent="0.25">
      <c r="A5010" t="s">
        <v>36717</v>
      </c>
      <c r="B5010" t="s">
        <v>36718</v>
      </c>
      <c r="C5010" t="s">
        <v>36719</v>
      </c>
      <c r="D5010" t="s">
        <v>36695</v>
      </c>
      <c r="E5010" t="s">
        <v>13</v>
      </c>
      <c r="F5010">
        <v>9072</v>
      </c>
      <c r="G5010" t="s">
        <v>36720</v>
      </c>
      <c r="H5010">
        <v>4.2119602646930003</v>
      </c>
      <c r="I5010">
        <v>52.001769219560998</v>
      </c>
      <c r="J5010" t="s">
        <v>60695</v>
      </c>
    </row>
    <row r="5011" spans="1:10" x14ac:dyDescent="0.25">
      <c r="A5011" t="s">
        <v>36713</v>
      </c>
      <c r="B5011" t="s">
        <v>36714</v>
      </c>
      <c r="C5011" t="s">
        <v>36715</v>
      </c>
      <c r="D5011" t="s">
        <v>36695</v>
      </c>
      <c r="E5011" t="s">
        <v>13</v>
      </c>
      <c r="F5011">
        <v>9071</v>
      </c>
      <c r="G5011" t="s">
        <v>36716</v>
      </c>
      <c r="H5011">
        <v>4.2089230877650001</v>
      </c>
      <c r="I5011">
        <v>51.994712857111999</v>
      </c>
      <c r="J5011" t="s">
        <v>60696</v>
      </c>
    </row>
    <row r="5012" spans="1:10" x14ac:dyDescent="0.25">
      <c r="A5012" t="s">
        <v>36709</v>
      </c>
      <c r="B5012" t="s">
        <v>36710</v>
      </c>
      <c r="C5012" t="s">
        <v>36711</v>
      </c>
      <c r="D5012" t="s">
        <v>36695</v>
      </c>
      <c r="E5012" t="s">
        <v>13</v>
      </c>
      <c r="F5012">
        <v>9070</v>
      </c>
      <c r="G5012" t="s">
        <v>36712</v>
      </c>
      <c r="H5012">
        <v>4.2186179169670002</v>
      </c>
      <c r="I5012">
        <v>51.996030444338999</v>
      </c>
      <c r="J5012" t="s">
        <v>60697</v>
      </c>
    </row>
    <row r="5013" spans="1:10" x14ac:dyDescent="0.25">
      <c r="A5013" t="s">
        <v>36705</v>
      </c>
      <c r="B5013" t="s">
        <v>36706</v>
      </c>
      <c r="C5013" t="s">
        <v>36707</v>
      </c>
      <c r="D5013" t="s">
        <v>36695</v>
      </c>
      <c r="E5013" t="s">
        <v>13</v>
      </c>
      <c r="F5013">
        <v>9069</v>
      </c>
      <c r="G5013" t="s">
        <v>36708</v>
      </c>
      <c r="H5013">
        <v>4.215517044527</v>
      </c>
      <c r="I5013">
        <v>51.98937229653</v>
      </c>
      <c r="J5013" t="s">
        <v>60698</v>
      </c>
    </row>
    <row r="5014" spans="1:10" x14ac:dyDescent="0.25">
      <c r="A5014" t="s">
        <v>36701</v>
      </c>
      <c r="B5014" t="s">
        <v>36702</v>
      </c>
      <c r="C5014" t="s">
        <v>36703</v>
      </c>
      <c r="D5014" t="s">
        <v>36695</v>
      </c>
      <c r="E5014" t="s">
        <v>13</v>
      </c>
      <c r="F5014">
        <v>9068</v>
      </c>
      <c r="G5014" t="s">
        <v>36704</v>
      </c>
      <c r="H5014">
        <v>4.2051088148050004</v>
      </c>
      <c r="I5014">
        <v>51.997145974649001</v>
      </c>
      <c r="J5014" t="s">
        <v>60699</v>
      </c>
    </row>
    <row r="5015" spans="1:10" x14ac:dyDescent="0.25">
      <c r="A5015" t="s">
        <v>36697</v>
      </c>
      <c r="B5015" t="s">
        <v>36698</v>
      </c>
      <c r="C5015" t="s">
        <v>36699</v>
      </c>
      <c r="D5015" t="s">
        <v>36695</v>
      </c>
      <c r="E5015" t="s">
        <v>13</v>
      </c>
      <c r="F5015">
        <v>9067</v>
      </c>
      <c r="G5015" t="s">
        <v>36700</v>
      </c>
      <c r="H5015">
        <v>4.1992514707610002</v>
      </c>
      <c r="I5015">
        <v>51.992179240181002</v>
      </c>
      <c r="J5015" t="s">
        <v>60700</v>
      </c>
    </row>
    <row r="5016" spans="1:10" x14ac:dyDescent="0.25">
      <c r="A5016" t="s">
        <v>36692</v>
      </c>
      <c r="B5016" t="s">
        <v>36693</v>
      </c>
      <c r="C5016" t="s">
        <v>36694</v>
      </c>
      <c r="D5016" t="s">
        <v>36695</v>
      </c>
      <c r="E5016" t="s">
        <v>13</v>
      </c>
      <c r="F5016">
        <v>9066</v>
      </c>
      <c r="G5016" t="s">
        <v>36696</v>
      </c>
      <c r="H5016">
        <v>4.2099488240109997</v>
      </c>
      <c r="I5016">
        <v>51.993204763017999</v>
      </c>
      <c r="J5016" t="s">
        <v>60701</v>
      </c>
    </row>
    <row r="5017" spans="1:10" x14ac:dyDescent="0.25">
      <c r="A5017" t="s">
        <v>36688</v>
      </c>
      <c r="B5017" t="s">
        <v>36689</v>
      </c>
      <c r="C5017" t="s">
        <v>36690</v>
      </c>
      <c r="D5017" t="s">
        <v>36515</v>
      </c>
      <c r="E5017" t="s">
        <v>13</v>
      </c>
      <c r="F5017">
        <v>9065</v>
      </c>
      <c r="G5017" t="s">
        <v>36691</v>
      </c>
      <c r="H5017">
        <v>6.9161200322949998</v>
      </c>
      <c r="I5017">
        <v>52.423546131370998</v>
      </c>
      <c r="J5017" t="s">
        <v>60702</v>
      </c>
    </row>
    <row r="5018" spans="1:10" x14ac:dyDescent="0.25">
      <c r="A5018" t="s">
        <v>36684</v>
      </c>
      <c r="B5018" t="s">
        <v>36685</v>
      </c>
      <c r="C5018" t="s">
        <v>36686</v>
      </c>
      <c r="D5018" t="s">
        <v>36515</v>
      </c>
      <c r="E5018" t="s">
        <v>13</v>
      </c>
      <c r="F5018">
        <v>9064</v>
      </c>
      <c r="G5018" t="s">
        <v>36687</v>
      </c>
      <c r="H5018">
        <v>6.8708848467639996</v>
      </c>
      <c r="I5018">
        <v>52.419930644162001</v>
      </c>
      <c r="J5018" t="s">
        <v>60703</v>
      </c>
    </row>
    <row r="5019" spans="1:10" x14ac:dyDescent="0.25">
      <c r="A5019" t="s">
        <v>36680</v>
      </c>
      <c r="B5019" t="s">
        <v>36681</v>
      </c>
      <c r="C5019" t="s">
        <v>36682</v>
      </c>
      <c r="D5019" t="s">
        <v>36515</v>
      </c>
      <c r="E5019" t="s">
        <v>13</v>
      </c>
      <c r="F5019">
        <v>9063</v>
      </c>
      <c r="G5019" t="s">
        <v>36683</v>
      </c>
      <c r="H5019">
        <v>6.8561823518359999</v>
      </c>
      <c r="I5019">
        <v>52.301449257778998</v>
      </c>
      <c r="J5019" t="s">
        <v>60704</v>
      </c>
    </row>
    <row r="5020" spans="1:10" x14ac:dyDescent="0.25">
      <c r="A5020" t="s">
        <v>36676</v>
      </c>
      <c r="B5020" t="s">
        <v>36677</v>
      </c>
      <c r="C5020" t="s">
        <v>36678</v>
      </c>
      <c r="D5020" t="s">
        <v>36515</v>
      </c>
      <c r="E5020" t="s">
        <v>13</v>
      </c>
      <c r="F5020">
        <v>9062</v>
      </c>
      <c r="G5020" t="s">
        <v>36679</v>
      </c>
      <c r="H5020">
        <v>6.8380862079010001</v>
      </c>
      <c r="I5020">
        <v>52.300581389076001</v>
      </c>
      <c r="J5020" t="s">
        <v>60705</v>
      </c>
    </row>
    <row r="5021" spans="1:10" x14ac:dyDescent="0.25">
      <c r="A5021" t="s">
        <v>36672</v>
      </c>
      <c r="B5021" t="s">
        <v>36673</v>
      </c>
      <c r="C5021" t="s">
        <v>36674</v>
      </c>
      <c r="D5021" t="s">
        <v>36515</v>
      </c>
      <c r="E5021" t="s">
        <v>13</v>
      </c>
      <c r="F5021">
        <v>9061</v>
      </c>
      <c r="G5021" t="s">
        <v>36675</v>
      </c>
      <c r="H5021">
        <v>6.8029670113989997</v>
      </c>
      <c r="I5021">
        <v>52.336607084245003</v>
      </c>
      <c r="J5021" t="s">
        <v>60706</v>
      </c>
    </row>
    <row r="5022" spans="1:10" x14ac:dyDescent="0.25">
      <c r="A5022" t="s">
        <v>36668</v>
      </c>
      <c r="B5022" t="s">
        <v>36669</v>
      </c>
      <c r="C5022" t="s">
        <v>36670</v>
      </c>
      <c r="D5022" t="s">
        <v>36515</v>
      </c>
      <c r="E5022" t="s">
        <v>13</v>
      </c>
      <c r="F5022">
        <v>9060</v>
      </c>
      <c r="G5022" t="s">
        <v>36671</v>
      </c>
      <c r="H5022">
        <v>6.8070355347679996</v>
      </c>
      <c r="I5022">
        <v>52.331994627472</v>
      </c>
      <c r="J5022" t="s">
        <v>60707</v>
      </c>
    </row>
    <row r="5023" spans="1:10" x14ac:dyDescent="0.25">
      <c r="A5023" t="s">
        <v>36664</v>
      </c>
      <c r="B5023" t="s">
        <v>36665</v>
      </c>
      <c r="C5023" t="s">
        <v>36666</v>
      </c>
      <c r="D5023" t="s">
        <v>36515</v>
      </c>
      <c r="E5023" t="s">
        <v>13</v>
      </c>
      <c r="F5023">
        <v>9059</v>
      </c>
      <c r="G5023" t="s">
        <v>36667</v>
      </c>
      <c r="H5023">
        <v>6.930082790678</v>
      </c>
      <c r="I5023">
        <v>52.360606390438001</v>
      </c>
      <c r="J5023" t="s">
        <v>60708</v>
      </c>
    </row>
    <row r="5024" spans="1:10" x14ac:dyDescent="0.25">
      <c r="A5024" t="s">
        <v>36661</v>
      </c>
      <c r="B5024" t="s">
        <v>36662</v>
      </c>
      <c r="C5024" t="s">
        <v>10790</v>
      </c>
      <c r="D5024" t="s">
        <v>36515</v>
      </c>
      <c r="E5024" t="s">
        <v>13</v>
      </c>
      <c r="F5024">
        <v>9058</v>
      </c>
      <c r="G5024" t="s">
        <v>36663</v>
      </c>
      <c r="H5024">
        <v>6.9219816220509998</v>
      </c>
      <c r="I5024">
        <v>52.352431752248002</v>
      </c>
      <c r="J5024" t="s">
        <v>60709</v>
      </c>
    </row>
    <row r="5025" spans="1:10" x14ac:dyDescent="0.25">
      <c r="A5025" t="s">
        <v>36657</v>
      </c>
      <c r="B5025" t="s">
        <v>36658</v>
      </c>
      <c r="C5025" t="s">
        <v>36659</v>
      </c>
      <c r="D5025" t="s">
        <v>36515</v>
      </c>
      <c r="E5025" t="s">
        <v>13</v>
      </c>
      <c r="F5025">
        <v>9057</v>
      </c>
      <c r="G5025" t="s">
        <v>36660</v>
      </c>
      <c r="H5025">
        <v>6.8674997383090002</v>
      </c>
      <c r="I5025">
        <v>52.343758379324001</v>
      </c>
      <c r="J5025" t="s">
        <v>60710</v>
      </c>
    </row>
    <row r="5026" spans="1:10" x14ac:dyDescent="0.25">
      <c r="A5026" t="s">
        <v>36653</v>
      </c>
      <c r="B5026" t="s">
        <v>36654</v>
      </c>
      <c r="C5026" t="s">
        <v>36655</v>
      </c>
      <c r="D5026" t="s">
        <v>36515</v>
      </c>
      <c r="E5026" t="s">
        <v>13</v>
      </c>
      <c r="F5026">
        <v>9056</v>
      </c>
      <c r="G5026" t="s">
        <v>36656</v>
      </c>
      <c r="H5026">
        <v>6.8558583129840001</v>
      </c>
      <c r="I5026">
        <v>52.345249046458001</v>
      </c>
      <c r="J5026" t="s">
        <v>60711</v>
      </c>
    </row>
    <row r="5027" spans="1:10" x14ac:dyDescent="0.25">
      <c r="A5027" t="s">
        <v>36649</v>
      </c>
      <c r="B5027" t="s">
        <v>36650</v>
      </c>
      <c r="C5027" t="s">
        <v>36651</v>
      </c>
      <c r="D5027" t="s">
        <v>36515</v>
      </c>
      <c r="E5027" t="s">
        <v>13</v>
      </c>
      <c r="F5027">
        <v>9055</v>
      </c>
      <c r="G5027" t="s">
        <v>36652</v>
      </c>
      <c r="H5027">
        <v>6.8601246900049997</v>
      </c>
      <c r="I5027">
        <v>52.356608097010998</v>
      </c>
      <c r="J5027" t="s">
        <v>60712</v>
      </c>
    </row>
    <row r="5028" spans="1:10" x14ac:dyDescent="0.25">
      <c r="A5028" t="s">
        <v>36645</v>
      </c>
      <c r="B5028" t="s">
        <v>36646</v>
      </c>
      <c r="C5028" t="s">
        <v>36647</v>
      </c>
      <c r="D5028" t="s">
        <v>36515</v>
      </c>
      <c r="E5028" t="s">
        <v>13</v>
      </c>
      <c r="F5028">
        <v>9054</v>
      </c>
      <c r="G5028" t="s">
        <v>36648</v>
      </c>
      <c r="H5028">
        <v>6.8445247136829996</v>
      </c>
      <c r="I5028">
        <v>52.356049716232</v>
      </c>
      <c r="J5028" t="s">
        <v>60713</v>
      </c>
    </row>
    <row r="5029" spans="1:10" x14ac:dyDescent="0.25">
      <c r="A5029" t="s">
        <v>36641</v>
      </c>
      <c r="B5029" t="s">
        <v>36642</v>
      </c>
      <c r="C5029" t="s">
        <v>36643</v>
      </c>
      <c r="D5029" t="s">
        <v>36515</v>
      </c>
      <c r="E5029" t="s">
        <v>13</v>
      </c>
      <c r="F5029">
        <v>9053</v>
      </c>
      <c r="G5029" t="s">
        <v>36644</v>
      </c>
      <c r="H5029">
        <v>6.8521743249720002</v>
      </c>
      <c r="I5029">
        <v>52.356096577725999</v>
      </c>
      <c r="J5029" t="s">
        <v>60714</v>
      </c>
    </row>
    <row r="5030" spans="1:10" x14ac:dyDescent="0.25">
      <c r="A5030" t="s">
        <v>36637</v>
      </c>
      <c r="B5030" t="s">
        <v>36638</v>
      </c>
      <c r="C5030" t="s">
        <v>36639</v>
      </c>
      <c r="D5030" t="s">
        <v>36515</v>
      </c>
      <c r="E5030" t="s">
        <v>13</v>
      </c>
      <c r="F5030">
        <v>9052</v>
      </c>
      <c r="G5030" t="s">
        <v>36640</v>
      </c>
      <c r="H5030">
        <v>6.8600523540780003</v>
      </c>
      <c r="I5030">
        <v>52.351012084289998</v>
      </c>
      <c r="J5030" t="s">
        <v>60715</v>
      </c>
    </row>
    <row r="5031" spans="1:10" x14ac:dyDescent="0.25">
      <c r="A5031" t="s">
        <v>36633</v>
      </c>
      <c r="B5031" t="s">
        <v>36634</v>
      </c>
      <c r="C5031" t="s">
        <v>36635</v>
      </c>
      <c r="D5031" t="s">
        <v>36515</v>
      </c>
      <c r="E5031" t="s">
        <v>13</v>
      </c>
      <c r="F5031">
        <v>9051</v>
      </c>
      <c r="G5031" t="s">
        <v>36636</v>
      </c>
      <c r="H5031">
        <v>6.8541773839860003</v>
      </c>
      <c r="I5031">
        <v>52.351854260926999</v>
      </c>
      <c r="J5031" t="s">
        <v>60716</v>
      </c>
    </row>
    <row r="5032" spans="1:10" x14ac:dyDescent="0.25">
      <c r="A5032" t="s">
        <v>36629</v>
      </c>
      <c r="B5032" t="s">
        <v>36630</v>
      </c>
      <c r="C5032" t="s">
        <v>36631</v>
      </c>
      <c r="D5032" t="s">
        <v>36515</v>
      </c>
      <c r="E5032" t="s">
        <v>13</v>
      </c>
      <c r="F5032">
        <v>9050</v>
      </c>
      <c r="G5032" t="s">
        <v>36632</v>
      </c>
      <c r="H5032">
        <v>6.8866451796649999</v>
      </c>
      <c r="I5032">
        <v>52.411186654018998</v>
      </c>
      <c r="J5032" t="s">
        <v>60717</v>
      </c>
    </row>
    <row r="5033" spans="1:10" x14ac:dyDescent="0.25">
      <c r="A5033" t="s">
        <v>36625</v>
      </c>
      <c r="B5033" t="s">
        <v>36626</v>
      </c>
      <c r="C5033" t="s">
        <v>36627</v>
      </c>
      <c r="D5033" t="s">
        <v>36515</v>
      </c>
      <c r="E5033" t="s">
        <v>13</v>
      </c>
      <c r="F5033">
        <v>9049</v>
      </c>
      <c r="G5033" t="s">
        <v>36628</v>
      </c>
      <c r="H5033">
        <v>6.9202838468129997</v>
      </c>
      <c r="I5033">
        <v>52.408123094936002</v>
      </c>
      <c r="J5033" t="s">
        <v>60718</v>
      </c>
    </row>
    <row r="5034" spans="1:10" x14ac:dyDescent="0.25">
      <c r="A5034" t="s">
        <v>36621</v>
      </c>
      <c r="B5034" t="s">
        <v>36622</v>
      </c>
      <c r="C5034" t="s">
        <v>36623</v>
      </c>
      <c r="D5034" t="s">
        <v>36515</v>
      </c>
      <c r="E5034" t="s">
        <v>13</v>
      </c>
      <c r="F5034">
        <v>9048</v>
      </c>
      <c r="G5034" t="s">
        <v>36624</v>
      </c>
      <c r="H5034">
        <v>6.9111118996499998</v>
      </c>
      <c r="I5034">
        <v>52.412151964852001</v>
      </c>
      <c r="J5034" t="s">
        <v>60719</v>
      </c>
    </row>
    <row r="5035" spans="1:10" x14ac:dyDescent="0.25">
      <c r="A5035" t="s">
        <v>36617</v>
      </c>
      <c r="B5035" t="s">
        <v>36618</v>
      </c>
      <c r="C5035" t="s">
        <v>36619</v>
      </c>
      <c r="D5035" t="s">
        <v>36515</v>
      </c>
      <c r="E5035" t="s">
        <v>13</v>
      </c>
      <c r="F5035">
        <v>9047</v>
      </c>
      <c r="G5035" t="s">
        <v>36620</v>
      </c>
      <c r="H5035">
        <v>6.9033125027460001</v>
      </c>
      <c r="I5035">
        <v>52.402494172604001</v>
      </c>
      <c r="J5035" t="s">
        <v>60720</v>
      </c>
    </row>
    <row r="5036" spans="1:10" x14ac:dyDescent="0.25">
      <c r="A5036" t="s">
        <v>36613</v>
      </c>
      <c r="B5036" t="s">
        <v>36614</v>
      </c>
      <c r="C5036" t="s">
        <v>36615</v>
      </c>
      <c r="D5036" t="s">
        <v>36515</v>
      </c>
      <c r="E5036" t="s">
        <v>13</v>
      </c>
      <c r="F5036">
        <v>9046</v>
      </c>
      <c r="G5036" t="s">
        <v>36616</v>
      </c>
      <c r="H5036">
        <v>6.9101891943189999</v>
      </c>
      <c r="I5036">
        <v>52.405735614534997</v>
      </c>
      <c r="J5036" t="s">
        <v>60721</v>
      </c>
    </row>
    <row r="5037" spans="1:10" x14ac:dyDescent="0.25">
      <c r="A5037" t="s">
        <v>36609</v>
      </c>
      <c r="B5037" t="s">
        <v>36610</v>
      </c>
      <c r="C5037" t="s">
        <v>36611</v>
      </c>
      <c r="D5037" t="s">
        <v>36515</v>
      </c>
      <c r="E5037" t="s">
        <v>13</v>
      </c>
      <c r="F5037">
        <v>9045</v>
      </c>
      <c r="G5037" t="s">
        <v>36612</v>
      </c>
      <c r="H5037">
        <v>6.9005084459050003</v>
      </c>
      <c r="I5037">
        <v>52.411802680847003</v>
      </c>
      <c r="J5037" t="s">
        <v>60722</v>
      </c>
    </row>
    <row r="5038" spans="1:10" x14ac:dyDescent="0.25">
      <c r="A5038" t="s">
        <v>36605</v>
      </c>
      <c r="B5038" t="s">
        <v>36606</v>
      </c>
      <c r="C5038" t="s">
        <v>36607</v>
      </c>
      <c r="D5038" t="s">
        <v>36515</v>
      </c>
      <c r="E5038" t="s">
        <v>13</v>
      </c>
      <c r="F5038">
        <v>9044</v>
      </c>
      <c r="G5038" t="s">
        <v>36608</v>
      </c>
      <c r="H5038">
        <v>6.9043265118530002</v>
      </c>
      <c r="I5038">
        <v>52.407469211936998</v>
      </c>
      <c r="J5038" t="s">
        <v>60723</v>
      </c>
    </row>
    <row r="5039" spans="1:10" x14ac:dyDescent="0.25">
      <c r="A5039" t="s">
        <v>36601</v>
      </c>
      <c r="B5039" t="s">
        <v>36602</v>
      </c>
      <c r="C5039" t="s">
        <v>36603</v>
      </c>
      <c r="D5039" t="s">
        <v>36515</v>
      </c>
      <c r="E5039" t="s">
        <v>13</v>
      </c>
      <c r="F5039">
        <v>9043</v>
      </c>
      <c r="G5039" t="s">
        <v>36604</v>
      </c>
      <c r="H5039">
        <v>6.8914003920300004</v>
      </c>
      <c r="I5039">
        <v>52.406386568422</v>
      </c>
      <c r="J5039" t="s">
        <v>60724</v>
      </c>
    </row>
    <row r="5040" spans="1:10" x14ac:dyDescent="0.25">
      <c r="A5040" t="s">
        <v>36597</v>
      </c>
      <c r="B5040" t="s">
        <v>36598</v>
      </c>
      <c r="C5040" t="s">
        <v>36599</v>
      </c>
      <c r="D5040" t="s">
        <v>36515</v>
      </c>
      <c r="E5040" t="s">
        <v>13</v>
      </c>
      <c r="F5040">
        <v>9042</v>
      </c>
      <c r="G5040" t="s">
        <v>36600</v>
      </c>
      <c r="H5040">
        <v>6.8968136494329997</v>
      </c>
      <c r="I5040">
        <v>52.408298230245002</v>
      </c>
      <c r="J5040" t="s">
        <v>60725</v>
      </c>
    </row>
    <row r="5041" spans="1:10" x14ac:dyDescent="0.25">
      <c r="A5041" t="s">
        <v>36593</v>
      </c>
      <c r="B5041" t="s">
        <v>36594</v>
      </c>
      <c r="C5041" t="s">
        <v>36595</v>
      </c>
      <c r="D5041" t="s">
        <v>36515</v>
      </c>
      <c r="E5041" t="s">
        <v>13</v>
      </c>
      <c r="F5041">
        <v>9041</v>
      </c>
      <c r="G5041" t="s">
        <v>36596</v>
      </c>
      <c r="H5041">
        <v>6.8972371251790001</v>
      </c>
      <c r="I5041">
        <v>52.407668641683998</v>
      </c>
      <c r="J5041" t="s">
        <v>60726</v>
      </c>
    </row>
    <row r="5042" spans="1:10" x14ac:dyDescent="0.25">
      <c r="A5042" t="s">
        <v>36589</v>
      </c>
      <c r="B5042" t="s">
        <v>36590</v>
      </c>
      <c r="C5042" t="s">
        <v>36591</v>
      </c>
      <c r="D5042" t="s">
        <v>36515</v>
      </c>
      <c r="E5042" t="s">
        <v>13</v>
      </c>
      <c r="F5042">
        <v>9040</v>
      </c>
      <c r="G5042" t="s">
        <v>36592</v>
      </c>
      <c r="H5042">
        <v>7.0164302834800001</v>
      </c>
      <c r="I5042">
        <v>52.399782229274997</v>
      </c>
      <c r="J5042" t="s">
        <v>60727</v>
      </c>
    </row>
    <row r="5043" spans="1:10" x14ac:dyDescent="0.25">
      <c r="A5043" t="s">
        <v>36585</v>
      </c>
      <c r="B5043" t="s">
        <v>36586</v>
      </c>
      <c r="C5043" t="s">
        <v>36587</v>
      </c>
      <c r="D5043" t="s">
        <v>36515</v>
      </c>
      <c r="E5043" t="s">
        <v>13</v>
      </c>
      <c r="F5043">
        <v>9039</v>
      </c>
      <c r="G5043" t="s">
        <v>36588</v>
      </c>
      <c r="H5043">
        <v>7.0255805114410004</v>
      </c>
      <c r="I5043">
        <v>52.397660098353001</v>
      </c>
      <c r="J5043" t="s">
        <v>60728</v>
      </c>
    </row>
    <row r="5044" spans="1:10" x14ac:dyDescent="0.25">
      <c r="A5044" t="s">
        <v>36581</v>
      </c>
      <c r="B5044" t="s">
        <v>36582</v>
      </c>
      <c r="C5044" t="s">
        <v>36583</v>
      </c>
      <c r="D5044" t="s">
        <v>36515</v>
      </c>
      <c r="E5044" t="s">
        <v>13</v>
      </c>
      <c r="F5044">
        <v>9038</v>
      </c>
      <c r="G5044" t="s">
        <v>36584</v>
      </c>
      <c r="H5044">
        <v>6.912089413616</v>
      </c>
      <c r="I5044">
        <v>52.392440433826003</v>
      </c>
      <c r="J5044" t="s">
        <v>60729</v>
      </c>
    </row>
    <row r="5045" spans="1:10" x14ac:dyDescent="0.25">
      <c r="A5045" t="s">
        <v>36577</v>
      </c>
      <c r="B5045" t="s">
        <v>36578</v>
      </c>
      <c r="C5045" t="s">
        <v>36579</v>
      </c>
      <c r="D5045" t="s">
        <v>36515</v>
      </c>
      <c r="E5045" t="s">
        <v>13</v>
      </c>
      <c r="F5045">
        <v>9037</v>
      </c>
      <c r="G5045" t="s">
        <v>36580</v>
      </c>
      <c r="H5045">
        <v>6.879391472609</v>
      </c>
      <c r="I5045">
        <v>52.385020350714001</v>
      </c>
      <c r="J5045" t="s">
        <v>60730</v>
      </c>
    </row>
    <row r="5046" spans="1:10" x14ac:dyDescent="0.25">
      <c r="A5046" t="s">
        <v>36573</v>
      </c>
      <c r="B5046" t="s">
        <v>36574</v>
      </c>
      <c r="C5046" t="s">
        <v>36575</v>
      </c>
      <c r="D5046" t="s">
        <v>36515</v>
      </c>
      <c r="E5046" t="s">
        <v>13</v>
      </c>
      <c r="F5046">
        <v>9036</v>
      </c>
      <c r="G5046" t="s">
        <v>36576</v>
      </c>
      <c r="H5046">
        <v>6.9477591842740001</v>
      </c>
      <c r="I5046">
        <v>52.405905121526999</v>
      </c>
      <c r="J5046" t="s">
        <v>60731</v>
      </c>
    </row>
    <row r="5047" spans="1:10" x14ac:dyDescent="0.25">
      <c r="A5047" t="s">
        <v>36569</v>
      </c>
      <c r="B5047" t="s">
        <v>36570</v>
      </c>
      <c r="C5047" t="s">
        <v>36571</v>
      </c>
      <c r="D5047" t="s">
        <v>36515</v>
      </c>
      <c r="E5047" t="s">
        <v>13</v>
      </c>
      <c r="F5047">
        <v>9035</v>
      </c>
      <c r="G5047" t="s">
        <v>36572</v>
      </c>
      <c r="H5047">
        <v>6.9514392673299996</v>
      </c>
      <c r="I5047">
        <v>52.405476118994002</v>
      </c>
      <c r="J5047" t="s">
        <v>60732</v>
      </c>
    </row>
    <row r="5048" spans="1:10" x14ac:dyDescent="0.25">
      <c r="A5048" t="s">
        <v>36565</v>
      </c>
      <c r="B5048" t="s">
        <v>36566</v>
      </c>
      <c r="C5048" t="s">
        <v>36567</v>
      </c>
      <c r="D5048" t="s">
        <v>36515</v>
      </c>
      <c r="E5048" t="s">
        <v>13</v>
      </c>
      <c r="F5048">
        <v>9034</v>
      </c>
      <c r="G5048" t="s">
        <v>36568</v>
      </c>
      <c r="H5048">
        <v>6.9895473391139999</v>
      </c>
      <c r="I5048">
        <v>52.423399291698999</v>
      </c>
      <c r="J5048" t="s">
        <v>60733</v>
      </c>
    </row>
    <row r="5049" spans="1:10" x14ac:dyDescent="0.25">
      <c r="A5049" t="s">
        <v>36561</v>
      </c>
      <c r="B5049" t="s">
        <v>36562</v>
      </c>
      <c r="C5049" t="s">
        <v>36563</v>
      </c>
      <c r="D5049" t="s">
        <v>36515</v>
      </c>
      <c r="E5049" t="s">
        <v>13</v>
      </c>
      <c r="F5049">
        <v>9033</v>
      </c>
      <c r="G5049" t="s">
        <v>36564</v>
      </c>
      <c r="H5049">
        <v>6.9835698636760002</v>
      </c>
      <c r="I5049">
        <v>52.447811796712003</v>
      </c>
      <c r="J5049" t="s">
        <v>60734</v>
      </c>
    </row>
    <row r="5050" spans="1:10" x14ac:dyDescent="0.25">
      <c r="A5050" t="s">
        <v>36557</v>
      </c>
      <c r="B5050" t="s">
        <v>36558</v>
      </c>
      <c r="C5050" t="s">
        <v>36559</v>
      </c>
      <c r="D5050" t="s">
        <v>36515</v>
      </c>
      <c r="E5050" t="s">
        <v>13</v>
      </c>
      <c r="F5050">
        <v>9032</v>
      </c>
      <c r="G5050" t="s">
        <v>36560</v>
      </c>
      <c r="H5050">
        <v>6.9763464640699997</v>
      </c>
      <c r="I5050">
        <v>52.426465338979</v>
      </c>
      <c r="J5050" t="s">
        <v>60735</v>
      </c>
    </row>
    <row r="5051" spans="1:10" x14ac:dyDescent="0.25">
      <c r="A5051" t="s">
        <v>36553</v>
      </c>
      <c r="B5051" t="s">
        <v>36554</v>
      </c>
      <c r="C5051" t="s">
        <v>36555</v>
      </c>
      <c r="D5051" t="s">
        <v>36515</v>
      </c>
      <c r="E5051" t="s">
        <v>13</v>
      </c>
      <c r="F5051">
        <v>9031</v>
      </c>
      <c r="G5051" t="s">
        <v>36556</v>
      </c>
      <c r="H5051">
        <v>7.0108912131550003</v>
      </c>
      <c r="I5051">
        <v>52.383304870236998</v>
      </c>
      <c r="J5051" t="s">
        <v>60736</v>
      </c>
    </row>
    <row r="5052" spans="1:10" x14ac:dyDescent="0.25">
      <c r="A5052" t="s">
        <v>36549</v>
      </c>
      <c r="B5052" t="s">
        <v>36550</v>
      </c>
      <c r="C5052" t="s">
        <v>36551</v>
      </c>
      <c r="D5052" t="s">
        <v>36515</v>
      </c>
      <c r="E5052" t="s">
        <v>13</v>
      </c>
      <c r="F5052">
        <v>9030</v>
      </c>
      <c r="G5052" t="s">
        <v>36552</v>
      </c>
      <c r="H5052">
        <v>7.0203246586340002</v>
      </c>
      <c r="I5052">
        <v>52.380501143701999</v>
      </c>
      <c r="J5052" t="s">
        <v>60737</v>
      </c>
    </row>
    <row r="5053" spans="1:10" x14ac:dyDescent="0.25">
      <c r="A5053" t="s">
        <v>36545</v>
      </c>
      <c r="B5053" t="s">
        <v>36546</v>
      </c>
      <c r="C5053" t="s">
        <v>36547</v>
      </c>
      <c r="D5053" t="s">
        <v>36515</v>
      </c>
      <c r="E5053" t="s">
        <v>13</v>
      </c>
      <c r="F5053">
        <v>9029</v>
      </c>
      <c r="G5053" t="s">
        <v>36548</v>
      </c>
      <c r="H5053">
        <v>7.0139952359890003</v>
      </c>
      <c r="I5053">
        <v>52.386199740471</v>
      </c>
      <c r="J5053" t="s">
        <v>60738</v>
      </c>
    </row>
    <row r="5054" spans="1:10" x14ac:dyDescent="0.25">
      <c r="A5054" t="s">
        <v>36541</v>
      </c>
      <c r="B5054" t="s">
        <v>36542</v>
      </c>
      <c r="C5054" t="s">
        <v>36543</v>
      </c>
      <c r="D5054" t="s">
        <v>36515</v>
      </c>
      <c r="E5054" t="s">
        <v>13</v>
      </c>
      <c r="F5054">
        <v>9028</v>
      </c>
      <c r="G5054" t="s">
        <v>36544</v>
      </c>
      <c r="H5054">
        <v>7.0196913291299996</v>
      </c>
      <c r="I5054">
        <v>52.374326387307001</v>
      </c>
      <c r="J5054" t="s">
        <v>60739</v>
      </c>
    </row>
    <row r="5055" spans="1:10" x14ac:dyDescent="0.25">
      <c r="A5055" t="s">
        <v>36537</v>
      </c>
      <c r="B5055" t="s">
        <v>36538</v>
      </c>
      <c r="C5055" t="s">
        <v>36539</v>
      </c>
      <c r="D5055" t="s">
        <v>36515</v>
      </c>
      <c r="E5055" t="s">
        <v>13</v>
      </c>
      <c r="F5055">
        <v>9027</v>
      </c>
      <c r="G5055" t="s">
        <v>36540</v>
      </c>
      <c r="H5055">
        <v>7.0134506931029996</v>
      </c>
      <c r="I5055">
        <v>52.379106044761997</v>
      </c>
      <c r="J5055" t="s">
        <v>60740</v>
      </c>
    </row>
    <row r="5056" spans="1:10" x14ac:dyDescent="0.25">
      <c r="A5056" t="s">
        <v>36533</v>
      </c>
      <c r="B5056" t="s">
        <v>36534</v>
      </c>
      <c r="C5056" t="s">
        <v>36535</v>
      </c>
      <c r="D5056" t="s">
        <v>36515</v>
      </c>
      <c r="E5056" t="s">
        <v>13</v>
      </c>
      <c r="F5056">
        <v>9026</v>
      </c>
      <c r="G5056" t="s">
        <v>36536</v>
      </c>
      <c r="H5056">
        <v>7.007018229132</v>
      </c>
      <c r="I5056">
        <v>52.384080345408996</v>
      </c>
      <c r="J5056" t="s">
        <v>60741</v>
      </c>
    </row>
    <row r="5057" spans="1:10" x14ac:dyDescent="0.25">
      <c r="A5057" t="s">
        <v>36529</v>
      </c>
      <c r="B5057" t="s">
        <v>36530</v>
      </c>
      <c r="C5057" t="s">
        <v>36531</v>
      </c>
      <c r="D5057" t="s">
        <v>36515</v>
      </c>
      <c r="E5057" t="s">
        <v>13</v>
      </c>
      <c r="F5057">
        <v>9025</v>
      </c>
      <c r="G5057" t="s">
        <v>36532</v>
      </c>
      <c r="H5057">
        <v>7.0020724977980002</v>
      </c>
      <c r="I5057">
        <v>52.379483279547003</v>
      </c>
      <c r="J5057" t="s">
        <v>60742</v>
      </c>
    </row>
    <row r="5058" spans="1:10" x14ac:dyDescent="0.25">
      <c r="A5058" t="s">
        <v>36525</v>
      </c>
      <c r="B5058" t="s">
        <v>36526</v>
      </c>
      <c r="C5058" t="s">
        <v>36527</v>
      </c>
      <c r="D5058" t="s">
        <v>36515</v>
      </c>
      <c r="E5058" t="s">
        <v>13</v>
      </c>
      <c r="F5058">
        <v>9024</v>
      </c>
      <c r="G5058" t="s">
        <v>36528</v>
      </c>
      <c r="H5058">
        <v>6.9979953936159998</v>
      </c>
      <c r="I5058">
        <v>52.374303477322002</v>
      </c>
      <c r="J5058" t="s">
        <v>60743</v>
      </c>
    </row>
    <row r="5059" spans="1:10" x14ac:dyDescent="0.25">
      <c r="A5059" t="s">
        <v>36521</v>
      </c>
      <c r="B5059" t="s">
        <v>36522</v>
      </c>
      <c r="C5059" t="s">
        <v>36523</v>
      </c>
      <c r="D5059" t="s">
        <v>36515</v>
      </c>
      <c r="E5059" t="s">
        <v>13</v>
      </c>
      <c r="F5059">
        <v>9023</v>
      </c>
      <c r="G5059" t="s">
        <v>36524</v>
      </c>
      <c r="H5059">
        <v>7.0035952035660003</v>
      </c>
      <c r="I5059">
        <v>52.370449816681003</v>
      </c>
      <c r="J5059" t="s">
        <v>60744</v>
      </c>
    </row>
    <row r="5060" spans="1:10" x14ac:dyDescent="0.25">
      <c r="A5060" t="s">
        <v>36517</v>
      </c>
      <c r="B5060" t="s">
        <v>36518</v>
      </c>
      <c r="C5060" t="s">
        <v>36519</v>
      </c>
      <c r="D5060" t="s">
        <v>36515</v>
      </c>
      <c r="E5060" t="s">
        <v>13</v>
      </c>
      <c r="F5060">
        <v>9022</v>
      </c>
      <c r="G5060" t="s">
        <v>36520</v>
      </c>
      <c r="H5060">
        <v>7.0116475920079999</v>
      </c>
      <c r="I5060">
        <v>52.372703108700001</v>
      </c>
      <c r="J5060" t="s">
        <v>60745</v>
      </c>
    </row>
    <row r="5061" spans="1:10" x14ac:dyDescent="0.25">
      <c r="A5061" t="s">
        <v>36513</v>
      </c>
      <c r="B5061" t="s">
        <v>36514</v>
      </c>
      <c r="C5061" t="s">
        <v>129</v>
      </c>
      <c r="D5061" t="s">
        <v>36515</v>
      </c>
      <c r="E5061" t="s">
        <v>13</v>
      </c>
      <c r="F5061">
        <v>9021</v>
      </c>
      <c r="G5061" t="s">
        <v>36516</v>
      </c>
      <c r="H5061">
        <v>7.0052003444909996</v>
      </c>
      <c r="I5061">
        <v>52.375307139234003</v>
      </c>
      <c r="J5061" t="s">
        <v>60746</v>
      </c>
    </row>
    <row r="5062" spans="1:10" x14ac:dyDescent="0.25">
      <c r="A5062" t="s">
        <v>36509</v>
      </c>
      <c r="B5062" t="s">
        <v>36510</v>
      </c>
      <c r="C5062" t="s">
        <v>36511</v>
      </c>
      <c r="D5062" t="s">
        <v>36425</v>
      </c>
      <c r="E5062" t="s">
        <v>13</v>
      </c>
      <c r="F5062">
        <v>9020</v>
      </c>
      <c r="G5062" t="s">
        <v>36512</v>
      </c>
      <c r="H5062">
        <v>6.1414206962830002</v>
      </c>
      <c r="I5062">
        <v>52.421887506912</v>
      </c>
      <c r="J5062" t="s">
        <v>60747</v>
      </c>
    </row>
    <row r="5063" spans="1:10" x14ac:dyDescent="0.25">
      <c r="A5063" t="s">
        <v>36506</v>
      </c>
      <c r="B5063" t="s">
        <v>36507</v>
      </c>
      <c r="C5063" t="s">
        <v>20684</v>
      </c>
      <c r="D5063" t="s">
        <v>36425</v>
      </c>
      <c r="E5063" t="s">
        <v>13</v>
      </c>
      <c r="F5063">
        <v>9019</v>
      </c>
      <c r="G5063" t="s">
        <v>36508</v>
      </c>
      <c r="H5063">
        <v>6.1593272249459998</v>
      </c>
      <c r="I5063">
        <v>52.348934390201997</v>
      </c>
      <c r="J5063" t="s">
        <v>60748</v>
      </c>
    </row>
    <row r="5064" spans="1:10" x14ac:dyDescent="0.25">
      <c r="A5064" t="s">
        <v>36503</v>
      </c>
      <c r="B5064" t="s">
        <v>36504</v>
      </c>
      <c r="C5064" t="s">
        <v>2734</v>
      </c>
      <c r="D5064" t="s">
        <v>36425</v>
      </c>
      <c r="E5064" t="s">
        <v>13</v>
      </c>
      <c r="F5064">
        <v>9018</v>
      </c>
      <c r="G5064" t="s">
        <v>36505</v>
      </c>
      <c r="H5064">
        <v>6.123507591449</v>
      </c>
      <c r="I5064">
        <v>52.414604989379001</v>
      </c>
      <c r="J5064" t="s">
        <v>60749</v>
      </c>
    </row>
    <row r="5065" spans="1:10" x14ac:dyDescent="0.25">
      <c r="A5065" t="s">
        <v>36499</v>
      </c>
      <c r="B5065" t="s">
        <v>36500</v>
      </c>
      <c r="C5065" t="s">
        <v>36501</v>
      </c>
      <c r="D5065" t="s">
        <v>36425</v>
      </c>
      <c r="E5065" t="s">
        <v>13</v>
      </c>
      <c r="F5065">
        <v>9017</v>
      </c>
      <c r="G5065" t="s">
        <v>36502</v>
      </c>
      <c r="H5065">
        <v>6.1896624070900002</v>
      </c>
      <c r="I5065">
        <v>52.413627838590003</v>
      </c>
      <c r="J5065" t="s">
        <v>60750</v>
      </c>
    </row>
    <row r="5066" spans="1:10" x14ac:dyDescent="0.25">
      <c r="A5066" t="s">
        <v>36495</v>
      </c>
      <c r="B5066" t="s">
        <v>36496</v>
      </c>
      <c r="C5066" t="s">
        <v>36497</v>
      </c>
      <c r="D5066" t="s">
        <v>36425</v>
      </c>
      <c r="E5066" t="s">
        <v>13</v>
      </c>
      <c r="F5066">
        <v>9016</v>
      </c>
      <c r="G5066" t="s">
        <v>36498</v>
      </c>
      <c r="H5066">
        <v>6.1576670837430001</v>
      </c>
      <c r="I5066">
        <v>52.322093573766999</v>
      </c>
      <c r="J5066" t="s">
        <v>60751</v>
      </c>
    </row>
    <row r="5067" spans="1:10" x14ac:dyDescent="0.25">
      <c r="A5067" t="s">
        <v>36491</v>
      </c>
      <c r="B5067" t="s">
        <v>36492</v>
      </c>
      <c r="C5067" t="s">
        <v>36493</v>
      </c>
      <c r="D5067" t="s">
        <v>36425</v>
      </c>
      <c r="E5067" t="s">
        <v>13</v>
      </c>
      <c r="F5067">
        <v>9015</v>
      </c>
      <c r="G5067" t="s">
        <v>36494</v>
      </c>
      <c r="H5067">
        <v>6.1135103604229997</v>
      </c>
      <c r="I5067">
        <v>52.361831396660001</v>
      </c>
      <c r="J5067" t="s">
        <v>60752</v>
      </c>
    </row>
    <row r="5068" spans="1:10" x14ac:dyDescent="0.25">
      <c r="A5068" t="s">
        <v>36487</v>
      </c>
      <c r="B5068" t="s">
        <v>36488</v>
      </c>
      <c r="C5068" t="s">
        <v>36489</v>
      </c>
      <c r="D5068" t="s">
        <v>36425</v>
      </c>
      <c r="E5068" t="s">
        <v>13</v>
      </c>
      <c r="F5068">
        <v>9014</v>
      </c>
      <c r="G5068" t="s">
        <v>36490</v>
      </c>
      <c r="H5068">
        <v>6.1111859709339997</v>
      </c>
      <c r="I5068">
        <v>52.355895841311998</v>
      </c>
      <c r="J5068" t="s">
        <v>60753</v>
      </c>
    </row>
    <row r="5069" spans="1:10" x14ac:dyDescent="0.25">
      <c r="A5069" t="s">
        <v>36483</v>
      </c>
      <c r="B5069" t="s">
        <v>36484</v>
      </c>
      <c r="C5069" t="s">
        <v>36485</v>
      </c>
      <c r="D5069" t="s">
        <v>36425</v>
      </c>
      <c r="E5069" t="s">
        <v>13</v>
      </c>
      <c r="F5069">
        <v>9013</v>
      </c>
      <c r="G5069" t="s">
        <v>36486</v>
      </c>
      <c r="H5069">
        <v>6.0875666141989999</v>
      </c>
      <c r="I5069">
        <v>52.328832274288999</v>
      </c>
      <c r="J5069" t="s">
        <v>60754</v>
      </c>
    </row>
    <row r="5070" spans="1:10" x14ac:dyDescent="0.25">
      <c r="A5070" t="s">
        <v>36479</v>
      </c>
      <c r="B5070" t="s">
        <v>36480</v>
      </c>
      <c r="C5070" t="s">
        <v>36481</v>
      </c>
      <c r="D5070" t="s">
        <v>36425</v>
      </c>
      <c r="E5070" t="s">
        <v>13</v>
      </c>
      <c r="F5070">
        <v>9012</v>
      </c>
      <c r="G5070" t="s">
        <v>36482</v>
      </c>
      <c r="H5070">
        <v>6.1747703325380003</v>
      </c>
      <c r="I5070">
        <v>52.375234348013997</v>
      </c>
      <c r="J5070" t="s">
        <v>60755</v>
      </c>
    </row>
    <row r="5071" spans="1:10" x14ac:dyDescent="0.25">
      <c r="A5071" t="s">
        <v>36475</v>
      </c>
      <c r="B5071" t="s">
        <v>36476</v>
      </c>
      <c r="C5071" t="s">
        <v>36477</v>
      </c>
      <c r="D5071" t="s">
        <v>36425</v>
      </c>
      <c r="E5071" t="s">
        <v>13</v>
      </c>
      <c r="F5071">
        <v>9011</v>
      </c>
      <c r="G5071" t="s">
        <v>36478</v>
      </c>
      <c r="H5071">
        <v>6.1507838078760004</v>
      </c>
      <c r="I5071">
        <v>52.376682422426001</v>
      </c>
      <c r="J5071" t="s">
        <v>60756</v>
      </c>
    </row>
    <row r="5072" spans="1:10" x14ac:dyDescent="0.25">
      <c r="A5072" t="s">
        <v>36471</v>
      </c>
      <c r="B5072" t="s">
        <v>36472</v>
      </c>
      <c r="C5072" t="s">
        <v>36473</v>
      </c>
      <c r="D5072" t="s">
        <v>36425</v>
      </c>
      <c r="E5072" t="s">
        <v>13</v>
      </c>
      <c r="F5072">
        <v>9010</v>
      </c>
      <c r="G5072" t="s">
        <v>36474</v>
      </c>
      <c r="H5072">
        <v>6.1308553106000003</v>
      </c>
      <c r="I5072">
        <v>52.323786668677997</v>
      </c>
      <c r="J5072" t="s">
        <v>60757</v>
      </c>
    </row>
    <row r="5073" spans="1:10" x14ac:dyDescent="0.25">
      <c r="A5073" t="s">
        <v>36467</v>
      </c>
      <c r="B5073" t="s">
        <v>36468</v>
      </c>
      <c r="C5073" t="s">
        <v>36469</v>
      </c>
      <c r="D5073" t="s">
        <v>36425</v>
      </c>
      <c r="E5073" t="s">
        <v>13</v>
      </c>
      <c r="F5073">
        <v>9009</v>
      </c>
      <c r="G5073" t="s">
        <v>36470</v>
      </c>
      <c r="H5073">
        <v>6.1277060477600003</v>
      </c>
      <c r="I5073">
        <v>52.330589061123</v>
      </c>
      <c r="J5073" t="s">
        <v>60758</v>
      </c>
    </row>
    <row r="5074" spans="1:10" x14ac:dyDescent="0.25">
      <c r="A5074" t="s">
        <v>36463</v>
      </c>
      <c r="B5074" t="s">
        <v>36464</v>
      </c>
      <c r="C5074" t="s">
        <v>36465</v>
      </c>
      <c r="D5074" t="s">
        <v>36425</v>
      </c>
      <c r="E5074" t="s">
        <v>13</v>
      </c>
      <c r="F5074">
        <v>9008</v>
      </c>
      <c r="G5074" t="s">
        <v>36466</v>
      </c>
      <c r="H5074">
        <v>6.2038832737660004</v>
      </c>
      <c r="I5074">
        <v>52.333086701146001</v>
      </c>
      <c r="J5074" t="s">
        <v>60759</v>
      </c>
    </row>
    <row r="5075" spans="1:10" x14ac:dyDescent="0.25">
      <c r="A5075" t="s">
        <v>36459</v>
      </c>
      <c r="B5075" t="s">
        <v>36460</v>
      </c>
      <c r="C5075" t="s">
        <v>36461</v>
      </c>
      <c r="D5075" t="s">
        <v>36425</v>
      </c>
      <c r="E5075" t="s">
        <v>13</v>
      </c>
      <c r="F5075">
        <v>9007</v>
      </c>
      <c r="G5075" t="s">
        <v>36462</v>
      </c>
      <c r="H5075">
        <v>6.2117925708759998</v>
      </c>
      <c r="I5075">
        <v>52.329599663987999</v>
      </c>
      <c r="J5075" t="s">
        <v>60760</v>
      </c>
    </row>
    <row r="5076" spans="1:10" x14ac:dyDescent="0.25">
      <c r="A5076" t="s">
        <v>36455</v>
      </c>
      <c r="B5076" t="s">
        <v>36456</v>
      </c>
      <c r="C5076" t="s">
        <v>36457</v>
      </c>
      <c r="D5076" t="s">
        <v>36425</v>
      </c>
      <c r="E5076" t="s">
        <v>13</v>
      </c>
      <c r="F5076">
        <v>9006</v>
      </c>
      <c r="G5076" t="s">
        <v>36458</v>
      </c>
      <c r="H5076">
        <v>6.1490314848769998</v>
      </c>
      <c r="I5076">
        <v>52.391538432234</v>
      </c>
      <c r="J5076" t="s">
        <v>60761</v>
      </c>
    </row>
    <row r="5077" spans="1:10" x14ac:dyDescent="0.25">
      <c r="A5077" t="s">
        <v>36451</v>
      </c>
      <c r="B5077" t="s">
        <v>36452</v>
      </c>
      <c r="C5077" t="s">
        <v>36453</v>
      </c>
      <c r="D5077" t="s">
        <v>36425</v>
      </c>
      <c r="E5077" t="s">
        <v>13</v>
      </c>
      <c r="F5077">
        <v>9005</v>
      </c>
      <c r="G5077" t="s">
        <v>36454</v>
      </c>
      <c r="H5077">
        <v>6.1422206094060003</v>
      </c>
      <c r="I5077">
        <v>52.374456540063001</v>
      </c>
      <c r="J5077" t="s">
        <v>60762</v>
      </c>
    </row>
    <row r="5078" spans="1:10" x14ac:dyDescent="0.25">
      <c r="A5078" t="s">
        <v>36447</v>
      </c>
      <c r="B5078" t="s">
        <v>36448</v>
      </c>
      <c r="C5078" t="s">
        <v>36449</v>
      </c>
      <c r="D5078" t="s">
        <v>36425</v>
      </c>
      <c r="E5078" t="s">
        <v>13</v>
      </c>
      <c r="F5078">
        <v>9004</v>
      </c>
      <c r="G5078" t="s">
        <v>36450</v>
      </c>
      <c r="H5078">
        <v>6.1307800621800004</v>
      </c>
      <c r="I5078">
        <v>52.378909805740001</v>
      </c>
      <c r="J5078" t="s">
        <v>60763</v>
      </c>
    </row>
    <row r="5079" spans="1:10" x14ac:dyDescent="0.25">
      <c r="A5079" t="s">
        <v>36443</v>
      </c>
      <c r="B5079" t="s">
        <v>36444</v>
      </c>
      <c r="C5079" t="s">
        <v>36445</v>
      </c>
      <c r="D5079" t="s">
        <v>36425</v>
      </c>
      <c r="E5079" t="s">
        <v>13</v>
      </c>
      <c r="F5079">
        <v>9003</v>
      </c>
      <c r="G5079" t="s">
        <v>36446</v>
      </c>
      <c r="H5079">
        <v>6.1340980926319997</v>
      </c>
      <c r="I5079">
        <v>52.392268020223</v>
      </c>
      <c r="J5079" t="s">
        <v>60764</v>
      </c>
    </row>
    <row r="5080" spans="1:10" x14ac:dyDescent="0.25">
      <c r="A5080" t="s">
        <v>36439</v>
      </c>
      <c r="B5080" t="s">
        <v>36440</v>
      </c>
      <c r="C5080" t="s">
        <v>36441</v>
      </c>
      <c r="D5080" t="s">
        <v>36425</v>
      </c>
      <c r="E5080" t="s">
        <v>13</v>
      </c>
      <c r="F5080">
        <v>9002</v>
      </c>
      <c r="G5080" t="s">
        <v>36442</v>
      </c>
      <c r="H5080">
        <v>6.1146704605500002</v>
      </c>
      <c r="I5080">
        <v>52.308272156040999</v>
      </c>
      <c r="J5080" t="s">
        <v>60765</v>
      </c>
    </row>
    <row r="5081" spans="1:10" x14ac:dyDescent="0.25">
      <c r="A5081" t="s">
        <v>36435</v>
      </c>
      <c r="B5081" t="s">
        <v>36436</v>
      </c>
      <c r="C5081" t="s">
        <v>36437</v>
      </c>
      <c r="D5081" t="s">
        <v>36425</v>
      </c>
      <c r="E5081" t="s">
        <v>13</v>
      </c>
      <c r="F5081">
        <v>9001</v>
      </c>
      <c r="G5081" t="s">
        <v>36438</v>
      </c>
      <c r="H5081">
        <v>6.1014356026550001</v>
      </c>
      <c r="I5081">
        <v>52.325559255880002</v>
      </c>
      <c r="J5081" t="s">
        <v>60766</v>
      </c>
    </row>
    <row r="5082" spans="1:10" x14ac:dyDescent="0.25">
      <c r="A5082" t="s">
        <v>36431</v>
      </c>
      <c r="B5082" t="s">
        <v>36432</v>
      </c>
      <c r="C5082" t="s">
        <v>36433</v>
      </c>
      <c r="D5082" t="s">
        <v>36425</v>
      </c>
      <c r="E5082" t="s">
        <v>13</v>
      </c>
      <c r="F5082">
        <v>9000</v>
      </c>
      <c r="G5082" t="s">
        <v>36434</v>
      </c>
      <c r="H5082">
        <v>6.1138158514810002</v>
      </c>
      <c r="I5082">
        <v>52.328859745423998</v>
      </c>
      <c r="J5082" t="s">
        <v>60767</v>
      </c>
    </row>
    <row r="5083" spans="1:10" x14ac:dyDescent="0.25">
      <c r="A5083" t="s">
        <v>36427</v>
      </c>
      <c r="B5083" t="s">
        <v>36428</v>
      </c>
      <c r="C5083" t="s">
        <v>36429</v>
      </c>
      <c r="D5083" t="s">
        <v>36425</v>
      </c>
      <c r="E5083" t="s">
        <v>13</v>
      </c>
      <c r="F5083">
        <v>8999</v>
      </c>
      <c r="G5083" t="s">
        <v>36430</v>
      </c>
      <c r="H5083">
        <v>6.1168076298300003</v>
      </c>
      <c r="I5083">
        <v>52.341809626089002</v>
      </c>
      <c r="J5083" t="s">
        <v>60768</v>
      </c>
    </row>
    <row r="5084" spans="1:10" x14ac:dyDescent="0.25">
      <c r="A5084" t="s">
        <v>36422</v>
      </c>
      <c r="B5084" t="s">
        <v>36423</v>
      </c>
      <c r="C5084" t="s">
        <v>36424</v>
      </c>
      <c r="D5084" t="s">
        <v>36425</v>
      </c>
      <c r="E5084" t="s">
        <v>13</v>
      </c>
      <c r="F5084">
        <v>8998</v>
      </c>
      <c r="G5084" t="s">
        <v>36426</v>
      </c>
      <c r="H5084">
        <v>6.1065463322889997</v>
      </c>
      <c r="I5084">
        <v>52.340637568756001</v>
      </c>
      <c r="J5084" t="s">
        <v>60769</v>
      </c>
    </row>
    <row r="5085" spans="1:10" x14ac:dyDescent="0.25">
      <c r="A5085" t="s">
        <v>36418</v>
      </c>
      <c r="B5085" t="s">
        <v>36419</v>
      </c>
      <c r="C5085" t="s">
        <v>36420</v>
      </c>
      <c r="D5085" t="s">
        <v>36381</v>
      </c>
      <c r="E5085" t="s">
        <v>13</v>
      </c>
      <c r="F5085">
        <v>8997</v>
      </c>
      <c r="G5085" t="s">
        <v>36421</v>
      </c>
      <c r="H5085">
        <v>5.6076831589990004</v>
      </c>
      <c r="I5085">
        <v>51.437905763442998</v>
      </c>
      <c r="J5085" t="s">
        <v>60770</v>
      </c>
    </row>
    <row r="5086" spans="1:10" x14ac:dyDescent="0.25">
      <c r="A5086" t="s">
        <v>36414</v>
      </c>
      <c r="B5086" t="s">
        <v>36415</v>
      </c>
      <c r="C5086" t="s">
        <v>36416</v>
      </c>
      <c r="D5086" t="s">
        <v>36381</v>
      </c>
      <c r="E5086" t="s">
        <v>13</v>
      </c>
      <c r="F5086">
        <v>8996</v>
      </c>
      <c r="G5086" t="s">
        <v>36417</v>
      </c>
      <c r="H5086">
        <v>5.6205006831719997</v>
      </c>
      <c r="I5086">
        <v>51.443445188711003</v>
      </c>
      <c r="J5086" t="s">
        <v>60771</v>
      </c>
    </row>
    <row r="5087" spans="1:10" x14ac:dyDescent="0.25">
      <c r="A5087" t="s">
        <v>36411</v>
      </c>
      <c r="B5087" t="s">
        <v>36412</v>
      </c>
      <c r="C5087" t="s">
        <v>26531</v>
      </c>
      <c r="D5087" t="s">
        <v>36381</v>
      </c>
      <c r="E5087" t="s">
        <v>13</v>
      </c>
      <c r="F5087">
        <v>8995</v>
      </c>
      <c r="G5087" t="s">
        <v>36413</v>
      </c>
      <c r="H5087">
        <v>5.5349097440639996</v>
      </c>
      <c r="I5087">
        <v>51.413325500432002</v>
      </c>
      <c r="J5087" t="s">
        <v>60772</v>
      </c>
    </row>
    <row r="5088" spans="1:10" x14ac:dyDescent="0.25">
      <c r="A5088" t="s">
        <v>36407</v>
      </c>
      <c r="B5088" t="s">
        <v>36408</v>
      </c>
      <c r="C5088" t="s">
        <v>36409</v>
      </c>
      <c r="D5088" t="s">
        <v>36381</v>
      </c>
      <c r="E5088" t="s">
        <v>13</v>
      </c>
      <c r="F5088">
        <v>8994</v>
      </c>
      <c r="G5088" t="s">
        <v>36410</v>
      </c>
      <c r="H5088">
        <v>5.5462190632219999</v>
      </c>
      <c r="I5088">
        <v>51.411227979772001</v>
      </c>
      <c r="J5088" t="s">
        <v>60773</v>
      </c>
    </row>
    <row r="5089" spans="1:10" x14ac:dyDescent="0.25">
      <c r="A5089" t="s">
        <v>36403</v>
      </c>
      <c r="B5089" t="s">
        <v>36404</v>
      </c>
      <c r="C5089" t="s">
        <v>36405</v>
      </c>
      <c r="D5089" t="s">
        <v>36381</v>
      </c>
      <c r="E5089" t="s">
        <v>13</v>
      </c>
      <c r="F5089">
        <v>8993</v>
      </c>
      <c r="G5089" t="s">
        <v>36406</v>
      </c>
      <c r="H5089">
        <v>5.5797141678850002</v>
      </c>
      <c r="I5089">
        <v>51.417755424168</v>
      </c>
      <c r="J5089" t="s">
        <v>60774</v>
      </c>
    </row>
    <row r="5090" spans="1:10" x14ac:dyDescent="0.25">
      <c r="A5090" t="s">
        <v>36399</v>
      </c>
      <c r="B5090" t="s">
        <v>36400</v>
      </c>
      <c r="C5090" t="s">
        <v>36401</v>
      </c>
      <c r="D5090" t="s">
        <v>36381</v>
      </c>
      <c r="E5090" t="s">
        <v>13</v>
      </c>
      <c r="F5090">
        <v>8992</v>
      </c>
      <c r="G5090" t="s">
        <v>36402</v>
      </c>
      <c r="H5090">
        <v>5.5743570070789996</v>
      </c>
      <c r="I5090">
        <v>51.425573599883002</v>
      </c>
      <c r="J5090" t="s">
        <v>60775</v>
      </c>
    </row>
    <row r="5091" spans="1:10" x14ac:dyDescent="0.25">
      <c r="A5091" t="s">
        <v>36395</v>
      </c>
      <c r="B5091" t="s">
        <v>36396</v>
      </c>
      <c r="C5091" t="s">
        <v>36397</v>
      </c>
      <c r="D5091" t="s">
        <v>36381</v>
      </c>
      <c r="E5091" t="s">
        <v>13</v>
      </c>
      <c r="F5091">
        <v>8991</v>
      </c>
      <c r="G5091" t="s">
        <v>36398</v>
      </c>
      <c r="H5091">
        <v>5.5633993914679998</v>
      </c>
      <c r="I5091">
        <v>51.433236345003003</v>
      </c>
      <c r="J5091" t="s">
        <v>60776</v>
      </c>
    </row>
    <row r="5092" spans="1:10" x14ac:dyDescent="0.25">
      <c r="A5092" t="s">
        <v>36391</v>
      </c>
      <c r="B5092" t="s">
        <v>36392</v>
      </c>
      <c r="C5092" t="s">
        <v>36393</v>
      </c>
      <c r="D5092" t="s">
        <v>36381</v>
      </c>
      <c r="E5092" t="s">
        <v>13</v>
      </c>
      <c r="F5092">
        <v>8990</v>
      </c>
      <c r="G5092" t="s">
        <v>36394</v>
      </c>
      <c r="H5092">
        <v>5.5419719390450002</v>
      </c>
      <c r="I5092">
        <v>51.421952592815998</v>
      </c>
      <c r="J5092" t="s">
        <v>60777</v>
      </c>
    </row>
    <row r="5093" spans="1:10" x14ac:dyDescent="0.25">
      <c r="A5093" t="s">
        <v>36387</v>
      </c>
      <c r="B5093" t="s">
        <v>36388</v>
      </c>
      <c r="C5093" t="s">
        <v>36389</v>
      </c>
      <c r="D5093" t="s">
        <v>36381</v>
      </c>
      <c r="E5093" t="s">
        <v>13</v>
      </c>
      <c r="F5093">
        <v>8989</v>
      </c>
      <c r="G5093" t="s">
        <v>36390</v>
      </c>
      <c r="H5093">
        <v>5.5616855995980004</v>
      </c>
      <c r="I5093">
        <v>51.411647998413002</v>
      </c>
      <c r="J5093" t="s">
        <v>60778</v>
      </c>
    </row>
    <row r="5094" spans="1:10" x14ac:dyDescent="0.25">
      <c r="A5094" t="s">
        <v>36383</v>
      </c>
      <c r="B5094" t="s">
        <v>36384</v>
      </c>
      <c r="C5094" t="s">
        <v>36385</v>
      </c>
      <c r="D5094" t="s">
        <v>36381</v>
      </c>
      <c r="E5094" t="s">
        <v>13</v>
      </c>
      <c r="F5094">
        <v>8988</v>
      </c>
      <c r="G5094" t="s">
        <v>36386</v>
      </c>
      <c r="H5094">
        <v>5.5478161294639996</v>
      </c>
      <c r="I5094">
        <v>51.428306747553997</v>
      </c>
      <c r="J5094" t="s">
        <v>60779</v>
      </c>
    </row>
    <row r="5095" spans="1:10" x14ac:dyDescent="0.25">
      <c r="A5095" t="s">
        <v>36379</v>
      </c>
      <c r="B5095" t="s">
        <v>36380</v>
      </c>
      <c r="C5095" t="s">
        <v>129</v>
      </c>
      <c r="D5095" t="s">
        <v>36381</v>
      </c>
      <c r="E5095" t="s">
        <v>13</v>
      </c>
      <c r="F5095">
        <v>8987</v>
      </c>
      <c r="G5095" t="s">
        <v>36382</v>
      </c>
      <c r="H5095">
        <v>5.556947826859</v>
      </c>
      <c r="I5095">
        <v>51.421619219984997</v>
      </c>
      <c r="J5095" t="s">
        <v>60780</v>
      </c>
    </row>
    <row r="5096" spans="1:10" x14ac:dyDescent="0.25">
      <c r="A5096" t="s">
        <v>36375</v>
      </c>
      <c r="B5096" t="s">
        <v>36376</v>
      </c>
      <c r="C5096" t="s">
        <v>36377</v>
      </c>
      <c r="D5096" t="s">
        <v>36241</v>
      </c>
      <c r="E5096" t="s">
        <v>13</v>
      </c>
      <c r="F5096">
        <v>8986</v>
      </c>
      <c r="G5096" t="s">
        <v>36378</v>
      </c>
      <c r="H5096">
        <v>6.4513039186389998</v>
      </c>
      <c r="I5096">
        <v>52.271451783507999</v>
      </c>
      <c r="J5096" t="s">
        <v>60781</v>
      </c>
    </row>
    <row r="5097" spans="1:10" x14ac:dyDescent="0.25">
      <c r="A5097" t="s">
        <v>36371</v>
      </c>
      <c r="B5097" t="s">
        <v>36372</v>
      </c>
      <c r="C5097" t="s">
        <v>36373</v>
      </c>
      <c r="D5097" t="s">
        <v>36241</v>
      </c>
      <c r="E5097" t="s">
        <v>13</v>
      </c>
      <c r="F5097">
        <v>8985</v>
      </c>
      <c r="G5097" t="s">
        <v>36374</v>
      </c>
      <c r="H5097">
        <v>6.5118506227279997</v>
      </c>
      <c r="I5097">
        <v>52.318532757198</v>
      </c>
      <c r="J5097" t="s">
        <v>60782</v>
      </c>
    </row>
    <row r="5098" spans="1:10" x14ac:dyDescent="0.25">
      <c r="A5098" t="s">
        <v>36367</v>
      </c>
      <c r="B5098" t="s">
        <v>36368</v>
      </c>
      <c r="C5098" t="s">
        <v>36369</v>
      </c>
      <c r="D5098" t="s">
        <v>36241</v>
      </c>
      <c r="E5098" t="s">
        <v>13</v>
      </c>
      <c r="F5098">
        <v>8984</v>
      </c>
      <c r="G5098" t="s">
        <v>36370</v>
      </c>
      <c r="H5098">
        <v>6.3515396777659996</v>
      </c>
      <c r="I5098">
        <v>52.282615065559</v>
      </c>
      <c r="J5098" t="s">
        <v>60783</v>
      </c>
    </row>
    <row r="5099" spans="1:10" x14ac:dyDescent="0.25">
      <c r="A5099" t="s">
        <v>36363</v>
      </c>
      <c r="B5099" t="s">
        <v>36364</v>
      </c>
      <c r="C5099" t="s">
        <v>36365</v>
      </c>
      <c r="D5099" t="s">
        <v>36241</v>
      </c>
      <c r="E5099" t="s">
        <v>13</v>
      </c>
      <c r="F5099">
        <v>8983</v>
      </c>
      <c r="G5099" t="s">
        <v>36366</v>
      </c>
      <c r="H5099">
        <v>6.3485675274029996</v>
      </c>
      <c r="I5099">
        <v>52.280615285030997</v>
      </c>
      <c r="J5099" t="s">
        <v>60784</v>
      </c>
    </row>
    <row r="5100" spans="1:10" x14ac:dyDescent="0.25">
      <c r="A5100" t="s">
        <v>36359</v>
      </c>
      <c r="B5100" t="s">
        <v>36360</v>
      </c>
      <c r="C5100" t="s">
        <v>36361</v>
      </c>
      <c r="D5100" t="s">
        <v>36241</v>
      </c>
      <c r="E5100" t="s">
        <v>13</v>
      </c>
      <c r="F5100">
        <v>8982</v>
      </c>
      <c r="G5100" t="s">
        <v>36362</v>
      </c>
      <c r="H5100">
        <v>6.4567277881729996</v>
      </c>
      <c r="I5100">
        <v>52.310397196825001</v>
      </c>
      <c r="J5100" t="s">
        <v>60785</v>
      </c>
    </row>
    <row r="5101" spans="1:10" x14ac:dyDescent="0.25">
      <c r="A5101" t="s">
        <v>36355</v>
      </c>
      <c r="B5101" t="s">
        <v>36356</v>
      </c>
      <c r="C5101" t="s">
        <v>36357</v>
      </c>
      <c r="D5101" t="s">
        <v>36241</v>
      </c>
      <c r="E5101" t="s">
        <v>13</v>
      </c>
      <c r="F5101">
        <v>8981</v>
      </c>
      <c r="G5101" t="s">
        <v>36358</v>
      </c>
      <c r="H5101">
        <v>6.426558123405</v>
      </c>
      <c r="I5101">
        <v>52.309478708501999</v>
      </c>
      <c r="J5101" t="s">
        <v>60786</v>
      </c>
    </row>
    <row r="5102" spans="1:10" x14ac:dyDescent="0.25">
      <c r="A5102" t="s">
        <v>36351</v>
      </c>
      <c r="B5102" t="s">
        <v>36352</v>
      </c>
      <c r="C5102" t="s">
        <v>36353</v>
      </c>
      <c r="D5102" t="s">
        <v>36241</v>
      </c>
      <c r="E5102" t="s">
        <v>13</v>
      </c>
      <c r="F5102">
        <v>8980</v>
      </c>
      <c r="G5102" t="s">
        <v>36354</v>
      </c>
      <c r="H5102">
        <v>6.4464139263950004</v>
      </c>
      <c r="I5102">
        <v>52.286852251966998</v>
      </c>
      <c r="J5102" t="s">
        <v>60787</v>
      </c>
    </row>
    <row r="5103" spans="1:10" x14ac:dyDescent="0.25">
      <c r="A5103" t="s">
        <v>36347</v>
      </c>
      <c r="B5103" t="s">
        <v>36348</v>
      </c>
      <c r="C5103" t="s">
        <v>36349</v>
      </c>
      <c r="D5103" t="s">
        <v>36241</v>
      </c>
      <c r="E5103" t="s">
        <v>13</v>
      </c>
      <c r="F5103">
        <v>8979</v>
      </c>
      <c r="G5103" t="s">
        <v>36350</v>
      </c>
      <c r="H5103">
        <v>6.463814924047</v>
      </c>
      <c r="I5103">
        <v>52.274428989294996</v>
      </c>
      <c r="J5103" t="s">
        <v>60788</v>
      </c>
    </row>
    <row r="5104" spans="1:10" x14ac:dyDescent="0.25">
      <c r="A5104" t="s">
        <v>36343</v>
      </c>
      <c r="B5104" t="s">
        <v>36344</v>
      </c>
      <c r="C5104" t="s">
        <v>36345</v>
      </c>
      <c r="D5104" t="s">
        <v>36241</v>
      </c>
      <c r="E5104" t="s">
        <v>13</v>
      </c>
      <c r="F5104">
        <v>8978</v>
      </c>
      <c r="G5104" t="s">
        <v>36346</v>
      </c>
      <c r="H5104">
        <v>6.3652113637210004</v>
      </c>
      <c r="I5104">
        <v>52.306179085741</v>
      </c>
      <c r="J5104" t="s">
        <v>60789</v>
      </c>
    </row>
    <row r="5105" spans="1:10" x14ac:dyDescent="0.25">
      <c r="A5105" t="s">
        <v>36339</v>
      </c>
      <c r="B5105" t="s">
        <v>36340</v>
      </c>
      <c r="C5105" t="s">
        <v>36341</v>
      </c>
      <c r="D5105" t="s">
        <v>36241</v>
      </c>
      <c r="E5105" t="s">
        <v>13</v>
      </c>
      <c r="F5105">
        <v>8977</v>
      </c>
      <c r="G5105" t="s">
        <v>36342</v>
      </c>
      <c r="H5105">
        <v>6.4213032025999999</v>
      </c>
      <c r="I5105">
        <v>52.259501493309997</v>
      </c>
      <c r="J5105" t="s">
        <v>60790</v>
      </c>
    </row>
    <row r="5106" spans="1:10" x14ac:dyDescent="0.25">
      <c r="A5106" t="s">
        <v>36335</v>
      </c>
      <c r="B5106" t="s">
        <v>36336</v>
      </c>
      <c r="C5106" t="s">
        <v>36337</v>
      </c>
      <c r="D5106" t="s">
        <v>36241</v>
      </c>
      <c r="E5106" t="s">
        <v>13</v>
      </c>
      <c r="F5106">
        <v>8976</v>
      </c>
      <c r="G5106" t="s">
        <v>36338</v>
      </c>
      <c r="H5106">
        <v>6.3824692852879998</v>
      </c>
      <c r="I5106">
        <v>52.263631060149997</v>
      </c>
      <c r="J5106" t="s">
        <v>60791</v>
      </c>
    </row>
    <row r="5107" spans="1:10" x14ac:dyDescent="0.25">
      <c r="A5107" t="s">
        <v>36331</v>
      </c>
      <c r="B5107" t="s">
        <v>36332</v>
      </c>
      <c r="C5107" t="s">
        <v>36333</v>
      </c>
      <c r="D5107" t="s">
        <v>36241</v>
      </c>
      <c r="E5107" t="s">
        <v>13</v>
      </c>
      <c r="F5107">
        <v>8975</v>
      </c>
      <c r="G5107" t="s">
        <v>36334</v>
      </c>
      <c r="H5107">
        <v>6.3886825040720003</v>
      </c>
      <c r="I5107">
        <v>52.290399269727999</v>
      </c>
      <c r="J5107" t="s">
        <v>60792</v>
      </c>
    </row>
    <row r="5108" spans="1:10" x14ac:dyDescent="0.25">
      <c r="A5108" t="s">
        <v>36327</v>
      </c>
      <c r="B5108" t="s">
        <v>36328</v>
      </c>
      <c r="C5108" t="s">
        <v>36329</v>
      </c>
      <c r="D5108" t="s">
        <v>36241</v>
      </c>
      <c r="E5108" t="s">
        <v>13</v>
      </c>
      <c r="F5108">
        <v>8974</v>
      </c>
      <c r="G5108" t="s">
        <v>36330</v>
      </c>
      <c r="H5108">
        <v>6.3964742970059998</v>
      </c>
      <c r="I5108">
        <v>52.275044294201003</v>
      </c>
      <c r="J5108" t="s">
        <v>60793</v>
      </c>
    </row>
    <row r="5109" spans="1:10" x14ac:dyDescent="0.25">
      <c r="A5109" t="s">
        <v>36323</v>
      </c>
      <c r="B5109" t="s">
        <v>36324</v>
      </c>
      <c r="C5109" t="s">
        <v>36325</v>
      </c>
      <c r="D5109" t="s">
        <v>36241</v>
      </c>
      <c r="E5109" t="s">
        <v>13</v>
      </c>
      <c r="F5109">
        <v>8973</v>
      </c>
      <c r="G5109" t="s">
        <v>36326</v>
      </c>
      <c r="H5109">
        <v>6.4061786235450002</v>
      </c>
      <c r="I5109">
        <v>52.280311492125001</v>
      </c>
      <c r="J5109" t="s">
        <v>60794</v>
      </c>
    </row>
    <row r="5110" spans="1:10" x14ac:dyDescent="0.25">
      <c r="A5110" t="s">
        <v>36319</v>
      </c>
      <c r="B5110" t="s">
        <v>36320</v>
      </c>
      <c r="C5110" t="s">
        <v>36321</v>
      </c>
      <c r="D5110" t="s">
        <v>36241</v>
      </c>
      <c r="E5110" t="s">
        <v>13</v>
      </c>
      <c r="F5110">
        <v>8972</v>
      </c>
      <c r="G5110" t="s">
        <v>36322</v>
      </c>
      <c r="H5110">
        <v>6.4093716968120003</v>
      </c>
      <c r="I5110">
        <v>52.271408081604001</v>
      </c>
      <c r="J5110" t="s">
        <v>60795</v>
      </c>
    </row>
    <row r="5111" spans="1:10" x14ac:dyDescent="0.25">
      <c r="A5111" t="s">
        <v>36315</v>
      </c>
      <c r="B5111" t="s">
        <v>36316</v>
      </c>
      <c r="C5111" t="s">
        <v>36317</v>
      </c>
      <c r="D5111" t="s">
        <v>36241</v>
      </c>
      <c r="E5111" t="s">
        <v>13</v>
      </c>
      <c r="F5111">
        <v>8971</v>
      </c>
      <c r="G5111" t="s">
        <v>36318</v>
      </c>
      <c r="H5111">
        <v>6.4202970309190004</v>
      </c>
      <c r="I5111">
        <v>52.276470545267003</v>
      </c>
      <c r="J5111" t="s">
        <v>60796</v>
      </c>
    </row>
    <row r="5112" spans="1:10" x14ac:dyDescent="0.25">
      <c r="A5112" t="s">
        <v>36311</v>
      </c>
      <c r="B5112" t="s">
        <v>36312</v>
      </c>
      <c r="C5112" t="s">
        <v>36313</v>
      </c>
      <c r="D5112" t="s">
        <v>36241</v>
      </c>
      <c r="E5112" t="s">
        <v>13</v>
      </c>
      <c r="F5112">
        <v>8970</v>
      </c>
      <c r="G5112" t="s">
        <v>36314</v>
      </c>
      <c r="H5112">
        <v>6.4164661801860001</v>
      </c>
      <c r="I5112">
        <v>52.274994465361999</v>
      </c>
      <c r="J5112" t="s">
        <v>60797</v>
      </c>
    </row>
    <row r="5113" spans="1:10" x14ac:dyDescent="0.25">
      <c r="A5113" t="s">
        <v>36307</v>
      </c>
      <c r="B5113" t="s">
        <v>36308</v>
      </c>
      <c r="C5113" t="s">
        <v>36309</v>
      </c>
      <c r="D5113" t="s">
        <v>36241</v>
      </c>
      <c r="E5113" t="s">
        <v>13</v>
      </c>
      <c r="F5113">
        <v>8969</v>
      </c>
      <c r="G5113" t="s">
        <v>36310</v>
      </c>
      <c r="H5113">
        <v>6.4407444841170003</v>
      </c>
      <c r="I5113">
        <v>52.292464845929999</v>
      </c>
      <c r="J5113" t="s">
        <v>60798</v>
      </c>
    </row>
    <row r="5114" spans="1:10" x14ac:dyDescent="0.25">
      <c r="A5114" t="s">
        <v>36303</v>
      </c>
      <c r="B5114" t="s">
        <v>36304</v>
      </c>
      <c r="C5114" t="s">
        <v>36305</v>
      </c>
      <c r="D5114" t="s">
        <v>36241</v>
      </c>
      <c r="E5114" t="s">
        <v>13</v>
      </c>
      <c r="F5114">
        <v>8968</v>
      </c>
      <c r="G5114" t="s">
        <v>36306</v>
      </c>
      <c r="H5114">
        <v>6.4157654193970002</v>
      </c>
      <c r="I5114">
        <v>52.292432364329997</v>
      </c>
      <c r="J5114" t="s">
        <v>60799</v>
      </c>
    </row>
    <row r="5115" spans="1:10" x14ac:dyDescent="0.25">
      <c r="A5115" t="s">
        <v>36299</v>
      </c>
      <c r="B5115" t="s">
        <v>36300</v>
      </c>
      <c r="C5115" t="s">
        <v>36301</v>
      </c>
      <c r="D5115" t="s">
        <v>36241</v>
      </c>
      <c r="E5115" t="s">
        <v>13</v>
      </c>
      <c r="F5115">
        <v>8967</v>
      </c>
      <c r="G5115" t="s">
        <v>36302</v>
      </c>
      <c r="H5115">
        <v>6.4107330172369998</v>
      </c>
      <c r="I5115">
        <v>52.284815675207</v>
      </c>
      <c r="J5115" t="s">
        <v>60800</v>
      </c>
    </row>
    <row r="5116" spans="1:10" x14ac:dyDescent="0.25">
      <c r="A5116" t="s">
        <v>36295</v>
      </c>
      <c r="B5116" t="s">
        <v>36296</v>
      </c>
      <c r="C5116" t="s">
        <v>36297</v>
      </c>
      <c r="D5116" t="s">
        <v>36241</v>
      </c>
      <c r="E5116" t="s">
        <v>13</v>
      </c>
      <c r="F5116">
        <v>8966</v>
      </c>
      <c r="G5116" t="s">
        <v>36298</v>
      </c>
      <c r="H5116">
        <v>6.4097559940069999</v>
      </c>
      <c r="I5116">
        <v>52.277396078255997</v>
      </c>
      <c r="J5116" t="s">
        <v>60801</v>
      </c>
    </row>
    <row r="5117" spans="1:10" x14ac:dyDescent="0.25">
      <c r="A5117" t="s">
        <v>36291</v>
      </c>
      <c r="B5117" t="s">
        <v>36292</v>
      </c>
      <c r="C5117" t="s">
        <v>36293</v>
      </c>
      <c r="D5117" t="s">
        <v>36241</v>
      </c>
      <c r="E5117" t="s">
        <v>13</v>
      </c>
      <c r="F5117">
        <v>8965</v>
      </c>
      <c r="G5117" t="s">
        <v>36294</v>
      </c>
      <c r="H5117">
        <v>6.4264154231430002</v>
      </c>
      <c r="I5117">
        <v>52.281937316932002</v>
      </c>
      <c r="J5117" t="s">
        <v>60802</v>
      </c>
    </row>
    <row r="5118" spans="1:10" x14ac:dyDescent="0.25">
      <c r="A5118" t="s">
        <v>36287</v>
      </c>
      <c r="B5118" t="s">
        <v>36288</v>
      </c>
      <c r="C5118" t="s">
        <v>36289</v>
      </c>
      <c r="D5118" t="s">
        <v>36241</v>
      </c>
      <c r="E5118" t="s">
        <v>13</v>
      </c>
      <c r="F5118">
        <v>8964</v>
      </c>
      <c r="G5118" t="s">
        <v>36290</v>
      </c>
      <c r="H5118">
        <v>6.541025237715</v>
      </c>
      <c r="I5118">
        <v>52.29166086603</v>
      </c>
      <c r="J5118" t="s">
        <v>60803</v>
      </c>
    </row>
    <row r="5119" spans="1:10" x14ac:dyDescent="0.25">
      <c r="A5119" t="s">
        <v>36283</v>
      </c>
      <c r="B5119" t="s">
        <v>36284</v>
      </c>
      <c r="C5119" t="s">
        <v>36285</v>
      </c>
      <c r="D5119" t="s">
        <v>36241</v>
      </c>
      <c r="E5119" t="s">
        <v>13</v>
      </c>
      <c r="F5119">
        <v>8963</v>
      </c>
      <c r="G5119" t="s">
        <v>36286</v>
      </c>
      <c r="H5119">
        <v>6.4975028188910002</v>
      </c>
      <c r="I5119">
        <v>52.287923636923999</v>
      </c>
      <c r="J5119" t="s">
        <v>60804</v>
      </c>
    </row>
    <row r="5120" spans="1:10" x14ac:dyDescent="0.25">
      <c r="A5120" t="s">
        <v>36279</v>
      </c>
      <c r="B5120" t="s">
        <v>36280</v>
      </c>
      <c r="C5120" t="s">
        <v>36281</v>
      </c>
      <c r="D5120" t="s">
        <v>36241</v>
      </c>
      <c r="E5120" t="s">
        <v>13</v>
      </c>
      <c r="F5120">
        <v>8962</v>
      </c>
      <c r="G5120" t="s">
        <v>36282</v>
      </c>
      <c r="H5120">
        <v>6.4758311731699996</v>
      </c>
      <c r="I5120">
        <v>52.312200701502</v>
      </c>
      <c r="J5120" t="s">
        <v>60805</v>
      </c>
    </row>
    <row r="5121" spans="1:10" x14ac:dyDescent="0.25">
      <c r="A5121" t="s">
        <v>36275</v>
      </c>
      <c r="B5121" t="s">
        <v>36276</v>
      </c>
      <c r="C5121" t="s">
        <v>36277</v>
      </c>
      <c r="D5121" t="s">
        <v>36241</v>
      </c>
      <c r="E5121" t="s">
        <v>13</v>
      </c>
      <c r="F5121">
        <v>8961</v>
      </c>
      <c r="G5121" t="s">
        <v>36278</v>
      </c>
      <c r="H5121">
        <v>6.54494617781</v>
      </c>
      <c r="I5121">
        <v>52.306680564033996</v>
      </c>
      <c r="J5121" t="s">
        <v>60806</v>
      </c>
    </row>
    <row r="5122" spans="1:10" x14ac:dyDescent="0.25">
      <c r="A5122" t="s">
        <v>36271</v>
      </c>
      <c r="B5122" t="s">
        <v>36272</v>
      </c>
      <c r="C5122" t="s">
        <v>36273</v>
      </c>
      <c r="D5122" t="s">
        <v>36241</v>
      </c>
      <c r="E5122" t="s">
        <v>13</v>
      </c>
      <c r="F5122">
        <v>8960</v>
      </c>
      <c r="G5122" t="s">
        <v>36274</v>
      </c>
      <c r="H5122">
        <v>6.4957626048939998</v>
      </c>
      <c r="I5122">
        <v>52.309243778358997</v>
      </c>
      <c r="J5122" t="s">
        <v>60807</v>
      </c>
    </row>
    <row r="5123" spans="1:10" x14ac:dyDescent="0.25">
      <c r="A5123" t="s">
        <v>36267</v>
      </c>
      <c r="B5123" t="s">
        <v>36268</v>
      </c>
      <c r="C5123" t="s">
        <v>36269</v>
      </c>
      <c r="D5123" t="s">
        <v>36241</v>
      </c>
      <c r="E5123" t="s">
        <v>13</v>
      </c>
      <c r="F5123">
        <v>8959</v>
      </c>
      <c r="G5123" t="s">
        <v>36270</v>
      </c>
      <c r="H5123">
        <v>6.5124240809209999</v>
      </c>
      <c r="I5123">
        <v>52.310917767519001</v>
      </c>
      <c r="J5123" t="s">
        <v>60808</v>
      </c>
    </row>
    <row r="5124" spans="1:10" x14ac:dyDescent="0.25">
      <c r="A5124" t="s">
        <v>36263</v>
      </c>
      <c r="B5124" t="s">
        <v>36264</v>
      </c>
      <c r="C5124" t="s">
        <v>36265</v>
      </c>
      <c r="D5124" t="s">
        <v>36241</v>
      </c>
      <c r="E5124" t="s">
        <v>13</v>
      </c>
      <c r="F5124">
        <v>8958</v>
      </c>
      <c r="G5124" t="s">
        <v>36266</v>
      </c>
      <c r="H5124">
        <v>6.4969586751259998</v>
      </c>
      <c r="I5124">
        <v>52.300128486943997</v>
      </c>
      <c r="J5124" t="s">
        <v>60809</v>
      </c>
    </row>
    <row r="5125" spans="1:10" x14ac:dyDescent="0.25">
      <c r="A5125" t="s">
        <v>36259</v>
      </c>
      <c r="B5125" t="s">
        <v>36260</v>
      </c>
      <c r="C5125" t="s">
        <v>36261</v>
      </c>
      <c r="D5125" t="s">
        <v>36241</v>
      </c>
      <c r="E5125" t="s">
        <v>13</v>
      </c>
      <c r="F5125">
        <v>8957</v>
      </c>
      <c r="G5125" t="s">
        <v>36262</v>
      </c>
      <c r="H5125">
        <v>6.5143781276670003</v>
      </c>
      <c r="I5125">
        <v>52.300680656575999</v>
      </c>
      <c r="J5125" t="s">
        <v>60810</v>
      </c>
    </row>
    <row r="5126" spans="1:10" x14ac:dyDescent="0.25">
      <c r="A5126" t="s">
        <v>36255</v>
      </c>
      <c r="B5126" t="s">
        <v>36256</v>
      </c>
      <c r="C5126" t="s">
        <v>36257</v>
      </c>
      <c r="D5126" t="s">
        <v>36241</v>
      </c>
      <c r="E5126" t="s">
        <v>13</v>
      </c>
      <c r="F5126">
        <v>8956</v>
      </c>
      <c r="G5126" t="s">
        <v>36258</v>
      </c>
      <c r="H5126">
        <v>6.5320050145539996</v>
      </c>
      <c r="I5126">
        <v>52.306374594353002</v>
      </c>
      <c r="J5126" t="s">
        <v>60811</v>
      </c>
    </row>
    <row r="5127" spans="1:10" x14ac:dyDescent="0.25">
      <c r="A5127" t="s">
        <v>36251</v>
      </c>
      <c r="B5127" t="s">
        <v>36252</v>
      </c>
      <c r="C5127" t="s">
        <v>36253</v>
      </c>
      <c r="D5127" t="s">
        <v>36241</v>
      </c>
      <c r="E5127" t="s">
        <v>13</v>
      </c>
      <c r="F5127">
        <v>8955</v>
      </c>
      <c r="G5127" t="s">
        <v>36254</v>
      </c>
      <c r="H5127">
        <v>6.5126015648209998</v>
      </c>
      <c r="I5127">
        <v>52.305765782024999</v>
      </c>
      <c r="J5127" t="s">
        <v>60812</v>
      </c>
    </row>
    <row r="5128" spans="1:10" x14ac:dyDescent="0.25">
      <c r="A5128" t="s">
        <v>36247</v>
      </c>
      <c r="B5128" t="s">
        <v>36248</v>
      </c>
      <c r="C5128" t="s">
        <v>36249</v>
      </c>
      <c r="D5128" t="s">
        <v>36241</v>
      </c>
      <c r="E5128" t="s">
        <v>13</v>
      </c>
      <c r="F5128">
        <v>8954</v>
      </c>
      <c r="G5128" t="s">
        <v>36250</v>
      </c>
      <c r="H5128">
        <v>6.5270408530079997</v>
      </c>
      <c r="I5128">
        <v>52.307829293491999</v>
      </c>
      <c r="J5128" t="s">
        <v>60813</v>
      </c>
    </row>
    <row r="5129" spans="1:10" x14ac:dyDescent="0.25">
      <c r="A5129" t="s">
        <v>36243</v>
      </c>
      <c r="B5129" t="s">
        <v>36244</v>
      </c>
      <c r="C5129" t="s">
        <v>36245</v>
      </c>
      <c r="D5129" t="s">
        <v>36241</v>
      </c>
      <c r="E5129" t="s">
        <v>13</v>
      </c>
      <c r="F5129">
        <v>8953</v>
      </c>
      <c r="G5129" t="s">
        <v>36246</v>
      </c>
      <c r="H5129">
        <v>6.5221811394160003</v>
      </c>
      <c r="I5129">
        <v>52.312229784776001</v>
      </c>
      <c r="J5129" t="s">
        <v>60814</v>
      </c>
    </row>
    <row r="5130" spans="1:10" x14ac:dyDescent="0.25">
      <c r="A5130" t="s">
        <v>36238</v>
      </c>
      <c r="B5130" t="s">
        <v>36239</v>
      </c>
      <c r="C5130" t="s">
        <v>36240</v>
      </c>
      <c r="D5130" t="s">
        <v>36241</v>
      </c>
      <c r="E5130" t="s">
        <v>13</v>
      </c>
      <c r="F5130">
        <v>8952</v>
      </c>
      <c r="G5130" t="s">
        <v>36242</v>
      </c>
      <c r="H5130">
        <v>6.5213019215410002</v>
      </c>
      <c r="I5130">
        <v>52.308157132985997</v>
      </c>
      <c r="J5130" t="s">
        <v>60815</v>
      </c>
    </row>
    <row r="5131" spans="1:10" x14ac:dyDescent="0.25">
      <c r="A5131" t="s">
        <v>36234</v>
      </c>
      <c r="B5131" t="s">
        <v>36235</v>
      </c>
      <c r="C5131" t="s">
        <v>36236</v>
      </c>
      <c r="D5131" t="s">
        <v>36169</v>
      </c>
      <c r="E5131" t="s">
        <v>13</v>
      </c>
      <c r="F5131">
        <v>8951</v>
      </c>
      <c r="G5131" t="s">
        <v>36237</v>
      </c>
      <c r="H5131">
        <v>5.6382671657210004</v>
      </c>
      <c r="I5131">
        <v>51.914224221300998</v>
      </c>
      <c r="J5131" t="s">
        <v>60816</v>
      </c>
    </row>
    <row r="5132" spans="1:10" x14ac:dyDescent="0.25">
      <c r="A5132" t="s">
        <v>36230</v>
      </c>
      <c r="B5132" t="s">
        <v>36231</v>
      </c>
      <c r="C5132" t="s">
        <v>36232</v>
      </c>
      <c r="D5132" t="s">
        <v>36169</v>
      </c>
      <c r="E5132" t="s">
        <v>13</v>
      </c>
      <c r="F5132">
        <v>8950</v>
      </c>
      <c r="G5132" t="s">
        <v>36233</v>
      </c>
      <c r="H5132">
        <v>5.6804935135600001</v>
      </c>
      <c r="I5132">
        <v>51.910227344577997</v>
      </c>
      <c r="J5132" t="s">
        <v>60817</v>
      </c>
    </row>
    <row r="5133" spans="1:10" x14ac:dyDescent="0.25">
      <c r="A5133" t="s">
        <v>36226</v>
      </c>
      <c r="B5133" t="s">
        <v>36227</v>
      </c>
      <c r="C5133" t="s">
        <v>36228</v>
      </c>
      <c r="D5133" t="s">
        <v>36169</v>
      </c>
      <c r="E5133" t="s">
        <v>13</v>
      </c>
      <c r="F5133">
        <v>8949</v>
      </c>
      <c r="G5133" t="s">
        <v>36229</v>
      </c>
      <c r="H5133">
        <v>5.6918970442720003</v>
      </c>
      <c r="I5133">
        <v>51.906905164477003</v>
      </c>
      <c r="J5133" t="s">
        <v>60818</v>
      </c>
    </row>
    <row r="5134" spans="1:10" x14ac:dyDescent="0.25">
      <c r="A5134" t="s">
        <v>36222</v>
      </c>
      <c r="B5134" t="s">
        <v>36223</v>
      </c>
      <c r="C5134" t="s">
        <v>36224</v>
      </c>
      <c r="D5134" t="s">
        <v>36169</v>
      </c>
      <c r="E5134" t="s">
        <v>13</v>
      </c>
      <c r="F5134">
        <v>8948</v>
      </c>
      <c r="G5134" t="s">
        <v>36225</v>
      </c>
      <c r="H5134">
        <v>5.6603915293279998</v>
      </c>
      <c r="I5134">
        <v>51.912764774852</v>
      </c>
      <c r="J5134" t="s">
        <v>60819</v>
      </c>
    </row>
    <row r="5135" spans="1:10" x14ac:dyDescent="0.25">
      <c r="A5135" t="s">
        <v>36218</v>
      </c>
      <c r="B5135" t="s">
        <v>36219</v>
      </c>
      <c r="C5135" t="s">
        <v>36220</v>
      </c>
      <c r="D5135" t="s">
        <v>36169</v>
      </c>
      <c r="E5135" t="s">
        <v>13</v>
      </c>
      <c r="F5135">
        <v>8947</v>
      </c>
      <c r="G5135" t="s">
        <v>36221</v>
      </c>
      <c r="H5135">
        <v>5.587973870201</v>
      </c>
      <c r="I5135">
        <v>51.910748434021002</v>
      </c>
      <c r="J5135" t="s">
        <v>60820</v>
      </c>
    </row>
    <row r="5136" spans="1:10" x14ac:dyDescent="0.25">
      <c r="A5136" t="s">
        <v>36214</v>
      </c>
      <c r="B5136" t="s">
        <v>36215</v>
      </c>
      <c r="C5136" t="s">
        <v>36216</v>
      </c>
      <c r="D5136" t="s">
        <v>36169</v>
      </c>
      <c r="E5136" t="s">
        <v>13</v>
      </c>
      <c r="F5136">
        <v>8946</v>
      </c>
      <c r="G5136" t="s">
        <v>36217</v>
      </c>
      <c r="H5136">
        <v>5.5311948446960004</v>
      </c>
      <c r="I5136">
        <v>51.909041079060998</v>
      </c>
      <c r="J5136" t="s">
        <v>60821</v>
      </c>
    </row>
    <row r="5137" spans="1:10" x14ac:dyDescent="0.25">
      <c r="A5137" t="s">
        <v>36210</v>
      </c>
      <c r="B5137" t="s">
        <v>36211</v>
      </c>
      <c r="C5137" t="s">
        <v>36212</v>
      </c>
      <c r="D5137" t="s">
        <v>36169</v>
      </c>
      <c r="E5137" t="s">
        <v>13</v>
      </c>
      <c r="F5137">
        <v>8945</v>
      </c>
      <c r="G5137" t="s">
        <v>36213</v>
      </c>
      <c r="H5137">
        <v>5.4895673272860002</v>
      </c>
      <c r="I5137">
        <v>51.905767934852001</v>
      </c>
      <c r="J5137" t="s">
        <v>60822</v>
      </c>
    </row>
    <row r="5138" spans="1:10" x14ac:dyDescent="0.25">
      <c r="A5138" t="s">
        <v>36206</v>
      </c>
      <c r="B5138" t="s">
        <v>36207</v>
      </c>
      <c r="C5138" t="s">
        <v>36208</v>
      </c>
      <c r="D5138" t="s">
        <v>36169</v>
      </c>
      <c r="E5138" t="s">
        <v>13</v>
      </c>
      <c r="F5138">
        <v>8944</v>
      </c>
      <c r="G5138" t="s">
        <v>36209</v>
      </c>
      <c r="H5138">
        <v>5.4861763032040001</v>
      </c>
      <c r="I5138">
        <v>51.89932717584</v>
      </c>
      <c r="J5138" t="s">
        <v>60823</v>
      </c>
    </row>
    <row r="5139" spans="1:10" x14ac:dyDescent="0.25">
      <c r="A5139" t="s">
        <v>36202</v>
      </c>
      <c r="B5139" t="s">
        <v>36203</v>
      </c>
      <c r="C5139" t="s">
        <v>36204</v>
      </c>
      <c r="D5139" t="s">
        <v>36169</v>
      </c>
      <c r="E5139" t="s">
        <v>13</v>
      </c>
      <c r="F5139">
        <v>8943</v>
      </c>
      <c r="G5139" t="s">
        <v>36205</v>
      </c>
      <c r="H5139">
        <v>5.5493790696129999</v>
      </c>
      <c r="I5139">
        <v>51.914558548857997</v>
      </c>
      <c r="J5139" t="s">
        <v>60824</v>
      </c>
    </row>
    <row r="5140" spans="1:10" x14ac:dyDescent="0.25">
      <c r="A5140" t="s">
        <v>36198</v>
      </c>
      <c r="B5140" t="s">
        <v>36199</v>
      </c>
      <c r="C5140" t="s">
        <v>36200</v>
      </c>
      <c r="D5140" t="s">
        <v>36169</v>
      </c>
      <c r="E5140" t="s">
        <v>13</v>
      </c>
      <c r="F5140">
        <v>8942</v>
      </c>
      <c r="G5140" t="s">
        <v>36201</v>
      </c>
      <c r="H5140">
        <v>5.528720972316</v>
      </c>
      <c r="I5140">
        <v>51.905681472395003</v>
      </c>
      <c r="J5140" t="s">
        <v>60825</v>
      </c>
    </row>
    <row r="5141" spans="1:10" x14ac:dyDescent="0.25">
      <c r="A5141" t="s">
        <v>36194</v>
      </c>
      <c r="B5141" t="s">
        <v>36195</v>
      </c>
      <c r="C5141" t="s">
        <v>36196</v>
      </c>
      <c r="D5141" t="s">
        <v>36169</v>
      </c>
      <c r="E5141" t="s">
        <v>13</v>
      </c>
      <c r="F5141">
        <v>8941</v>
      </c>
      <c r="G5141" t="s">
        <v>36197</v>
      </c>
      <c r="H5141">
        <v>5.4978647395940001</v>
      </c>
      <c r="I5141">
        <v>51.909692356405998</v>
      </c>
      <c r="J5141" t="s">
        <v>60826</v>
      </c>
    </row>
    <row r="5142" spans="1:10" x14ac:dyDescent="0.25">
      <c r="A5142" t="s">
        <v>36190</v>
      </c>
      <c r="B5142" t="s">
        <v>36191</v>
      </c>
      <c r="C5142" t="s">
        <v>36192</v>
      </c>
      <c r="D5142" t="s">
        <v>36169</v>
      </c>
      <c r="E5142" t="s">
        <v>13</v>
      </c>
      <c r="F5142">
        <v>8940</v>
      </c>
      <c r="G5142" t="s">
        <v>36193</v>
      </c>
      <c r="H5142">
        <v>5.5677186161590004</v>
      </c>
      <c r="I5142">
        <v>51.909702051724999</v>
      </c>
      <c r="J5142" t="s">
        <v>60827</v>
      </c>
    </row>
    <row r="5143" spans="1:10" x14ac:dyDescent="0.25">
      <c r="A5143" t="s">
        <v>36187</v>
      </c>
      <c r="B5143" t="s">
        <v>36188</v>
      </c>
      <c r="C5143" t="s">
        <v>4256</v>
      </c>
      <c r="D5143" t="s">
        <v>36169</v>
      </c>
      <c r="E5143" t="s">
        <v>13</v>
      </c>
      <c r="F5143">
        <v>8939</v>
      </c>
      <c r="G5143" t="s">
        <v>36189</v>
      </c>
      <c r="H5143">
        <v>5.5873489775670002</v>
      </c>
      <c r="I5143">
        <v>51.924336490706999</v>
      </c>
      <c r="J5143" t="s">
        <v>60828</v>
      </c>
    </row>
    <row r="5144" spans="1:10" x14ac:dyDescent="0.25">
      <c r="A5144" t="s">
        <v>36183</v>
      </c>
      <c r="B5144" t="s">
        <v>36184</v>
      </c>
      <c r="C5144" t="s">
        <v>36185</v>
      </c>
      <c r="D5144" t="s">
        <v>36169</v>
      </c>
      <c r="E5144" t="s">
        <v>13</v>
      </c>
      <c r="F5144">
        <v>8938</v>
      </c>
      <c r="G5144" t="s">
        <v>36186</v>
      </c>
      <c r="H5144">
        <v>5.6313079020509997</v>
      </c>
      <c r="I5144">
        <v>51.937911663971001</v>
      </c>
      <c r="J5144" t="s">
        <v>60829</v>
      </c>
    </row>
    <row r="5145" spans="1:10" x14ac:dyDescent="0.25">
      <c r="A5145" t="s">
        <v>36179</v>
      </c>
      <c r="B5145" t="s">
        <v>36180</v>
      </c>
      <c r="C5145" t="s">
        <v>36181</v>
      </c>
      <c r="D5145" t="s">
        <v>36169</v>
      </c>
      <c r="E5145" t="s">
        <v>13</v>
      </c>
      <c r="F5145">
        <v>8937</v>
      </c>
      <c r="G5145" t="s">
        <v>36182</v>
      </c>
      <c r="H5145">
        <v>5.5826488468940001</v>
      </c>
      <c r="I5145">
        <v>51.936609182315998</v>
      </c>
      <c r="J5145" t="s">
        <v>60830</v>
      </c>
    </row>
    <row r="5146" spans="1:10" x14ac:dyDescent="0.25">
      <c r="A5146" t="s">
        <v>36175</v>
      </c>
      <c r="B5146" t="s">
        <v>36176</v>
      </c>
      <c r="C5146" t="s">
        <v>36177</v>
      </c>
      <c r="D5146" t="s">
        <v>36169</v>
      </c>
      <c r="E5146" t="s">
        <v>13</v>
      </c>
      <c r="F5146">
        <v>8936</v>
      </c>
      <c r="G5146" t="s">
        <v>36178</v>
      </c>
      <c r="H5146">
        <v>5.5536274245200001</v>
      </c>
      <c r="I5146">
        <v>51.939063952650997</v>
      </c>
      <c r="J5146" t="s">
        <v>60831</v>
      </c>
    </row>
    <row r="5147" spans="1:10" x14ac:dyDescent="0.25">
      <c r="A5147" t="s">
        <v>36171</v>
      </c>
      <c r="B5147" t="s">
        <v>36172</v>
      </c>
      <c r="C5147" t="s">
        <v>36173</v>
      </c>
      <c r="D5147" t="s">
        <v>36169</v>
      </c>
      <c r="E5147" t="s">
        <v>13</v>
      </c>
      <c r="F5147">
        <v>8935</v>
      </c>
      <c r="G5147" t="s">
        <v>36174</v>
      </c>
      <c r="H5147">
        <v>5.62702835309</v>
      </c>
      <c r="I5147">
        <v>51.932617396563003</v>
      </c>
      <c r="J5147" t="s">
        <v>60832</v>
      </c>
    </row>
    <row r="5148" spans="1:10" x14ac:dyDescent="0.25">
      <c r="A5148" t="s">
        <v>36166</v>
      </c>
      <c r="B5148" t="s">
        <v>36167</v>
      </c>
      <c r="C5148" t="s">
        <v>36168</v>
      </c>
      <c r="D5148" t="s">
        <v>36169</v>
      </c>
      <c r="E5148" t="s">
        <v>13</v>
      </c>
      <c r="F5148">
        <v>8934</v>
      </c>
      <c r="G5148" t="s">
        <v>36170</v>
      </c>
      <c r="H5148">
        <v>5.5738781321820001</v>
      </c>
      <c r="I5148">
        <v>51.933915422615001</v>
      </c>
      <c r="J5148" t="s">
        <v>60833</v>
      </c>
    </row>
    <row r="5149" spans="1:10" x14ac:dyDescent="0.25">
      <c r="A5149" t="s">
        <v>36162</v>
      </c>
      <c r="B5149" t="s">
        <v>36163</v>
      </c>
      <c r="C5149" t="s">
        <v>36164</v>
      </c>
      <c r="D5149" t="s">
        <v>35977</v>
      </c>
      <c r="E5149" t="s">
        <v>13</v>
      </c>
      <c r="F5149">
        <v>8933</v>
      </c>
      <c r="G5149" t="s">
        <v>36165</v>
      </c>
      <c r="H5149">
        <v>6.691040023817</v>
      </c>
      <c r="I5149">
        <v>52.222843476564002</v>
      </c>
      <c r="J5149" t="s">
        <v>60834</v>
      </c>
    </row>
    <row r="5150" spans="1:10" x14ac:dyDescent="0.25">
      <c r="A5150" t="s">
        <v>36158</v>
      </c>
      <c r="B5150" t="s">
        <v>36159</v>
      </c>
      <c r="C5150" t="s">
        <v>36160</v>
      </c>
      <c r="D5150" t="s">
        <v>35977</v>
      </c>
      <c r="E5150" t="s">
        <v>13</v>
      </c>
      <c r="F5150">
        <v>8932</v>
      </c>
      <c r="G5150" t="s">
        <v>36161</v>
      </c>
      <c r="H5150">
        <v>6.6552699101090003</v>
      </c>
      <c r="I5150">
        <v>52.237107172697002</v>
      </c>
      <c r="J5150" t="s">
        <v>60835</v>
      </c>
    </row>
    <row r="5151" spans="1:10" x14ac:dyDescent="0.25">
      <c r="A5151" t="s">
        <v>36154</v>
      </c>
      <c r="B5151" t="s">
        <v>36155</v>
      </c>
      <c r="C5151" t="s">
        <v>36156</v>
      </c>
      <c r="D5151" t="s">
        <v>35977</v>
      </c>
      <c r="E5151" t="s">
        <v>13</v>
      </c>
      <c r="F5151">
        <v>8931</v>
      </c>
      <c r="G5151" t="s">
        <v>36157</v>
      </c>
      <c r="H5151">
        <v>6.6827777768349996</v>
      </c>
      <c r="I5151">
        <v>52.224289283026003</v>
      </c>
      <c r="J5151" t="s">
        <v>60836</v>
      </c>
    </row>
    <row r="5152" spans="1:10" x14ac:dyDescent="0.25">
      <c r="A5152" t="s">
        <v>36150</v>
      </c>
      <c r="B5152" t="s">
        <v>36151</v>
      </c>
      <c r="C5152" t="s">
        <v>36152</v>
      </c>
      <c r="D5152" t="s">
        <v>35977</v>
      </c>
      <c r="E5152" t="s">
        <v>13</v>
      </c>
      <c r="F5152">
        <v>8930</v>
      </c>
      <c r="G5152" t="s">
        <v>36153</v>
      </c>
      <c r="H5152">
        <v>6.6243854881199997</v>
      </c>
      <c r="I5152">
        <v>52.256936838961003</v>
      </c>
      <c r="J5152" t="s">
        <v>60837</v>
      </c>
    </row>
    <row r="5153" spans="1:10" x14ac:dyDescent="0.25">
      <c r="A5153" t="s">
        <v>36146</v>
      </c>
      <c r="B5153" t="s">
        <v>36147</v>
      </c>
      <c r="C5153" t="s">
        <v>36148</v>
      </c>
      <c r="D5153" t="s">
        <v>35977</v>
      </c>
      <c r="E5153" t="s">
        <v>13</v>
      </c>
      <c r="F5153">
        <v>8929</v>
      </c>
      <c r="G5153" t="s">
        <v>36149</v>
      </c>
      <c r="H5153">
        <v>6.7033709782680004</v>
      </c>
      <c r="I5153">
        <v>52.296304229264003</v>
      </c>
      <c r="J5153" t="s">
        <v>60838</v>
      </c>
    </row>
    <row r="5154" spans="1:10" x14ac:dyDescent="0.25">
      <c r="A5154" t="s">
        <v>36142</v>
      </c>
      <c r="B5154" t="s">
        <v>36143</v>
      </c>
      <c r="C5154" t="s">
        <v>36144</v>
      </c>
      <c r="D5154" t="s">
        <v>35977</v>
      </c>
      <c r="E5154" t="s">
        <v>13</v>
      </c>
      <c r="F5154">
        <v>8928</v>
      </c>
      <c r="G5154" t="s">
        <v>36145</v>
      </c>
      <c r="H5154">
        <v>6.652402527485</v>
      </c>
      <c r="I5154">
        <v>52.279047941093999</v>
      </c>
      <c r="J5154" t="s">
        <v>60839</v>
      </c>
    </row>
    <row r="5155" spans="1:10" x14ac:dyDescent="0.25">
      <c r="A5155" t="s">
        <v>36139</v>
      </c>
      <c r="B5155" t="s">
        <v>36140</v>
      </c>
      <c r="C5155" t="s">
        <v>36129</v>
      </c>
      <c r="D5155" t="s">
        <v>35977</v>
      </c>
      <c r="E5155" t="s">
        <v>13</v>
      </c>
      <c r="F5155">
        <v>8927</v>
      </c>
      <c r="G5155" t="s">
        <v>36141</v>
      </c>
      <c r="H5155">
        <v>6.7128904441820003</v>
      </c>
      <c r="I5155">
        <v>52.273050647581002</v>
      </c>
      <c r="J5155" t="s">
        <v>60840</v>
      </c>
    </row>
    <row r="5156" spans="1:10" x14ac:dyDescent="0.25">
      <c r="A5156" t="s">
        <v>36135</v>
      </c>
      <c r="B5156" t="s">
        <v>36136</v>
      </c>
      <c r="C5156" t="s">
        <v>36137</v>
      </c>
      <c r="D5156" t="s">
        <v>35977</v>
      </c>
      <c r="E5156" t="s">
        <v>13</v>
      </c>
      <c r="F5156">
        <v>8926</v>
      </c>
      <c r="G5156" t="s">
        <v>36138</v>
      </c>
      <c r="H5156">
        <v>6.6363099172339997</v>
      </c>
      <c r="I5156">
        <v>52.203863355623</v>
      </c>
      <c r="J5156" t="s">
        <v>60841</v>
      </c>
    </row>
    <row r="5157" spans="1:10" x14ac:dyDescent="0.25">
      <c r="A5157" t="s">
        <v>36131</v>
      </c>
      <c r="B5157" t="s">
        <v>36132</v>
      </c>
      <c r="C5157" t="s">
        <v>36133</v>
      </c>
      <c r="D5157" t="s">
        <v>35977</v>
      </c>
      <c r="E5157" t="s">
        <v>13</v>
      </c>
      <c r="F5157">
        <v>8925</v>
      </c>
      <c r="G5157" t="s">
        <v>36134</v>
      </c>
      <c r="H5157">
        <v>6.6368221016720002</v>
      </c>
      <c r="I5157">
        <v>52.199351788568002</v>
      </c>
      <c r="J5157" t="s">
        <v>60842</v>
      </c>
    </row>
    <row r="5158" spans="1:10" x14ac:dyDescent="0.25">
      <c r="A5158" t="s">
        <v>36127</v>
      </c>
      <c r="B5158" t="s">
        <v>36128</v>
      </c>
      <c r="C5158" t="s">
        <v>36129</v>
      </c>
      <c r="D5158" t="s">
        <v>35977</v>
      </c>
      <c r="E5158" t="s">
        <v>13</v>
      </c>
      <c r="F5158">
        <v>8924</v>
      </c>
      <c r="G5158" t="s">
        <v>36130</v>
      </c>
      <c r="H5158">
        <v>6.6884248845860004</v>
      </c>
      <c r="I5158">
        <v>52.259400114690003</v>
      </c>
      <c r="J5158" t="s">
        <v>60843</v>
      </c>
    </row>
    <row r="5159" spans="1:10" x14ac:dyDescent="0.25">
      <c r="A5159" t="s">
        <v>36123</v>
      </c>
      <c r="B5159" t="s">
        <v>36124</v>
      </c>
      <c r="C5159" t="s">
        <v>36125</v>
      </c>
      <c r="D5159" t="s">
        <v>35977</v>
      </c>
      <c r="E5159" t="s">
        <v>13</v>
      </c>
      <c r="F5159">
        <v>8923</v>
      </c>
      <c r="G5159" t="s">
        <v>36126</v>
      </c>
      <c r="H5159">
        <v>6.693878869403</v>
      </c>
      <c r="I5159">
        <v>52.253403167930003</v>
      </c>
      <c r="J5159" t="s">
        <v>60844</v>
      </c>
    </row>
    <row r="5160" spans="1:10" x14ac:dyDescent="0.25">
      <c r="A5160" t="s">
        <v>36119</v>
      </c>
      <c r="B5160" t="s">
        <v>36120</v>
      </c>
      <c r="C5160" t="s">
        <v>36121</v>
      </c>
      <c r="D5160" t="s">
        <v>35977</v>
      </c>
      <c r="E5160" t="s">
        <v>13</v>
      </c>
      <c r="F5160">
        <v>8922</v>
      </c>
      <c r="G5160" t="s">
        <v>36122</v>
      </c>
      <c r="H5160">
        <v>6.7162122216159998</v>
      </c>
      <c r="I5160">
        <v>52.254553096334</v>
      </c>
      <c r="J5160" t="s">
        <v>60845</v>
      </c>
    </row>
    <row r="5161" spans="1:10" x14ac:dyDescent="0.25">
      <c r="A5161" t="s">
        <v>36115</v>
      </c>
      <c r="B5161" t="s">
        <v>36116</v>
      </c>
      <c r="C5161" t="s">
        <v>36117</v>
      </c>
      <c r="D5161" t="s">
        <v>35977</v>
      </c>
      <c r="E5161" t="s">
        <v>13</v>
      </c>
      <c r="F5161">
        <v>8921</v>
      </c>
      <c r="G5161" t="s">
        <v>36118</v>
      </c>
      <c r="H5161">
        <v>6.6991419737609998</v>
      </c>
      <c r="I5161">
        <v>52.258480013034003</v>
      </c>
      <c r="J5161" t="s">
        <v>60846</v>
      </c>
    </row>
    <row r="5162" spans="1:10" x14ac:dyDescent="0.25">
      <c r="A5162" t="s">
        <v>36111</v>
      </c>
      <c r="B5162" t="s">
        <v>36112</v>
      </c>
      <c r="C5162" t="s">
        <v>36113</v>
      </c>
      <c r="D5162" t="s">
        <v>35977</v>
      </c>
      <c r="E5162" t="s">
        <v>13</v>
      </c>
      <c r="F5162">
        <v>8920</v>
      </c>
      <c r="G5162" t="s">
        <v>36114</v>
      </c>
      <c r="H5162">
        <v>6.7069802198190001</v>
      </c>
      <c r="I5162">
        <v>52.257890804044003</v>
      </c>
      <c r="J5162" t="s">
        <v>60847</v>
      </c>
    </row>
    <row r="5163" spans="1:10" x14ac:dyDescent="0.25">
      <c r="A5163" t="s">
        <v>36107</v>
      </c>
      <c r="B5163" t="s">
        <v>36108</v>
      </c>
      <c r="C5163" t="s">
        <v>36109</v>
      </c>
      <c r="D5163" t="s">
        <v>35977</v>
      </c>
      <c r="E5163" t="s">
        <v>13</v>
      </c>
      <c r="F5163">
        <v>8919</v>
      </c>
      <c r="G5163" t="s">
        <v>36110</v>
      </c>
      <c r="H5163">
        <v>6.7142275988779998</v>
      </c>
      <c r="I5163">
        <v>52.258841356612002</v>
      </c>
      <c r="J5163" t="s">
        <v>60848</v>
      </c>
    </row>
    <row r="5164" spans="1:10" x14ac:dyDescent="0.25">
      <c r="A5164" t="s">
        <v>36103</v>
      </c>
      <c r="B5164" t="s">
        <v>36104</v>
      </c>
      <c r="C5164" t="s">
        <v>36105</v>
      </c>
      <c r="D5164" t="s">
        <v>35977</v>
      </c>
      <c r="E5164" t="s">
        <v>13</v>
      </c>
      <c r="F5164">
        <v>8918</v>
      </c>
      <c r="G5164" t="s">
        <v>36106</v>
      </c>
      <c r="H5164">
        <v>6.7285680742140004</v>
      </c>
      <c r="I5164">
        <v>52.258343946030003</v>
      </c>
      <c r="J5164" t="s">
        <v>60849</v>
      </c>
    </row>
    <row r="5165" spans="1:10" x14ac:dyDescent="0.25">
      <c r="A5165" t="s">
        <v>36099</v>
      </c>
      <c r="B5165" t="s">
        <v>36100</v>
      </c>
      <c r="C5165" t="s">
        <v>36101</v>
      </c>
      <c r="D5165" t="s">
        <v>35977</v>
      </c>
      <c r="E5165" t="s">
        <v>13</v>
      </c>
      <c r="F5165">
        <v>8917</v>
      </c>
      <c r="G5165" t="s">
        <v>36102</v>
      </c>
      <c r="H5165">
        <v>6.7069871486419999</v>
      </c>
      <c r="I5165">
        <v>52.260319119976003</v>
      </c>
      <c r="J5165" t="s">
        <v>60850</v>
      </c>
    </row>
    <row r="5166" spans="1:10" x14ac:dyDescent="0.25">
      <c r="A5166" t="s">
        <v>36095</v>
      </c>
      <c r="B5166" t="s">
        <v>36096</v>
      </c>
      <c r="C5166" t="s">
        <v>36097</v>
      </c>
      <c r="D5166" t="s">
        <v>35977</v>
      </c>
      <c r="E5166" t="s">
        <v>13</v>
      </c>
      <c r="F5166">
        <v>8916</v>
      </c>
      <c r="G5166" t="s">
        <v>36098</v>
      </c>
      <c r="H5166">
        <v>6.7053367951120002</v>
      </c>
      <c r="I5166">
        <v>52.265054776287002</v>
      </c>
      <c r="J5166" t="s">
        <v>60851</v>
      </c>
    </row>
    <row r="5167" spans="1:10" x14ac:dyDescent="0.25">
      <c r="A5167" t="s">
        <v>36091</v>
      </c>
      <c r="B5167" t="s">
        <v>36092</v>
      </c>
      <c r="C5167" t="s">
        <v>36093</v>
      </c>
      <c r="D5167" t="s">
        <v>35977</v>
      </c>
      <c r="E5167" t="s">
        <v>13</v>
      </c>
      <c r="F5167">
        <v>8915</v>
      </c>
      <c r="G5167" t="s">
        <v>36094</v>
      </c>
      <c r="H5167">
        <v>6.7260448715259997</v>
      </c>
      <c r="I5167">
        <v>52.262719904095</v>
      </c>
      <c r="J5167" t="s">
        <v>60852</v>
      </c>
    </row>
    <row r="5168" spans="1:10" x14ac:dyDescent="0.25">
      <c r="A5168" t="s">
        <v>36087</v>
      </c>
      <c r="B5168" t="s">
        <v>36088</v>
      </c>
      <c r="C5168" t="s">
        <v>36089</v>
      </c>
      <c r="D5168" t="s">
        <v>35977</v>
      </c>
      <c r="E5168" t="s">
        <v>13</v>
      </c>
      <c r="F5168">
        <v>8914</v>
      </c>
      <c r="G5168" t="s">
        <v>36090</v>
      </c>
      <c r="H5168">
        <v>6.7152136227870001</v>
      </c>
      <c r="I5168">
        <v>52.26178560548</v>
      </c>
      <c r="J5168" t="s">
        <v>60853</v>
      </c>
    </row>
    <row r="5169" spans="1:10" x14ac:dyDescent="0.25">
      <c r="A5169" t="s">
        <v>36083</v>
      </c>
      <c r="B5169" t="s">
        <v>36084</v>
      </c>
      <c r="C5169" t="s">
        <v>36085</v>
      </c>
      <c r="D5169" t="s">
        <v>35977</v>
      </c>
      <c r="E5169" t="s">
        <v>13</v>
      </c>
      <c r="F5169">
        <v>8913</v>
      </c>
      <c r="G5169" t="s">
        <v>36086</v>
      </c>
      <c r="H5169">
        <v>6.7119271810769998</v>
      </c>
      <c r="I5169">
        <v>52.263460377653999</v>
      </c>
      <c r="J5169" t="s">
        <v>60854</v>
      </c>
    </row>
    <row r="5170" spans="1:10" x14ac:dyDescent="0.25">
      <c r="A5170" t="s">
        <v>36079</v>
      </c>
      <c r="B5170" t="s">
        <v>36080</v>
      </c>
      <c r="C5170" t="s">
        <v>36081</v>
      </c>
      <c r="D5170" t="s">
        <v>35977</v>
      </c>
      <c r="E5170" t="s">
        <v>13</v>
      </c>
      <c r="F5170">
        <v>8912</v>
      </c>
      <c r="G5170" t="s">
        <v>36082</v>
      </c>
      <c r="H5170">
        <v>6.5574760118900004</v>
      </c>
      <c r="I5170">
        <v>52.196383459613998</v>
      </c>
      <c r="J5170" t="s">
        <v>60855</v>
      </c>
    </row>
    <row r="5171" spans="1:10" x14ac:dyDescent="0.25">
      <c r="A5171" t="s">
        <v>36075</v>
      </c>
      <c r="B5171" t="s">
        <v>36076</v>
      </c>
      <c r="C5171" t="s">
        <v>36077</v>
      </c>
      <c r="D5171" t="s">
        <v>35977</v>
      </c>
      <c r="E5171" t="s">
        <v>13</v>
      </c>
      <c r="F5171">
        <v>8911</v>
      </c>
      <c r="G5171" t="s">
        <v>36078</v>
      </c>
      <c r="H5171">
        <v>6.613481638963</v>
      </c>
      <c r="I5171">
        <v>52.182592643945</v>
      </c>
      <c r="J5171" t="s">
        <v>60856</v>
      </c>
    </row>
    <row r="5172" spans="1:10" x14ac:dyDescent="0.25">
      <c r="A5172" t="s">
        <v>36071</v>
      </c>
      <c r="B5172" t="s">
        <v>36072</v>
      </c>
      <c r="C5172" t="s">
        <v>36073</v>
      </c>
      <c r="D5172" t="s">
        <v>35977</v>
      </c>
      <c r="E5172" t="s">
        <v>13</v>
      </c>
      <c r="F5172">
        <v>8910</v>
      </c>
      <c r="G5172" t="s">
        <v>36074</v>
      </c>
      <c r="H5172">
        <v>6.5501229544779997</v>
      </c>
      <c r="I5172">
        <v>52.198210625302998</v>
      </c>
      <c r="J5172" t="s">
        <v>60857</v>
      </c>
    </row>
    <row r="5173" spans="1:10" x14ac:dyDescent="0.25">
      <c r="A5173" t="s">
        <v>36067</v>
      </c>
      <c r="B5173" t="s">
        <v>36068</v>
      </c>
      <c r="C5173" t="s">
        <v>36069</v>
      </c>
      <c r="D5173" t="s">
        <v>35977</v>
      </c>
      <c r="E5173" t="s">
        <v>13</v>
      </c>
      <c r="F5173">
        <v>8909</v>
      </c>
      <c r="G5173" t="s">
        <v>36070</v>
      </c>
      <c r="H5173">
        <v>6.5561472881710001</v>
      </c>
      <c r="I5173">
        <v>52.201661553507002</v>
      </c>
      <c r="J5173" t="s">
        <v>60858</v>
      </c>
    </row>
    <row r="5174" spans="1:10" x14ac:dyDescent="0.25">
      <c r="A5174" t="s">
        <v>36063</v>
      </c>
      <c r="B5174" t="s">
        <v>36064</v>
      </c>
      <c r="C5174" t="s">
        <v>36065</v>
      </c>
      <c r="D5174" t="s">
        <v>35977</v>
      </c>
      <c r="E5174" t="s">
        <v>13</v>
      </c>
      <c r="F5174">
        <v>8908</v>
      </c>
      <c r="G5174" t="s">
        <v>36066</v>
      </c>
      <c r="H5174">
        <v>6.5001287008990003</v>
      </c>
      <c r="I5174">
        <v>52.269373975248001</v>
      </c>
      <c r="J5174" t="s">
        <v>60859</v>
      </c>
    </row>
    <row r="5175" spans="1:10" x14ac:dyDescent="0.25">
      <c r="A5175" t="s">
        <v>36059</v>
      </c>
      <c r="B5175" t="s">
        <v>36060</v>
      </c>
      <c r="C5175" t="s">
        <v>36061</v>
      </c>
      <c r="D5175" t="s">
        <v>35977</v>
      </c>
      <c r="E5175" t="s">
        <v>13</v>
      </c>
      <c r="F5175">
        <v>8907</v>
      </c>
      <c r="G5175" t="s">
        <v>36062</v>
      </c>
      <c r="H5175">
        <v>6.5826296884179998</v>
      </c>
      <c r="I5175">
        <v>52.260371004443002</v>
      </c>
      <c r="J5175" t="s">
        <v>60860</v>
      </c>
    </row>
    <row r="5176" spans="1:10" x14ac:dyDescent="0.25">
      <c r="A5176" t="s">
        <v>36055</v>
      </c>
      <c r="B5176" t="s">
        <v>36056</v>
      </c>
      <c r="C5176" t="s">
        <v>36057</v>
      </c>
      <c r="D5176" t="s">
        <v>35977</v>
      </c>
      <c r="E5176" t="s">
        <v>13</v>
      </c>
      <c r="F5176">
        <v>8906</v>
      </c>
      <c r="G5176" t="s">
        <v>36058</v>
      </c>
      <c r="H5176">
        <v>6.5408941578149999</v>
      </c>
      <c r="I5176">
        <v>52.267948815613003</v>
      </c>
      <c r="J5176" t="s">
        <v>60861</v>
      </c>
    </row>
    <row r="5177" spans="1:10" x14ac:dyDescent="0.25">
      <c r="A5177" t="s">
        <v>36051</v>
      </c>
      <c r="B5177" t="s">
        <v>36052</v>
      </c>
      <c r="C5177" t="s">
        <v>36053</v>
      </c>
      <c r="D5177" t="s">
        <v>35977</v>
      </c>
      <c r="E5177" t="s">
        <v>13</v>
      </c>
      <c r="F5177">
        <v>8905</v>
      </c>
      <c r="G5177" t="s">
        <v>36054</v>
      </c>
      <c r="H5177">
        <v>6.6021862387940002</v>
      </c>
      <c r="I5177">
        <v>52.218324981226999</v>
      </c>
      <c r="J5177" t="s">
        <v>60862</v>
      </c>
    </row>
    <row r="5178" spans="1:10" x14ac:dyDescent="0.25">
      <c r="A5178" t="s">
        <v>36047</v>
      </c>
      <c r="B5178" t="s">
        <v>36048</v>
      </c>
      <c r="C5178" t="s">
        <v>36049</v>
      </c>
      <c r="D5178" t="s">
        <v>35977</v>
      </c>
      <c r="E5178" t="s">
        <v>13</v>
      </c>
      <c r="F5178">
        <v>8904</v>
      </c>
      <c r="G5178" t="s">
        <v>36050</v>
      </c>
      <c r="H5178">
        <v>6.4856949086500002</v>
      </c>
      <c r="I5178">
        <v>52.242674612492003</v>
      </c>
      <c r="J5178" t="s">
        <v>60863</v>
      </c>
    </row>
    <row r="5179" spans="1:10" x14ac:dyDescent="0.25">
      <c r="A5179" t="s">
        <v>36043</v>
      </c>
      <c r="B5179" t="s">
        <v>36044</v>
      </c>
      <c r="C5179" t="s">
        <v>36045</v>
      </c>
      <c r="D5179" t="s">
        <v>35977</v>
      </c>
      <c r="E5179" t="s">
        <v>13</v>
      </c>
      <c r="F5179">
        <v>8903</v>
      </c>
      <c r="G5179" t="s">
        <v>36046</v>
      </c>
      <c r="H5179">
        <v>6.5446002443440001</v>
      </c>
      <c r="I5179">
        <v>52.238377813023</v>
      </c>
      <c r="J5179" t="s">
        <v>60864</v>
      </c>
    </row>
    <row r="5180" spans="1:10" x14ac:dyDescent="0.25">
      <c r="A5180" t="s">
        <v>36039</v>
      </c>
      <c r="B5180" t="s">
        <v>36040</v>
      </c>
      <c r="C5180" t="s">
        <v>36041</v>
      </c>
      <c r="D5180" t="s">
        <v>35977</v>
      </c>
      <c r="E5180" t="s">
        <v>13</v>
      </c>
      <c r="F5180">
        <v>8902</v>
      </c>
      <c r="G5180" t="s">
        <v>36042</v>
      </c>
      <c r="H5180">
        <v>6.5047023192419999</v>
      </c>
      <c r="I5180">
        <v>52.201976158318999</v>
      </c>
      <c r="J5180" t="s">
        <v>60865</v>
      </c>
    </row>
    <row r="5181" spans="1:10" x14ac:dyDescent="0.25">
      <c r="A5181" t="s">
        <v>36035</v>
      </c>
      <c r="B5181" t="s">
        <v>36036</v>
      </c>
      <c r="C5181" t="s">
        <v>36037</v>
      </c>
      <c r="D5181" t="s">
        <v>35977</v>
      </c>
      <c r="E5181" t="s">
        <v>13</v>
      </c>
      <c r="F5181">
        <v>8901</v>
      </c>
      <c r="G5181" t="s">
        <v>36038</v>
      </c>
      <c r="H5181">
        <v>6.4476817935559998</v>
      </c>
      <c r="I5181">
        <v>52.227231565426003</v>
      </c>
      <c r="J5181" t="s">
        <v>60866</v>
      </c>
    </row>
    <row r="5182" spans="1:10" x14ac:dyDescent="0.25">
      <c r="A5182" t="s">
        <v>36031</v>
      </c>
      <c r="B5182" t="s">
        <v>36032</v>
      </c>
      <c r="C5182" t="s">
        <v>36033</v>
      </c>
      <c r="D5182" t="s">
        <v>35977</v>
      </c>
      <c r="E5182" t="s">
        <v>13</v>
      </c>
      <c r="F5182">
        <v>8900</v>
      </c>
      <c r="G5182" t="s">
        <v>36034</v>
      </c>
      <c r="H5182">
        <v>6.4953168645910004</v>
      </c>
      <c r="I5182">
        <v>52.234702257389998</v>
      </c>
      <c r="J5182" t="s">
        <v>60867</v>
      </c>
    </row>
    <row r="5183" spans="1:10" x14ac:dyDescent="0.25">
      <c r="A5183" t="s">
        <v>36027</v>
      </c>
      <c r="B5183" t="s">
        <v>36028</v>
      </c>
      <c r="C5183" t="s">
        <v>36029</v>
      </c>
      <c r="D5183" t="s">
        <v>35977</v>
      </c>
      <c r="E5183" t="s">
        <v>13</v>
      </c>
      <c r="F5183">
        <v>8899</v>
      </c>
      <c r="G5183" t="s">
        <v>36030</v>
      </c>
      <c r="H5183">
        <v>6.6046926815239999</v>
      </c>
      <c r="I5183">
        <v>52.241874232112998</v>
      </c>
      <c r="J5183" t="s">
        <v>60868</v>
      </c>
    </row>
    <row r="5184" spans="1:10" x14ac:dyDescent="0.25">
      <c r="A5184" t="s">
        <v>36023</v>
      </c>
      <c r="B5184" t="s">
        <v>36024</v>
      </c>
      <c r="C5184" t="s">
        <v>36025</v>
      </c>
      <c r="D5184" t="s">
        <v>35977</v>
      </c>
      <c r="E5184" t="s">
        <v>13</v>
      </c>
      <c r="F5184">
        <v>8898</v>
      </c>
      <c r="G5184" t="s">
        <v>36026</v>
      </c>
      <c r="H5184">
        <v>6.5779239430610001</v>
      </c>
      <c r="I5184">
        <v>52.244081031832998</v>
      </c>
      <c r="J5184" t="s">
        <v>60869</v>
      </c>
    </row>
    <row r="5185" spans="1:10" x14ac:dyDescent="0.25">
      <c r="A5185" t="s">
        <v>36019</v>
      </c>
      <c r="B5185" t="s">
        <v>36020</v>
      </c>
      <c r="C5185" t="s">
        <v>36021</v>
      </c>
      <c r="D5185" t="s">
        <v>35977</v>
      </c>
      <c r="E5185" t="s">
        <v>13</v>
      </c>
      <c r="F5185">
        <v>8897</v>
      </c>
      <c r="G5185" t="s">
        <v>36022</v>
      </c>
      <c r="H5185">
        <v>6.564036428753</v>
      </c>
      <c r="I5185">
        <v>52.237313401093999</v>
      </c>
      <c r="J5185" t="s">
        <v>60870</v>
      </c>
    </row>
    <row r="5186" spans="1:10" x14ac:dyDescent="0.25">
      <c r="A5186" t="s">
        <v>36015</v>
      </c>
      <c r="B5186" t="s">
        <v>36016</v>
      </c>
      <c r="C5186" t="s">
        <v>36017</v>
      </c>
      <c r="D5186" t="s">
        <v>35977</v>
      </c>
      <c r="E5186" t="s">
        <v>13</v>
      </c>
      <c r="F5186">
        <v>8896</v>
      </c>
      <c r="G5186" t="s">
        <v>36018</v>
      </c>
      <c r="H5186">
        <v>6.5722082821720003</v>
      </c>
      <c r="I5186">
        <v>52.243293265082997</v>
      </c>
      <c r="J5186" t="s">
        <v>60871</v>
      </c>
    </row>
    <row r="5187" spans="1:10" x14ac:dyDescent="0.25">
      <c r="A5187" t="s">
        <v>36011</v>
      </c>
      <c r="B5187" t="s">
        <v>36012</v>
      </c>
      <c r="C5187" t="s">
        <v>36013</v>
      </c>
      <c r="D5187" t="s">
        <v>35977</v>
      </c>
      <c r="E5187" t="s">
        <v>13</v>
      </c>
      <c r="F5187">
        <v>8895</v>
      </c>
      <c r="G5187" t="s">
        <v>36014</v>
      </c>
      <c r="H5187">
        <v>6.591351884052</v>
      </c>
      <c r="I5187">
        <v>52.227431323083003</v>
      </c>
      <c r="J5187" t="s">
        <v>60872</v>
      </c>
    </row>
    <row r="5188" spans="1:10" x14ac:dyDescent="0.25">
      <c r="A5188" t="s">
        <v>36007</v>
      </c>
      <c r="B5188" t="s">
        <v>36008</v>
      </c>
      <c r="C5188" t="s">
        <v>36009</v>
      </c>
      <c r="D5188" t="s">
        <v>35977</v>
      </c>
      <c r="E5188" t="s">
        <v>13</v>
      </c>
      <c r="F5188">
        <v>8894</v>
      </c>
      <c r="G5188" t="s">
        <v>36010</v>
      </c>
      <c r="H5188">
        <v>6.5716947896309996</v>
      </c>
      <c r="I5188">
        <v>52.232125733438998</v>
      </c>
      <c r="J5188" t="s">
        <v>60873</v>
      </c>
    </row>
    <row r="5189" spans="1:10" x14ac:dyDescent="0.25">
      <c r="A5189" t="s">
        <v>36003</v>
      </c>
      <c r="B5189" t="s">
        <v>36004</v>
      </c>
      <c r="C5189" t="s">
        <v>36005</v>
      </c>
      <c r="D5189" t="s">
        <v>35977</v>
      </c>
      <c r="E5189" t="s">
        <v>13</v>
      </c>
      <c r="F5189">
        <v>8893</v>
      </c>
      <c r="G5189" t="s">
        <v>36006</v>
      </c>
      <c r="H5189">
        <v>6.586604649701</v>
      </c>
      <c r="I5189">
        <v>52.244258457720001</v>
      </c>
      <c r="J5189" t="s">
        <v>60874</v>
      </c>
    </row>
    <row r="5190" spans="1:10" x14ac:dyDescent="0.25">
      <c r="A5190" t="s">
        <v>35999</v>
      </c>
      <c r="B5190" t="s">
        <v>36000</v>
      </c>
      <c r="C5190" t="s">
        <v>36001</v>
      </c>
      <c r="D5190" t="s">
        <v>35977</v>
      </c>
      <c r="E5190" t="s">
        <v>13</v>
      </c>
      <c r="F5190">
        <v>8892</v>
      </c>
      <c r="G5190" t="s">
        <v>36002</v>
      </c>
      <c r="H5190">
        <v>6.5781851902049997</v>
      </c>
      <c r="I5190">
        <v>52.226995879862002</v>
      </c>
      <c r="J5190" t="s">
        <v>60875</v>
      </c>
    </row>
    <row r="5191" spans="1:10" x14ac:dyDescent="0.25">
      <c r="A5191" t="s">
        <v>35995</v>
      </c>
      <c r="B5191" t="s">
        <v>35996</v>
      </c>
      <c r="C5191" t="s">
        <v>35997</v>
      </c>
      <c r="D5191" t="s">
        <v>35977</v>
      </c>
      <c r="E5191" t="s">
        <v>13</v>
      </c>
      <c r="F5191">
        <v>8891</v>
      </c>
      <c r="G5191" t="s">
        <v>35998</v>
      </c>
      <c r="H5191">
        <v>6.6008242646430002</v>
      </c>
      <c r="I5191">
        <v>52.232105549334001</v>
      </c>
      <c r="J5191" t="s">
        <v>60876</v>
      </c>
    </row>
    <row r="5192" spans="1:10" x14ac:dyDescent="0.25">
      <c r="A5192" t="s">
        <v>35991</v>
      </c>
      <c r="B5192" t="s">
        <v>35992</v>
      </c>
      <c r="C5192" t="s">
        <v>35993</v>
      </c>
      <c r="D5192" t="s">
        <v>35977</v>
      </c>
      <c r="E5192" t="s">
        <v>13</v>
      </c>
      <c r="F5192">
        <v>8890</v>
      </c>
      <c r="G5192" t="s">
        <v>35994</v>
      </c>
      <c r="H5192">
        <v>6.5953550057510002</v>
      </c>
      <c r="I5192">
        <v>52.23382854215</v>
      </c>
      <c r="J5192" t="s">
        <v>60877</v>
      </c>
    </row>
    <row r="5193" spans="1:10" x14ac:dyDescent="0.25">
      <c r="A5193" t="s">
        <v>35987</v>
      </c>
      <c r="B5193" t="s">
        <v>35988</v>
      </c>
      <c r="C5193" t="s">
        <v>35989</v>
      </c>
      <c r="D5193" t="s">
        <v>35977</v>
      </c>
      <c r="E5193" t="s">
        <v>13</v>
      </c>
      <c r="F5193">
        <v>8889</v>
      </c>
      <c r="G5193" t="s">
        <v>35990</v>
      </c>
      <c r="H5193">
        <v>6.5937586483789996</v>
      </c>
      <c r="I5193">
        <v>52.238537990952999</v>
      </c>
      <c r="J5193" t="s">
        <v>60878</v>
      </c>
    </row>
    <row r="5194" spans="1:10" x14ac:dyDescent="0.25">
      <c r="A5194" t="s">
        <v>35983</v>
      </c>
      <c r="B5194" t="s">
        <v>35984</v>
      </c>
      <c r="C5194" t="s">
        <v>35985</v>
      </c>
      <c r="D5194" t="s">
        <v>35977</v>
      </c>
      <c r="E5194" t="s">
        <v>13</v>
      </c>
      <c r="F5194">
        <v>8888</v>
      </c>
      <c r="G5194" t="s">
        <v>35986</v>
      </c>
      <c r="H5194">
        <v>6.5721363421939998</v>
      </c>
      <c r="I5194">
        <v>52.235710471581001</v>
      </c>
      <c r="J5194" t="s">
        <v>60879</v>
      </c>
    </row>
    <row r="5195" spans="1:10" x14ac:dyDescent="0.25">
      <c r="A5195" t="s">
        <v>35979</v>
      </c>
      <c r="B5195" t="s">
        <v>35980</v>
      </c>
      <c r="C5195" t="s">
        <v>35981</v>
      </c>
      <c r="D5195" t="s">
        <v>35977</v>
      </c>
      <c r="E5195" t="s">
        <v>13</v>
      </c>
      <c r="F5195">
        <v>8887</v>
      </c>
      <c r="G5195" t="s">
        <v>35982</v>
      </c>
      <c r="H5195">
        <v>6.5779511003750004</v>
      </c>
      <c r="I5195">
        <v>52.238212331758</v>
      </c>
      <c r="J5195" t="s">
        <v>60880</v>
      </c>
    </row>
    <row r="5196" spans="1:10" x14ac:dyDescent="0.25">
      <c r="A5196" t="s">
        <v>35974</v>
      </c>
      <c r="B5196" t="s">
        <v>35975</v>
      </c>
      <c r="C5196" t="s">
        <v>35976</v>
      </c>
      <c r="D5196" t="s">
        <v>35977</v>
      </c>
      <c r="E5196" t="s">
        <v>13</v>
      </c>
      <c r="F5196">
        <v>8886</v>
      </c>
      <c r="G5196" t="s">
        <v>35978</v>
      </c>
      <c r="H5196">
        <v>6.5854092411840002</v>
      </c>
      <c r="I5196">
        <v>52.233569833940003</v>
      </c>
      <c r="J5196" t="s">
        <v>60881</v>
      </c>
    </row>
    <row r="5197" spans="1:10" x14ac:dyDescent="0.25">
      <c r="A5197" t="s">
        <v>35970</v>
      </c>
      <c r="B5197" t="s">
        <v>35971</v>
      </c>
      <c r="C5197" t="s">
        <v>35972</v>
      </c>
      <c r="D5197" t="s">
        <v>35785</v>
      </c>
      <c r="E5197" t="s">
        <v>13</v>
      </c>
      <c r="F5197">
        <v>8885</v>
      </c>
      <c r="G5197" t="s">
        <v>35973</v>
      </c>
      <c r="H5197">
        <v>6.6011581310720002</v>
      </c>
      <c r="I5197">
        <v>52.812310257935003</v>
      </c>
      <c r="J5197" t="s">
        <v>60882</v>
      </c>
    </row>
    <row r="5198" spans="1:10" x14ac:dyDescent="0.25">
      <c r="A5198" t="s">
        <v>35966</v>
      </c>
      <c r="B5198" t="s">
        <v>35967</v>
      </c>
      <c r="C5198" t="s">
        <v>35968</v>
      </c>
      <c r="D5198" t="s">
        <v>35785</v>
      </c>
      <c r="E5198" t="s">
        <v>13</v>
      </c>
      <c r="F5198">
        <v>8884</v>
      </c>
      <c r="G5198" t="s">
        <v>35969</v>
      </c>
      <c r="H5198">
        <v>6.6127313150560001</v>
      </c>
      <c r="I5198">
        <v>52.801349388166003</v>
      </c>
      <c r="J5198" t="s">
        <v>60883</v>
      </c>
    </row>
    <row r="5199" spans="1:10" x14ac:dyDescent="0.25">
      <c r="A5199" t="s">
        <v>35962</v>
      </c>
      <c r="B5199" t="s">
        <v>35963</v>
      </c>
      <c r="C5199" t="s">
        <v>35964</v>
      </c>
      <c r="D5199" t="s">
        <v>35785</v>
      </c>
      <c r="E5199" t="s">
        <v>13</v>
      </c>
      <c r="F5199">
        <v>8883</v>
      </c>
      <c r="G5199" t="s">
        <v>35965</v>
      </c>
      <c r="H5199">
        <v>6.6289564251869999</v>
      </c>
      <c r="I5199">
        <v>52.810901820906999</v>
      </c>
      <c r="J5199" t="s">
        <v>60884</v>
      </c>
    </row>
    <row r="5200" spans="1:10" x14ac:dyDescent="0.25">
      <c r="A5200" t="s">
        <v>35958</v>
      </c>
      <c r="B5200" t="s">
        <v>35959</v>
      </c>
      <c r="C5200" t="s">
        <v>35960</v>
      </c>
      <c r="D5200" t="s">
        <v>35785</v>
      </c>
      <c r="E5200" t="s">
        <v>13</v>
      </c>
      <c r="F5200">
        <v>8882</v>
      </c>
      <c r="G5200" t="s">
        <v>35961</v>
      </c>
      <c r="H5200">
        <v>6.623672373142</v>
      </c>
      <c r="I5200">
        <v>52.820077170819999</v>
      </c>
      <c r="J5200" t="s">
        <v>60885</v>
      </c>
    </row>
    <row r="5201" spans="1:10" x14ac:dyDescent="0.25">
      <c r="A5201" t="s">
        <v>35954</v>
      </c>
      <c r="B5201" t="s">
        <v>35955</v>
      </c>
      <c r="C5201" t="s">
        <v>35956</v>
      </c>
      <c r="D5201" t="s">
        <v>35785</v>
      </c>
      <c r="E5201" t="s">
        <v>13</v>
      </c>
      <c r="F5201">
        <v>8881</v>
      </c>
      <c r="G5201" t="s">
        <v>35957</v>
      </c>
      <c r="H5201">
        <v>6.6841268393329996</v>
      </c>
      <c r="I5201">
        <v>52.851966061421003</v>
      </c>
      <c r="J5201" t="s">
        <v>60886</v>
      </c>
    </row>
    <row r="5202" spans="1:10" x14ac:dyDescent="0.25">
      <c r="A5202" t="s">
        <v>35950</v>
      </c>
      <c r="B5202" t="s">
        <v>35951</v>
      </c>
      <c r="C5202" t="s">
        <v>35952</v>
      </c>
      <c r="D5202" t="s">
        <v>35785</v>
      </c>
      <c r="E5202" t="s">
        <v>13</v>
      </c>
      <c r="F5202">
        <v>8880</v>
      </c>
      <c r="G5202" t="s">
        <v>35953</v>
      </c>
      <c r="H5202">
        <v>6.6597761471809998</v>
      </c>
      <c r="I5202">
        <v>52.843341429089001</v>
      </c>
      <c r="J5202" t="s">
        <v>60887</v>
      </c>
    </row>
    <row r="5203" spans="1:10" x14ac:dyDescent="0.25">
      <c r="A5203" t="s">
        <v>35946</v>
      </c>
      <c r="B5203" t="s">
        <v>35947</v>
      </c>
      <c r="C5203" t="s">
        <v>35948</v>
      </c>
      <c r="D5203" t="s">
        <v>35785</v>
      </c>
      <c r="E5203" t="s">
        <v>13</v>
      </c>
      <c r="F5203">
        <v>8879</v>
      </c>
      <c r="G5203" t="s">
        <v>35949</v>
      </c>
      <c r="H5203">
        <v>6.5906268166290003</v>
      </c>
      <c r="I5203">
        <v>52.890322068114003</v>
      </c>
      <c r="J5203" t="s">
        <v>60888</v>
      </c>
    </row>
    <row r="5204" spans="1:10" x14ac:dyDescent="0.25">
      <c r="A5204" t="s">
        <v>35942</v>
      </c>
      <c r="B5204" t="s">
        <v>35943</v>
      </c>
      <c r="C5204" t="s">
        <v>35944</v>
      </c>
      <c r="D5204" t="s">
        <v>35785</v>
      </c>
      <c r="E5204" t="s">
        <v>13</v>
      </c>
      <c r="F5204">
        <v>8878</v>
      </c>
      <c r="G5204" t="s">
        <v>35945</v>
      </c>
      <c r="H5204">
        <v>6.585795944719</v>
      </c>
      <c r="I5204">
        <v>52.873253718141001</v>
      </c>
      <c r="J5204" t="s">
        <v>60889</v>
      </c>
    </row>
    <row r="5205" spans="1:10" x14ac:dyDescent="0.25">
      <c r="A5205" t="s">
        <v>35939</v>
      </c>
      <c r="B5205" t="s">
        <v>35940</v>
      </c>
      <c r="C5205" t="s">
        <v>7664</v>
      </c>
      <c r="D5205" t="s">
        <v>35785</v>
      </c>
      <c r="E5205" t="s">
        <v>13</v>
      </c>
      <c r="F5205">
        <v>8877</v>
      </c>
      <c r="G5205" t="s">
        <v>35941</v>
      </c>
      <c r="H5205">
        <v>6.5818876253249998</v>
      </c>
      <c r="I5205">
        <v>52.749970232537002</v>
      </c>
      <c r="J5205" t="s">
        <v>60890</v>
      </c>
    </row>
    <row r="5206" spans="1:10" x14ac:dyDescent="0.25">
      <c r="A5206" t="s">
        <v>35935</v>
      </c>
      <c r="B5206" t="s">
        <v>35936</v>
      </c>
      <c r="C5206" t="s">
        <v>35937</v>
      </c>
      <c r="D5206" t="s">
        <v>35785</v>
      </c>
      <c r="E5206" t="s">
        <v>13</v>
      </c>
      <c r="F5206">
        <v>8876</v>
      </c>
      <c r="G5206" t="s">
        <v>35938</v>
      </c>
      <c r="H5206">
        <v>6.599203434334</v>
      </c>
      <c r="I5206">
        <v>52.774067972322001</v>
      </c>
      <c r="J5206" t="s">
        <v>60891</v>
      </c>
    </row>
    <row r="5207" spans="1:10" x14ac:dyDescent="0.25">
      <c r="A5207" t="s">
        <v>35931</v>
      </c>
      <c r="B5207" t="s">
        <v>35932</v>
      </c>
      <c r="C5207" t="s">
        <v>35933</v>
      </c>
      <c r="D5207" t="s">
        <v>35785</v>
      </c>
      <c r="E5207" t="s">
        <v>13</v>
      </c>
      <c r="F5207">
        <v>8875</v>
      </c>
      <c r="G5207" t="s">
        <v>35934</v>
      </c>
      <c r="H5207">
        <v>6.603309209641</v>
      </c>
      <c r="I5207">
        <v>52.766964881219998</v>
      </c>
      <c r="J5207" t="s">
        <v>60892</v>
      </c>
    </row>
    <row r="5208" spans="1:10" x14ac:dyDescent="0.25">
      <c r="A5208" t="s">
        <v>35927</v>
      </c>
      <c r="B5208" t="s">
        <v>35928</v>
      </c>
      <c r="C5208" t="s">
        <v>35929</v>
      </c>
      <c r="D5208" t="s">
        <v>35785</v>
      </c>
      <c r="E5208" t="s">
        <v>13</v>
      </c>
      <c r="F5208">
        <v>8874</v>
      </c>
      <c r="G5208" t="s">
        <v>35930</v>
      </c>
      <c r="H5208">
        <v>6.658401471725</v>
      </c>
      <c r="I5208">
        <v>52.816792548660999</v>
      </c>
      <c r="J5208" t="s">
        <v>60893</v>
      </c>
    </row>
    <row r="5209" spans="1:10" x14ac:dyDescent="0.25">
      <c r="A5209" t="s">
        <v>35923</v>
      </c>
      <c r="B5209" t="s">
        <v>35924</v>
      </c>
      <c r="C5209" t="s">
        <v>35925</v>
      </c>
      <c r="D5209" t="s">
        <v>35785</v>
      </c>
      <c r="E5209" t="s">
        <v>13</v>
      </c>
      <c r="F5209">
        <v>8873</v>
      </c>
      <c r="G5209" t="s">
        <v>35926</v>
      </c>
      <c r="H5209">
        <v>6.6605276050700004</v>
      </c>
      <c r="I5209">
        <v>52.814281922821998</v>
      </c>
      <c r="J5209" t="s">
        <v>60894</v>
      </c>
    </row>
    <row r="5210" spans="1:10" x14ac:dyDescent="0.25">
      <c r="A5210" t="s">
        <v>35919</v>
      </c>
      <c r="B5210" t="s">
        <v>35920</v>
      </c>
      <c r="C5210" t="s">
        <v>35921</v>
      </c>
      <c r="D5210" t="s">
        <v>35785</v>
      </c>
      <c r="E5210" t="s">
        <v>13</v>
      </c>
      <c r="F5210">
        <v>8872</v>
      </c>
      <c r="G5210" t="s">
        <v>35922</v>
      </c>
      <c r="H5210">
        <v>6.6500048820900002</v>
      </c>
      <c r="I5210">
        <v>52.886592896491003</v>
      </c>
      <c r="J5210" t="s">
        <v>60895</v>
      </c>
    </row>
    <row r="5211" spans="1:10" x14ac:dyDescent="0.25">
      <c r="A5211" t="s">
        <v>35915</v>
      </c>
      <c r="B5211" t="s">
        <v>35916</v>
      </c>
      <c r="C5211" t="s">
        <v>35917</v>
      </c>
      <c r="D5211" t="s">
        <v>35785</v>
      </c>
      <c r="E5211" t="s">
        <v>13</v>
      </c>
      <c r="F5211">
        <v>8871</v>
      </c>
      <c r="G5211" t="s">
        <v>35918</v>
      </c>
      <c r="H5211">
        <v>6.6359382069199997</v>
      </c>
      <c r="I5211">
        <v>52.865989504642997</v>
      </c>
      <c r="J5211" t="s">
        <v>60896</v>
      </c>
    </row>
    <row r="5212" spans="1:10" x14ac:dyDescent="0.25">
      <c r="A5212" t="s">
        <v>35911</v>
      </c>
      <c r="B5212" t="s">
        <v>35912</v>
      </c>
      <c r="C5212" t="s">
        <v>35913</v>
      </c>
      <c r="D5212" t="s">
        <v>35785</v>
      </c>
      <c r="E5212" t="s">
        <v>13</v>
      </c>
      <c r="F5212">
        <v>8870</v>
      </c>
      <c r="G5212" t="s">
        <v>35914</v>
      </c>
      <c r="H5212">
        <v>6.6440172925220002</v>
      </c>
      <c r="I5212">
        <v>52.880780307137996</v>
      </c>
      <c r="J5212" t="s">
        <v>60897</v>
      </c>
    </row>
    <row r="5213" spans="1:10" x14ac:dyDescent="0.25">
      <c r="A5213" t="s">
        <v>35907</v>
      </c>
      <c r="B5213" t="s">
        <v>35908</v>
      </c>
      <c r="C5213" t="s">
        <v>35909</v>
      </c>
      <c r="D5213" t="s">
        <v>35785</v>
      </c>
      <c r="E5213" t="s">
        <v>13</v>
      </c>
      <c r="F5213">
        <v>8869</v>
      </c>
      <c r="G5213" t="s">
        <v>35910</v>
      </c>
      <c r="H5213">
        <v>6.6067827902829999</v>
      </c>
      <c r="I5213">
        <v>52.850186110414</v>
      </c>
      <c r="J5213" t="s">
        <v>60898</v>
      </c>
    </row>
    <row r="5214" spans="1:10" x14ac:dyDescent="0.25">
      <c r="A5214" t="s">
        <v>35903</v>
      </c>
      <c r="B5214" t="s">
        <v>35904</v>
      </c>
      <c r="C5214" t="s">
        <v>35905</v>
      </c>
      <c r="D5214" t="s">
        <v>35785</v>
      </c>
      <c r="E5214" t="s">
        <v>13</v>
      </c>
      <c r="F5214">
        <v>8868</v>
      </c>
      <c r="G5214" t="s">
        <v>35906</v>
      </c>
      <c r="H5214">
        <v>6.6063896603660002</v>
      </c>
      <c r="I5214">
        <v>52.837513517170997</v>
      </c>
      <c r="J5214" t="s">
        <v>60899</v>
      </c>
    </row>
    <row r="5215" spans="1:10" x14ac:dyDescent="0.25">
      <c r="A5215" t="s">
        <v>35899</v>
      </c>
      <c r="B5215" t="s">
        <v>35900</v>
      </c>
      <c r="C5215" t="s">
        <v>35901</v>
      </c>
      <c r="D5215" t="s">
        <v>35785</v>
      </c>
      <c r="E5215" t="s">
        <v>13</v>
      </c>
      <c r="F5215">
        <v>8867</v>
      </c>
      <c r="G5215" t="s">
        <v>35902</v>
      </c>
      <c r="H5215">
        <v>6.6082987744280004</v>
      </c>
      <c r="I5215">
        <v>52.852288736073</v>
      </c>
      <c r="J5215" t="s">
        <v>60900</v>
      </c>
    </row>
    <row r="5216" spans="1:10" x14ac:dyDescent="0.25">
      <c r="A5216" t="s">
        <v>35895</v>
      </c>
      <c r="B5216" t="s">
        <v>35896</v>
      </c>
      <c r="C5216" t="s">
        <v>35897</v>
      </c>
      <c r="D5216" t="s">
        <v>35785</v>
      </c>
      <c r="E5216" t="s">
        <v>13</v>
      </c>
      <c r="F5216">
        <v>8866</v>
      </c>
      <c r="G5216" t="s">
        <v>35898</v>
      </c>
      <c r="H5216">
        <v>6.4016380594889997</v>
      </c>
      <c r="I5216">
        <v>52.911699162828</v>
      </c>
      <c r="J5216" t="s">
        <v>60901</v>
      </c>
    </row>
    <row r="5217" spans="1:10" x14ac:dyDescent="0.25">
      <c r="A5217" t="s">
        <v>35891</v>
      </c>
      <c r="B5217" t="s">
        <v>35892</v>
      </c>
      <c r="C5217" t="s">
        <v>35893</v>
      </c>
      <c r="D5217" t="s">
        <v>35785</v>
      </c>
      <c r="E5217" t="s">
        <v>13</v>
      </c>
      <c r="F5217">
        <v>8865</v>
      </c>
      <c r="G5217" t="s">
        <v>35894</v>
      </c>
      <c r="H5217">
        <v>6.3882000501179999</v>
      </c>
      <c r="I5217">
        <v>52.895820015776998</v>
      </c>
      <c r="J5217" t="s">
        <v>60902</v>
      </c>
    </row>
    <row r="5218" spans="1:10" x14ac:dyDescent="0.25">
      <c r="A5218" t="s">
        <v>35887</v>
      </c>
      <c r="B5218" t="s">
        <v>35888</v>
      </c>
      <c r="C5218" t="s">
        <v>35889</v>
      </c>
      <c r="D5218" t="s">
        <v>35785</v>
      </c>
      <c r="E5218" t="s">
        <v>13</v>
      </c>
      <c r="F5218">
        <v>8864</v>
      </c>
      <c r="G5218" t="s">
        <v>35890</v>
      </c>
      <c r="H5218">
        <v>6.414004712983</v>
      </c>
      <c r="I5218">
        <v>52.921432309019998</v>
      </c>
      <c r="J5218" t="s">
        <v>60903</v>
      </c>
    </row>
    <row r="5219" spans="1:10" x14ac:dyDescent="0.25">
      <c r="A5219" t="s">
        <v>35883</v>
      </c>
      <c r="B5219" t="s">
        <v>35884</v>
      </c>
      <c r="C5219" t="s">
        <v>35885</v>
      </c>
      <c r="D5219" t="s">
        <v>35785</v>
      </c>
      <c r="E5219" t="s">
        <v>13</v>
      </c>
      <c r="F5219">
        <v>8863</v>
      </c>
      <c r="G5219" t="s">
        <v>35886</v>
      </c>
      <c r="H5219">
        <v>6.3958636803499997</v>
      </c>
      <c r="I5219">
        <v>52.905743632967997</v>
      </c>
      <c r="J5219" t="s">
        <v>60904</v>
      </c>
    </row>
    <row r="5220" spans="1:10" x14ac:dyDescent="0.25">
      <c r="A5220" t="s">
        <v>35879</v>
      </c>
      <c r="B5220" t="s">
        <v>35880</v>
      </c>
      <c r="C5220" t="s">
        <v>35881</v>
      </c>
      <c r="D5220" t="s">
        <v>35785</v>
      </c>
      <c r="E5220" t="s">
        <v>13</v>
      </c>
      <c r="F5220">
        <v>8862</v>
      </c>
      <c r="G5220" t="s">
        <v>35882</v>
      </c>
      <c r="H5220">
        <v>6.4638227022330002</v>
      </c>
      <c r="I5220">
        <v>52.982553350116</v>
      </c>
      <c r="J5220" t="s">
        <v>60905</v>
      </c>
    </row>
    <row r="5221" spans="1:10" x14ac:dyDescent="0.25">
      <c r="A5221" t="s">
        <v>35875</v>
      </c>
      <c r="B5221" t="s">
        <v>35876</v>
      </c>
      <c r="C5221" t="s">
        <v>35877</v>
      </c>
      <c r="D5221" t="s">
        <v>35785</v>
      </c>
      <c r="E5221" t="s">
        <v>13</v>
      </c>
      <c r="F5221">
        <v>8861</v>
      </c>
      <c r="G5221" t="s">
        <v>35878</v>
      </c>
      <c r="H5221">
        <v>6.467549982515</v>
      </c>
      <c r="I5221">
        <v>52.969912966449002</v>
      </c>
      <c r="J5221" t="s">
        <v>60906</v>
      </c>
    </row>
    <row r="5222" spans="1:10" x14ac:dyDescent="0.25">
      <c r="A5222" t="s">
        <v>35871</v>
      </c>
      <c r="B5222" t="s">
        <v>35872</v>
      </c>
      <c r="C5222" t="s">
        <v>35873</v>
      </c>
      <c r="D5222" t="s">
        <v>35785</v>
      </c>
      <c r="E5222" t="s">
        <v>13</v>
      </c>
      <c r="F5222">
        <v>8860</v>
      </c>
      <c r="G5222" t="s">
        <v>35874</v>
      </c>
      <c r="H5222">
        <v>6.4874937907249999</v>
      </c>
      <c r="I5222">
        <v>52.988136656209001</v>
      </c>
      <c r="J5222" t="s">
        <v>60907</v>
      </c>
    </row>
    <row r="5223" spans="1:10" x14ac:dyDescent="0.25">
      <c r="A5223" t="s">
        <v>35867</v>
      </c>
      <c r="B5223" t="s">
        <v>35868</v>
      </c>
      <c r="C5223" t="s">
        <v>35869</v>
      </c>
      <c r="D5223" t="s">
        <v>35785</v>
      </c>
      <c r="E5223" t="s">
        <v>13</v>
      </c>
      <c r="F5223">
        <v>8859</v>
      </c>
      <c r="G5223" t="s">
        <v>35870</v>
      </c>
      <c r="H5223">
        <v>6.4804104849669999</v>
      </c>
      <c r="I5223">
        <v>52.975876117877</v>
      </c>
      <c r="J5223" t="s">
        <v>60908</v>
      </c>
    </row>
    <row r="5224" spans="1:10" x14ac:dyDescent="0.25">
      <c r="A5224" t="s">
        <v>35863</v>
      </c>
      <c r="B5224" t="s">
        <v>35864</v>
      </c>
      <c r="C5224" t="s">
        <v>35865</v>
      </c>
      <c r="D5224" t="s">
        <v>35785</v>
      </c>
      <c r="E5224" t="s">
        <v>13</v>
      </c>
      <c r="F5224">
        <v>8858</v>
      </c>
      <c r="G5224" t="s">
        <v>35866</v>
      </c>
      <c r="H5224">
        <v>6.45161108848</v>
      </c>
      <c r="I5224">
        <v>52.949160444377</v>
      </c>
      <c r="J5224" t="s">
        <v>60909</v>
      </c>
    </row>
    <row r="5225" spans="1:10" x14ac:dyDescent="0.25">
      <c r="A5225" t="s">
        <v>35859</v>
      </c>
      <c r="B5225" t="s">
        <v>35860</v>
      </c>
      <c r="C5225" t="s">
        <v>35861</v>
      </c>
      <c r="D5225" t="s">
        <v>35785</v>
      </c>
      <c r="E5225" t="s">
        <v>13</v>
      </c>
      <c r="F5225">
        <v>8857</v>
      </c>
      <c r="G5225" t="s">
        <v>35862</v>
      </c>
      <c r="H5225">
        <v>6.431591313947</v>
      </c>
      <c r="I5225">
        <v>52.936634731832001</v>
      </c>
      <c r="J5225" t="s">
        <v>60910</v>
      </c>
    </row>
    <row r="5226" spans="1:10" x14ac:dyDescent="0.25">
      <c r="A5226" t="s">
        <v>35855</v>
      </c>
      <c r="B5226" t="s">
        <v>35856</v>
      </c>
      <c r="C5226" t="s">
        <v>35857</v>
      </c>
      <c r="D5226" t="s">
        <v>35785</v>
      </c>
      <c r="E5226" t="s">
        <v>13</v>
      </c>
      <c r="F5226">
        <v>8856</v>
      </c>
      <c r="G5226" t="s">
        <v>35858</v>
      </c>
      <c r="H5226">
        <v>6.4573705760309998</v>
      </c>
      <c r="I5226">
        <v>52.960458388827</v>
      </c>
      <c r="J5226" t="s">
        <v>60911</v>
      </c>
    </row>
    <row r="5227" spans="1:10" x14ac:dyDescent="0.25">
      <c r="A5227" t="s">
        <v>35851</v>
      </c>
      <c r="B5227" t="s">
        <v>35852</v>
      </c>
      <c r="C5227" t="s">
        <v>35853</v>
      </c>
      <c r="D5227" t="s">
        <v>35785</v>
      </c>
      <c r="E5227" t="s">
        <v>13</v>
      </c>
      <c r="F5227">
        <v>8855</v>
      </c>
      <c r="G5227" t="s">
        <v>35854</v>
      </c>
      <c r="H5227">
        <v>6.4522031663990003</v>
      </c>
      <c r="I5227">
        <v>52.950000210829003</v>
      </c>
      <c r="J5227" t="s">
        <v>60912</v>
      </c>
    </row>
    <row r="5228" spans="1:10" x14ac:dyDescent="0.25">
      <c r="A5228" t="s">
        <v>35847</v>
      </c>
      <c r="B5228" t="s">
        <v>35848</v>
      </c>
      <c r="C5228" t="s">
        <v>35849</v>
      </c>
      <c r="D5228" t="s">
        <v>35785</v>
      </c>
      <c r="E5228" t="s">
        <v>13</v>
      </c>
      <c r="F5228">
        <v>8854</v>
      </c>
      <c r="G5228" t="s">
        <v>35850</v>
      </c>
      <c r="H5228">
        <v>6.5489029472190001</v>
      </c>
      <c r="I5228">
        <v>52.782632304301998</v>
      </c>
      <c r="J5228" t="s">
        <v>60913</v>
      </c>
    </row>
    <row r="5229" spans="1:10" x14ac:dyDescent="0.25">
      <c r="A5229" t="s">
        <v>35843</v>
      </c>
      <c r="B5229" t="s">
        <v>35844</v>
      </c>
      <c r="C5229" t="s">
        <v>35845</v>
      </c>
      <c r="D5229" t="s">
        <v>35785</v>
      </c>
      <c r="E5229" t="s">
        <v>13</v>
      </c>
      <c r="F5229">
        <v>8853</v>
      </c>
      <c r="G5229" t="s">
        <v>35846</v>
      </c>
      <c r="H5229">
        <v>6.5387289664569996</v>
      </c>
      <c r="I5229">
        <v>52.791587336619003</v>
      </c>
      <c r="J5229" t="s">
        <v>60914</v>
      </c>
    </row>
    <row r="5230" spans="1:10" x14ac:dyDescent="0.25">
      <c r="A5230" t="s">
        <v>35839</v>
      </c>
      <c r="B5230" t="s">
        <v>35840</v>
      </c>
      <c r="C5230" t="s">
        <v>35841</v>
      </c>
      <c r="D5230" t="s">
        <v>35785</v>
      </c>
      <c r="E5230" t="s">
        <v>13</v>
      </c>
      <c r="F5230">
        <v>8852</v>
      </c>
      <c r="G5230" t="s">
        <v>35842</v>
      </c>
      <c r="H5230">
        <v>6.4754065120559998</v>
      </c>
      <c r="I5230">
        <v>52.812852546103997</v>
      </c>
      <c r="J5230" t="s">
        <v>60915</v>
      </c>
    </row>
    <row r="5231" spans="1:10" x14ac:dyDescent="0.25">
      <c r="A5231" t="s">
        <v>35835</v>
      </c>
      <c r="B5231" t="s">
        <v>35836</v>
      </c>
      <c r="C5231" t="s">
        <v>35837</v>
      </c>
      <c r="D5231" t="s">
        <v>35785</v>
      </c>
      <c r="E5231" t="s">
        <v>13</v>
      </c>
      <c r="F5231">
        <v>8851</v>
      </c>
      <c r="G5231" t="s">
        <v>35838</v>
      </c>
      <c r="H5231">
        <v>6.4698867698660001</v>
      </c>
      <c r="I5231">
        <v>52.817520230885002</v>
      </c>
      <c r="J5231" t="s">
        <v>60916</v>
      </c>
    </row>
    <row r="5232" spans="1:10" x14ac:dyDescent="0.25">
      <c r="A5232" t="s">
        <v>35831</v>
      </c>
      <c r="B5232" t="s">
        <v>35832</v>
      </c>
      <c r="C5232" t="s">
        <v>35833</v>
      </c>
      <c r="D5232" t="s">
        <v>35785</v>
      </c>
      <c r="E5232" t="s">
        <v>13</v>
      </c>
      <c r="F5232">
        <v>8850</v>
      </c>
      <c r="G5232" t="s">
        <v>35834</v>
      </c>
      <c r="H5232">
        <v>6.5221843174040002</v>
      </c>
      <c r="I5232">
        <v>52.806007888674998</v>
      </c>
      <c r="J5232" t="s">
        <v>60917</v>
      </c>
    </row>
    <row r="5233" spans="1:10" x14ac:dyDescent="0.25">
      <c r="A5233" t="s">
        <v>35827</v>
      </c>
      <c r="B5233" t="s">
        <v>35828</v>
      </c>
      <c r="C5233" t="s">
        <v>35829</v>
      </c>
      <c r="D5233" t="s">
        <v>35785</v>
      </c>
      <c r="E5233" t="s">
        <v>13</v>
      </c>
      <c r="F5233">
        <v>8849</v>
      </c>
      <c r="G5233" t="s">
        <v>35830</v>
      </c>
      <c r="H5233">
        <v>6.5183219297060004</v>
      </c>
      <c r="I5233">
        <v>52.814326246351001</v>
      </c>
      <c r="J5233" t="s">
        <v>60918</v>
      </c>
    </row>
    <row r="5234" spans="1:10" x14ac:dyDescent="0.25">
      <c r="A5234" t="s">
        <v>35823</v>
      </c>
      <c r="B5234" t="s">
        <v>35824</v>
      </c>
      <c r="C5234" t="s">
        <v>35825</v>
      </c>
      <c r="D5234" t="s">
        <v>35785</v>
      </c>
      <c r="E5234" t="s">
        <v>13</v>
      </c>
      <c r="F5234">
        <v>8848</v>
      </c>
      <c r="G5234" t="s">
        <v>35826</v>
      </c>
      <c r="H5234">
        <v>6.5409193557069996</v>
      </c>
      <c r="I5234">
        <v>52.921541528854</v>
      </c>
      <c r="J5234" t="s">
        <v>60919</v>
      </c>
    </row>
    <row r="5235" spans="1:10" x14ac:dyDescent="0.25">
      <c r="A5235" t="s">
        <v>35819</v>
      </c>
      <c r="B5235" t="s">
        <v>35820</v>
      </c>
      <c r="C5235" t="s">
        <v>35821</v>
      </c>
      <c r="D5235" t="s">
        <v>35785</v>
      </c>
      <c r="E5235" t="s">
        <v>13</v>
      </c>
      <c r="F5235">
        <v>8847</v>
      </c>
      <c r="G5235" t="s">
        <v>35822</v>
      </c>
      <c r="H5235">
        <v>6.5278107151239997</v>
      </c>
      <c r="I5235">
        <v>52.922720298157998</v>
      </c>
      <c r="J5235" t="s">
        <v>60920</v>
      </c>
    </row>
    <row r="5236" spans="1:10" x14ac:dyDescent="0.25">
      <c r="A5236" t="s">
        <v>35815</v>
      </c>
      <c r="B5236" t="s">
        <v>35816</v>
      </c>
      <c r="C5236" t="s">
        <v>35817</v>
      </c>
      <c r="D5236" t="s">
        <v>35785</v>
      </c>
      <c r="E5236" t="s">
        <v>13</v>
      </c>
      <c r="F5236">
        <v>8846</v>
      </c>
      <c r="G5236" t="s">
        <v>35818</v>
      </c>
      <c r="H5236">
        <v>6.5395573222849999</v>
      </c>
      <c r="I5236">
        <v>52.920852996195002</v>
      </c>
      <c r="J5236" t="s">
        <v>60921</v>
      </c>
    </row>
    <row r="5237" spans="1:10" x14ac:dyDescent="0.25">
      <c r="A5237" t="s">
        <v>35811</v>
      </c>
      <c r="B5237" t="s">
        <v>35812</v>
      </c>
      <c r="C5237" t="s">
        <v>35813</v>
      </c>
      <c r="D5237" t="s">
        <v>35785</v>
      </c>
      <c r="E5237" t="s">
        <v>13</v>
      </c>
      <c r="F5237">
        <v>8845</v>
      </c>
      <c r="G5237" t="s">
        <v>35814</v>
      </c>
      <c r="H5237">
        <v>6.4784051111060004</v>
      </c>
      <c r="I5237">
        <v>52.903521454958998</v>
      </c>
      <c r="J5237" t="s">
        <v>60922</v>
      </c>
    </row>
    <row r="5238" spans="1:10" x14ac:dyDescent="0.25">
      <c r="A5238" t="s">
        <v>35807</v>
      </c>
      <c r="B5238" t="s">
        <v>35808</v>
      </c>
      <c r="C5238" t="s">
        <v>35809</v>
      </c>
      <c r="D5238" t="s">
        <v>35785</v>
      </c>
      <c r="E5238" t="s">
        <v>13</v>
      </c>
      <c r="F5238">
        <v>8844</v>
      </c>
      <c r="G5238" t="s">
        <v>35810</v>
      </c>
      <c r="H5238">
        <v>6.4475623823820003</v>
      </c>
      <c r="I5238">
        <v>52.907743176762999</v>
      </c>
      <c r="J5238" t="s">
        <v>60923</v>
      </c>
    </row>
    <row r="5239" spans="1:10" x14ac:dyDescent="0.25">
      <c r="A5239" t="s">
        <v>35803</v>
      </c>
      <c r="B5239" t="s">
        <v>35804</v>
      </c>
      <c r="C5239" t="s">
        <v>35805</v>
      </c>
      <c r="D5239" t="s">
        <v>35785</v>
      </c>
      <c r="E5239" t="s">
        <v>13</v>
      </c>
      <c r="F5239">
        <v>8843</v>
      </c>
      <c r="G5239" t="s">
        <v>35806</v>
      </c>
      <c r="H5239">
        <v>6.4971145540490003</v>
      </c>
      <c r="I5239">
        <v>52.894602342048998</v>
      </c>
      <c r="J5239" t="s">
        <v>60924</v>
      </c>
    </row>
    <row r="5240" spans="1:10" x14ac:dyDescent="0.25">
      <c r="A5240" t="s">
        <v>35799</v>
      </c>
      <c r="B5240" t="s">
        <v>35800</v>
      </c>
      <c r="C5240" t="s">
        <v>35801</v>
      </c>
      <c r="D5240" t="s">
        <v>35785</v>
      </c>
      <c r="E5240" t="s">
        <v>13</v>
      </c>
      <c r="F5240">
        <v>8842</v>
      </c>
      <c r="G5240" t="s">
        <v>35802</v>
      </c>
      <c r="H5240">
        <v>6.4958384988929998</v>
      </c>
      <c r="I5240">
        <v>52.860379741971997</v>
      </c>
      <c r="J5240" t="s">
        <v>60925</v>
      </c>
    </row>
    <row r="5241" spans="1:10" x14ac:dyDescent="0.25">
      <c r="A5241" t="s">
        <v>35795</v>
      </c>
      <c r="B5241" t="s">
        <v>35796</v>
      </c>
      <c r="C5241" t="s">
        <v>35797</v>
      </c>
      <c r="D5241" t="s">
        <v>35785</v>
      </c>
      <c r="E5241" t="s">
        <v>13</v>
      </c>
      <c r="F5241">
        <v>8841</v>
      </c>
      <c r="G5241" t="s">
        <v>35798</v>
      </c>
      <c r="H5241">
        <v>6.4878800644789996</v>
      </c>
      <c r="I5241">
        <v>52.870673684601002</v>
      </c>
      <c r="J5241" t="s">
        <v>60926</v>
      </c>
    </row>
    <row r="5242" spans="1:10" x14ac:dyDescent="0.25">
      <c r="A5242" t="s">
        <v>35791</v>
      </c>
      <c r="B5242" t="s">
        <v>35792</v>
      </c>
      <c r="C5242" t="s">
        <v>35793</v>
      </c>
      <c r="D5242" t="s">
        <v>35785</v>
      </c>
      <c r="E5242" t="s">
        <v>13</v>
      </c>
      <c r="F5242">
        <v>8840</v>
      </c>
      <c r="G5242" t="s">
        <v>35794</v>
      </c>
      <c r="H5242">
        <v>6.5410326953729996</v>
      </c>
      <c r="I5242">
        <v>52.841463860947997</v>
      </c>
      <c r="J5242" t="s">
        <v>60927</v>
      </c>
    </row>
    <row r="5243" spans="1:10" x14ac:dyDescent="0.25">
      <c r="A5243" t="s">
        <v>35787</v>
      </c>
      <c r="B5243" t="s">
        <v>35788</v>
      </c>
      <c r="C5243" t="s">
        <v>35789</v>
      </c>
      <c r="D5243" t="s">
        <v>35785</v>
      </c>
      <c r="E5243" t="s">
        <v>13</v>
      </c>
      <c r="F5243">
        <v>8839</v>
      </c>
      <c r="G5243" t="s">
        <v>35790</v>
      </c>
      <c r="H5243">
        <v>6.5306361502629997</v>
      </c>
      <c r="I5243">
        <v>52.850320410400997</v>
      </c>
      <c r="J5243" t="s">
        <v>60928</v>
      </c>
    </row>
    <row r="5244" spans="1:10" x14ac:dyDescent="0.25">
      <c r="A5244" t="s">
        <v>35782</v>
      </c>
      <c r="B5244" t="s">
        <v>35783</v>
      </c>
      <c r="C5244" t="s">
        <v>35784</v>
      </c>
      <c r="D5244" t="s">
        <v>35785</v>
      </c>
      <c r="E5244" t="s">
        <v>13</v>
      </c>
      <c r="F5244">
        <v>8838</v>
      </c>
      <c r="G5244" t="s">
        <v>35786</v>
      </c>
      <c r="H5244">
        <v>6.5154120942420004</v>
      </c>
      <c r="I5244">
        <v>52.863313903384999</v>
      </c>
      <c r="J5244" t="s">
        <v>60929</v>
      </c>
    </row>
    <row r="5245" spans="1:10" x14ac:dyDescent="0.25">
      <c r="A5245" t="s">
        <v>35778</v>
      </c>
      <c r="B5245" t="s">
        <v>35779</v>
      </c>
      <c r="C5245" t="s">
        <v>35780</v>
      </c>
      <c r="D5245" t="s">
        <v>35610</v>
      </c>
      <c r="E5245" t="s">
        <v>13</v>
      </c>
      <c r="F5245">
        <v>8837</v>
      </c>
      <c r="G5245" t="s">
        <v>35781</v>
      </c>
      <c r="H5245">
        <v>6.5346168359529999</v>
      </c>
      <c r="I5245">
        <v>53.060047097484002</v>
      </c>
      <c r="J5245" t="s">
        <v>60930</v>
      </c>
    </row>
    <row r="5246" spans="1:10" x14ac:dyDescent="0.25">
      <c r="A5246" t="s">
        <v>35774</v>
      </c>
      <c r="B5246" t="s">
        <v>35775</v>
      </c>
      <c r="C5246" t="s">
        <v>35776</v>
      </c>
      <c r="D5246" t="s">
        <v>35610</v>
      </c>
      <c r="E5246" t="s">
        <v>13</v>
      </c>
      <c r="F5246">
        <v>8836</v>
      </c>
      <c r="G5246" t="s">
        <v>35777</v>
      </c>
      <c r="H5246">
        <v>6.5458787375689997</v>
      </c>
      <c r="I5246">
        <v>53.047972847663999</v>
      </c>
      <c r="J5246" t="s">
        <v>60931</v>
      </c>
    </row>
    <row r="5247" spans="1:10" x14ac:dyDescent="0.25">
      <c r="A5247" t="s">
        <v>35770</v>
      </c>
      <c r="B5247" t="s">
        <v>35771</v>
      </c>
      <c r="C5247" t="s">
        <v>35772</v>
      </c>
      <c r="D5247" t="s">
        <v>35610</v>
      </c>
      <c r="E5247" t="s">
        <v>13</v>
      </c>
      <c r="F5247">
        <v>8835</v>
      </c>
      <c r="G5247" t="s">
        <v>35773</v>
      </c>
      <c r="H5247">
        <v>6.6262840141510004</v>
      </c>
      <c r="I5247">
        <v>53.036483383956003</v>
      </c>
      <c r="J5247" t="s">
        <v>60932</v>
      </c>
    </row>
    <row r="5248" spans="1:10" x14ac:dyDescent="0.25">
      <c r="A5248" t="s">
        <v>35766</v>
      </c>
      <c r="B5248" t="s">
        <v>35767</v>
      </c>
      <c r="C5248" t="s">
        <v>35768</v>
      </c>
      <c r="D5248" t="s">
        <v>35610</v>
      </c>
      <c r="E5248" t="s">
        <v>13</v>
      </c>
      <c r="F5248">
        <v>8834</v>
      </c>
      <c r="G5248" t="s">
        <v>35769</v>
      </c>
      <c r="H5248">
        <v>6.6341672216729997</v>
      </c>
      <c r="I5248">
        <v>53.051284401895003</v>
      </c>
      <c r="J5248" t="s">
        <v>60933</v>
      </c>
    </row>
    <row r="5249" spans="1:10" x14ac:dyDescent="0.25">
      <c r="A5249" t="s">
        <v>35762</v>
      </c>
      <c r="B5249" t="s">
        <v>35763</v>
      </c>
      <c r="C5249" t="s">
        <v>35764</v>
      </c>
      <c r="D5249" t="s">
        <v>35610</v>
      </c>
      <c r="E5249" t="s">
        <v>13</v>
      </c>
      <c r="F5249">
        <v>8833</v>
      </c>
      <c r="G5249" t="s">
        <v>35765</v>
      </c>
      <c r="H5249">
        <v>6.6484290856220003</v>
      </c>
      <c r="I5249">
        <v>53.065829745126003</v>
      </c>
      <c r="J5249" t="s">
        <v>60934</v>
      </c>
    </row>
    <row r="5250" spans="1:10" x14ac:dyDescent="0.25">
      <c r="A5250" t="s">
        <v>35758</v>
      </c>
      <c r="B5250" t="s">
        <v>35759</v>
      </c>
      <c r="C5250" t="s">
        <v>35760</v>
      </c>
      <c r="D5250" t="s">
        <v>35610</v>
      </c>
      <c r="E5250" t="s">
        <v>13</v>
      </c>
      <c r="F5250">
        <v>8832</v>
      </c>
      <c r="G5250" t="s">
        <v>35761</v>
      </c>
      <c r="H5250">
        <v>6.6238040900769999</v>
      </c>
      <c r="I5250">
        <v>53.033034533363001</v>
      </c>
      <c r="J5250" t="s">
        <v>60935</v>
      </c>
    </row>
    <row r="5251" spans="1:10" x14ac:dyDescent="0.25">
      <c r="A5251" t="s">
        <v>35755</v>
      </c>
      <c r="B5251" t="s">
        <v>35756</v>
      </c>
      <c r="C5251" t="s">
        <v>34645</v>
      </c>
      <c r="D5251" t="s">
        <v>35610</v>
      </c>
      <c r="E5251" t="s">
        <v>13</v>
      </c>
      <c r="F5251">
        <v>8831</v>
      </c>
      <c r="G5251" t="s">
        <v>35757</v>
      </c>
      <c r="H5251">
        <v>6.6415180897250004</v>
      </c>
      <c r="I5251">
        <v>53.05084220909</v>
      </c>
      <c r="J5251" t="s">
        <v>60936</v>
      </c>
    </row>
    <row r="5252" spans="1:10" x14ac:dyDescent="0.25">
      <c r="A5252" t="s">
        <v>35751</v>
      </c>
      <c r="B5252" t="s">
        <v>35752</v>
      </c>
      <c r="C5252" t="s">
        <v>35753</v>
      </c>
      <c r="D5252" t="s">
        <v>35610</v>
      </c>
      <c r="E5252" t="s">
        <v>13</v>
      </c>
      <c r="F5252">
        <v>8830</v>
      </c>
      <c r="G5252" t="s">
        <v>35754</v>
      </c>
      <c r="H5252">
        <v>6.6457749300930002</v>
      </c>
      <c r="I5252">
        <v>53.066225807651001</v>
      </c>
      <c r="J5252" t="s">
        <v>60937</v>
      </c>
    </row>
    <row r="5253" spans="1:10" x14ac:dyDescent="0.25">
      <c r="A5253" t="s">
        <v>35747</v>
      </c>
      <c r="B5253" t="s">
        <v>35748</v>
      </c>
      <c r="C5253" t="s">
        <v>35749</v>
      </c>
      <c r="D5253" t="s">
        <v>35610</v>
      </c>
      <c r="E5253" t="s">
        <v>13</v>
      </c>
      <c r="F5253">
        <v>8829</v>
      </c>
      <c r="G5253" t="s">
        <v>35750</v>
      </c>
      <c r="H5253">
        <v>6.6193980518900002</v>
      </c>
      <c r="I5253">
        <v>53.079229466230998</v>
      </c>
      <c r="J5253" t="s">
        <v>60938</v>
      </c>
    </row>
    <row r="5254" spans="1:10" x14ac:dyDescent="0.25">
      <c r="A5254" t="s">
        <v>35743</v>
      </c>
      <c r="B5254" t="s">
        <v>35744</v>
      </c>
      <c r="C5254" t="s">
        <v>35745</v>
      </c>
      <c r="D5254" t="s">
        <v>35610</v>
      </c>
      <c r="E5254" t="s">
        <v>13</v>
      </c>
      <c r="F5254">
        <v>8828</v>
      </c>
      <c r="G5254" t="s">
        <v>35746</v>
      </c>
      <c r="H5254">
        <v>6.6157156448260004</v>
      </c>
      <c r="I5254">
        <v>53.078334678725</v>
      </c>
      <c r="J5254" t="s">
        <v>60939</v>
      </c>
    </row>
    <row r="5255" spans="1:10" x14ac:dyDescent="0.25">
      <c r="A5255" t="s">
        <v>35739</v>
      </c>
      <c r="B5255" t="s">
        <v>35740</v>
      </c>
      <c r="C5255" t="s">
        <v>35741</v>
      </c>
      <c r="D5255" t="s">
        <v>35610</v>
      </c>
      <c r="E5255" t="s">
        <v>13</v>
      </c>
      <c r="F5255">
        <v>8827</v>
      </c>
      <c r="G5255" t="s">
        <v>35742</v>
      </c>
      <c r="H5255">
        <v>6.5819715191099997</v>
      </c>
      <c r="I5255">
        <v>53.107741739364997</v>
      </c>
      <c r="J5255" t="s">
        <v>60940</v>
      </c>
    </row>
    <row r="5256" spans="1:10" x14ac:dyDescent="0.25">
      <c r="A5256" t="s">
        <v>35735</v>
      </c>
      <c r="B5256" t="s">
        <v>35736</v>
      </c>
      <c r="C5256" t="s">
        <v>35737</v>
      </c>
      <c r="D5256" t="s">
        <v>35610</v>
      </c>
      <c r="E5256" t="s">
        <v>13</v>
      </c>
      <c r="F5256">
        <v>8826</v>
      </c>
      <c r="G5256" t="s">
        <v>35738</v>
      </c>
      <c r="H5256">
        <v>6.6181586152729999</v>
      </c>
      <c r="I5256">
        <v>53.112781446363002</v>
      </c>
      <c r="J5256" t="s">
        <v>60941</v>
      </c>
    </row>
    <row r="5257" spans="1:10" x14ac:dyDescent="0.25">
      <c r="A5257" t="s">
        <v>35732</v>
      </c>
      <c r="B5257" t="s">
        <v>35733</v>
      </c>
      <c r="C5257" t="s">
        <v>16248</v>
      </c>
      <c r="D5257" t="s">
        <v>35610</v>
      </c>
      <c r="E5257" t="s">
        <v>13</v>
      </c>
      <c r="F5257">
        <v>8825</v>
      </c>
      <c r="G5257" t="s">
        <v>35734</v>
      </c>
      <c r="H5257">
        <v>6.6016869695629996</v>
      </c>
      <c r="I5257">
        <v>53.108100418917999</v>
      </c>
      <c r="J5257" t="s">
        <v>60942</v>
      </c>
    </row>
    <row r="5258" spans="1:10" x14ac:dyDescent="0.25">
      <c r="A5258" t="s">
        <v>35728</v>
      </c>
      <c r="B5258" t="s">
        <v>35729</v>
      </c>
      <c r="C5258" t="s">
        <v>35730</v>
      </c>
      <c r="D5258" t="s">
        <v>35610</v>
      </c>
      <c r="E5258" t="s">
        <v>13</v>
      </c>
      <c r="F5258">
        <v>8824</v>
      </c>
      <c r="G5258" t="s">
        <v>35731</v>
      </c>
      <c r="H5258">
        <v>6.5893152846129999</v>
      </c>
      <c r="I5258">
        <v>53.113647218913002</v>
      </c>
      <c r="J5258" t="s">
        <v>60943</v>
      </c>
    </row>
    <row r="5259" spans="1:10" x14ac:dyDescent="0.25">
      <c r="A5259" t="s">
        <v>35724</v>
      </c>
      <c r="B5259" t="s">
        <v>35725</v>
      </c>
      <c r="C5259" t="s">
        <v>35726</v>
      </c>
      <c r="D5259" t="s">
        <v>35610</v>
      </c>
      <c r="E5259" t="s">
        <v>13</v>
      </c>
      <c r="F5259">
        <v>8823</v>
      </c>
      <c r="G5259" t="s">
        <v>35727</v>
      </c>
      <c r="H5259">
        <v>6.5134945134200004</v>
      </c>
      <c r="I5259">
        <v>53.106614840123001</v>
      </c>
      <c r="J5259" t="s">
        <v>60944</v>
      </c>
    </row>
    <row r="5260" spans="1:10" x14ac:dyDescent="0.25">
      <c r="A5260" t="s">
        <v>35720</v>
      </c>
      <c r="B5260" t="s">
        <v>35721</v>
      </c>
      <c r="C5260" t="s">
        <v>35722</v>
      </c>
      <c r="D5260" t="s">
        <v>35610</v>
      </c>
      <c r="E5260" t="s">
        <v>13</v>
      </c>
      <c r="F5260">
        <v>8822</v>
      </c>
      <c r="G5260" t="s">
        <v>35723</v>
      </c>
      <c r="H5260">
        <v>6.5220123062040001</v>
      </c>
      <c r="I5260">
        <v>53.125088699808003</v>
      </c>
      <c r="J5260" t="s">
        <v>60945</v>
      </c>
    </row>
    <row r="5261" spans="1:10" x14ac:dyDescent="0.25">
      <c r="A5261" t="s">
        <v>35716</v>
      </c>
      <c r="B5261" t="s">
        <v>35717</v>
      </c>
      <c r="C5261" t="s">
        <v>35718</v>
      </c>
      <c r="D5261" t="s">
        <v>35610</v>
      </c>
      <c r="E5261" t="s">
        <v>13</v>
      </c>
      <c r="F5261">
        <v>8821</v>
      </c>
      <c r="G5261" t="s">
        <v>35719</v>
      </c>
      <c r="H5261">
        <v>6.5247766632589999</v>
      </c>
      <c r="I5261">
        <v>53.126991233028001</v>
      </c>
      <c r="J5261" t="s">
        <v>60946</v>
      </c>
    </row>
    <row r="5262" spans="1:10" x14ac:dyDescent="0.25">
      <c r="A5262" t="s">
        <v>35712</v>
      </c>
      <c r="B5262" t="s">
        <v>35713</v>
      </c>
      <c r="C5262" t="s">
        <v>35714</v>
      </c>
      <c r="D5262" t="s">
        <v>35610</v>
      </c>
      <c r="E5262" t="s">
        <v>13</v>
      </c>
      <c r="F5262">
        <v>8820</v>
      </c>
      <c r="G5262" t="s">
        <v>35715</v>
      </c>
      <c r="H5262">
        <v>6.5294329522960002</v>
      </c>
      <c r="I5262">
        <v>53.115618928031999</v>
      </c>
      <c r="J5262" t="s">
        <v>60947</v>
      </c>
    </row>
    <row r="5263" spans="1:10" x14ac:dyDescent="0.25">
      <c r="A5263" t="s">
        <v>35708</v>
      </c>
      <c r="B5263" t="s">
        <v>35709</v>
      </c>
      <c r="C5263" t="s">
        <v>35710</v>
      </c>
      <c r="D5263" t="s">
        <v>35610</v>
      </c>
      <c r="E5263" t="s">
        <v>13</v>
      </c>
      <c r="F5263">
        <v>8819</v>
      </c>
      <c r="G5263" t="s">
        <v>35711</v>
      </c>
      <c r="H5263">
        <v>6.5393419759229996</v>
      </c>
      <c r="I5263">
        <v>53.091422965979</v>
      </c>
      <c r="J5263" t="s">
        <v>60948</v>
      </c>
    </row>
    <row r="5264" spans="1:10" x14ac:dyDescent="0.25">
      <c r="A5264" t="s">
        <v>35704</v>
      </c>
      <c r="B5264" t="s">
        <v>35705</v>
      </c>
      <c r="C5264" t="s">
        <v>35706</v>
      </c>
      <c r="D5264" t="s">
        <v>35610</v>
      </c>
      <c r="E5264" t="s">
        <v>13</v>
      </c>
      <c r="F5264">
        <v>8818</v>
      </c>
      <c r="G5264" t="s">
        <v>35707</v>
      </c>
      <c r="H5264">
        <v>6.546402875519</v>
      </c>
      <c r="I5264">
        <v>53.095476148174001</v>
      </c>
      <c r="J5264" t="s">
        <v>60949</v>
      </c>
    </row>
    <row r="5265" spans="1:10" x14ac:dyDescent="0.25">
      <c r="A5265" t="s">
        <v>35700</v>
      </c>
      <c r="B5265" t="s">
        <v>35701</v>
      </c>
      <c r="C5265" t="s">
        <v>35702</v>
      </c>
      <c r="D5265" t="s">
        <v>35610</v>
      </c>
      <c r="E5265" t="s">
        <v>13</v>
      </c>
      <c r="F5265">
        <v>8817</v>
      </c>
      <c r="G5265" t="s">
        <v>35703</v>
      </c>
      <c r="H5265">
        <v>6.5749976848599996</v>
      </c>
      <c r="I5265">
        <v>53.078111449078001</v>
      </c>
      <c r="J5265" t="s">
        <v>60950</v>
      </c>
    </row>
    <row r="5266" spans="1:10" x14ac:dyDescent="0.25">
      <c r="A5266" t="s">
        <v>35696</v>
      </c>
      <c r="B5266" t="s">
        <v>35697</v>
      </c>
      <c r="C5266" t="s">
        <v>35698</v>
      </c>
      <c r="D5266" t="s">
        <v>35610</v>
      </c>
      <c r="E5266" t="s">
        <v>13</v>
      </c>
      <c r="F5266">
        <v>8816</v>
      </c>
      <c r="G5266" t="s">
        <v>35699</v>
      </c>
      <c r="H5266">
        <v>6.5781909062499997</v>
      </c>
      <c r="I5266">
        <v>53.073449916336003</v>
      </c>
      <c r="J5266" t="s">
        <v>60951</v>
      </c>
    </row>
    <row r="5267" spans="1:10" x14ac:dyDescent="0.25">
      <c r="A5267" t="s">
        <v>35692</v>
      </c>
      <c r="B5267" t="s">
        <v>35693</v>
      </c>
      <c r="C5267" t="s">
        <v>35694</v>
      </c>
      <c r="D5267" t="s">
        <v>35610</v>
      </c>
      <c r="E5267" t="s">
        <v>13</v>
      </c>
      <c r="F5267">
        <v>8815</v>
      </c>
      <c r="G5267" t="s">
        <v>35695</v>
      </c>
      <c r="H5267">
        <v>6.5357301052240002</v>
      </c>
      <c r="I5267">
        <v>53.178090515957003</v>
      </c>
      <c r="J5267" t="s">
        <v>60952</v>
      </c>
    </row>
    <row r="5268" spans="1:10" x14ac:dyDescent="0.25">
      <c r="A5268" t="s">
        <v>35688</v>
      </c>
      <c r="B5268" t="s">
        <v>35689</v>
      </c>
      <c r="C5268" t="s">
        <v>35690</v>
      </c>
      <c r="D5268" t="s">
        <v>35610</v>
      </c>
      <c r="E5268" t="s">
        <v>13</v>
      </c>
      <c r="F5268">
        <v>8814</v>
      </c>
      <c r="G5268" t="s">
        <v>35691</v>
      </c>
      <c r="H5268">
        <v>6.5472795105030004</v>
      </c>
      <c r="I5268">
        <v>53.173474634583997</v>
      </c>
      <c r="J5268" t="s">
        <v>60953</v>
      </c>
    </row>
    <row r="5269" spans="1:10" x14ac:dyDescent="0.25">
      <c r="A5269" t="s">
        <v>35684</v>
      </c>
      <c r="B5269" t="s">
        <v>35685</v>
      </c>
      <c r="C5269" t="s">
        <v>35686</v>
      </c>
      <c r="D5269" t="s">
        <v>35610</v>
      </c>
      <c r="E5269" t="s">
        <v>13</v>
      </c>
      <c r="F5269">
        <v>8813</v>
      </c>
      <c r="G5269" t="s">
        <v>35687</v>
      </c>
      <c r="H5269">
        <v>6.5730658960759998</v>
      </c>
      <c r="I5269">
        <v>53.129647933729998</v>
      </c>
      <c r="J5269" t="s">
        <v>60954</v>
      </c>
    </row>
    <row r="5270" spans="1:10" x14ac:dyDescent="0.25">
      <c r="A5270" t="s">
        <v>35680</v>
      </c>
      <c r="B5270" t="s">
        <v>35681</v>
      </c>
      <c r="C5270" t="s">
        <v>35682</v>
      </c>
      <c r="D5270" t="s">
        <v>35610</v>
      </c>
      <c r="E5270" t="s">
        <v>13</v>
      </c>
      <c r="F5270">
        <v>8812</v>
      </c>
      <c r="G5270" t="s">
        <v>35683</v>
      </c>
      <c r="H5270">
        <v>6.596516425551</v>
      </c>
      <c r="I5270">
        <v>53.130713086922</v>
      </c>
      <c r="J5270" t="s">
        <v>60955</v>
      </c>
    </row>
    <row r="5271" spans="1:10" x14ac:dyDescent="0.25">
      <c r="A5271" t="s">
        <v>35676</v>
      </c>
      <c r="B5271" t="s">
        <v>35677</v>
      </c>
      <c r="C5271" t="s">
        <v>35678</v>
      </c>
      <c r="D5271" t="s">
        <v>35610</v>
      </c>
      <c r="E5271" t="s">
        <v>13</v>
      </c>
      <c r="F5271">
        <v>8811</v>
      </c>
      <c r="G5271" t="s">
        <v>35679</v>
      </c>
      <c r="H5271">
        <v>6.5660093667529997</v>
      </c>
      <c r="I5271">
        <v>53.134651029654997</v>
      </c>
      <c r="J5271" t="s">
        <v>60956</v>
      </c>
    </row>
    <row r="5272" spans="1:10" x14ac:dyDescent="0.25">
      <c r="A5272" t="s">
        <v>35672</v>
      </c>
      <c r="B5272" t="s">
        <v>35673</v>
      </c>
      <c r="C5272" t="s">
        <v>35674</v>
      </c>
      <c r="D5272" t="s">
        <v>35610</v>
      </c>
      <c r="E5272" t="s">
        <v>13</v>
      </c>
      <c r="F5272">
        <v>8810</v>
      </c>
      <c r="G5272" t="s">
        <v>35675</v>
      </c>
      <c r="H5272">
        <v>6.5591246680830002</v>
      </c>
      <c r="I5272">
        <v>53.151638700997999</v>
      </c>
      <c r="J5272" t="s">
        <v>60957</v>
      </c>
    </row>
    <row r="5273" spans="1:10" x14ac:dyDescent="0.25">
      <c r="A5273" t="s">
        <v>35668</v>
      </c>
      <c r="B5273" t="s">
        <v>35669</v>
      </c>
      <c r="C5273" t="s">
        <v>35670</v>
      </c>
      <c r="D5273" t="s">
        <v>35610</v>
      </c>
      <c r="E5273" t="s">
        <v>13</v>
      </c>
      <c r="F5273">
        <v>8809</v>
      </c>
      <c r="G5273" t="s">
        <v>35671</v>
      </c>
      <c r="H5273">
        <v>6.5601167480619997</v>
      </c>
      <c r="I5273">
        <v>53.152869115801998</v>
      </c>
      <c r="J5273" t="s">
        <v>60958</v>
      </c>
    </row>
    <row r="5274" spans="1:10" x14ac:dyDescent="0.25">
      <c r="A5274" t="s">
        <v>35664</v>
      </c>
      <c r="B5274" t="s">
        <v>35665</v>
      </c>
      <c r="C5274" t="s">
        <v>35666</v>
      </c>
      <c r="D5274" t="s">
        <v>35610</v>
      </c>
      <c r="E5274" t="s">
        <v>13</v>
      </c>
      <c r="F5274">
        <v>8808</v>
      </c>
      <c r="G5274" t="s">
        <v>35667</v>
      </c>
      <c r="H5274">
        <v>6.7199270162170004</v>
      </c>
      <c r="I5274">
        <v>53.078883877670997</v>
      </c>
      <c r="J5274" t="s">
        <v>60959</v>
      </c>
    </row>
    <row r="5275" spans="1:10" x14ac:dyDescent="0.25">
      <c r="A5275" t="s">
        <v>35660</v>
      </c>
      <c r="B5275" t="s">
        <v>35661</v>
      </c>
      <c r="C5275" t="s">
        <v>35662</v>
      </c>
      <c r="D5275" t="s">
        <v>35610</v>
      </c>
      <c r="E5275" t="s">
        <v>13</v>
      </c>
      <c r="F5275">
        <v>8807</v>
      </c>
      <c r="G5275" t="s">
        <v>35663</v>
      </c>
      <c r="H5275">
        <v>6.7008044882059998</v>
      </c>
      <c r="I5275">
        <v>53.071636453346002</v>
      </c>
      <c r="J5275" t="s">
        <v>60960</v>
      </c>
    </row>
    <row r="5276" spans="1:10" x14ac:dyDescent="0.25">
      <c r="A5276" t="s">
        <v>35656</v>
      </c>
      <c r="B5276" t="s">
        <v>35657</v>
      </c>
      <c r="C5276" t="s">
        <v>35658</v>
      </c>
      <c r="D5276" t="s">
        <v>35610</v>
      </c>
      <c r="E5276" t="s">
        <v>13</v>
      </c>
      <c r="F5276">
        <v>8806</v>
      </c>
      <c r="G5276" t="s">
        <v>35659</v>
      </c>
      <c r="H5276">
        <v>6.6491714264709998</v>
      </c>
      <c r="I5276">
        <v>53.087543219308003</v>
      </c>
      <c r="J5276" t="s">
        <v>60961</v>
      </c>
    </row>
    <row r="5277" spans="1:10" x14ac:dyDescent="0.25">
      <c r="A5277" t="s">
        <v>35652</v>
      </c>
      <c r="B5277" t="s">
        <v>35653</v>
      </c>
      <c r="C5277" t="s">
        <v>35654</v>
      </c>
      <c r="D5277" t="s">
        <v>35610</v>
      </c>
      <c r="E5277" t="s">
        <v>13</v>
      </c>
      <c r="F5277">
        <v>8805</v>
      </c>
      <c r="G5277" t="s">
        <v>35655</v>
      </c>
      <c r="H5277">
        <v>6.6744109924180002</v>
      </c>
      <c r="I5277">
        <v>53.084542715577001</v>
      </c>
      <c r="J5277" t="s">
        <v>60962</v>
      </c>
    </row>
    <row r="5278" spans="1:10" x14ac:dyDescent="0.25">
      <c r="A5278" t="s">
        <v>35648</v>
      </c>
      <c r="B5278" t="s">
        <v>35649</v>
      </c>
      <c r="C5278" t="s">
        <v>35650</v>
      </c>
      <c r="D5278" t="s">
        <v>35610</v>
      </c>
      <c r="E5278" t="s">
        <v>13</v>
      </c>
      <c r="F5278">
        <v>8804</v>
      </c>
      <c r="G5278" t="s">
        <v>35651</v>
      </c>
      <c r="H5278">
        <v>6.6556417822340004</v>
      </c>
      <c r="I5278">
        <v>53.094105401450001</v>
      </c>
      <c r="J5278" t="s">
        <v>60963</v>
      </c>
    </row>
    <row r="5279" spans="1:10" x14ac:dyDescent="0.25">
      <c r="A5279" t="s">
        <v>35644</v>
      </c>
      <c r="B5279" t="s">
        <v>35645</v>
      </c>
      <c r="C5279" t="s">
        <v>35646</v>
      </c>
      <c r="D5279" t="s">
        <v>35610</v>
      </c>
      <c r="E5279" t="s">
        <v>13</v>
      </c>
      <c r="F5279">
        <v>8803</v>
      </c>
      <c r="G5279" t="s">
        <v>35647</v>
      </c>
      <c r="H5279">
        <v>6.6644159769969997</v>
      </c>
      <c r="I5279">
        <v>53.084533638848001</v>
      </c>
      <c r="J5279" t="s">
        <v>60964</v>
      </c>
    </row>
    <row r="5280" spans="1:10" x14ac:dyDescent="0.25">
      <c r="A5280" t="s">
        <v>35640</v>
      </c>
      <c r="B5280" t="s">
        <v>35641</v>
      </c>
      <c r="C5280" t="s">
        <v>35642</v>
      </c>
      <c r="D5280" t="s">
        <v>35610</v>
      </c>
      <c r="E5280" t="s">
        <v>13</v>
      </c>
      <c r="F5280">
        <v>8802</v>
      </c>
      <c r="G5280" t="s">
        <v>35643</v>
      </c>
      <c r="H5280">
        <v>6.6716684833370001</v>
      </c>
      <c r="I5280">
        <v>53.107418585592001</v>
      </c>
      <c r="J5280" t="s">
        <v>60965</v>
      </c>
    </row>
    <row r="5281" spans="1:10" x14ac:dyDescent="0.25">
      <c r="A5281" t="s">
        <v>35636</v>
      </c>
      <c r="B5281" t="s">
        <v>35637</v>
      </c>
      <c r="C5281" t="s">
        <v>35638</v>
      </c>
      <c r="D5281" t="s">
        <v>35610</v>
      </c>
      <c r="E5281" t="s">
        <v>13</v>
      </c>
      <c r="F5281">
        <v>8801</v>
      </c>
      <c r="G5281" t="s">
        <v>35639</v>
      </c>
      <c r="H5281">
        <v>6.672228376763</v>
      </c>
      <c r="I5281">
        <v>53.110192422102998</v>
      </c>
      <c r="J5281" t="s">
        <v>60966</v>
      </c>
    </row>
    <row r="5282" spans="1:10" x14ac:dyDescent="0.25">
      <c r="A5282" t="s">
        <v>35632</v>
      </c>
      <c r="B5282" t="s">
        <v>35633</v>
      </c>
      <c r="C5282" t="s">
        <v>35634</v>
      </c>
      <c r="D5282" t="s">
        <v>35610</v>
      </c>
      <c r="E5282" t="s">
        <v>13</v>
      </c>
      <c r="F5282">
        <v>8800</v>
      </c>
      <c r="G5282" t="s">
        <v>35635</v>
      </c>
      <c r="H5282">
        <v>6.7468299839270003</v>
      </c>
      <c r="I5282">
        <v>53.100017738174003</v>
      </c>
      <c r="J5282" t="s">
        <v>60967</v>
      </c>
    </row>
    <row r="5283" spans="1:10" x14ac:dyDescent="0.25">
      <c r="A5283" t="s">
        <v>35628</v>
      </c>
      <c r="B5283" t="s">
        <v>35629</v>
      </c>
      <c r="C5283" t="s">
        <v>35630</v>
      </c>
      <c r="D5283" t="s">
        <v>35610</v>
      </c>
      <c r="E5283" t="s">
        <v>13</v>
      </c>
      <c r="F5283">
        <v>8799</v>
      </c>
      <c r="G5283" t="s">
        <v>35631</v>
      </c>
      <c r="H5283">
        <v>6.7540586998789998</v>
      </c>
      <c r="I5283">
        <v>53.098415368273002</v>
      </c>
      <c r="J5283" t="s">
        <v>60968</v>
      </c>
    </row>
    <row r="5284" spans="1:10" x14ac:dyDescent="0.25">
      <c r="A5284" t="s">
        <v>35624</v>
      </c>
      <c r="B5284" t="s">
        <v>35625</v>
      </c>
      <c r="C5284" t="s">
        <v>35626</v>
      </c>
      <c r="D5284" t="s">
        <v>35610</v>
      </c>
      <c r="E5284" t="s">
        <v>13</v>
      </c>
      <c r="F5284">
        <v>8798</v>
      </c>
      <c r="G5284" t="s">
        <v>35627</v>
      </c>
      <c r="H5284">
        <v>6.7176112681360003</v>
      </c>
      <c r="I5284">
        <v>53.114037240934998</v>
      </c>
      <c r="J5284" t="s">
        <v>60969</v>
      </c>
    </row>
    <row r="5285" spans="1:10" x14ac:dyDescent="0.25">
      <c r="A5285" t="s">
        <v>35620</v>
      </c>
      <c r="B5285" t="s">
        <v>35621</v>
      </c>
      <c r="C5285" t="s">
        <v>35622</v>
      </c>
      <c r="D5285" t="s">
        <v>35610</v>
      </c>
      <c r="E5285" t="s">
        <v>13</v>
      </c>
      <c r="F5285">
        <v>8797</v>
      </c>
      <c r="G5285" t="s">
        <v>35623</v>
      </c>
      <c r="H5285">
        <v>6.7146738492729998</v>
      </c>
      <c r="I5285">
        <v>53.113402854573998</v>
      </c>
      <c r="J5285" t="s">
        <v>60970</v>
      </c>
    </row>
    <row r="5286" spans="1:10" x14ac:dyDescent="0.25">
      <c r="A5286" t="s">
        <v>35616</v>
      </c>
      <c r="B5286" t="s">
        <v>35617</v>
      </c>
      <c r="C5286" t="s">
        <v>35618</v>
      </c>
      <c r="D5286" t="s">
        <v>35610</v>
      </c>
      <c r="E5286" t="s">
        <v>13</v>
      </c>
      <c r="F5286">
        <v>8796</v>
      </c>
      <c r="G5286" t="s">
        <v>35619</v>
      </c>
      <c r="H5286">
        <v>6.7118029877129999</v>
      </c>
      <c r="I5286">
        <v>53.095408259909</v>
      </c>
      <c r="J5286" t="s">
        <v>60971</v>
      </c>
    </row>
    <row r="5287" spans="1:10" x14ac:dyDescent="0.25">
      <c r="A5287" t="s">
        <v>35612</v>
      </c>
      <c r="B5287" t="s">
        <v>35613</v>
      </c>
      <c r="C5287" t="s">
        <v>35614</v>
      </c>
      <c r="D5287" t="s">
        <v>35610</v>
      </c>
      <c r="E5287" t="s">
        <v>13</v>
      </c>
      <c r="F5287">
        <v>8795</v>
      </c>
      <c r="G5287" t="s">
        <v>35615</v>
      </c>
      <c r="H5287">
        <v>6.6926249365850001</v>
      </c>
      <c r="I5287">
        <v>53.077831908697</v>
      </c>
      <c r="J5287" t="s">
        <v>60972</v>
      </c>
    </row>
    <row r="5288" spans="1:10" x14ac:dyDescent="0.25">
      <c r="A5288" t="s">
        <v>35607</v>
      </c>
      <c r="B5288" t="s">
        <v>35608</v>
      </c>
      <c r="C5288" t="s">
        <v>35609</v>
      </c>
      <c r="D5288" t="s">
        <v>35610</v>
      </c>
      <c r="E5288" t="s">
        <v>13</v>
      </c>
      <c r="F5288">
        <v>8794</v>
      </c>
      <c r="G5288" t="s">
        <v>35611</v>
      </c>
      <c r="H5288">
        <v>6.684389289406</v>
      </c>
      <c r="I5288">
        <v>53.091379018173001</v>
      </c>
      <c r="J5288" t="s">
        <v>60973</v>
      </c>
    </row>
    <row r="5289" spans="1:10" x14ac:dyDescent="0.25">
      <c r="A5289" t="s">
        <v>35603</v>
      </c>
      <c r="B5289" t="s">
        <v>35604</v>
      </c>
      <c r="C5289" t="s">
        <v>35605</v>
      </c>
      <c r="D5289" t="s">
        <v>35499</v>
      </c>
      <c r="E5289" t="s">
        <v>13</v>
      </c>
      <c r="F5289">
        <v>8793</v>
      </c>
      <c r="G5289" t="s">
        <v>35606</v>
      </c>
      <c r="H5289">
        <v>5.8480361854240002</v>
      </c>
      <c r="I5289">
        <v>50.769699110125998</v>
      </c>
      <c r="J5289" t="s">
        <v>60974</v>
      </c>
    </row>
    <row r="5290" spans="1:10" x14ac:dyDescent="0.25">
      <c r="A5290" t="s">
        <v>35599</v>
      </c>
      <c r="B5290" t="s">
        <v>35600</v>
      </c>
      <c r="C5290" t="s">
        <v>35601</v>
      </c>
      <c r="D5290" t="s">
        <v>35499</v>
      </c>
      <c r="E5290" t="s">
        <v>13</v>
      </c>
      <c r="F5290">
        <v>8792</v>
      </c>
      <c r="G5290" t="s">
        <v>35602</v>
      </c>
      <c r="H5290">
        <v>5.8514187168360001</v>
      </c>
      <c r="I5290">
        <v>50.782054396534001</v>
      </c>
      <c r="J5290" t="s">
        <v>60975</v>
      </c>
    </row>
    <row r="5291" spans="1:10" x14ac:dyDescent="0.25">
      <c r="A5291" t="s">
        <v>35595</v>
      </c>
      <c r="B5291" t="s">
        <v>35596</v>
      </c>
      <c r="C5291" t="s">
        <v>35597</v>
      </c>
      <c r="D5291" t="s">
        <v>35499</v>
      </c>
      <c r="E5291" t="s">
        <v>13</v>
      </c>
      <c r="F5291">
        <v>8791</v>
      </c>
      <c r="G5291" t="s">
        <v>35598</v>
      </c>
      <c r="H5291">
        <v>5.8745205190369996</v>
      </c>
      <c r="I5291">
        <v>50.775371203371002</v>
      </c>
      <c r="J5291" t="s">
        <v>60976</v>
      </c>
    </row>
    <row r="5292" spans="1:10" x14ac:dyDescent="0.25">
      <c r="A5292" t="s">
        <v>35591</v>
      </c>
      <c r="B5292" t="s">
        <v>35592</v>
      </c>
      <c r="C5292" t="s">
        <v>35593</v>
      </c>
      <c r="D5292" t="s">
        <v>35499</v>
      </c>
      <c r="E5292" t="s">
        <v>13</v>
      </c>
      <c r="F5292">
        <v>8790</v>
      </c>
      <c r="G5292" t="s">
        <v>35594</v>
      </c>
      <c r="H5292">
        <v>5.8578311608420002</v>
      </c>
      <c r="I5292">
        <v>50.768415814661999</v>
      </c>
      <c r="J5292" t="s">
        <v>60977</v>
      </c>
    </row>
    <row r="5293" spans="1:10" x14ac:dyDescent="0.25">
      <c r="A5293" t="s">
        <v>35588</v>
      </c>
      <c r="B5293" t="s">
        <v>35589</v>
      </c>
      <c r="C5293" t="s">
        <v>5274</v>
      </c>
      <c r="D5293" t="s">
        <v>35499</v>
      </c>
      <c r="E5293" t="s">
        <v>13</v>
      </c>
      <c r="F5293">
        <v>8789</v>
      </c>
      <c r="G5293" t="s">
        <v>35590</v>
      </c>
      <c r="H5293">
        <v>5.9089527269920001</v>
      </c>
      <c r="I5293">
        <v>50.763720498292003</v>
      </c>
      <c r="J5293" t="s">
        <v>60978</v>
      </c>
    </row>
    <row r="5294" spans="1:10" x14ac:dyDescent="0.25">
      <c r="A5294" t="s">
        <v>35584</v>
      </c>
      <c r="B5294" t="s">
        <v>35585</v>
      </c>
      <c r="C5294" t="s">
        <v>35586</v>
      </c>
      <c r="D5294" t="s">
        <v>35499</v>
      </c>
      <c r="E5294" t="s">
        <v>13</v>
      </c>
      <c r="F5294">
        <v>8788</v>
      </c>
      <c r="G5294" t="s">
        <v>35587</v>
      </c>
      <c r="H5294">
        <v>5.892217970241</v>
      </c>
      <c r="I5294">
        <v>50.773359826926999</v>
      </c>
      <c r="J5294" t="s">
        <v>60979</v>
      </c>
    </row>
    <row r="5295" spans="1:10" x14ac:dyDescent="0.25">
      <c r="A5295" t="s">
        <v>35580</v>
      </c>
      <c r="B5295" t="s">
        <v>35581</v>
      </c>
      <c r="C5295" t="s">
        <v>35582</v>
      </c>
      <c r="D5295" t="s">
        <v>35499</v>
      </c>
      <c r="E5295" t="s">
        <v>13</v>
      </c>
      <c r="F5295">
        <v>8787</v>
      </c>
      <c r="G5295" t="s">
        <v>35583</v>
      </c>
      <c r="H5295">
        <v>5.9133580095099996</v>
      </c>
      <c r="I5295">
        <v>50.775722096552997</v>
      </c>
      <c r="J5295" t="s">
        <v>60980</v>
      </c>
    </row>
    <row r="5296" spans="1:10" x14ac:dyDescent="0.25">
      <c r="A5296" t="s">
        <v>35577</v>
      </c>
      <c r="B5296" t="s">
        <v>35578</v>
      </c>
      <c r="C5296" t="s">
        <v>5274</v>
      </c>
      <c r="D5296" t="s">
        <v>35499</v>
      </c>
      <c r="E5296" t="s">
        <v>13</v>
      </c>
      <c r="F5296">
        <v>8786</v>
      </c>
      <c r="G5296" t="s">
        <v>35579</v>
      </c>
      <c r="H5296">
        <v>5.9193058648139996</v>
      </c>
      <c r="I5296">
        <v>50.787988583093998</v>
      </c>
      <c r="J5296" t="s">
        <v>60981</v>
      </c>
    </row>
    <row r="5297" spans="1:10" x14ac:dyDescent="0.25">
      <c r="A5297" t="s">
        <v>35573</v>
      </c>
      <c r="B5297" t="s">
        <v>35574</v>
      </c>
      <c r="C5297" t="s">
        <v>35575</v>
      </c>
      <c r="D5297" t="s">
        <v>35499</v>
      </c>
      <c r="E5297" t="s">
        <v>13</v>
      </c>
      <c r="F5297">
        <v>8785</v>
      </c>
      <c r="G5297" t="s">
        <v>35576</v>
      </c>
      <c r="H5297">
        <v>5.9086884918399996</v>
      </c>
      <c r="I5297">
        <v>50.787196821126997</v>
      </c>
      <c r="J5297" t="s">
        <v>60982</v>
      </c>
    </row>
    <row r="5298" spans="1:10" x14ac:dyDescent="0.25">
      <c r="A5298" t="s">
        <v>35569</v>
      </c>
      <c r="B5298" t="s">
        <v>35570</v>
      </c>
      <c r="C5298" t="s">
        <v>35571</v>
      </c>
      <c r="D5298" t="s">
        <v>35499</v>
      </c>
      <c r="E5298" t="s">
        <v>13</v>
      </c>
      <c r="F5298">
        <v>8784</v>
      </c>
      <c r="G5298" t="s">
        <v>35572</v>
      </c>
      <c r="H5298">
        <v>5.9487989383639999</v>
      </c>
      <c r="I5298">
        <v>50.797661817228999</v>
      </c>
      <c r="J5298" t="s">
        <v>60983</v>
      </c>
    </row>
    <row r="5299" spans="1:10" x14ac:dyDescent="0.25">
      <c r="A5299" t="s">
        <v>35565</v>
      </c>
      <c r="B5299" t="s">
        <v>35566</v>
      </c>
      <c r="C5299" t="s">
        <v>35567</v>
      </c>
      <c r="D5299" t="s">
        <v>35499</v>
      </c>
      <c r="E5299" t="s">
        <v>13</v>
      </c>
      <c r="F5299">
        <v>8783</v>
      </c>
      <c r="G5299" t="s">
        <v>35568</v>
      </c>
      <c r="H5299">
        <v>5.9255879082979996</v>
      </c>
      <c r="I5299">
        <v>50.794991144248002</v>
      </c>
      <c r="J5299" t="s">
        <v>60984</v>
      </c>
    </row>
    <row r="5300" spans="1:10" x14ac:dyDescent="0.25">
      <c r="A5300" t="s">
        <v>35562</v>
      </c>
      <c r="B5300" t="s">
        <v>35563</v>
      </c>
      <c r="C5300" t="s">
        <v>5274</v>
      </c>
      <c r="D5300" t="s">
        <v>35499</v>
      </c>
      <c r="E5300" t="s">
        <v>13</v>
      </c>
      <c r="F5300">
        <v>8782</v>
      </c>
      <c r="G5300" t="s">
        <v>35564</v>
      </c>
      <c r="H5300">
        <v>5.9474604685730004</v>
      </c>
      <c r="I5300">
        <v>50.811386919759997</v>
      </c>
      <c r="J5300" t="s">
        <v>60985</v>
      </c>
    </row>
    <row r="5301" spans="1:10" x14ac:dyDescent="0.25">
      <c r="A5301" t="s">
        <v>35558</v>
      </c>
      <c r="B5301" t="s">
        <v>35559</v>
      </c>
      <c r="C5301" t="s">
        <v>35560</v>
      </c>
      <c r="D5301" t="s">
        <v>35499</v>
      </c>
      <c r="E5301" t="s">
        <v>13</v>
      </c>
      <c r="F5301">
        <v>8781</v>
      </c>
      <c r="G5301" t="s">
        <v>35561</v>
      </c>
      <c r="H5301">
        <v>5.9586184324979996</v>
      </c>
      <c r="I5301">
        <v>50.807881851368997</v>
      </c>
      <c r="J5301" t="s">
        <v>60986</v>
      </c>
    </row>
    <row r="5302" spans="1:10" x14ac:dyDescent="0.25">
      <c r="A5302" t="s">
        <v>35554</v>
      </c>
      <c r="B5302" t="s">
        <v>35555</v>
      </c>
      <c r="C5302" t="s">
        <v>35556</v>
      </c>
      <c r="D5302" t="s">
        <v>35499</v>
      </c>
      <c r="E5302" t="s">
        <v>13</v>
      </c>
      <c r="F5302">
        <v>8780</v>
      </c>
      <c r="G5302" t="s">
        <v>35557</v>
      </c>
      <c r="H5302">
        <v>5.9372350693489997</v>
      </c>
      <c r="I5302">
        <v>50.809503768543998</v>
      </c>
      <c r="J5302" t="s">
        <v>60987</v>
      </c>
    </row>
    <row r="5303" spans="1:10" x14ac:dyDescent="0.25">
      <c r="A5303" t="s">
        <v>35550</v>
      </c>
      <c r="B5303" t="s">
        <v>35551</v>
      </c>
      <c r="C5303" t="s">
        <v>35552</v>
      </c>
      <c r="D5303" t="s">
        <v>35499</v>
      </c>
      <c r="E5303" t="s">
        <v>13</v>
      </c>
      <c r="F5303">
        <v>8779</v>
      </c>
      <c r="G5303" t="s">
        <v>35553</v>
      </c>
      <c r="H5303">
        <v>5.917996232028</v>
      </c>
      <c r="I5303">
        <v>50.810826469897002</v>
      </c>
      <c r="J5303" t="s">
        <v>60988</v>
      </c>
    </row>
    <row r="5304" spans="1:10" x14ac:dyDescent="0.25">
      <c r="A5304" t="s">
        <v>35547</v>
      </c>
      <c r="B5304" t="s">
        <v>35548</v>
      </c>
      <c r="C5304" t="s">
        <v>5274</v>
      </c>
      <c r="D5304" t="s">
        <v>35499</v>
      </c>
      <c r="E5304" t="s">
        <v>13</v>
      </c>
      <c r="F5304">
        <v>8778</v>
      </c>
      <c r="G5304" t="s">
        <v>35549</v>
      </c>
      <c r="H5304">
        <v>5.9396327613890003</v>
      </c>
      <c r="I5304">
        <v>50.828135904375003</v>
      </c>
      <c r="J5304" t="s">
        <v>60989</v>
      </c>
    </row>
    <row r="5305" spans="1:10" x14ac:dyDescent="0.25">
      <c r="A5305" t="s">
        <v>35543</v>
      </c>
      <c r="B5305" t="s">
        <v>35544</v>
      </c>
      <c r="C5305" t="s">
        <v>35545</v>
      </c>
      <c r="D5305" t="s">
        <v>35499</v>
      </c>
      <c r="E5305" t="s">
        <v>13</v>
      </c>
      <c r="F5305">
        <v>8777</v>
      </c>
      <c r="G5305" t="s">
        <v>35546</v>
      </c>
      <c r="H5305">
        <v>5.9323395232099996</v>
      </c>
      <c r="I5305">
        <v>50.838281273180002</v>
      </c>
      <c r="J5305" t="s">
        <v>60990</v>
      </c>
    </row>
    <row r="5306" spans="1:10" x14ac:dyDescent="0.25">
      <c r="A5306" t="s">
        <v>35539</v>
      </c>
      <c r="B5306" t="s">
        <v>35540</v>
      </c>
      <c r="C5306" t="s">
        <v>35541</v>
      </c>
      <c r="D5306" t="s">
        <v>35499</v>
      </c>
      <c r="E5306" t="s">
        <v>13</v>
      </c>
      <c r="F5306">
        <v>8776</v>
      </c>
      <c r="G5306" t="s">
        <v>35542</v>
      </c>
      <c r="H5306">
        <v>5.9488891257269998</v>
      </c>
      <c r="I5306">
        <v>50.840644142738</v>
      </c>
      <c r="J5306" t="s">
        <v>60991</v>
      </c>
    </row>
    <row r="5307" spans="1:10" x14ac:dyDescent="0.25">
      <c r="A5307" t="s">
        <v>35535</v>
      </c>
      <c r="B5307" t="s">
        <v>35536</v>
      </c>
      <c r="C5307" t="s">
        <v>35537</v>
      </c>
      <c r="D5307" t="s">
        <v>35499</v>
      </c>
      <c r="E5307" t="s">
        <v>13</v>
      </c>
      <c r="F5307">
        <v>8775</v>
      </c>
      <c r="G5307" t="s">
        <v>35538</v>
      </c>
      <c r="H5307">
        <v>5.94161898716</v>
      </c>
      <c r="I5307">
        <v>50.825464349299999</v>
      </c>
      <c r="J5307" t="s">
        <v>60992</v>
      </c>
    </row>
    <row r="5308" spans="1:10" x14ac:dyDescent="0.25">
      <c r="A5308" t="s">
        <v>35532</v>
      </c>
      <c r="B5308" t="s">
        <v>35533</v>
      </c>
      <c r="C5308" t="s">
        <v>5274</v>
      </c>
      <c r="D5308" t="s">
        <v>35499</v>
      </c>
      <c r="E5308" t="s">
        <v>13</v>
      </c>
      <c r="F5308">
        <v>8774</v>
      </c>
      <c r="G5308" t="s">
        <v>35534</v>
      </c>
      <c r="H5308">
        <v>5.8973332525149997</v>
      </c>
      <c r="I5308">
        <v>50.834746598956002</v>
      </c>
      <c r="J5308" t="s">
        <v>60993</v>
      </c>
    </row>
    <row r="5309" spans="1:10" x14ac:dyDescent="0.25">
      <c r="A5309" t="s">
        <v>35528</v>
      </c>
      <c r="B5309" t="s">
        <v>35529</v>
      </c>
      <c r="C5309" t="s">
        <v>35530</v>
      </c>
      <c r="D5309" t="s">
        <v>35499</v>
      </c>
      <c r="E5309" t="s">
        <v>13</v>
      </c>
      <c r="F5309">
        <v>8773</v>
      </c>
      <c r="G5309" t="s">
        <v>35531</v>
      </c>
      <c r="H5309">
        <v>5.9199227749189998</v>
      </c>
      <c r="I5309">
        <v>50.841622268054003</v>
      </c>
      <c r="J5309" t="s">
        <v>60994</v>
      </c>
    </row>
    <row r="5310" spans="1:10" x14ac:dyDescent="0.25">
      <c r="A5310" t="s">
        <v>35524</v>
      </c>
      <c r="B5310" t="s">
        <v>35525</v>
      </c>
      <c r="C5310" t="s">
        <v>35526</v>
      </c>
      <c r="D5310" t="s">
        <v>35499</v>
      </c>
      <c r="E5310" t="s">
        <v>13</v>
      </c>
      <c r="F5310">
        <v>8772</v>
      </c>
      <c r="G5310" t="s">
        <v>35527</v>
      </c>
      <c r="H5310">
        <v>5.884886937159</v>
      </c>
      <c r="I5310">
        <v>50.830398509889001</v>
      </c>
      <c r="J5310" t="s">
        <v>60995</v>
      </c>
    </row>
    <row r="5311" spans="1:10" x14ac:dyDescent="0.25">
      <c r="A5311" t="s">
        <v>35520</v>
      </c>
      <c r="B5311" t="s">
        <v>35521</v>
      </c>
      <c r="C5311" t="s">
        <v>35522</v>
      </c>
      <c r="D5311" t="s">
        <v>35499</v>
      </c>
      <c r="E5311" t="s">
        <v>13</v>
      </c>
      <c r="F5311">
        <v>8771</v>
      </c>
      <c r="G5311" t="s">
        <v>35523</v>
      </c>
      <c r="H5311">
        <v>5.8860118783250002</v>
      </c>
      <c r="I5311">
        <v>50.844255133044001</v>
      </c>
      <c r="J5311" t="s">
        <v>60996</v>
      </c>
    </row>
    <row r="5312" spans="1:10" x14ac:dyDescent="0.25">
      <c r="A5312" t="s">
        <v>35516</v>
      </c>
      <c r="B5312" t="s">
        <v>35517</v>
      </c>
      <c r="C5312" t="s">
        <v>35518</v>
      </c>
      <c r="D5312" t="s">
        <v>35499</v>
      </c>
      <c r="E5312" t="s">
        <v>13</v>
      </c>
      <c r="F5312">
        <v>8770</v>
      </c>
      <c r="G5312" t="s">
        <v>35519</v>
      </c>
      <c r="H5312">
        <v>5.8924040557839996</v>
      </c>
      <c r="I5312">
        <v>50.834289197876998</v>
      </c>
      <c r="J5312" t="s">
        <v>60997</v>
      </c>
    </row>
    <row r="5313" spans="1:10" x14ac:dyDescent="0.25">
      <c r="A5313" t="s">
        <v>35513</v>
      </c>
      <c r="B5313" t="s">
        <v>35514</v>
      </c>
      <c r="C5313" t="s">
        <v>5274</v>
      </c>
      <c r="D5313" t="s">
        <v>35499</v>
      </c>
      <c r="E5313" t="s">
        <v>13</v>
      </c>
      <c r="F5313">
        <v>8769</v>
      </c>
      <c r="G5313" t="s">
        <v>35515</v>
      </c>
      <c r="H5313">
        <v>5.8701848018709999</v>
      </c>
      <c r="I5313">
        <v>50.802320750641002</v>
      </c>
      <c r="J5313" t="s">
        <v>60998</v>
      </c>
    </row>
    <row r="5314" spans="1:10" x14ac:dyDescent="0.25">
      <c r="A5314" t="s">
        <v>35509</v>
      </c>
      <c r="B5314" t="s">
        <v>35510</v>
      </c>
      <c r="C5314" t="s">
        <v>35511</v>
      </c>
      <c r="D5314" t="s">
        <v>35499</v>
      </c>
      <c r="E5314" t="s">
        <v>13</v>
      </c>
      <c r="F5314">
        <v>8768</v>
      </c>
      <c r="G5314" t="s">
        <v>35512</v>
      </c>
      <c r="H5314">
        <v>5.8354981842700004</v>
      </c>
      <c r="I5314">
        <v>50.797903061161001</v>
      </c>
      <c r="J5314" t="s">
        <v>60999</v>
      </c>
    </row>
    <row r="5315" spans="1:10" x14ac:dyDescent="0.25">
      <c r="A5315" t="s">
        <v>35505</v>
      </c>
      <c r="B5315" t="s">
        <v>35506</v>
      </c>
      <c r="C5315" t="s">
        <v>35507</v>
      </c>
      <c r="D5315" t="s">
        <v>35499</v>
      </c>
      <c r="E5315" t="s">
        <v>13</v>
      </c>
      <c r="F5315">
        <v>8767</v>
      </c>
      <c r="G5315" t="s">
        <v>35508</v>
      </c>
      <c r="H5315">
        <v>5.8658032908340001</v>
      </c>
      <c r="I5315">
        <v>50.797818708134997</v>
      </c>
      <c r="J5315" t="s">
        <v>61000</v>
      </c>
    </row>
    <row r="5316" spans="1:10" x14ac:dyDescent="0.25">
      <c r="A5316" t="s">
        <v>35501</v>
      </c>
      <c r="B5316" t="s">
        <v>35502</v>
      </c>
      <c r="C5316" t="s">
        <v>35503</v>
      </c>
      <c r="D5316" t="s">
        <v>35499</v>
      </c>
      <c r="E5316" t="s">
        <v>13</v>
      </c>
      <c r="F5316">
        <v>8766</v>
      </c>
      <c r="G5316" t="s">
        <v>35504</v>
      </c>
      <c r="H5316">
        <v>5.8569856417850001</v>
      </c>
      <c r="I5316">
        <v>50.816711188485002</v>
      </c>
      <c r="J5316" t="s">
        <v>61001</v>
      </c>
    </row>
    <row r="5317" spans="1:10" x14ac:dyDescent="0.25">
      <c r="A5317" t="s">
        <v>35496</v>
      </c>
      <c r="B5317" t="s">
        <v>35497</v>
      </c>
      <c r="C5317" t="s">
        <v>35498</v>
      </c>
      <c r="D5317" t="s">
        <v>35499</v>
      </c>
      <c r="E5317" t="s">
        <v>13</v>
      </c>
      <c r="F5317">
        <v>8765</v>
      </c>
      <c r="G5317" t="s">
        <v>35500</v>
      </c>
      <c r="H5317">
        <v>5.891230251993</v>
      </c>
      <c r="I5317">
        <v>50.815919059213002</v>
      </c>
      <c r="J5317" t="s">
        <v>61002</v>
      </c>
    </row>
    <row r="5318" spans="1:10" x14ac:dyDescent="0.25">
      <c r="A5318" t="s">
        <v>35492</v>
      </c>
      <c r="B5318" t="s">
        <v>35493</v>
      </c>
      <c r="C5318" t="s">
        <v>35494</v>
      </c>
      <c r="D5318" t="s">
        <v>35265</v>
      </c>
      <c r="E5318" t="s">
        <v>13</v>
      </c>
      <c r="F5318">
        <v>8764</v>
      </c>
      <c r="G5318" t="s">
        <v>35495</v>
      </c>
      <c r="H5318">
        <v>5.3813506461799996</v>
      </c>
      <c r="I5318">
        <v>51.300801375776999</v>
      </c>
      <c r="J5318" t="s">
        <v>61003</v>
      </c>
    </row>
    <row r="5319" spans="1:10" x14ac:dyDescent="0.25">
      <c r="A5319" t="s">
        <v>35488</v>
      </c>
      <c r="B5319" t="s">
        <v>35489</v>
      </c>
      <c r="C5319" t="s">
        <v>35490</v>
      </c>
      <c r="D5319" t="s">
        <v>35265</v>
      </c>
      <c r="E5319" t="s">
        <v>13</v>
      </c>
      <c r="F5319">
        <v>8763</v>
      </c>
      <c r="G5319" t="s">
        <v>35491</v>
      </c>
      <c r="H5319">
        <v>5.3540871642059997</v>
      </c>
      <c r="I5319">
        <v>51.283324885563999</v>
      </c>
      <c r="J5319" t="s">
        <v>61004</v>
      </c>
    </row>
    <row r="5320" spans="1:10" x14ac:dyDescent="0.25">
      <c r="A5320" t="s">
        <v>35484</v>
      </c>
      <c r="B5320" t="s">
        <v>35485</v>
      </c>
      <c r="C5320" t="s">
        <v>35486</v>
      </c>
      <c r="D5320" t="s">
        <v>35265</v>
      </c>
      <c r="E5320" t="s">
        <v>13</v>
      </c>
      <c r="F5320">
        <v>8762</v>
      </c>
      <c r="G5320" t="s">
        <v>35487</v>
      </c>
      <c r="H5320">
        <v>5.2714341194000003</v>
      </c>
      <c r="I5320">
        <v>51.284892467679001</v>
      </c>
      <c r="J5320" t="s">
        <v>61005</v>
      </c>
    </row>
    <row r="5321" spans="1:10" x14ac:dyDescent="0.25">
      <c r="A5321" t="s">
        <v>35480</v>
      </c>
      <c r="B5321" t="s">
        <v>35481</v>
      </c>
      <c r="C5321" t="s">
        <v>35482</v>
      </c>
      <c r="D5321" t="s">
        <v>35265</v>
      </c>
      <c r="E5321" t="s">
        <v>13</v>
      </c>
      <c r="F5321">
        <v>8761</v>
      </c>
      <c r="G5321" t="s">
        <v>35483</v>
      </c>
      <c r="H5321">
        <v>5.3180060373450004</v>
      </c>
      <c r="I5321">
        <v>51.304220609185002</v>
      </c>
      <c r="J5321" t="s">
        <v>61006</v>
      </c>
    </row>
    <row r="5322" spans="1:10" x14ac:dyDescent="0.25">
      <c r="A5322" t="s">
        <v>35476</v>
      </c>
      <c r="B5322" t="s">
        <v>35477</v>
      </c>
      <c r="C5322" t="s">
        <v>35478</v>
      </c>
      <c r="D5322" t="s">
        <v>35265</v>
      </c>
      <c r="E5322" t="s">
        <v>13</v>
      </c>
      <c r="F5322">
        <v>8760</v>
      </c>
      <c r="G5322" t="s">
        <v>35479</v>
      </c>
      <c r="H5322">
        <v>5.3066516077469998</v>
      </c>
      <c r="I5322">
        <v>51.319433590362003</v>
      </c>
      <c r="J5322" t="s">
        <v>61007</v>
      </c>
    </row>
    <row r="5323" spans="1:10" x14ac:dyDescent="0.25">
      <c r="A5323" t="s">
        <v>35472</v>
      </c>
      <c r="B5323" t="s">
        <v>35473</v>
      </c>
      <c r="C5323" t="s">
        <v>35474</v>
      </c>
      <c r="D5323" t="s">
        <v>35265</v>
      </c>
      <c r="E5323" t="s">
        <v>13</v>
      </c>
      <c r="F5323">
        <v>8759</v>
      </c>
      <c r="G5323" t="s">
        <v>35475</v>
      </c>
      <c r="H5323">
        <v>5.4087330153790001</v>
      </c>
      <c r="I5323">
        <v>51.324353145848001</v>
      </c>
      <c r="J5323" t="s">
        <v>61008</v>
      </c>
    </row>
    <row r="5324" spans="1:10" x14ac:dyDescent="0.25">
      <c r="A5324" t="s">
        <v>35468</v>
      </c>
      <c r="B5324" t="s">
        <v>35469</v>
      </c>
      <c r="C5324" t="s">
        <v>35470</v>
      </c>
      <c r="D5324" t="s">
        <v>35265</v>
      </c>
      <c r="E5324" t="s">
        <v>13</v>
      </c>
      <c r="F5324">
        <v>8758</v>
      </c>
      <c r="G5324" t="s">
        <v>35471</v>
      </c>
      <c r="H5324">
        <v>5.3662640161889996</v>
      </c>
      <c r="I5324">
        <v>51.334370750060003</v>
      </c>
      <c r="J5324" t="s">
        <v>61009</v>
      </c>
    </row>
    <row r="5325" spans="1:10" x14ac:dyDescent="0.25">
      <c r="A5325" t="s">
        <v>35464</v>
      </c>
      <c r="B5325" t="s">
        <v>35465</v>
      </c>
      <c r="C5325" t="s">
        <v>35466</v>
      </c>
      <c r="D5325" t="s">
        <v>35265</v>
      </c>
      <c r="E5325" t="s">
        <v>13</v>
      </c>
      <c r="F5325">
        <v>8757</v>
      </c>
      <c r="G5325" t="s">
        <v>35467</v>
      </c>
      <c r="H5325">
        <v>5.4059036646449998</v>
      </c>
      <c r="I5325">
        <v>51.357513833809001</v>
      </c>
      <c r="J5325" t="s">
        <v>61010</v>
      </c>
    </row>
    <row r="5326" spans="1:10" x14ac:dyDescent="0.25">
      <c r="A5326" t="s">
        <v>35460</v>
      </c>
      <c r="B5326" t="s">
        <v>35461</v>
      </c>
      <c r="C5326" t="s">
        <v>35462</v>
      </c>
      <c r="D5326" t="s">
        <v>35265</v>
      </c>
      <c r="E5326" t="s">
        <v>13</v>
      </c>
      <c r="F5326">
        <v>8756</v>
      </c>
      <c r="G5326" t="s">
        <v>35463</v>
      </c>
      <c r="H5326">
        <v>5.3768376687090003</v>
      </c>
      <c r="I5326">
        <v>51.348136352563003</v>
      </c>
      <c r="J5326" t="s">
        <v>61011</v>
      </c>
    </row>
    <row r="5327" spans="1:10" x14ac:dyDescent="0.25">
      <c r="A5327" t="s">
        <v>35456</v>
      </c>
      <c r="B5327" t="s">
        <v>35457</v>
      </c>
      <c r="C5327" t="s">
        <v>35458</v>
      </c>
      <c r="D5327" t="s">
        <v>35265</v>
      </c>
      <c r="E5327" t="s">
        <v>13</v>
      </c>
      <c r="F5327">
        <v>8755</v>
      </c>
      <c r="G5327" t="s">
        <v>35459</v>
      </c>
      <c r="H5327">
        <v>5.3734017105970002</v>
      </c>
      <c r="I5327">
        <v>51.361608571860003</v>
      </c>
      <c r="J5327" t="s">
        <v>61012</v>
      </c>
    </row>
    <row r="5328" spans="1:10" x14ac:dyDescent="0.25">
      <c r="A5328" t="s">
        <v>35452</v>
      </c>
      <c r="B5328" t="s">
        <v>35453</v>
      </c>
      <c r="C5328" t="s">
        <v>35454</v>
      </c>
      <c r="D5328" t="s">
        <v>35265</v>
      </c>
      <c r="E5328" t="s">
        <v>13</v>
      </c>
      <c r="F5328">
        <v>8754</v>
      </c>
      <c r="G5328" t="s">
        <v>35455</v>
      </c>
      <c r="H5328">
        <v>5.3383395816350001</v>
      </c>
      <c r="I5328">
        <v>51.311441455663001</v>
      </c>
      <c r="J5328" t="s">
        <v>61013</v>
      </c>
    </row>
    <row r="5329" spans="1:10" x14ac:dyDescent="0.25">
      <c r="A5329" t="s">
        <v>35448</v>
      </c>
      <c r="B5329" t="s">
        <v>35449</v>
      </c>
      <c r="C5329" t="s">
        <v>35450</v>
      </c>
      <c r="D5329" t="s">
        <v>35265</v>
      </c>
      <c r="E5329" t="s">
        <v>13</v>
      </c>
      <c r="F5329">
        <v>8753</v>
      </c>
      <c r="G5329" t="s">
        <v>35451</v>
      </c>
      <c r="H5329">
        <v>5.3330237107530003</v>
      </c>
      <c r="I5329">
        <v>51.310355708800003</v>
      </c>
      <c r="J5329" t="s">
        <v>61014</v>
      </c>
    </row>
    <row r="5330" spans="1:10" x14ac:dyDescent="0.25">
      <c r="A5330" t="s">
        <v>35444</v>
      </c>
      <c r="B5330" t="s">
        <v>35445</v>
      </c>
      <c r="C5330" t="s">
        <v>35446</v>
      </c>
      <c r="D5330" t="s">
        <v>35265</v>
      </c>
      <c r="E5330" t="s">
        <v>13</v>
      </c>
      <c r="F5330">
        <v>8752</v>
      </c>
      <c r="G5330" t="s">
        <v>35447</v>
      </c>
      <c r="H5330">
        <v>5.3385919838299998</v>
      </c>
      <c r="I5330">
        <v>51.316400011295002</v>
      </c>
      <c r="J5330" t="s">
        <v>61015</v>
      </c>
    </row>
    <row r="5331" spans="1:10" x14ac:dyDescent="0.25">
      <c r="A5331" t="s">
        <v>35440</v>
      </c>
      <c r="B5331" t="s">
        <v>35441</v>
      </c>
      <c r="C5331" t="s">
        <v>35442</v>
      </c>
      <c r="D5331" t="s">
        <v>35265</v>
      </c>
      <c r="E5331" t="s">
        <v>13</v>
      </c>
      <c r="F5331">
        <v>8751</v>
      </c>
      <c r="G5331" t="s">
        <v>35443</v>
      </c>
      <c r="H5331">
        <v>5.3419898259560004</v>
      </c>
      <c r="I5331">
        <v>51.307773834816999</v>
      </c>
      <c r="J5331" t="s">
        <v>61016</v>
      </c>
    </row>
    <row r="5332" spans="1:10" x14ac:dyDescent="0.25">
      <c r="A5332" t="s">
        <v>35437</v>
      </c>
      <c r="B5332" t="s">
        <v>35438</v>
      </c>
      <c r="C5332" t="s">
        <v>2605</v>
      </c>
      <c r="D5332" t="s">
        <v>35265</v>
      </c>
      <c r="E5332" t="s">
        <v>13</v>
      </c>
      <c r="F5332">
        <v>8750</v>
      </c>
      <c r="G5332" t="s">
        <v>35439</v>
      </c>
      <c r="H5332">
        <v>5.3378414639080001</v>
      </c>
      <c r="I5332">
        <v>51.309195747292001</v>
      </c>
      <c r="J5332" t="s">
        <v>61017</v>
      </c>
    </row>
    <row r="5333" spans="1:10" x14ac:dyDescent="0.25">
      <c r="A5333" t="s">
        <v>35433</v>
      </c>
      <c r="B5333" t="s">
        <v>35434</v>
      </c>
      <c r="C5333" t="s">
        <v>35435</v>
      </c>
      <c r="D5333" t="s">
        <v>35265</v>
      </c>
      <c r="E5333" t="s">
        <v>13</v>
      </c>
      <c r="F5333">
        <v>8749</v>
      </c>
      <c r="G5333" t="s">
        <v>35436</v>
      </c>
      <c r="H5333">
        <v>5.4081448954639999</v>
      </c>
      <c r="I5333">
        <v>51.338457166598999</v>
      </c>
      <c r="J5333" t="s">
        <v>61018</v>
      </c>
    </row>
    <row r="5334" spans="1:10" x14ac:dyDescent="0.25">
      <c r="A5334" t="s">
        <v>35429</v>
      </c>
      <c r="B5334" t="s">
        <v>35430</v>
      </c>
      <c r="C5334" t="s">
        <v>35431</v>
      </c>
      <c r="D5334" t="s">
        <v>35265</v>
      </c>
      <c r="E5334" t="s">
        <v>13</v>
      </c>
      <c r="F5334">
        <v>8748</v>
      </c>
      <c r="G5334" t="s">
        <v>35432</v>
      </c>
      <c r="H5334">
        <v>5.4021256332669996</v>
      </c>
      <c r="I5334">
        <v>51.334359881015999</v>
      </c>
      <c r="J5334" t="s">
        <v>61019</v>
      </c>
    </row>
    <row r="5335" spans="1:10" x14ac:dyDescent="0.25">
      <c r="A5335" t="s">
        <v>35425</v>
      </c>
      <c r="B5335" t="s">
        <v>35426</v>
      </c>
      <c r="C5335" t="s">
        <v>35427</v>
      </c>
      <c r="D5335" t="s">
        <v>35265</v>
      </c>
      <c r="E5335" t="s">
        <v>13</v>
      </c>
      <c r="F5335">
        <v>8747</v>
      </c>
      <c r="G5335" t="s">
        <v>35428</v>
      </c>
      <c r="H5335">
        <v>5.401003118687</v>
      </c>
      <c r="I5335">
        <v>51.335981402077003</v>
      </c>
      <c r="J5335" t="s">
        <v>61020</v>
      </c>
    </row>
    <row r="5336" spans="1:10" x14ac:dyDescent="0.25">
      <c r="A5336" t="s">
        <v>35421</v>
      </c>
      <c r="B5336" t="s">
        <v>35422</v>
      </c>
      <c r="C5336" t="s">
        <v>35423</v>
      </c>
      <c r="D5336" t="s">
        <v>35265</v>
      </c>
      <c r="E5336" t="s">
        <v>13</v>
      </c>
      <c r="F5336">
        <v>8746</v>
      </c>
      <c r="G5336" t="s">
        <v>35424</v>
      </c>
      <c r="H5336">
        <v>5.4062774311970001</v>
      </c>
      <c r="I5336">
        <v>51.335058912375999</v>
      </c>
      <c r="J5336" t="s">
        <v>61021</v>
      </c>
    </row>
    <row r="5337" spans="1:10" x14ac:dyDescent="0.25">
      <c r="A5337" t="s">
        <v>35417</v>
      </c>
      <c r="B5337" t="s">
        <v>35418</v>
      </c>
      <c r="C5337" t="s">
        <v>35419</v>
      </c>
      <c r="D5337" t="s">
        <v>35265</v>
      </c>
      <c r="E5337" t="s">
        <v>13</v>
      </c>
      <c r="F5337">
        <v>8745</v>
      </c>
      <c r="G5337" t="s">
        <v>35420</v>
      </c>
      <c r="H5337">
        <v>5.3966944258609999</v>
      </c>
      <c r="I5337">
        <v>51.332954488162997</v>
      </c>
      <c r="J5337" t="s">
        <v>61022</v>
      </c>
    </row>
    <row r="5338" spans="1:10" x14ac:dyDescent="0.25">
      <c r="A5338" t="s">
        <v>35413</v>
      </c>
      <c r="B5338" t="s">
        <v>35414</v>
      </c>
      <c r="C5338" t="s">
        <v>35415</v>
      </c>
      <c r="D5338" t="s">
        <v>35265</v>
      </c>
      <c r="E5338" t="s">
        <v>13</v>
      </c>
      <c r="F5338">
        <v>8744</v>
      </c>
      <c r="G5338" t="s">
        <v>35416</v>
      </c>
      <c r="H5338">
        <v>5.3996950327439999</v>
      </c>
      <c r="I5338">
        <v>51.333827590406997</v>
      </c>
      <c r="J5338" t="s">
        <v>61023</v>
      </c>
    </row>
    <row r="5339" spans="1:10" x14ac:dyDescent="0.25">
      <c r="A5339" t="s">
        <v>35409</v>
      </c>
      <c r="B5339" t="s">
        <v>35410</v>
      </c>
      <c r="C5339" t="s">
        <v>35411</v>
      </c>
      <c r="D5339" t="s">
        <v>35265</v>
      </c>
      <c r="E5339" t="s">
        <v>13</v>
      </c>
      <c r="F5339">
        <v>8743</v>
      </c>
      <c r="G5339" t="s">
        <v>35412</v>
      </c>
      <c r="H5339">
        <v>5.3934298670469998</v>
      </c>
      <c r="I5339">
        <v>51.334103772417002</v>
      </c>
      <c r="J5339" t="s">
        <v>61024</v>
      </c>
    </row>
    <row r="5340" spans="1:10" x14ac:dyDescent="0.25">
      <c r="A5340" t="s">
        <v>35406</v>
      </c>
      <c r="B5340" t="s">
        <v>35407</v>
      </c>
      <c r="C5340" t="s">
        <v>35392</v>
      </c>
      <c r="D5340" t="s">
        <v>35265</v>
      </c>
      <c r="E5340" t="s">
        <v>13</v>
      </c>
      <c r="F5340">
        <v>8742</v>
      </c>
      <c r="G5340" t="s">
        <v>35408</v>
      </c>
      <c r="H5340">
        <v>5.3954462612630003</v>
      </c>
      <c r="I5340">
        <v>51.331195246436003</v>
      </c>
      <c r="J5340" t="s">
        <v>61025</v>
      </c>
    </row>
    <row r="5341" spans="1:10" x14ac:dyDescent="0.25">
      <c r="A5341" t="s">
        <v>35402</v>
      </c>
      <c r="B5341" t="s">
        <v>35403</v>
      </c>
      <c r="C5341" t="s">
        <v>35404</v>
      </c>
      <c r="D5341" t="s">
        <v>35265</v>
      </c>
      <c r="E5341" t="s">
        <v>13</v>
      </c>
      <c r="F5341">
        <v>8741</v>
      </c>
      <c r="G5341" t="s">
        <v>35405</v>
      </c>
      <c r="H5341">
        <v>5.3959768408900004</v>
      </c>
      <c r="I5341">
        <v>51.330966188223996</v>
      </c>
      <c r="J5341" t="s">
        <v>61026</v>
      </c>
    </row>
    <row r="5342" spans="1:10" x14ac:dyDescent="0.25">
      <c r="A5342" t="s">
        <v>35398</v>
      </c>
      <c r="B5342" t="s">
        <v>35399</v>
      </c>
      <c r="C5342" t="s">
        <v>35400</v>
      </c>
      <c r="D5342" t="s">
        <v>35265</v>
      </c>
      <c r="E5342" t="s">
        <v>13</v>
      </c>
      <c r="F5342">
        <v>8740</v>
      </c>
      <c r="G5342" t="s">
        <v>35401</v>
      </c>
      <c r="H5342">
        <v>5.3684056724360003</v>
      </c>
      <c r="I5342">
        <v>51.357760303201999</v>
      </c>
      <c r="J5342" t="s">
        <v>61027</v>
      </c>
    </row>
    <row r="5343" spans="1:10" x14ac:dyDescent="0.25">
      <c r="A5343" t="s">
        <v>35394</v>
      </c>
      <c r="B5343" t="s">
        <v>35395</v>
      </c>
      <c r="C5343" t="s">
        <v>35396</v>
      </c>
      <c r="D5343" t="s">
        <v>35265</v>
      </c>
      <c r="E5343" t="s">
        <v>13</v>
      </c>
      <c r="F5343">
        <v>8739</v>
      </c>
      <c r="G5343" t="s">
        <v>35397</v>
      </c>
      <c r="H5343">
        <v>5.3835177540289996</v>
      </c>
      <c r="I5343">
        <v>51.354975128873001</v>
      </c>
      <c r="J5343" t="s">
        <v>61028</v>
      </c>
    </row>
    <row r="5344" spans="1:10" x14ac:dyDescent="0.25">
      <c r="A5344" t="s">
        <v>35390</v>
      </c>
      <c r="B5344" t="s">
        <v>35391</v>
      </c>
      <c r="C5344" t="s">
        <v>35392</v>
      </c>
      <c r="D5344" t="s">
        <v>35265</v>
      </c>
      <c r="E5344" t="s">
        <v>13</v>
      </c>
      <c r="F5344">
        <v>8738</v>
      </c>
      <c r="G5344" t="s">
        <v>35393</v>
      </c>
      <c r="H5344">
        <v>5.384521237315</v>
      </c>
      <c r="I5344">
        <v>51.350531128461</v>
      </c>
      <c r="J5344" t="s">
        <v>61029</v>
      </c>
    </row>
    <row r="5345" spans="1:10" x14ac:dyDescent="0.25">
      <c r="A5345" t="s">
        <v>35386</v>
      </c>
      <c r="B5345" t="s">
        <v>35387</v>
      </c>
      <c r="C5345" t="s">
        <v>35388</v>
      </c>
      <c r="D5345" t="s">
        <v>35265</v>
      </c>
      <c r="E5345" t="s">
        <v>13</v>
      </c>
      <c r="F5345">
        <v>8737</v>
      </c>
      <c r="G5345" t="s">
        <v>35389</v>
      </c>
      <c r="H5345">
        <v>5.3897638186970003</v>
      </c>
      <c r="I5345">
        <v>51.351065747919002</v>
      </c>
      <c r="J5345" t="s">
        <v>61030</v>
      </c>
    </row>
    <row r="5346" spans="1:10" x14ac:dyDescent="0.25">
      <c r="A5346" t="s">
        <v>35382</v>
      </c>
      <c r="B5346" t="s">
        <v>35383</v>
      </c>
      <c r="C5346" t="s">
        <v>35384</v>
      </c>
      <c r="D5346" t="s">
        <v>35265</v>
      </c>
      <c r="E5346" t="s">
        <v>13</v>
      </c>
      <c r="F5346">
        <v>8736</v>
      </c>
      <c r="G5346" t="s">
        <v>35385</v>
      </c>
      <c r="H5346">
        <v>5.3892270836779996</v>
      </c>
      <c r="I5346">
        <v>51.355339777997997</v>
      </c>
      <c r="J5346" t="s">
        <v>61031</v>
      </c>
    </row>
    <row r="5347" spans="1:10" x14ac:dyDescent="0.25">
      <c r="A5347" t="s">
        <v>35378</v>
      </c>
      <c r="B5347" t="s">
        <v>35379</v>
      </c>
      <c r="C5347" t="s">
        <v>35380</v>
      </c>
      <c r="D5347" t="s">
        <v>35265</v>
      </c>
      <c r="E5347" t="s">
        <v>13</v>
      </c>
      <c r="F5347">
        <v>8735</v>
      </c>
      <c r="G5347" t="s">
        <v>35381</v>
      </c>
      <c r="H5347">
        <v>5.3871568614249998</v>
      </c>
      <c r="I5347">
        <v>51.352879521116002</v>
      </c>
      <c r="J5347" t="s">
        <v>61032</v>
      </c>
    </row>
    <row r="5348" spans="1:10" x14ac:dyDescent="0.25">
      <c r="A5348" t="s">
        <v>35374</v>
      </c>
      <c r="B5348" t="s">
        <v>35375</v>
      </c>
      <c r="C5348" t="s">
        <v>35376</v>
      </c>
      <c r="D5348" t="s">
        <v>35265</v>
      </c>
      <c r="E5348" t="s">
        <v>13</v>
      </c>
      <c r="F5348">
        <v>8734</v>
      </c>
      <c r="G5348" t="s">
        <v>35377</v>
      </c>
      <c r="H5348">
        <v>5.3312622216780001</v>
      </c>
      <c r="I5348">
        <v>51.291447275315001</v>
      </c>
      <c r="J5348" t="s">
        <v>61033</v>
      </c>
    </row>
    <row r="5349" spans="1:10" x14ac:dyDescent="0.25">
      <c r="A5349" t="s">
        <v>35370</v>
      </c>
      <c r="B5349" t="s">
        <v>35371</v>
      </c>
      <c r="C5349" t="s">
        <v>35372</v>
      </c>
      <c r="D5349" t="s">
        <v>35265</v>
      </c>
      <c r="E5349" t="s">
        <v>13</v>
      </c>
      <c r="F5349">
        <v>8733</v>
      </c>
      <c r="G5349" t="s">
        <v>35373</v>
      </c>
      <c r="H5349">
        <v>5.3088230909340002</v>
      </c>
      <c r="I5349">
        <v>51.28219450644</v>
      </c>
      <c r="J5349" t="s">
        <v>61034</v>
      </c>
    </row>
    <row r="5350" spans="1:10" x14ac:dyDescent="0.25">
      <c r="A5350" t="s">
        <v>35366</v>
      </c>
      <c r="B5350" t="s">
        <v>35367</v>
      </c>
      <c r="C5350" t="s">
        <v>35368</v>
      </c>
      <c r="D5350" t="s">
        <v>35265</v>
      </c>
      <c r="E5350" t="s">
        <v>13</v>
      </c>
      <c r="F5350">
        <v>8732</v>
      </c>
      <c r="G5350" t="s">
        <v>35369</v>
      </c>
      <c r="H5350">
        <v>5.3155605270709998</v>
      </c>
      <c r="I5350">
        <v>51.290987451501998</v>
      </c>
      <c r="J5350" t="s">
        <v>61035</v>
      </c>
    </row>
    <row r="5351" spans="1:10" x14ac:dyDescent="0.25">
      <c r="A5351" t="s">
        <v>35362</v>
      </c>
      <c r="B5351" t="s">
        <v>35363</v>
      </c>
      <c r="C5351" t="s">
        <v>35364</v>
      </c>
      <c r="D5351" t="s">
        <v>35265</v>
      </c>
      <c r="E5351" t="s">
        <v>13</v>
      </c>
      <c r="F5351">
        <v>8731</v>
      </c>
      <c r="G5351" t="s">
        <v>35365</v>
      </c>
      <c r="H5351">
        <v>5.3177651401999997</v>
      </c>
      <c r="I5351">
        <v>51.287053364999998</v>
      </c>
      <c r="J5351" t="s">
        <v>61036</v>
      </c>
    </row>
    <row r="5352" spans="1:10" x14ac:dyDescent="0.25">
      <c r="A5352" t="s">
        <v>35358</v>
      </c>
      <c r="B5352" t="s">
        <v>35359</v>
      </c>
      <c r="C5352" t="s">
        <v>35360</v>
      </c>
      <c r="D5352" t="s">
        <v>35265</v>
      </c>
      <c r="E5352" t="s">
        <v>13</v>
      </c>
      <c r="F5352">
        <v>8730</v>
      </c>
      <c r="G5352" t="s">
        <v>35361</v>
      </c>
      <c r="H5352">
        <v>5.3179007520450003</v>
      </c>
      <c r="I5352">
        <v>51.289160397497</v>
      </c>
      <c r="J5352" t="s">
        <v>61037</v>
      </c>
    </row>
    <row r="5353" spans="1:10" x14ac:dyDescent="0.25">
      <c r="A5353" t="s">
        <v>35354</v>
      </c>
      <c r="B5353" t="s">
        <v>35355</v>
      </c>
      <c r="C5353" t="s">
        <v>35356</v>
      </c>
      <c r="D5353" t="s">
        <v>35265</v>
      </c>
      <c r="E5353" t="s">
        <v>13</v>
      </c>
      <c r="F5353">
        <v>8729</v>
      </c>
      <c r="G5353" t="s">
        <v>35357</v>
      </c>
      <c r="H5353">
        <v>5.3177690157650002</v>
      </c>
      <c r="I5353">
        <v>51.285237996696999</v>
      </c>
      <c r="J5353" t="s">
        <v>61038</v>
      </c>
    </row>
    <row r="5354" spans="1:10" x14ac:dyDescent="0.25">
      <c r="A5354" t="s">
        <v>35350</v>
      </c>
      <c r="B5354" t="s">
        <v>35351</v>
      </c>
      <c r="C5354" t="s">
        <v>35352</v>
      </c>
      <c r="D5354" t="s">
        <v>35265</v>
      </c>
      <c r="E5354" t="s">
        <v>13</v>
      </c>
      <c r="F5354">
        <v>8728</v>
      </c>
      <c r="G5354" t="s">
        <v>35353</v>
      </c>
      <c r="H5354">
        <v>5.3224182254999999</v>
      </c>
      <c r="I5354">
        <v>51.288500388052</v>
      </c>
      <c r="J5354" t="s">
        <v>61039</v>
      </c>
    </row>
    <row r="5355" spans="1:10" x14ac:dyDescent="0.25">
      <c r="A5355" t="s">
        <v>35346</v>
      </c>
      <c r="B5355" t="s">
        <v>35347</v>
      </c>
      <c r="C5355" t="s">
        <v>35348</v>
      </c>
      <c r="D5355" t="s">
        <v>35265</v>
      </c>
      <c r="E5355" t="s">
        <v>13</v>
      </c>
      <c r="F5355">
        <v>8727</v>
      </c>
      <c r="G5355" t="s">
        <v>35349</v>
      </c>
      <c r="H5355">
        <v>5.3233399339070004</v>
      </c>
      <c r="I5355">
        <v>51.291067767831997</v>
      </c>
      <c r="J5355" t="s">
        <v>61040</v>
      </c>
    </row>
    <row r="5356" spans="1:10" x14ac:dyDescent="0.25">
      <c r="A5356" t="s">
        <v>35342</v>
      </c>
      <c r="B5356" t="s">
        <v>35343</v>
      </c>
      <c r="C5356" t="s">
        <v>35344</v>
      </c>
      <c r="D5356" t="s">
        <v>35265</v>
      </c>
      <c r="E5356" t="s">
        <v>13</v>
      </c>
      <c r="F5356">
        <v>8726</v>
      </c>
      <c r="G5356" t="s">
        <v>35345</v>
      </c>
      <c r="H5356">
        <v>5.3292877277589996</v>
      </c>
      <c r="I5356">
        <v>51.288800669955997</v>
      </c>
      <c r="J5356" t="s">
        <v>61041</v>
      </c>
    </row>
    <row r="5357" spans="1:10" x14ac:dyDescent="0.25">
      <c r="A5357" t="s">
        <v>35338</v>
      </c>
      <c r="B5357" t="s">
        <v>35339</v>
      </c>
      <c r="C5357" t="s">
        <v>35340</v>
      </c>
      <c r="D5357" t="s">
        <v>35265</v>
      </c>
      <c r="E5357" t="s">
        <v>13</v>
      </c>
      <c r="F5357">
        <v>8725</v>
      </c>
      <c r="G5357" t="s">
        <v>35341</v>
      </c>
      <c r="H5357">
        <v>5.3272610188270004</v>
      </c>
      <c r="I5357">
        <v>51.290756023234003</v>
      </c>
      <c r="J5357" t="s">
        <v>61042</v>
      </c>
    </row>
    <row r="5358" spans="1:10" x14ac:dyDescent="0.25">
      <c r="A5358" t="s">
        <v>35334</v>
      </c>
      <c r="B5358" t="s">
        <v>35335</v>
      </c>
      <c r="C5358" t="s">
        <v>35336</v>
      </c>
      <c r="D5358" t="s">
        <v>35265</v>
      </c>
      <c r="E5358" t="s">
        <v>13</v>
      </c>
      <c r="F5358">
        <v>8724</v>
      </c>
      <c r="G5358" t="s">
        <v>35337</v>
      </c>
      <c r="H5358">
        <v>5.3281176617029997</v>
      </c>
      <c r="I5358">
        <v>51.292878044843</v>
      </c>
      <c r="J5358" t="s">
        <v>61043</v>
      </c>
    </row>
    <row r="5359" spans="1:10" x14ac:dyDescent="0.25">
      <c r="A5359" t="s">
        <v>35330</v>
      </c>
      <c r="B5359" t="s">
        <v>35331</v>
      </c>
      <c r="C5359" t="s">
        <v>35332</v>
      </c>
      <c r="D5359" t="s">
        <v>35265</v>
      </c>
      <c r="E5359" t="s">
        <v>13</v>
      </c>
      <c r="F5359">
        <v>8723</v>
      </c>
      <c r="G5359" t="s">
        <v>35333</v>
      </c>
      <c r="H5359">
        <v>5.2956616488490003</v>
      </c>
      <c r="I5359">
        <v>51.308267663164997</v>
      </c>
      <c r="J5359" t="s">
        <v>61044</v>
      </c>
    </row>
    <row r="5360" spans="1:10" x14ac:dyDescent="0.25">
      <c r="A5360" t="s">
        <v>35326</v>
      </c>
      <c r="B5360" t="s">
        <v>35327</v>
      </c>
      <c r="C5360" t="s">
        <v>35328</v>
      </c>
      <c r="D5360" t="s">
        <v>35265</v>
      </c>
      <c r="E5360" t="s">
        <v>13</v>
      </c>
      <c r="F5360">
        <v>8722</v>
      </c>
      <c r="G5360" t="s">
        <v>35329</v>
      </c>
      <c r="H5360">
        <v>5.3470186133200004</v>
      </c>
      <c r="I5360">
        <v>51.315570252640001</v>
      </c>
      <c r="J5360" t="s">
        <v>61045</v>
      </c>
    </row>
    <row r="5361" spans="1:10" x14ac:dyDescent="0.25">
      <c r="A5361" t="s">
        <v>35322</v>
      </c>
      <c r="B5361" t="s">
        <v>35323</v>
      </c>
      <c r="C5361" t="s">
        <v>35324</v>
      </c>
      <c r="D5361" t="s">
        <v>35265</v>
      </c>
      <c r="E5361" t="s">
        <v>13</v>
      </c>
      <c r="F5361">
        <v>8721</v>
      </c>
      <c r="G5361" t="s">
        <v>35325</v>
      </c>
      <c r="H5361">
        <v>5.3406913260840003</v>
      </c>
      <c r="I5361">
        <v>51.325461160449002</v>
      </c>
      <c r="J5361" t="s">
        <v>61046</v>
      </c>
    </row>
    <row r="5362" spans="1:10" x14ac:dyDescent="0.25">
      <c r="A5362" t="s">
        <v>35318</v>
      </c>
      <c r="B5362" t="s">
        <v>35319</v>
      </c>
      <c r="C5362" t="s">
        <v>35320</v>
      </c>
      <c r="D5362" t="s">
        <v>35265</v>
      </c>
      <c r="E5362" t="s">
        <v>13</v>
      </c>
      <c r="F5362">
        <v>8720</v>
      </c>
      <c r="G5362" t="s">
        <v>35321</v>
      </c>
      <c r="H5362">
        <v>5.3425578165680001</v>
      </c>
      <c r="I5362">
        <v>51.321608802950998</v>
      </c>
      <c r="J5362" t="s">
        <v>61047</v>
      </c>
    </row>
    <row r="5363" spans="1:10" x14ac:dyDescent="0.25">
      <c r="A5363" t="s">
        <v>35314</v>
      </c>
      <c r="B5363" t="s">
        <v>35315</v>
      </c>
      <c r="C5363" t="s">
        <v>35316</v>
      </c>
      <c r="D5363" t="s">
        <v>35265</v>
      </c>
      <c r="E5363" t="s">
        <v>13</v>
      </c>
      <c r="F5363">
        <v>8719</v>
      </c>
      <c r="G5363" t="s">
        <v>35317</v>
      </c>
      <c r="H5363">
        <v>5.3453289941240003</v>
      </c>
      <c r="I5363">
        <v>51.320291039517002</v>
      </c>
      <c r="J5363" t="s">
        <v>61048</v>
      </c>
    </row>
    <row r="5364" spans="1:10" x14ac:dyDescent="0.25">
      <c r="A5364" t="s">
        <v>35310</v>
      </c>
      <c r="B5364" t="s">
        <v>35311</v>
      </c>
      <c r="C5364" t="s">
        <v>35312</v>
      </c>
      <c r="D5364" t="s">
        <v>35265</v>
      </c>
      <c r="E5364" t="s">
        <v>13</v>
      </c>
      <c r="F5364">
        <v>8718</v>
      </c>
      <c r="G5364" t="s">
        <v>35313</v>
      </c>
      <c r="H5364">
        <v>5.3518923346970002</v>
      </c>
      <c r="I5364">
        <v>51.322126270829003</v>
      </c>
      <c r="J5364" t="s">
        <v>61049</v>
      </c>
    </row>
    <row r="5365" spans="1:10" x14ac:dyDescent="0.25">
      <c r="A5365" t="s">
        <v>35306</v>
      </c>
      <c r="B5365" t="s">
        <v>35307</v>
      </c>
      <c r="C5365" t="s">
        <v>35308</v>
      </c>
      <c r="D5365" t="s">
        <v>35265</v>
      </c>
      <c r="E5365" t="s">
        <v>13</v>
      </c>
      <c r="F5365">
        <v>8717</v>
      </c>
      <c r="G5365" t="s">
        <v>35309</v>
      </c>
      <c r="H5365">
        <v>5.3553344217129997</v>
      </c>
      <c r="I5365">
        <v>51.324405668943001</v>
      </c>
      <c r="J5365" t="s">
        <v>61050</v>
      </c>
    </row>
    <row r="5366" spans="1:10" x14ac:dyDescent="0.25">
      <c r="A5366" t="s">
        <v>35302</v>
      </c>
      <c r="B5366" t="s">
        <v>35303</v>
      </c>
      <c r="C5366" t="s">
        <v>35304</v>
      </c>
      <c r="D5366" t="s">
        <v>35265</v>
      </c>
      <c r="E5366" t="s">
        <v>13</v>
      </c>
      <c r="F5366">
        <v>8716</v>
      </c>
      <c r="G5366" t="s">
        <v>35305</v>
      </c>
      <c r="H5366">
        <v>5.3530541983850002</v>
      </c>
      <c r="I5366">
        <v>51.327309568806001</v>
      </c>
      <c r="J5366" t="s">
        <v>61051</v>
      </c>
    </row>
    <row r="5367" spans="1:10" x14ac:dyDescent="0.25">
      <c r="A5367" t="s">
        <v>35298</v>
      </c>
      <c r="B5367" t="s">
        <v>35299</v>
      </c>
      <c r="C5367" t="s">
        <v>35300</v>
      </c>
      <c r="D5367" t="s">
        <v>35265</v>
      </c>
      <c r="E5367" t="s">
        <v>13</v>
      </c>
      <c r="F5367">
        <v>8715</v>
      </c>
      <c r="G5367" t="s">
        <v>35301</v>
      </c>
      <c r="H5367">
        <v>5.3726465771319996</v>
      </c>
      <c r="I5367">
        <v>51.323989874592002</v>
      </c>
      <c r="J5367" t="s">
        <v>61052</v>
      </c>
    </row>
    <row r="5368" spans="1:10" x14ac:dyDescent="0.25">
      <c r="A5368" t="s">
        <v>35294</v>
      </c>
      <c r="B5368" t="s">
        <v>35295</v>
      </c>
      <c r="C5368" t="s">
        <v>35296</v>
      </c>
      <c r="D5368" t="s">
        <v>35265</v>
      </c>
      <c r="E5368" t="s">
        <v>13</v>
      </c>
      <c r="F5368">
        <v>8714</v>
      </c>
      <c r="G5368" t="s">
        <v>35297</v>
      </c>
      <c r="H5368">
        <v>5.3697315502559997</v>
      </c>
      <c r="I5368">
        <v>51.325219851404</v>
      </c>
      <c r="J5368" t="s">
        <v>61053</v>
      </c>
    </row>
    <row r="5369" spans="1:10" x14ac:dyDescent="0.25">
      <c r="A5369" t="s">
        <v>35290</v>
      </c>
      <c r="B5369" t="s">
        <v>35291</v>
      </c>
      <c r="C5369" t="s">
        <v>35292</v>
      </c>
      <c r="D5369" t="s">
        <v>35265</v>
      </c>
      <c r="E5369" t="s">
        <v>13</v>
      </c>
      <c r="F5369">
        <v>8713</v>
      </c>
      <c r="G5369" t="s">
        <v>35293</v>
      </c>
      <c r="H5369">
        <v>5.3642483308499997</v>
      </c>
      <c r="I5369">
        <v>51.325121126341998</v>
      </c>
      <c r="J5369" t="s">
        <v>61054</v>
      </c>
    </row>
    <row r="5370" spans="1:10" x14ac:dyDescent="0.25">
      <c r="A5370" t="s">
        <v>35286</v>
      </c>
      <c r="B5370" t="s">
        <v>35287</v>
      </c>
      <c r="C5370" t="s">
        <v>35288</v>
      </c>
      <c r="D5370" t="s">
        <v>35265</v>
      </c>
      <c r="E5370" t="s">
        <v>13</v>
      </c>
      <c r="F5370">
        <v>8712</v>
      </c>
      <c r="G5370" t="s">
        <v>35289</v>
      </c>
      <c r="H5370">
        <v>5.3580045024189999</v>
      </c>
      <c r="I5370">
        <v>51.321633864403999</v>
      </c>
      <c r="J5370" t="s">
        <v>61055</v>
      </c>
    </row>
    <row r="5371" spans="1:10" x14ac:dyDescent="0.25">
      <c r="A5371" t="s">
        <v>35282</v>
      </c>
      <c r="B5371" t="s">
        <v>35283</v>
      </c>
      <c r="C5371" t="s">
        <v>35284</v>
      </c>
      <c r="D5371" t="s">
        <v>35265</v>
      </c>
      <c r="E5371" t="s">
        <v>13</v>
      </c>
      <c r="F5371">
        <v>8711</v>
      </c>
      <c r="G5371" t="s">
        <v>35285</v>
      </c>
      <c r="H5371">
        <v>5.3638684037789996</v>
      </c>
      <c r="I5371">
        <v>51.320764238312002</v>
      </c>
      <c r="J5371" t="s">
        <v>61056</v>
      </c>
    </row>
    <row r="5372" spans="1:10" x14ac:dyDescent="0.25">
      <c r="A5372" t="s">
        <v>35278</v>
      </c>
      <c r="B5372" t="s">
        <v>35279</v>
      </c>
      <c r="C5372" t="s">
        <v>35280</v>
      </c>
      <c r="D5372" t="s">
        <v>35265</v>
      </c>
      <c r="E5372" t="s">
        <v>13</v>
      </c>
      <c r="F5372">
        <v>8710</v>
      </c>
      <c r="G5372" t="s">
        <v>35281</v>
      </c>
      <c r="H5372">
        <v>5.3619708168039999</v>
      </c>
      <c r="I5372">
        <v>51.317865512738003</v>
      </c>
      <c r="J5372" t="s">
        <v>61057</v>
      </c>
    </row>
    <row r="5373" spans="1:10" x14ac:dyDescent="0.25">
      <c r="A5373" t="s">
        <v>35274</v>
      </c>
      <c r="B5373" t="s">
        <v>35275</v>
      </c>
      <c r="C5373" t="s">
        <v>35276</v>
      </c>
      <c r="D5373" t="s">
        <v>35265</v>
      </c>
      <c r="E5373" t="s">
        <v>13</v>
      </c>
      <c r="F5373">
        <v>8709</v>
      </c>
      <c r="G5373" t="s">
        <v>35277</v>
      </c>
      <c r="H5373">
        <v>5.357386863096</v>
      </c>
      <c r="I5373">
        <v>51.317268131452998</v>
      </c>
      <c r="J5373" t="s">
        <v>61058</v>
      </c>
    </row>
    <row r="5374" spans="1:10" x14ac:dyDescent="0.25">
      <c r="A5374" t="s">
        <v>35271</v>
      </c>
      <c r="B5374" t="s">
        <v>35272</v>
      </c>
      <c r="C5374" t="s">
        <v>18684</v>
      </c>
      <c r="D5374" t="s">
        <v>35265</v>
      </c>
      <c r="E5374" t="s">
        <v>13</v>
      </c>
      <c r="F5374">
        <v>8708</v>
      </c>
      <c r="G5374" t="s">
        <v>35273</v>
      </c>
      <c r="H5374">
        <v>5.353784734834</v>
      </c>
      <c r="I5374">
        <v>51.317883055094001</v>
      </c>
      <c r="J5374" t="s">
        <v>61059</v>
      </c>
    </row>
    <row r="5375" spans="1:10" x14ac:dyDescent="0.25">
      <c r="A5375" t="s">
        <v>35267</v>
      </c>
      <c r="B5375" t="s">
        <v>35268</v>
      </c>
      <c r="C5375" t="s">
        <v>35269</v>
      </c>
      <c r="D5375" t="s">
        <v>35265</v>
      </c>
      <c r="E5375" t="s">
        <v>13</v>
      </c>
      <c r="F5375">
        <v>8707</v>
      </c>
      <c r="G5375" t="s">
        <v>35270</v>
      </c>
      <c r="H5375">
        <v>5.3523285508459999</v>
      </c>
      <c r="I5375">
        <v>51.313774905937002</v>
      </c>
      <c r="J5375" t="s">
        <v>61060</v>
      </c>
    </row>
    <row r="5376" spans="1:10" x14ac:dyDescent="0.25">
      <c r="A5376" t="s">
        <v>35262</v>
      </c>
      <c r="B5376" t="s">
        <v>35263</v>
      </c>
      <c r="C5376" t="s">
        <v>35264</v>
      </c>
      <c r="D5376" t="s">
        <v>35265</v>
      </c>
      <c r="E5376" t="s">
        <v>13</v>
      </c>
      <c r="F5376">
        <v>8706</v>
      </c>
      <c r="G5376" t="s">
        <v>35266</v>
      </c>
      <c r="H5376">
        <v>5.3656010285890003</v>
      </c>
      <c r="I5376">
        <v>51.316991521794002</v>
      </c>
      <c r="J5376" t="s">
        <v>61061</v>
      </c>
    </row>
    <row r="5377" spans="1:10" x14ac:dyDescent="0.25">
      <c r="A5377" t="s">
        <v>35258</v>
      </c>
      <c r="B5377" t="s">
        <v>35259</v>
      </c>
      <c r="C5377" t="s">
        <v>35260</v>
      </c>
      <c r="D5377" t="s">
        <v>35059</v>
      </c>
      <c r="E5377" t="s">
        <v>13</v>
      </c>
      <c r="F5377">
        <v>8705</v>
      </c>
      <c r="G5377" t="s">
        <v>35261</v>
      </c>
      <c r="H5377">
        <v>5.5782298355020004</v>
      </c>
      <c r="I5377">
        <v>51.699290120999997</v>
      </c>
      <c r="J5377" t="s">
        <v>61062</v>
      </c>
    </row>
    <row r="5378" spans="1:10" x14ac:dyDescent="0.25">
      <c r="A5378" t="s">
        <v>35254</v>
      </c>
      <c r="B5378" t="s">
        <v>35255</v>
      </c>
      <c r="C5378" t="s">
        <v>35256</v>
      </c>
      <c r="D5378" t="s">
        <v>35059</v>
      </c>
      <c r="E5378" t="s">
        <v>13</v>
      </c>
      <c r="F5378">
        <v>8704</v>
      </c>
      <c r="G5378" t="s">
        <v>35257</v>
      </c>
      <c r="H5378">
        <v>5.5538884044710004</v>
      </c>
      <c r="I5378">
        <v>51.654546783849</v>
      </c>
      <c r="J5378" t="s">
        <v>61063</v>
      </c>
    </row>
    <row r="5379" spans="1:10" x14ac:dyDescent="0.25">
      <c r="A5379" t="s">
        <v>35250</v>
      </c>
      <c r="B5379" t="s">
        <v>35251</v>
      </c>
      <c r="C5379" t="s">
        <v>35252</v>
      </c>
      <c r="D5379" t="s">
        <v>35059</v>
      </c>
      <c r="E5379" t="s">
        <v>13</v>
      </c>
      <c r="F5379">
        <v>8703</v>
      </c>
      <c r="G5379" t="s">
        <v>35253</v>
      </c>
      <c r="H5379">
        <v>5.5431303288590001</v>
      </c>
      <c r="I5379">
        <v>51.678782456375998</v>
      </c>
      <c r="J5379" t="s">
        <v>61064</v>
      </c>
    </row>
    <row r="5380" spans="1:10" x14ac:dyDescent="0.25">
      <c r="A5380" t="s">
        <v>35246</v>
      </c>
      <c r="B5380" t="s">
        <v>35247</v>
      </c>
      <c r="C5380" t="s">
        <v>35248</v>
      </c>
      <c r="D5380" t="s">
        <v>35059</v>
      </c>
      <c r="E5380" t="s">
        <v>13</v>
      </c>
      <c r="F5380">
        <v>8702</v>
      </c>
      <c r="G5380" t="s">
        <v>35249</v>
      </c>
      <c r="H5380">
        <v>5.5080386137300001</v>
      </c>
      <c r="I5380">
        <v>51.678688804217998</v>
      </c>
      <c r="J5380" t="s">
        <v>61065</v>
      </c>
    </row>
    <row r="5381" spans="1:10" x14ac:dyDescent="0.25">
      <c r="A5381" t="s">
        <v>35242</v>
      </c>
      <c r="B5381" t="s">
        <v>35243</v>
      </c>
      <c r="C5381" t="s">
        <v>35244</v>
      </c>
      <c r="D5381" t="s">
        <v>35059</v>
      </c>
      <c r="E5381" t="s">
        <v>13</v>
      </c>
      <c r="F5381">
        <v>8701</v>
      </c>
      <c r="G5381" t="s">
        <v>35245</v>
      </c>
      <c r="H5381">
        <v>5.5132066533369999</v>
      </c>
      <c r="I5381">
        <v>51.664298205244997</v>
      </c>
      <c r="J5381" t="s">
        <v>61066</v>
      </c>
    </row>
    <row r="5382" spans="1:10" x14ac:dyDescent="0.25">
      <c r="A5382" t="s">
        <v>35238</v>
      </c>
      <c r="B5382" t="s">
        <v>35239</v>
      </c>
      <c r="C5382" t="s">
        <v>35240</v>
      </c>
      <c r="D5382" t="s">
        <v>35059</v>
      </c>
      <c r="E5382" t="s">
        <v>13</v>
      </c>
      <c r="F5382">
        <v>8700</v>
      </c>
      <c r="G5382" t="s">
        <v>35241</v>
      </c>
      <c r="H5382">
        <v>5.5258262845550004</v>
      </c>
      <c r="I5382">
        <v>51.648634713711999</v>
      </c>
      <c r="J5382" t="s">
        <v>61067</v>
      </c>
    </row>
    <row r="5383" spans="1:10" x14ac:dyDescent="0.25">
      <c r="A5383" t="s">
        <v>35234</v>
      </c>
      <c r="B5383" t="s">
        <v>35235</v>
      </c>
      <c r="C5383" t="s">
        <v>35236</v>
      </c>
      <c r="D5383" t="s">
        <v>35059</v>
      </c>
      <c r="E5383" t="s">
        <v>13</v>
      </c>
      <c r="F5383">
        <v>8699</v>
      </c>
      <c r="G5383" t="s">
        <v>35237</v>
      </c>
      <c r="H5383">
        <v>5.470238514579</v>
      </c>
      <c r="I5383">
        <v>51.676450000037001</v>
      </c>
      <c r="J5383" t="s">
        <v>61068</v>
      </c>
    </row>
    <row r="5384" spans="1:10" x14ac:dyDescent="0.25">
      <c r="A5384" t="s">
        <v>35230</v>
      </c>
      <c r="B5384" t="s">
        <v>35231</v>
      </c>
      <c r="C5384" t="s">
        <v>35232</v>
      </c>
      <c r="D5384" t="s">
        <v>35059</v>
      </c>
      <c r="E5384" t="s">
        <v>13</v>
      </c>
      <c r="F5384">
        <v>8698</v>
      </c>
      <c r="G5384" t="s">
        <v>35233</v>
      </c>
      <c r="H5384">
        <v>5.4514737962449997</v>
      </c>
      <c r="I5384">
        <v>51.655315508266</v>
      </c>
      <c r="J5384" t="s">
        <v>61069</v>
      </c>
    </row>
    <row r="5385" spans="1:10" x14ac:dyDescent="0.25">
      <c r="A5385" t="s">
        <v>35226</v>
      </c>
      <c r="B5385" t="s">
        <v>35227</v>
      </c>
      <c r="C5385" t="s">
        <v>35228</v>
      </c>
      <c r="D5385" t="s">
        <v>35059</v>
      </c>
      <c r="E5385" t="s">
        <v>13</v>
      </c>
      <c r="F5385">
        <v>8697</v>
      </c>
      <c r="G5385" t="s">
        <v>35229</v>
      </c>
      <c r="H5385">
        <v>5.499157991483</v>
      </c>
      <c r="I5385">
        <v>51.638731439152998</v>
      </c>
      <c r="J5385" t="s">
        <v>61070</v>
      </c>
    </row>
    <row r="5386" spans="1:10" x14ac:dyDescent="0.25">
      <c r="A5386" t="s">
        <v>35222</v>
      </c>
      <c r="B5386" t="s">
        <v>35223</v>
      </c>
      <c r="C5386" t="s">
        <v>35224</v>
      </c>
      <c r="D5386" t="s">
        <v>35059</v>
      </c>
      <c r="E5386" t="s">
        <v>13</v>
      </c>
      <c r="F5386">
        <v>8696</v>
      </c>
      <c r="G5386" t="s">
        <v>35225</v>
      </c>
      <c r="H5386">
        <v>5.5521959686319997</v>
      </c>
      <c r="I5386">
        <v>51.724475824167001</v>
      </c>
      <c r="J5386" t="s">
        <v>61071</v>
      </c>
    </row>
    <row r="5387" spans="1:10" x14ac:dyDescent="0.25">
      <c r="A5387" t="s">
        <v>35218</v>
      </c>
      <c r="B5387" t="s">
        <v>35219</v>
      </c>
      <c r="C5387" t="s">
        <v>35220</v>
      </c>
      <c r="D5387" t="s">
        <v>35059</v>
      </c>
      <c r="E5387" t="s">
        <v>13</v>
      </c>
      <c r="F5387">
        <v>8695</v>
      </c>
      <c r="G5387" t="s">
        <v>35221</v>
      </c>
      <c r="H5387">
        <v>5.4987641803449998</v>
      </c>
      <c r="I5387">
        <v>51.719959970986999</v>
      </c>
      <c r="J5387" t="s">
        <v>61072</v>
      </c>
    </row>
    <row r="5388" spans="1:10" x14ac:dyDescent="0.25">
      <c r="A5388" t="s">
        <v>35214</v>
      </c>
      <c r="B5388" t="s">
        <v>35215</v>
      </c>
      <c r="C5388" t="s">
        <v>35216</v>
      </c>
      <c r="D5388" t="s">
        <v>35059</v>
      </c>
      <c r="E5388" t="s">
        <v>13</v>
      </c>
      <c r="F5388">
        <v>8694</v>
      </c>
      <c r="G5388" t="s">
        <v>35217</v>
      </c>
      <c r="H5388">
        <v>5.5155670849809999</v>
      </c>
      <c r="I5388">
        <v>51.699895634500997</v>
      </c>
      <c r="J5388" t="s">
        <v>61073</v>
      </c>
    </row>
    <row r="5389" spans="1:10" x14ac:dyDescent="0.25">
      <c r="A5389" t="s">
        <v>35210</v>
      </c>
      <c r="B5389" t="s">
        <v>35211</v>
      </c>
      <c r="C5389" t="s">
        <v>35212</v>
      </c>
      <c r="D5389" t="s">
        <v>35059</v>
      </c>
      <c r="E5389" t="s">
        <v>13</v>
      </c>
      <c r="F5389">
        <v>8693</v>
      </c>
      <c r="G5389" t="s">
        <v>35213</v>
      </c>
      <c r="H5389">
        <v>5.5724583059860002</v>
      </c>
      <c r="I5389">
        <v>51.700048088750002</v>
      </c>
      <c r="J5389" t="s">
        <v>61074</v>
      </c>
    </row>
    <row r="5390" spans="1:10" x14ac:dyDescent="0.25">
      <c r="A5390" t="s">
        <v>35206</v>
      </c>
      <c r="B5390" t="s">
        <v>35207</v>
      </c>
      <c r="C5390" t="s">
        <v>35208</v>
      </c>
      <c r="D5390" t="s">
        <v>35059</v>
      </c>
      <c r="E5390" t="s">
        <v>13</v>
      </c>
      <c r="F5390">
        <v>8692</v>
      </c>
      <c r="G5390" t="s">
        <v>35209</v>
      </c>
      <c r="H5390">
        <v>5.564756386829</v>
      </c>
      <c r="I5390">
        <v>51.711727990386997</v>
      </c>
      <c r="J5390" t="s">
        <v>61075</v>
      </c>
    </row>
    <row r="5391" spans="1:10" x14ac:dyDescent="0.25">
      <c r="A5391" t="s">
        <v>35202</v>
      </c>
      <c r="B5391" t="s">
        <v>35203</v>
      </c>
      <c r="C5391" t="s">
        <v>35204</v>
      </c>
      <c r="D5391" t="s">
        <v>35059</v>
      </c>
      <c r="E5391" t="s">
        <v>13</v>
      </c>
      <c r="F5391">
        <v>8691</v>
      </c>
      <c r="G5391" t="s">
        <v>35205</v>
      </c>
      <c r="H5391">
        <v>5.556316691828</v>
      </c>
      <c r="I5391">
        <v>51.702538184356001</v>
      </c>
      <c r="J5391" t="s">
        <v>61076</v>
      </c>
    </row>
    <row r="5392" spans="1:10" x14ac:dyDescent="0.25">
      <c r="A5392" t="s">
        <v>35199</v>
      </c>
      <c r="B5392" t="s">
        <v>35200</v>
      </c>
      <c r="C5392" t="s">
        <v>28768</v>
      </c>
      <c r="D5392" t="s">
        <v>35059</v>
      </c>
      <c r="E5392" t="s">
        <v>13</v>
      </c>
      <c r="F5392">
        <v>8690</v>
      </c>
      <c r="G5392" t="s">
        <v>35201</v>
      </c>
      <c r="H5392">
        <v>5.5681606739509997</v>
      </c>
      <c r="I5392">
        <v>51.707411899667001</v>
      </c>
      <c r="J5392" t="s">
        <v>61077</v>
      </c>
    </row>
    <row r="5393" spans="1:10" x14ac:dyDescent="0.25">
      <c r="A5393" t="s">
        <v>35195</v>
      </c>
      <c r="B5393" t="s">
        <v>35196</v>
      </c>
      <c r="C5393" t="s">
        <v>35197</v>
      </c>
      <c r="D5393" t="s">
        <v>35059</v>
      </c>
      <c r="E5393" t="s">
        <v>13</v>
      </c>
      <c r="F5393">
        <v>8689</v>
      </c>
      <c r="G5393" t="s">
        <v>35198</v>
      </c>
      <c r="H5393">
        <v>5.5567534860230001</v>
      </c>
      <c r="I5393">
        <v>51.704847336127003</v>
      </c>
      <c r="J5393" t="s">
        <v>61078</v>
      </c>
    </row>
    <row r="5394" spans="1:10" x14ac:dyDescent="0.25">
      <c r="A5394" t="s">
        <v>35191</v>
      </c>
      <c r="B5394" t="s">
        <v>35192</v>
      </c>
      <c r="C5394" t="s">
        <v>35193</v>
      </c>
      <c r="D5394" t="s">
        <v>35059</v>
      </c>
      <c r="E5394" t="s">
        <v>13</v>
      </c>
      <c r="F5394">
        <v>8688</v>
      </c>
      <c r="G5394" t="s">
        <v>35194</v>
      </c>
      <c r="H5394">
        <v>5.560164417408</v>
      </c>
      <c r="I5394">
        <v>51.698030745129003</v>
      </c>
      <c r="J5394" t="s">
        <v>61079</v>
      </c>
    </row>
    <row r="5395" spans="1:10" x14ac:dyDescent="0.25">
      <c r="A5395" t="s">
        <v>35187</v>
      </c>
      <c r="B5395" t="s">
        <v>35188</v>
      </c>
      <c r="C5395" t="s">
        <v>35189</v>
      </c>
      <c r="D5395" t="s">
        <v>35059</v>
      </c>
      <c r="E5395" t="s">
        <v>13</v>
      </c>
      <c r="F5395">
        <v>8687</v>
      </c>
      <c r="G5395" t="s">
        <v>35190</v>
      </c>
      <c r="H5395">
        <v>5.5530665950599998</v>
      </c>
      <c r="I5395">
        <v>51.713923135660004</v>
      </c>
      <c r="J5395" t="s">
        <v>61080</v>
      </c>
    </row>
    <row r="5396" spans="1:10" x14ac:dyDescent="0.25">
      <c r="A5396" t="s">
        <v>35183</v>
      </c>
      <c r="B5396" t="s">
        <v>35184</v>
      </c>
      <c r="C5396" t="s">
        <v>35185</v>
      </c>
      <c r="D5396" t="s">
        <v>35059</v>
      </c>
      <c r="E5396" t="s">
        <v>13</v>
      </c>
      <c r="F5396">
        <v>8686</v>
      </c>
      <c r="G5396" t="s">
        <v>35186</v>
      </c>
      <c r="H5396">
        <v>5.5623768881910003</v>
      </c>
      <c r="I5396">
        <v>51.706969944783999</v>
      </c>
      <c r="J5396" t="s">
        <v>61081</v>
      </c>
    </row>
    <row r="5397" spans="1:10" x14ac:dyDescent="0.25">
      <c r="A5397" t="s">
        <v>35180</v>
      </c>
      <c r="B5397" t="s">
        <v>35181</v>
      </c>
      <c r="C5397" t="s">
        <v>4868</v>
      </c>
      <c r="D5397" t="s">
        <v>35059</v>
      </c>
      <c r="E5397" t="s">
        <v>13</v>
      </c>
      <c r="F5397">
        <v>8685</v>
      </c>
      <c r="G5397" t="s">
        <v>35182</v>
      </c>
      <c r="H5397">
        <v>5.5662956352209996</v>
      </c>
      <c r="I5397">
        <v>51.703942248589001</v>
      </c>
      <c r="J5397" t="s">
        <v>61082</v>
      </c>
    </row>
    <row r="5398" spans="1:10" x14ac:dyDescent="0.25">
      <c r="A5398" t="s">
        <v>35177</v>
      </c>
      <c r="B5398" t="s">
        <v>35178</v>
      </c>
      <c r="C5398" t="s">
        <v>31180</v>
      </c>
      <c r="D5398" t="s">
        <v>35059</v>
      </c>
      <c r="E5398" t="s">
        <v>13</v>
      </c>
      <c r="F5398">
        <v>8684</v>
      </c>
      <c r="G5398" t="s">
        <v>35179</v>
      </c>
      <c r="H5398">
        <v>5.5641227495900001</v>
      </c>
      <c r="I5398">
        <v>51.701561340825002</v>
      </c>
      <c r="J5398" t="s">
        <v>61083</v>
      </c>
    </row>
    <row r="5399" spans="1:10" x14ac:dyDescent="0.25">
      <c r="A5399" t="s">
        <v>35173</v>
      </c>
      <c r="B5399" t="s">
        <v>35174</v>
      </c>
      <c r="C5399" t="s">
        <v>35175</v>
      </c>
      <c r="D5399" t="s">
        <v>35059</v>
      </c>
      <c r="E5399" t="s">
        <v>13</v>
      </c>
      <c r="F5399">
        <v>8683</v>
      </c>
      <c r="G5399" t="s">
        <v>35176</v>
      </c>
      <c r="H5399">
        <v>5.4847303955140001</v>
      </c>
      <c r="I5399">
        <v>51.652985639908003</v>
      </c>
      <c r="J5399" t="s">
        <v>61084</v>
      </c>
    </row>
    <row r="5400" spans="1:10" x14ac:dyDescent="0.25">
      <c r="A5400" t="s">
        <v>35169</v>
      </c>
      <c r="B5400" t="s">
        <v>35170</v>
      </c>
      <c r="C5400" t="s">
        <v>35171</v>
      </c>
      <c r="D5400" t="s">
        <v>35059</v>
      </c>
      <c r="E5400" t="s">
        <v>13</v>
      </c>
      <c r="F5400">
        <v>8682</v>
      </c>
      <c r="G5400" t="s">
        <v>35172</v>
      </c>
      <c r="H5400">
        <v>5.4802847145379996</v>
      </c>
      <c r="I5400">
        <v>51.654910722045997</v>
      </c>
      <c r="J5400" t="s">
        <v>61085</v>
      </c>
    </row>
    <row r="5401" spans="1:10" x14ac:dyDescent="0.25">
      <c r="A5401" t="s">
        <v>35165</v>
      </c>
      <c r="B5401" t="s">
        <v>35166</v>
      </c>
      <c r="C5401" t="s">
        <v>35167</v>
      </c>
      <c r="D5401" t="s">
        <v>35059</v>
      </c>
      <c r="E5401" t="s">
        <v>13</v>
      </c>
      <c r="F5401">
        <v>8681</v>
      </c>
      <c r="G5401" t="s">
        <v>35168</v>
      </c>
      <c r="H5401">
        <v>5.4933605778199999</v>
      </c>
      <c r="I5401">
        <v>51.648002810081003</v>
      </c>
      <c r="J5401" t="s">
        <v>61086</v>
      </c>
    </row>
    <row r="5402" spans="1:10" x14ac:dyDescent="0.25">
      <c r="A5402" t="s">
        <v>35161</v>
      </c>
      <c r="B5402" t="s">
        <v>35162</v>
      </c>
      <c r="C5402" t="s">
        <v>35163</v>
      </c>
      <c r="D5402" t="s">
        <v>35059</v>
      </c>
      <c r="E5402" t="s">
        <v>13</v>
      </c>
      <c r="F5402">
        <v>8680</v>
      </c>
      <c r="G5402" t="s">
        <v>35164</v>
      </c>
      <c r="H5402">
        <v>5.4693349761989998</v>
      </c>
      <c r="I5402">
        <v>51.656698608859003</v>
      </c>
      <c r="J5402" t="s">
        <v>61087</v>
      </c>
    </row>
    <row r="5403" spans="1:10" x14ac:dyDescent="0.25">
      <c r="A5403" t="s">
        <v>35157</v>
      </c>
      <c r="B5403" t="s">
        <v>35158</v>
      </c>
      <c r="C5403" t="s">
        <v>35159</v>
      </c>
      <c r="D5403" t="s">
        <v>35059</v>
      </c>
      <c r="E5403" t="s">
        <v>13</v>
      </c>
      <c r="F5403">
        <v>8679</v>
      </c>
      <c r="G5403" t="s">
        <v>35160</v>
      </c>
      <c r="H5403">
        <v>5.4683425002790003</v>
      </c>
      <c r="I5403">
        <v>51.649247287746</v>
      </c>
      <c r="J5403" t="s">
        <v>61088</v>
      </c>
    </row>
    <row r="5404" spans="1:10" x14ac:dyDescent="0.25">
      <c r="A5404" t="s">
        <v>35154</v>
      </c>
      <c r="B5404" t="s">
        <v>35155</v>
      </c>
      <c r="C5404" t="s">
        <v>23209</v>
      </c>
      <c r="D5404" t="s">
        <v>35059</v>
      </c>
      <c r="E5404" t="s">
        <v>13</v>
      </c>
      <c r="F5404">
        <v>8678</v>
      </c>
      <c r="G5404" t="s">
        <v>35156</v>
      </c>
      <c r="H5404">
        <v>5.4788272841049999</v>
      </c>
      <c r="I5404">
        <v>51.650549386849001</v>
      </c>
      <c r="J5404" t="s">
        <v>61089</v>
      </c>
    </row>
    <row r="5405" spans="1:10" x14ac:dyDescent="0.25">
      <c r="A5405" t="s">
        <v>35150</v>
      </c>
      <c r="B5405" t="s">
        <v>35151</v>
      </c>
      <c r="C5405" t="s">
        <v>35152</v>
      </c>
      <c r="D5405" t="s">
        <v>35059</v>
      </c>
      <c r="E5405" t="s">
        <v>13</v>
      </c>
      <c r="F5405">
        <v>8677</v>
      </c>
      <c r="G5405" t="s">
        <v>35153</v>
      </c>
      <c r="H5405">
        <v>5.471847289007</v>
      </c>
      <c r="I5405">
        <v>51.651611484028003</v>
      </c>
      <c r="J5405" t="s">
        <v>61090</v>
      </c>
    </row>
    <row r="5406" spans="1:10" x14ac:dyDescent="0.25">
      <c r="A5406" t="s">
        <v>35146</v>
      </c>
      <c r="B5406" t="s">
        <v>35147</v>
      </c>
      <c r="C5406" t="s">
        <v>35148</v>
      </c>
      <c r="D5406" t="s">
        <v>35059</v>
      </c>
      <c r="E5406" t="s">
        <v>13</v>
      </c>
      <c r="F5406">
        <v>8676</v>
      </c>
      <c r="G5406" t="s">
        <v>35149</v>
      </c>
      <c r="H5406">
        <v>5.4738194503499997</v>
      </c>
      <c r="I5406">
        <v>51.654033663374001</v>
      </c>
      <c r="J5406" t="s">
        <v>61091</v>
      </c>
    </row>
    <row r="5407" spans="1:10" x14ac:dyDescent="0.25">
      <c r="A5407" t="s">
        <v>35142</v>
      </c>
      <c r="B5407" t="s">
        <v>35143</v>
      </c>
      <c r="C5407" t="s">
        <v>35144</v>
      </c>
      <c r="D5407" t="s">
        <v>35059</v>
      </c>
      <c r="E5407" t="s">
        <v>13</v>
      </c>
      <c r="F5407">
        <v>8675</v>
      </c>
      <c r="G5407" t="s">
        <v>35145</v>
      </c>
      <c r="H5407">
        <v>5.4858148536159996</v>
      </c>
      <c r="I5407">
        <v>51.649380284486</v>
      </c>
      <c r="J5407" t="s">
        <v>61092</v>
      </c>
    </row>
    <row r="5408" spans="1:10" x14ac:dyDescent="0.25">
      <c r="A5408" t="s">
        <v>35139</v>
      </c>
      <c r="B5408" t="s">
        <v>35140</v>
      </c>
      <c r="C5408" t="s">
        <v>1568</v>
      </c>
      <c r="D5408" t="s">
        <v>35059</v>
      </c>
      <c r="E5408" t="s">
        <v>13</v>
      </c>
      <c r="F5408">
        <v>8674</v>
      </c>
      <c r="G5408" t="s">
        <v>35141</v>
      </c>
      <c r="H5408">
        <v>5.4629495989899999</v>
      </c>
      <c r="I5408">
        <v>51.652492035173999</v>
      </c>
      <c r="J5408" t="s">
        <v>61093</v>
      </c>
    </row>
    <row r="5409" spans="1:10" x14ac:dyDescent="0.25">
      <c r="A5409" t="s">
        <v>35135</v>
      </c>
      <c r="B5409" t="s">
        <v>35136</v>
      </c>
      <c r="C5409" t="s">
        <v>35137</v>
      </c>
      <c r="D5409" t="s">
        <v>35059</v>
      </c>
      <c r="E5409" t="s">
        <v>13</v>
      </c>
      <c r="F5409">
        <v>8673</v>
      </c>
      <c r="G5409" t="s">
        <v>35138</v>
      </c>
      <c r="H5409">
        <v>5.4821755270179997</v>
      </c>
      <c r="I5409">
        <v>51.646667549019</v>
      </c>
      <c r="J5409" t="s">
        <v>61094</v>
      </c>
    </row>
    <row r="5410" spans="1:10" x14ac:dyDescent="0.25">
      <c r="A5410" t="s">
        <v>35131</v>
      </c>
      <c r="B5410" t="s">
        <v>35132</v>
      </c>
      <c r="C5410" t="s">
        <v>35133</v>
      </c>
      <c r="D5410" t="s">
        <v>35059</v>
      </c>
      <c r="E5410" t="s">
        <v>13</v>
      </c>
      <c r="F5410">
        <v>8672</v>
      </c>
      <c r="G5410" t="s">
        <v>35134</v>
      </c>
      <c r="H5410">
        <v>5.510188566139</v>
      </c>
      <c r="I5410">
        <v>51.727002683556996</v>
      </c>
      <c r="J5410" t="s">
        <v>61095</v>
      </c>
    </row>
    <row r="5411" spans="1:10" x14ac:dyDescent="0.25">
      <c r="A5411" t="s">
        <v>35127</v>
      </c>
      <c r="B5411" t="s">
        <v>35128</v>
      </c>
      <c r="C5411" t="s">
        <v>35129</v>
      </c>
      <c r="D5411" t="s">
        <v>35059</v>
      </c>
      <c r="E5411" t="s">
        <v>13</v>
      </c>
      <c r="F5411">
        <v>8671</v>
      </c>
      <c r="G5411" t="s">
        <v>35130</v>
      </c>
      <c r="H5411">
        <v>5.5080679904289997</v>
      </c>
      <c r="I5411">
        <v>51.734877957240002</v>
      </c>
      <c r="J5411" t="s">
        <v>61096</v>
      </c>
    </row>
    <row r="5412" spans="1:10" x14ac:dyDescent="0.25">
      <c r="A5412" t="s">
        <v>35123</v>
      </c>
      <c r="B5412" t="s">
        <v>35124</v>
      </c>
      <c r="C5412" t="s">
        <v>35125</v>
      </c>
      <c r="D5412" t="s">
        <v>35059</v>
      </c>
      <c r="E5412" t="s">
        <v>13</v>
      </c>
      <c r="F5412">
        <v>8670</v>
      </c>
      <c r="G5412" t="s">
        <v>35126</v>
      </c>
      <c r="H5412">
        <v>5.5443471708569998</v>
      </c>
      <c r="I5412">
        <v>51.731745834243</v>
      </c>
      <c r="J5412" t="s">
        <v>61097</v>
      </c>
    </row>
    <row r="5413" spans="1:10" x14ac:dyDescent="0.25">
      <c r="A5413" t="s">
        <v>35119</v>
      </c>
      <c r="B5413" t="s">
        <v>35120</v>
      </c>
      <c r="C5413" t="s">
        <v>35121</v>
      </c>
      <c r="D5413" t="s">
        <v>35059</v>
      </c>
      <c r="E5413" t="s">
        <v>13</v>
      </c>
      <c r="F5413">
        <v>8669</v>
      </c>
      <c r="G5413" t="s">
        <v>35122</v>
      </c>
      <c r="H5413">
        <v>5.5406292717059999</v>
      </c>
      <c r="I5413">
        <v>51.734348734039997</v>
      </c>
      <c r="J5413" t="s">
        <v>61098</v>
      </c>
    </row>
    <row r="5414" spans="1:10" x14ac:dyDescent="0.25">
      <c r="A5414" t="s">
        <v>35115</v>
      </c>
      <c r="B5414" t="s">
        <v>35116</v>
      </c>
      <c r="C5414" t="s">
        <v>35117</v>
      </c>
      <c r="D5414" t="s">
        <v>35059</v>
      </c>
      <c r="E5414" t="s">
        <v>13</v>
      </c>
      <c r="F5414">
        <v>8668</v>
      </c>
      <c r="G5414" t="s">
        <v>35118</v>
      </c>
      <c r="H5414">
        <v>5.5410653481259997</v>
      </c>
      <c r="I5414">
        <v>51.727169744027002</v>
      </c>
      <c r="J5414" t="s">
        <v>61099</v>
      </c>
    </row>
    <row r="5415" spans="1:10" x14ac:dyDescent="0.25">
      <c r="A5415" t="s">
        <v>35111</v>
      </c>
      <c r="B5415" t="s">
        <v>35112</v>
      </c>
      <c r="C5415" t="s">
        <v>35113</v>
      </c>
      <c r="D5415" t="s">
        <v>35059</v>
      </c>
      <c r="E5415" t="s">
        <v>13</v>
      </c>
      <c r="F5415">
        <v>8667</v>
      </c>
      <c r="G5415" t="s">
        <v>35114</v>
      </c>
      <c r="H5415">
        <v>5.5382675998620003</v>
      </c>
      <c r="I5415">
        <v>51.729574812244003</v>
      </c>
      <c r="J5415" t="s">
        <v>61100</v>
      </c>
    </row>
    <row r="5416" spans="1:10" x14ac:dyDescent="0.25">
      <c r="A5416" t="s">
        <v>35107</v>
      </c>
      <c r="B5416" t="s">
        <v>35108</v>
      </c>
      <c r="C5416" t="s">
        <v>35109</v>
      </c>
      <c r="D5416" t="s">
        <v>35059</v>
      </c>
      <c r="E5416" t="s">
        <v>13</v>
      </c>
      <c r="F5416">
        <v>8666</v>
      </c>
      <c r="G5416" t="s">
        <v>35110</v>
      </c>
      <c r="H5416">
        <v>5.5362597008319998</v>
      </c>
      <c r="I5416">
        <v>51.727589621142997</v>
      </c>
      <c r="J5416" t="s">
        <v>61101</v>
      </c>
    </row>
    <row r="5417" spans="1:10" x14ac:dyDescent="0.25">
      <c r="A5417" t="s">
        <v>35103</v>
      </c>
      <c r="B5417" t="s">
        <v>35104</v>
      </c>
      <c r="C5417" t="s">
        <v>35105</v>
      </c>
      <c r="D5417" t="s">
        <v>35059</v>
      </c>
      <c r="E5417" t="s">
        <v>13</v>
      </c>
      <c r="F5417">
        <v>8665</v>
      </c>
      <c r="G5417" t="s">
        <v>35106</v>
      </c>
      <c r="H5417">
        <v>5.5363731838680001</v>
      </c>
      <c r="I5417">
        <v>51.730864832816003</v>
      </c>
      <c r="J5417" t="s">
        <v>61102</v>
      </c>
    </row>
    <row r="5418" spans="1:10" x14ac:dyDescent="0.25">
      <c r="A5418" t="s">
        <v>35099</v>
      </c>
      <c r="B5418" t="s">
        <v>35100</v>
      </c>
      <c r="C5418" t="s">
        <v>35101</v>
      </c>
      <c r="D5418" t="s">
        <v>35059</v>
      </c>
      <c r="E5418" t="s">
        <v>13</v>
      </c>
      <c r="F5418">
        <v>8664</v>
      </c>
      <c r="G5418" t="s">
        <v>35102</v>
      </c>
      <c r="H5418">
        <v>5.5319986870170004</v>
      </c>
      <c r="I5418">
        <v>51.729548830055002</v>
      </c>
      <c r="J5418" t="s">
        <v>61103</v>
      </c>
    </row>
    <row r="5419" spans="1:10" x14ac:dyDescent="0.25">
      <c r="A5419" t="s">
        <v>35095</v>
      </c>
      <c r="B5419" t="s">
        <v>35096</v>
      </c>
      <c r="C5419" t="s">
        <v>35097</v>
      </c>
      <c r="D5419" t="s">
        <v>35059</v>
      </c>
      <c r="E5419" t="s">
        <v>13</v>
      </c>
      <c r="F5419">
        <v>8663</v>
      </c>
      <c r="G5419" t="s">
        <v>35098</v>
      </c>
      <c r="H5419">
        <v>5.5283248150380002</v>
      </c>
      <c r="I5419">
        <v>51.728154769465</v>
      </c>
      <c r="J5419" t="s">
        <v>61104</v>
      </c>
    </row>
    <row r="5420" spans="1:10" x14ac:dyDescent="0.25">
      <c r="A5420" t="s">
        <v>35091</v>
      </c>
      <c r="B5420" t="s">
        <v>35092</v>
      </c>
      <c r="C5420" t="s">
        <v>35093</v>
      </c>
      <c r="D5420" t="s">
        <v>35059</v>
      </c>
      <c r="E5420" t="s">
        <v>13</v>
      </c>
      <c r="F5420">
        <v>8662</v>
      </c>
      <c r="G5420" t="s">
        <v>35094</v>
      </c>
      <c r="H5420">
        <v>5.5388574994640001</v>
      </c>
      <c r="I5420">
        <v>51.737320124316</v>
      </c>
      <c r="J5420" t="s">
        <v>61105</v>
      </c>
    </row>
    <row r="5421" spans="1:10" x14ac:dyDescent="0.25">
      <c r="A5421" t="s">
        <v>35087</v>
      </c>
      <c r="B5421" t="s">
        <v>35088</v>
      </c>
      <c r="C5421" t="s">
        <v>35089</v>
      </c>
      <c r="D5421" t="s">
        <v>35059</v>
      </c>
      <c r="E5421" t="s">
        <v>13</v>
      </c>
      <c r="F5421">
        <v>8661</v>
      </c>
      <c r="G5421" t="s">
        <v>35090</v>
      </c>
      <c r="H5421">
        <v>5.5223140962719999</v>
      </c>
      <c r="I5421">
        <v>51.737200985923998</v>
      </c>
      <c r="J5421" t="s">
        <v>61106</v>
      </c>
    </row>
    <row r="5422" spans="1:10" x14ac:dyDescent="0.25">
      <c r="A5422" t="s">
        <v>35084</v>
      </c>
      <c r="B5422" t="s">
        <v>35085</v>
      </c>
      <c r="C5422" t="s">
        <v>17501</v>
      </c>
      <c r="D5422" t="s">
        <v>35059</v>
      </c>
      <c r="E5422" t="s">
        <v>13</v>
      </c>
      <c r="F5422">
        <v>8660</v>
      </c>
      <c r="G5422" t="s">
        <v>35086</v>
      </c>
      <c r="H5422">
        <v>5.535619833758</v>
      </c>
      <c r="I5422">
        <v>51.733452358803</v>
      </c>
      <c r="J5422" t="s">
        <v>61107</v>
      </c>
    </row>
    <row r="5423" spans="1:10" x14ac:dyDescent="0.25">
      <c r="A5423" t="s">
        <v>35080</v>
      </c>
      <c r="B5423" t="s">
        <v>35081</v>
      </c>
      <c r="C5423" t="s">
        <v>35082</v>
      </c>
      <c r="D5423" t="s">
        <v>35059</v>
      </c>
      <c r="E5423" t="s">
        <v>13</v>
      </c>
      <c r="F5423">
        <v>8659</v>
      </c>
      <c r="G5423" t="s">
        <v>35083</v>
      </c>
      <c r="H5423">
        <v>5.5326972386630002</v>
      </c>
      <c r="I5423">
        <v>51.732820006353002</v>
      </c>
      <c r="J5423" t="s">
        <v>61108</v>
      </c>
    </row>
    <row r="5424" spans="1:10" x14ac:dyDescent="0.25">
      <c r="A5424" t="s">
        <v>35076</v>
      </c>
      <c r="B5424" t="s">
        <v>35077</v>
      </c>
      <c r="C5424" t="s">
        <v>35078</v>
      </c>
      <c r="D5424" t="s">
        <v>35059</v>
      </c>
      <c r="E5424" t="s">
        <v>13</v>
      </c>
      <c r="F5424">
        <v>8658</v>
      </c>
      <c r="G5424" t="s">
        <v>35079</v>
      </c>
      <c r="H5424">
        <v>5.5216193223249999</v>
      </c>
      <c r="I5424">
        <v>51.726768636914997</v>
      </c>
      <c r="J5424" t="s">
        <v>61109</v>
      </c>
    </row>
    <row r="5425" spans="1:10" x14ac:dyDescent="0.25">
      <c r="A5425" t="s">
        <v>35072</v>
      </c>
      <c r="B5425" t="s">
        <v>35073</v>
      </c>
      <c r="C5425" t="s">
        <v>35074</v>
      </c>
      <c r="D5425" t="s">
        <v>35059</v>
      </c>
      <c r="E5425" t="s">
        <v>13</v>
      </c>
      <c r="F5425">
        <v>8657</v>
      </c>
      <c r="G5425" t="s">
        <v>35075</v>
      </c>
      <c r="H5425">
        <v>5.5260787804299998</v>
      </c>
      <c r="I5425">
        <v>51.730325261712998</v>
      </c>
      <c r="J5425" t="s">
        <v>61110</v>
      </c>
    </row>
    <row r="5426" spans="1:10" x14ac:dyDescent="0.25">
      <c r="A5426" t="s">
        <v>35068</v>
      </c>
      <c r="B5426" t="s">
        <v>35069</v>
      </c>
      <c r="C5426" t="s">
        <v>35070</v>
      </c>
      <c r="D5426" t="s">
        <v>35059</v>
      </c>
      <c r="E5426" t="s">
        <v>13</v>
      </c>
      <c r="F5426">
        <v>8656</v>
      </c>
      <c r="G5426" t="s">
        <v>35071</v>
      </c>
      <c r="H5426">
        <v>5.5298431611499996</v>
      </c>
      <c r="I5426">
        <v>51.731736963395001</v>
      </c>
      <c r="J5426" t="s">
        <v>61111</v>
      </c>
    </row>
    <row r="5427" spans="1:10" x14ac:dyDescent="0.25">
      <c r="A5427" t="s">
        <v>35064</v>
      </c>
      <c r="B5427" t="s">
        <v>35065</v>
      </c>
      <c r="C5427" t="s">
        <v>35066</v>
      </c>
      <c r="D5427" t="s">
        <v>35059</v>
      </c>
      <c r="E5427" t="s">
        <v>13</v>
      </c>
      <c r="F5427">
        <v>8655</v>
      </c>
      <c r="G5427" t="s">
        <v>35067</v>
      </c>
      <c r="H5427">
        <v>5.5242847039600003</v>
      </c>
      <c r="I5427">
        <v>51.732888202117998</v>
      </c>
      <c r="J5427" t="s">
        <v>61112</v>
      </c>
    </row>
    <row r="5428" spans="1:10" x14ac:dyDescent="0.25">
      <c r="A5428" t="s">
        <v>35061</v>
      </c>
      <c r="B5428" t="s">
        <v>35062</v>
      </c>
      <c r="C5428" t="s">
        <v>97</v>
      </c>
      <c r="D5428" t="s">
        <v>35059</v>
      </c>
      <c r="E5428" t="s">
        <v>13</v>
      </c>
      <c r="F5428">
        <v>8654</v>
      </c>
      <c r="G5428" t="s">
        <v>35063</v>
      </c>
      <c r="H5428">
        <v>5.52009263342</v>
      </c>
      <c r="I5428">
        <v>51.730854786473998</v>
      </c>
      <c r="J5428" t="s">
        <v>61113</v>
      </c>
    </row>
    <row r="5429" spans="1:10" x14ac:dyDescent="0.25">
      <c r="A5429" t="s">
        <v>35056</v>
      </c>
      <c r="B5429" t="s">
        <v>35057</v>
      </c>
      <c r="C5429" t="s">
        <v>35058</v>
      </c>
      <c r="D5429" t="s">
        <v>35059</v>
      </c>
      <c r="E5429" t="s">
        <v>13</v>
      </c>
      <c r="F5429">
        <v>8653</v>
      </c>
      <c r="G5429" t="s">
        <v>35060</v>
      </c>
      <c r="H5429">
        <v>5.5288857304920001</v>
      </c>
      <c r="I5429">
        <v>51.735025968252003</v>
      </c>
      <c r="J5429" t="s">
        <v>61114</v>
      </c>
    </row>
    <row r="5430" spans="1:10" x14ac:dyDescent="0.25">
      <c r="A5430" t="s">
        <v>35052</v>
      </c>
      <c r="B5430" t="s">
        <v>35053</v>
      </c>
      <c r="C5430" t="s">
        <v>35054</v>
      </c>
      <c r="D5430" t="s">
        <v>34922</v>
      </c>
      <c r="E5430" t="s">
        <v>13</v>
      </c>
      <c r="F5430">
        <v>8652</v>
      </c>
      <c r="G5430" t="s">
        <v>35055</v>
      </c>
      <c r="H5430">
        <v>3.5574102167410002</v>
      </c>
      <c r="I5430">
        <v>51.31401409115</v>
      </c>
      <c r="J5430" t="s">
        <v>61115</v>
      </c>
    </row>
    <row r="5431" spans="1:10" x14ac:dyDescent="0.25">
      <c r="A5431" t="s">
        <v>35048</v>
      </c>
      <c r="B5431" t="s">
        <v>35049</v>
      </c>
      <c r="C5431" t="s">
        <v>35050</v>
      </c>
      <c r="D5431" t="s">
        <v>34922</v>
      </c>
      <c r="E5431" t="s">
        <v>13</v>
      </c>
      <c r="F5431">
        <v>8651</v>
      </c>
      <c r="G5431" t="s">
        <v>35051</v>
      </c>
      <c r="H5431">
        <v>3.5550596197959998</v>
      </c>
      <c r="I5431">
        <v>51.317813972343998</v>
      </c>
      <c r="J5431" t="s">
        <v>61116</v>
      </c>
    </row>
    <row r="5432" spans="1:10" x14ac:dyDescent="0.25">
      <c r="A5432" t="s">
        <v>35044</v>
      </c>
      <c r="B5432" t="s">
        <v>35045</v>
      </c>
      <c r="C5432" t="s">
        <v>35046</v>
      </c>
      <c r="D5432" t="s">
        <v>34922</v>
      </c>
      <c r="E5432" t="s">
        <v>13</v>
      </c>
      <c r="F5432">
        <v>8650</v>
      </c>
      <c r="G5432" t="s">
        <v>35047</v>
      </c>
      <c r="H5432">
        <v>3.5578459125589998</v>
      </c>
      <c r="I5432">
        <v>51.352456101187002</v>
      </c>
      <c r="J5432" t="s">
        <v>61117</v>
      </c>
    </row>
    <row r="5433" spans="1:10" x14ac:dyDescent="0.25">
      <c r="A5433" t="s">
        <v>35040</v>
      </c>
      <c r="B5433" t="s">
        <v>35041</v>
      </c>
      <c r="C5433" t="s">
        <v>35042</v>
      </c>
      <c r="D5433" t="s">
        <v>34922</v>
      </c>
      <c r="E5433" t="s">
        <v>13</v>
      </c>
      <c r="F5433">
        <v>8649</v>
      </c>
      <c r="G5433" t="s">
        <v>35043</v>
      </c>
      <c r="H5433">
        <v>3.5551107294889999</v>
      </c>
      <c r="I5433">
        <v>51.354973304129999</v>
      </c>
      <c r="J5433" t="s">
        <v>61118</v>
      </c>
    </row>
    <row r="5434" spans="1:10" x14ac:dyDescent="0.25">
      <c r="A5434" t="s">
        <v>35036</v>
      </c>
      <c r="B5434" t="s">
        <v>35037</v>
      </c>
      <c r="C5434" t="s">
        <v>35038</v>
      </c>
      <c r="D5434" t="s">
        <v>34922</v>
      </c>
      <c r="E5434" t="s">
        <v>13</v>
      </c>
      <c r="F5434">
        <v>8648</v>
      </c>
      <c r="G5434" t="s">
        <v>35039</v>
      </c>
      <c r="H5434">
        <v>3.6375706716499998</v>
      </c>
      <c r="I5434">
        <v>51.317733418438998</v>
      </c>
      <c r="J5434" t="s">
        <v>61119</v>
      </c>
    </row>
    <row r="5435" spans="1:10" x14ac:dyDescent="0.25">
      <c r="A5435" t="s">
        <v>35032</v>
      </c>
      <c r="B5435" t="s">
        <v>35033</v>
      </c>
      <c r="C5435" t="s">
        <v>35034</v>
      </c>
      <c r="D5435" t="s">
        <v>34922</v>
      </c>
      <c r="E5435" t="s">
        <v>13</v>
      </c>
      <c r="F5435">
        <v>8647</v>
      </c>
      <c r="G5435" t="s">
        <v>35035</v>
      </c>
      <c r="H5435">
        <v>3.6167857416000002</v>
      </c>
      <c r="I5435">
        <v>51.321961244702003</v>
      </c>
      <c r="J5435" t="s">
        <v>61120</v>
      </c>
    </row>
    <row r="5436" spans="1:10" x14ac:dyDescent="0.25">
      <c r="A5436" t="s">
        <v>35028</v>
      </c>
      <c r="B5436" t="s">
        <v>35029</v>
      </c>
      <c r="C5436" t="s">
        <v>35030</v>
      </c>
      <c r="D5436" t="s">
        <v>34922</v>
      </c>
      <c r="E5436" t="s">
        <v>13</v>
      </c>
      <c r="F5436">
        <v>8646</v>
      </c>
      <c r="G5436" t="s">
        <v>35031</v>
      </c>
      <c r="H5436">
        <v>3.6532306013319999</v>
      </c>
      <c r="I5436">
        <v>51.361919071872002</v>
      </c>
      <c r="J5436" t="s">
        <v>61121</v>
      </c>
    </row>
    <row r="5437" spans="1:10" x14ac:dyDescent="0.25">
      <c r="A5437" t="s">
        <v>35024</v>
      </c>
      <c r="B5437" t="s">
        <v>35025</v>
      </c>
      <c r="C5437" t="s">
        <v>35026</v>
      </c>
      <c r="D5437" t="s">
        <v>34922</v>
      </c>
      <c r="E5437" t="s">
        <v>13</v>
      </c>
      <c r="F5437">
        <v>8645</v>
      </c>
      <c r="G5437" t="s">
        <v>35027</v>
      </c>
      <c r="H5437">
        <v>3.600831041333</v>
      </c>
      <c r="I5437">
        <v>51.371135264952997</v>
      </c>
      <c r="J5437" t="s">
        <v>61122</v>
      </c>
    </row>
    <row r="5438" spans="1:10" x14ac:dyDescent="0.25">
      <c r="A5438" t="s">
        <v>35020</v>
      </c>
      <c r="B5438" t="s">
        <v>35021</v>
      </c>
      <c r="C5438" t="s">
        <v>35022</v>
      </c>
      <c r="D5438" t="s">
        <v>34922</v>
      </c>
      <c r="E5438" t="s">
        <v>13</v>
      </c>
      <c r="F5438">
        <v>8644</v>
      </c>
      <c r="G5438" t="s">
        <v>35023</v>
      </c>
      <c r="H5438">
        <v>3.5997439345550002</v>
      </c>
      <c r="I5438">
        <v>51.377519565976002</v>
      </c>
      <c r="J5438" t="s">
        <v>61123</v>
      </c>
    </row>
    <row r="5439" spans="1:10" x14ac:dyDescent="0.25">
      <c r="A5439" t="s">
        <v>35016</v>
      </c>
      <c r="B5439" t="s">
        <v>35017</v>
      </c>
      <c r="C5439" t="s">
        <v>35018</v>
      </c>
      <c r="D5439" t="s">
        <v>34922</v>
      </c>
      <c r="E5439" t="s">
        <v>13</v>
      </c>
      <c r="F5439">
        <v>8643</v>
      </c>
      <c r="G5439" t="s">
        <v>35019</v>
      </c>
      <c r="H5439">
        <v>3.6608250224119998</v>
      </c>
      <c r="I5439">
        <v>51.371154170253</v>
      </c>
      <c r="J5439" t="s">
        <v>61124</v>
      </c>
    </row>
    <row r="5440" spans="1:10" x14ac:dyDescent="0.25">
      <c r="A5440" t="s">
        <v>35012</v>
      </c>
      <c r="B5440" t="s">
        <v>35013</v>
      </c>
      <c r="C5440" t="s">
        <v>35014</v>
      </c>
      <c r="D5440" t="s">
        <v>34922</v>
      </c>
      <c r="E5440" t="s">
        <v>13</v>
      </c>
      <c r="F5440">
        <v>8642</v>
      </c>
      <c r="G5440" t="s">
        <v>35015</v>
      </c>
      <c r="H5440">
        <v>3.5461013003940001</v>
      </c>
      <c r="I5440">
        <v>51.388945576879003</v>
      </c>
      <c r="J5440" t="s">
        <v>61125</v>
      </c>
    </row>
    <row r="5441" spans="1:10" x14ac:dyDescent="0.25">
      <c r="A5441" t="s">
        <v>35008</v>
      </c>
      <c r="B5441" t="s">
        <v>35009</v>
      </c>
      <c r="C5441" t="s">
        <v>35010</v>
      </c>
      <c r="D5441" t="s">
        <v>34922</v>
      </c>
      <c r="E5441" t="s">
        <v>13</v>
      </c>
      <c r="F5441">
        <v>8641</v>
      </c>
      <c r="G5441" t="s">
        <v>35011</v>
      </c>
      <c r="H5441">
        <v>3.5572138622740002</v>
      </c>
      <c r="I5441">
        <v>51.395229075883002</v>
      </c>
      <c r="J5441" t="s">
        <v>61126</v>
      </c>
    </row>
    <row r="5442" spans="1:10" x14ac:dyDescent="0.25">
      <c r="A5442" t="s">
        <v>35004</v>
      </c>
      <c r="B5442" t="s">
        <v>35005</v>
      </c>
      <c r="C5442" t="s">
        <v>35006</v>
      </c>
      <c r="D5442" t="s">
        <v>34922</v>
      </c>
      <c r="E5442" t="s">
        <v>13</v>
      </c>
      <c r="F5442">
        <v>8640</v>
      </c>
      <c r="G5442" t="s">
        <v>35007</v>
      </c>
      <c r="H5442">
        <v>3.510609191545</v>
      </c>
      <c r="I5442">
        <v>51.374184951427999</v>
      </c>
      <c r="J5442" t="s">
        <v>61127</v>
      </c>
    </row>
    <row r="5443" spans="1:10" x14ac:dyDescent="0.25">
      <c r="A5443" t="s">
        <v>35000</v>
      </c>
      <c r="B5443" t="s">
        <v>35001</v>
      </c>
      <c r="C5443" t="s">
        <v>35002</v>
      </c>
      <c r="D5443" t="s">
        <v>34922</v>
      </c>
      <c r="E5443" t="s">
        <v>13</v>
      </c>
      <c r="F5443">
        <v>8639</v>
      </c>
      <c r="G5443" t="s">
        <v>35003</v>
      </c>
      <c r="H5443">
        <v>3.5053567392980001</v>
      </c>
      <c r="I5443">
        <v>51.379049164192999</v>
      </c>
      <c r="J5443" t="s">
        <v>61128</v>
      </c>
    </row>
    <row r="5444" spans="1:10" x14ac:dyDescent="0.25">
      <c r="A5444" t="s">
        <v>34996</v>
      </c>
      <c r="B5444" t="s">
        <v>34997</v>
      </c>
      <c r="C5444" t="s">
        <v>34998</v>
      </c>
      <c r="D5444" t="s">
        <v>34922</v>
      </c>
      <c r="E5444" t="s">
        <v>13</v>
      </c>
      <c r="F5444">
        <v>8638</v>
      </c>
      <c r="G5444" t="s">
        <v>34999</v>
      </c>
      <c r="H5444">
        <v>3.4650298586199999</v>
      </c>
      <c r="I5444">
        <v>51.373933664638997</v>
      </c>
      <c r="J5444" t="s">
        <v>61129</v>
      </c>
    </row>
    <row r="5445" spans="1:10" x14ac:dyDescent="0.25">
      <c r="A5445" t="s">
        <v>34992</v>
      </c>
      <c r="B5445" t="s">
        <v>34993</v>
      </c>
      <c r="C5445" t="s">
        <v>34994</v>
      </c>
      <c r="D5445" t="s">
        <v>34922</v>
      </c>
      <c r="E5445" t="s">
        <v>13</v>
      </c>
      <c r="F5445">
        <v>8637</v>
      </c>
      <c r="G5445" t="s">
        <v>34995</v>
      </c>
      <c r="H5445">
        <v>3.448732077147</v>
      </c>
      <c r="I5445">
        <v>51.386495293415997</v>
      </c>
      <c r="J5445" t="s">
        <v>61130</v>
      </c>
    </row>
    <row r="5446" spans="1:10" x14ac:dyDescent="0.25">
      <c r="A5446" t="s">
        <v>34988</v>
      </c>
      <c r="B5446" t="s">
        <v>34989</v>
      </c>
      <c r="C5446" t="s">
        <v>34990</v>
      </c>
      <c r="D5446" t="s">
        <v>34922</v>
      </c>
      <c r="E5446" t="s">
        <v>13</v>
      </c>
      <c r="F5446">
        <v>8636</v>
      </c>
      <c r="G5446" t="s">
        <v>34991</v>
      </c>
      <c r="H5446">
        <v>3.46852125831</v>
      </c>
      <c r="I5446">
        <v>51.373989431397</v>
      </c>
      <c r="J5446" t="s">
        <v>61131</v>
      </c>
    </row>
    <row r="5447" spans="1:10" x14ac:dyDescent="0.25">
      <c r="A5447" t="s">
        <v>34984</v>
      </c>
      <c r="B5447" t="s">
        <v>34985</v>
      </c>
      <c r="C5447" t="s">
        <v>34986</v>
      </c>
      <c r="D5447" t="s">
        <v>34922</v>
      </c>
      <c r="E5447" t="s">
        <v>13</v>
      </c>
      <c r="F5447">
        <v>8635</v>
      </c>
      <c r="G5447" t="s">
        <v>34987</v>
      </c>
      <c r="H5447">
        <v>3.4167786770449999</v>
      </c>
      <c r="I5447">
        <v>51.367410134594998</v>
      </c>
      <c r="J5447" t="s">
        <v>61132</v>
      </c>
    </row>
    <row r="5448" spans="1:10" x14ac:dyDescent="0.25">
      <c r="A5448" t="s">
        <v>34980</v>
      </c>
      <c r="B5448" t="s">
        <v>34981</v>
      </c>
      <c r="C5448" t="s">
        <v>34982</v>
      </c>
      <c r="D5448" t="s">
        <v>34922</v>
      </c>
      <c r="E5448" t="s">
        <v>13</v>
      </c>
      <c r="F5448">
        <v>8634</v>
      </c>
      <c r="G5448" t="s">
        <v>34983</v>
      </c>
      <c r="H5448">
        <v>3.3959425299719999</v>
      </c>
      <c r="I5448">
        <v>51.379608821287</v>
      </c>
      <c r="J5448" t="s">
        <v>61133</v>
      </c>
    </row>
    <row r="5449" spans="1:10" x14ac:dyDescent="0.25">
      <c r="A5449" t="s">
        <v>34976</v>
      </c>
      <c r="B5449" t="s">
        <v>34977</v>
      </c>
      <c r="C5449" t="s">
        <v>34978</v>
      </c>
      <c r="D5449" t="s">
        <v>34922</v>
      </c>
      <c r="E5449" t="s">
        <v>13</v>
      </c>
      <c r="F5449">
        <v>8633</v>
      </c>
      <c r="G5449" t="s">
        <v>34979</v>
      </c>
      <c r="H5449">
        <v>3.4097878156410002</v>
      </c>
      <c r="I5449">
        <v>51.368532468175999</v>
      </c>
      <c r="J5449" t="s">
        <v>61134</v>
      </c>
    </row>
    <row r="5450" spans="1:10" x14ac:dyDescent="0.25">
      <c r="A5450" t="s">
        <v>34972</v>
      </c>
      <c r="B5450" t="s">
        <v>34973</v>
      </c>
      <c r="C5450" t="s">
        <v>34974</v>
      </c>
      <c r="D5450" t="s">
        <v>34922</v>
      </c>
      <c r="E5450" t="s">
        <v>13</v>
      </c>
      <c r="F5450">
        <v>8632</v>
      </c>
      <c r="G5450" t="s">
        <v>34975</v>
      </c>
      <c r="H5450">
        <v>3.4426015071760001</v>
      </c>
      <c r="I5450">
        <v>51.341541074494003</v>
      </c>
      <c r="J5450" t="s">
        <v>61135</v>
      </c>
    </row>
    <row r="5451" spans="1:10" x14ac:dyDescent="0.25">
      <c r="A5451" t="s">
        <v>34968</v>
      </c>
      <c r="B5451" t="s">
        <v>34969</v>
      </c>
      <c r="C5451" t="s">
        <v>34970</v>
      </c>
      <c r="D5451" t="s">
        <v>34922</v>
      </c>
      <c r="E5451" t="s">
        <v>13</v>
      </c>
      <c r="F5451">
        <v>8631</v>
      </c>
      <c r="G5451" t="s">
        <v>34971</v>
      </c>
      <c r="H5451">
        <v>3.450645010513</v>
      </c>
      <c r="I5451">
        <v>51.340949557583002</v>
      </c>
      <c r="J5451" t="s">
        <v>61136</v>
      </c>
    </row>
    <row r="5452" spans="1:10" x14ac:dyDescent="0.25">
      <c r="A5452" t="s">
        <v>34964</v>
      </c>
      <c r="B5452" t="s">
        <v>34965</v>
      </c>
      <c r="C5452" t="s">
        <v>34966</v>
      </c>
      <c r="D5452" t="s">
        <v>34922</v>
      </c>
      <c r="E5452" t="s">
        <v>13</v>
      </c>
      <c r="F5452">
        <v>8630</v>
      </c>
      <c r="G5452" t="s">
        <v>34967</v>
      </c>
      <c r="H5452">
        <v>3.4874323818619999</v>
      </c>
      <c r="I5452">
        <v>51.323013087447002</v>
      </c>
      <c r="J5452" t="s">
        <v>61137</v>
      </c>
    </row>
    <row r="5453" spans="1:10" x14ac:dyDescent="0.25">
      <c r="A5453" t="s">
        <v>34960</v>
      </c>
      <c r="B5453" t="s">
        <v>34961</v>
      </c>
      <c r="C5453" t="s">
        <v>34962</v>
      </c>
      <c r="D5453" t="s">
        <v>34922</v>
      </c>
      <c r="E5453" t="s">
        <v>13</v>
      </c>
      <c r="F5453">
        <v>8629</v>
      </c>
      <c r="G5453" t="s">
        <v>34963</v>
      </c>
      <c r="H5453">
        <v>3.4921274749459998</v>
      </c>
      <c r="I5453">
        <v>51.327276137153</v>
      </c>
      <c r="J5453" t="s">
        <v>61138</v>
      </c>
    </row>
    <row r="5454" spans="1:10" x14ac:dyDescent="0.25">
      <c r="A5454" t="s">
        <v>34956</v>
      </c>
      <c r="B5454" t="s">
        <v>34957</v>
      </c>
      <c r="C5454" t="s">
        <v>34958</v>
      </c>
      <c r="D5454" t="s">
        <v>34922</v>
      </c>
      <c r="E5454" t="s">
        <v>13</v>
      </c>
      <c r="F5454">
        <v>8628</v>
      </c>
      <c r="G5454" t="s">
        <v>34959</v>
      </c>
      <c r="H5454">
        <v>3.5034823470180001</v>
      </c>
      <c r="I5454">
        <v>51.269328068063999</v>
      </c>
      <c r="J5454" t="s">
        <v>61139</v>
      </c>
    </row>
    <row r="5455" spans="1:10" x14ac:dyDescent="0.25">
      <c r="A5455" t="s">
        <v>34952</v>
      </c>
      <c r="B5455" t="s">
        <v>34953</v>
      </c>
      <c r="C5455" t="s">
        <v>34954</v>
      </c>
      <c r="D5455" t="s">
        <v>34922</v>
      </c>
      <c r="E5455" t="s">
        <v>13</v>
      </c>
      <c r="F5455">
        <v>8627</v>
      </c>
      <c r="G5455" t="s">
        <v>34955</v>
      </c>
      <c r="H5455">
        <v>3.49886306347</v>
      </c>
      <c r="I5455">
        <v>51.272319391819003</v>
      </c>
      <c r="J5455" t="s">
        <v>61140</v>
      </c>
    </row>
    <row r="5456" spans="1:10" x14ac:dyDescent="0.25">
      <c r="A5456" t="s">
        <v>34948</v>
      </c>
      <c r="B5456" t="s">
        <v>34949</v>
      </c>
      <c r="C5456" t="s">
        <v>34950</v>
      </c>
      <c r="D5456" t="s">
        <v>34922</v>
      </c>
      <c r="E5456" t="s">
        <v>13</v>
      </c>
      <c r="F5456">
        <v>8626</v>
      </c>
      <c r="G5456" t="s">
        <v>34951</v>
      </c>
      <c r="H5456">
        <v>3.4731317220350002</v>
      </c>
      <c r="I5456">
        <v>51.249545276501003</v>
      </c>
      <c r="J5456" t="s">
        <v>61141</v>
      </c>
    </row>
    <row r="5457" spans="1:10" x14ac:dyDescent="0.25">
      <c r="A5457" t="s">
        <v>34944</v>
      </c>
      <c r="B5457" t="s">
        <v>34945</v>
      </c>
      <c r="C5457" t="s">
        <v>34946</v>
      </c>
      <c r="D5457" t="s">
        <v>34922</v>
      </c>
      <c r="E5457" t="s">
        <v>13</v>
      </c>
      <c r="F5457">
        <v>8625</v>
      </c>
      <c r="G5457" t="s">
        <v>34947</v>
      </c>
      <c r="H5457">
        <v>3.4463047801640001</v>
      </c>
      <c r="I5457">
        <v>51.245300445719003</v>
      </c>
      <c r="J5457" t="s">
        <v>61142</v>
      </c>
    </row>
    <row r="5458" spans="1:10" x14ac:dyDescent="0.25">
      <c r="A5458" t="s">
        <v>34940</v>
      </c>
      <c r="B5458" t="s">
        <v>34941</v>
      </c>
      <c r="C5458" t="s">
        <v>34942</v>
      </c>
      <c r="D5458" t="s">
        <v>34922</v>
      </c>
      <c r="E5458" t="s">
        <v>13</v>
      </c>
      <c r="F5458">
        <v>8624</v>
      </c>
      <c r="G5458" t="s">
        <v>34943</v>
      </c>
      <c r="H5458">
        <v>3.4679565010159998</v>
      </c>
      <c r="I5458">
        <v>51.285132387273997</v>
      </c>
      <c r="J5458" t="s">
        <v>61143</v>
      </c>
    </row>
    <row r="5459" spans="1:10" x14ac:dyDescent="0.25">
      <c r="A5459" t="s">
        <v>34936</v>
      </c>
      <c r="B5459" t="s">
        <v>34937</v>
      </c>
      <c r="C5459" t="s">
        <v>34938</v>
      </c>
      <c r="D5459" t="s">
        <v>34922</v>
      </c>
      <c r="E5459" t="s">
        <v>13</v>
      </c>
      <c r="F5459">
        <v>8623</v>
      </c>
      <c r="G5459" t="s">
        <v>34939</v>
      </c>
      <c r="H5459">
        <v>3.4421273936190002</v>
      </c>
      <c r="I5459">
        <v>51.272699683879999</v>
      </c>
      <c r="J5459" t="s">
        <v>61144</v>
      </c>
    </row>
    <row r="5460" spans="1:10" x14ac:dyDescent="0.25">
      <c r="A5460" t="s">
        <v>34932</v>
      </c>
      <c r="B5460" t="s">
        <v>34933</v>
      </c>
      <c r="C5460" t="s">
        <v>34934</v>
      </c>
      <c r="D5460" t="s">
        <v>34922</v>
      </c>
      <c r="E5460" t="s">
        <v>13</v>
      </c>
      <c r="F5460">
        <v>8622</v>
      </c>
      <c r="G5460" t="s">
        <v>34935</v>
      </c>
      <c r="H5460">
        <v>3.3964967035860001</v>
      </c>
      <c r="I5460">
        <v>51.341565073563999</v>
      </c>
      <c r="J5460" t="s">
        <v>61145</v>
      </c>
    </row>
    <row r="5461" spans="1:10" x14ac:dyDescent="0.25">
      <c r="A5461" t="s">
        <v>34928</v>
      </c>
      <c r="B5461" t="s">
        <v>34929</v>
      </c>
      <c r="C5461" t="s">
        <v>34930</v>
      </c>
      <c r="D5461" t="s">
        <v>34922</v>
      </c>
      <c r="E5461" t="s">
        <v>13</v>
      </c>
      <c r="F5461">
        <v>8621</v>
      </c>
      <c r="G5461" t="s">
        <v>34931</v>
      </c>
      <c r="H5461">
        <v>3.3850263960159999</v>
      </c>
      <c r="I5461">
        <v>51.347527277349002</v>
      </c>
      <c r="J5461" t="s">
        <v>61146</v>
      </c>
    </row>
    <row r="5462" spans="1:10" x14ac:dyDescent="0.25">
      <c r="A5462" t="s">
        <v>34924</v>
      </c>
      <c r="B5462" t="s">
        <v>34925</v>
      </c>
      <c r="C5462" t="s">
        <v>34926</v>
      </c>
      <c r="D5462" t="s">
        <v>34922</v>
      </c>
      <c r="E5462" t="s">
        <v>13</v>
      </c>
      <c r="F5462">
        <v>8620</v>
      </c>
      <c r="G5462" t="s">
        <v>34927</v>
      </c>
      <c r="H5462">
        <v>3.3640291597180001</v>
      </c>
      <c r="I5462">
        <v>51.315463031655</v>
      </c>
      <c r="J5462" t="s">
        <v>61147</v>
      </c>
    </row>
    <row r="5463" spans="1:10" x14ac:dyDescent="0.25">
      <c r="A5463" t="s">
        <v>34919</v>
      </c>
      <c r="B5463" t="s">
        <v>34920</v>
      </c>
      <c r="C5463" t="s">
        <v>34921</v>
      </c>
      <c r="D5463" t="s">
        <v>34922</v>
      </c>
      <c r="E5463" t="s">
        <v>13</v>
      </c>
      <c r="F5463">
        <v>8619</v>
      </c>
      <c r="G5463" t="s">
        <v>34923</v>
      </c>
      <c r="H5463">
        <v>3.3861099701369999</v>
      </c>
      <c r="I5463">
        <v>51.309156691264</v>
      </c>
      <c r="J5463" t="s">
        <v>61148</v>
      </c>
    </row>
    <row r="5464" spans="1:10" x14ac:dyDescent="0.25">
      <c r="A5464" t="s">
        <v>34915</v>
      </c>
      <c r="B5464" t="s">
        <v>34916</v>
      </c>
      <c r="C5464" t="s">
        <v>34917</v>
      </c>
      <c r="D5464" t="s">
        <v>34694</v>
      </c>
      <c r="E5464" t="s">
        <v>13</v>
      </c>
      <c r="F5464">
        <v>8618</v>
      </c>
      <c r="G5464" t="s">
        <v>34918</v>
      </c>
      <c r="H5464">
        <v>5.9532590234500002</v>
      </c>
      <c r="I5464">
        <v>51.039143835916001</v>
      </c>
      <c r="J5464" t="s">
        <v>61149</v>
      </c>
    </row>
    <row r="5465" spans="1:10" x14ac:dyDescent="0.25">
      <c r="A5465" t="s">
        <v>34911</v>
      </c>
      <c r="B5465" t="s">
        <v>34912</v>
      </c>
      <c r="C5465" t="s">
        <v>34913</v>
      </c>
      <c r="D5465" t="s">
        <v>34694</v>
      </c>
      <c r="E5465" t="s">
        <v>13</v>
      </c>
      <c r="F5465">
        <v>8617</v>
      </c>
      <c r="G5465" t="s">
        <v>34914</v>
      </c>
      <c r="H5465">
        <v>5.9743801391120002</v>
      </c>
      <c r="I5465">
        <v>51.071642474275002</v>
      </c>
      <c r="J5465" t="s">
        <v>61150</v>
      </c>
    </row>
    <row r="5466" spans="1:10" x14ac:dyDescent="0.25">
      <c r="A5466" t="s">
        <v>34907</v>
      </c>
      <c r="B5466" t="s">
        <v>34908</v>
      </c>
      <c r="C5466" t="s">
        <v>34909</v>
      </c>
      <c r="D5466" t="s">
        <v>34694</v>
      </c>
      <c r="E5466" t="s">
        <v>13</v>
      </c>
      <c r="F5466">
        <v>8616</v>
      </c>
      <c r="G5466" t="s">
        <v>34910</v>
      </c>
      <c r="H5466">
        <v>5.9563290321129996</v>
      </c>
      <c r="I5466">
        <v>51.035977562044998</v>
      </c>
      <c r="J5466" t="s">
        <v>61151</v>
      </c>
    </row>
    <row r="5467" spans="1:10" x14ac:dyDescent="0.25">
      <c r="A5467" t="s">
        <v>34903</v>
      </c>
      <c r="B5467" t="s">
        <v>34904</v>
      </c>
      <c r="C5467" t="s">
        <v>34905</v>
      </c>
      <c r="D5467" t="s">
        <v>34694</v>
      </c>
      <c r="E5467" t="s">
        <v>13</v>
      </c>
      <c r="F5467">
        <v>8615</v>
      </c>
      <c r="G5467" t="s">
        <v>34906</v>
      </c>
      <c r="H5467">
        <v>5.9450924123900002</v>
      </c>
      <c r="I5467">
        <v>51.061973331514999</v>
      </c>
      <c r="J5467" t="s">
        <v>61152</v>
      </c>
    </row>
    <row r="5468" spans="1:10" x14ac:dyDescent="0.25">
      <c r="A5468" t="s">
        <v>34899</v>
      </c>
      <c r="B5468" t="s">
        <v>34900</v>
      </c>
      <c r="C5468" t="s">
        <v>34901</v>
      </c>
      <c r="D5468" t="s">
        <v>34694</v>
      </c>
      <c r="E5468" t="s">
        <v>13</v>
      </c>
      <c r="F5468">
        <v>8614</v>
      </c>
      <c r="G5468" t="s">
        <v>34902</v>
      </c>
      <c r="H5468">
        <v>5.9505795601239999</v>
      </c>
      <c r="I5468">
        <v>51.054021777538999</v>
      </c>
      <c r="J5468" t="s">
        <v>61153</v>
      </c>
    </row>
    <row r="5469" spans="1:10" x14ac:dyDescent="0.25">
      <c r="A5469" t="s">
        <v>34895</v>
      </c>
      <c r="B5469" t="s">
        <v>34896</v>
      </c>
      <c r="C5469" t="s">
        <v>34897</v>
      </c>
      <c r="D5469" t="s">
        <v>34694</v>
      </c>
      <c r="E5469" t="s">
        <v>13</v>
      </c>
      <c r="F5469">
        <v>8613</v>
      </c>
      <c r="G5469" t="s">
        <v>34898</v>
      </c>
      <c r="H5469">
        <v>5.9110890519900003</v>
      </c>
      <c r="I5469">
        <v>51.114617697680004</v>
      </c>
      <c r="J5469" t="s">
        <v>61154</v>
      </c>
    </row>
    <row r="5470" spans="1:10" x14ac:dyDescent="0.25">
      <c r="A5470" t="s">
        <v>34891</v>
      </c>
      <c r="B5470" t="s">
        <v>34892</v>
      </c>
      <c r="C5470" t="s">
        <v>34893</v>
      </c>
      <c r="D5470" t="s">
        <v>34694</v>
      </c>
      <c r="E5470" t="s">
        <v>13</v>
      </c>
      <c r="F5470">
        <v>8612</v>
      </c>
      <c r="G5470" t="s">
        <v>34894</v>
      </c>
      <c r="H5470">
        <v>5.9003453343360004</v>
      </c>
      <c r="I5470">
        <v>51.115658051186003</v>
      </c>
      <c r="J5470" t="s">
        <v>61155</v>
      </c>
    </row>
    <row r="5471" spans="1:10" x14ac:dyDescent="0.25">
      <c r="A5471" t="s">
        <v>34887</v>
      </c>
      <c r="B5471" t="s">
        <v>34888</v>
      </c>
      <c r="C5471" t="s">
        <v>34889</v>
      </c>
      <c r="D5471" t="s">
        <v>34694</v>
      </c>
      <c r="E5471" t="s">
        <v>13</v>
      </c>
      <c r="F5471">
        <v>8611</v>
      </c>
      <c r="G5471" t="s">
        <v>34890</v>
      </c>
      <c r="H5471">
        <v>5.8645942491390004</v>
      </c>
      <c r="I5471">
        <v>51.035946322492002</v>
      </c>
      <c r="J5471" t="s">
        <v>61156</v>
      </c>
    </row>
    <row r="5472" spans="1:10" x14ac:dyDescent="0.25">
      <c r="A5472" t="s">
        <v>34883</v>
      </c>
      <c r="B5472" t="s">
        <v>34884</v>
      </c>
      <c r="C5472" t="s">
        <v>34885</v>
      </c>
      <c r="D5472" t="s">
        <v>34694</v>
      </c>
      <c r="E5472" t="s">
        <v>13</v>
      </c>
      <c r="F5472">
        <v>8610</v>
      </c>
      <c r="G5472" t="s">
        <v>34886</v>
      </c>
      <c r="H5472">
        <v>5.8571937991130003</v>
      </c>
      <c r="I5472">
        <v>51.036734676740998</v>
      </c>
      <c r="J5472" t="s">
        <v>61157</v>
      </c>
    </row>
    <row r="5473" spans="1:10" x14ac:dyDescent="0.25">
      <c r="A5473" t="s">
        <v>34879</v>
      </c>
      <c r="B5473" t="s">
        <v>34880</v>
      </c>
      <c r="C5473" t="s">
        <v>34881</v>
      </c>
      <c r="D5473" t="s">
        <v>34694</v>
      </c>
      <c r="E5473" t="s">
        <v>13</v>
      </c>
      <c r="F5473">
        <v>8609</v>
      </c>
      <c r="G5473" t="s">
        <v>34882</v>
      </c>
      <c r="H5473">
        <v>5.8612544411350003</v>
      </c>
      <c r="I5473">
        <v>51.041956154288997</v>
      </c>
      <c r="J5473" t="s">
        <v>61158</v>
      </c>
    </row>
    <row r="5474" spans="1:10" x14ac:dyDescent="0.25">
      <c r="A5474" t="s">
        <v>34875</v>
      </c>
      <c r="B5474" t="s">
        <v>34876</v>
      </c>
      <c r="C5474" t="s">
        <v>34877</v>
      </c>
      <c r="D5474" t="s">
        <v>34694</v>
      </c>
      <c r="E5474" t="s">
        <v>13</v>
      </c>
      <c r="F5474">
        <v>8608</v>
      </c>
      <c r="G5474" t="s">
        <v>34878</v>
      </c>
      <c r="H5474">
        <v>5.8849991347369999</v>
      </c>
      <c r="I5474">
        <v>51.086176401975003</v>
      </c>
      <c r="J5474" t="s">
        <v>61159</v>
      </c>
    </row>
    <row r="5475" spans="1:10" x14ac:dyDescent="0.25">
      <c r="A5475" t="s">
        <v>34871</v>
      </c>
      <c r="B5475" t="s">
        <v>34872</v>
      </c>
      <c r="C5475" t="s">
        <v>34873</v>
      </c>
      <c r="D5475" t="s">
        <v>34694</v>
      </c>
      <c r="E5475" t="s">
        <v>13</v>
      </c>
      <c r="F5475">
        <v>8607</v>
      </c>
      <c r="G5475" t="s">
        <v>34874</v>
      </c>
      <c r="H5475">
        <v>5.8969239565480001</v>
      </c>
      <c r="I5475">
        <v>51.077721979675999</v>
      </c>
      <c r="J5475" t="s">
        <v>61160</v>
      </c>
    </row>
    <row r="5476" spans="1:10" x14ac:dyDescent="0.25">
      <c r="A5476" t="s">
        <v>34867</v>
      </c>
      <c r="B5476" t="s">
        <v>34868</v>
      </c>
      <c r="C5476" t="s">
        <v>34869</v>
      </c>
      <c r="D5476" t="s">
        <v>34694</v>
      </c>
      <c r="E5476" t="s">
        <v>13</v>
      </c>
      <c r="F5476">
        <v>8606</v>
      </c>
      <c r="G5476" t="s">
        <v>34870</v>
      </c>
      <c r="H5476">
        <v>5.8987385929979999</v>
      </c>
      <c r="I5476">
        <v>51.099439813396998</v>
      </c>
      <c r="J5476" t="s">
        <v>61161</v>
      </c>
    </row>
    <row r="5477" spans="1:10" x14ac:dyDescent="0.25">
      <c r="A5477" t="s">
        <v>34863</v>
      </c>
      <c r="B5477" t="s">
        <v>34864</v>
      </c>
      <c r="C5477" t="s">
        <v>34865</v>
      </c>
      <c r="D5477" t="s">
        <v>34694</v>
      </c>
      <c r="E5477" t="s">
        <v>13</v>
      </c>
      <c r="F5477">
        <v>8605</v>
      </c>
      <c r="G5477" t="s">
        <v>34866</v>
      </c>
      <c r="H5477">
        <v>5.8824803109810002</v>
      </c>
      <c r="I5477">
        <v>51.101053013894997</v>
      </c>
      <c r="J5477" t="s">
        <v>61162</v>
      </c>
    </row>
    <row r="5478" spans="1:10" x14ac:dyDescent="0.25">
      <c r="A5478" t="s">
        <v>34859</v>
      </c>
      <c r="B5478" t="s">
        <v>34860</v>
      </c>
      <c r="C5478" t="s">
        <v>34861</v>
      </c>
      <c r="D5478" t="s">
        <v>34694</v>
      </c>
      <c r="E5478" t="s">
        <v>13</v>
      </c>
      <c r="F5478">
        <v>8604</v>
      </c>
      <c r="G5478" t="s">
        <v>34862</v>
      </c>
      <c r="H5478">
        <v>5.9098418215189996</v>
      </c>
      <c r="I5478">
        <v>51.093293914872</v>
      </c>
      <c r="J5478" t="s">
        <v>61163</v>
      </c>
    </row>
    <row r="5479" spans="1:10" x14ac:dyDescent="0.25">
      <c r="A5479" t="s">
        <v>34855</v>
      </c>
      <c r="B5479" t="s">
        <v>34856</v>
      </c>
      <c r="C5479" t="s">
        <v>34857</v>
      </c>
      <c r="D5479" t="s">
        <v>34694</v>
      </c>
      <c r="E5479" t="s">
        <v>13</v>
      </c>
      <c r="F5479">
        <v>8603</v>
      </c>
      <c r="G5479" t="s">
        <v>34858</v>
      </c>
      <c r="H5479">
        <v>5.9088110261339999</v>
      </c>
      <c r="I5479">
        <v>51.089000349742001</v>
      </c>
      <c r="J5479" t="s">
        <v>61164</v>
      </c>
    </row>
    <row r="5480" spans="1:10" x14ac:dyDescent="0.25">
      <c r="A5480" t="s">
        <v>34851</v>
      </c>
      <c r="B5480" t="s">
        <v>34852</v>
      </c>
      <c r="C5480" t="s">
        <v>34853</v>
      </c>
      <c r="D5480" t="s">
        <v>34694</v>
      </c>
      <c r="E5480" t="s">
        <v>13</v>
      </c>
      <c r="F5480">
        <v>8602</v>
      </c>
      <c r="G5480" t="s">
        <v>34854</v>
      </c>
      <c r="H5480">
        <v>5.8926107014319999</v>
      </c>
      <c r="I5480">
        <v>51.096203525275001</v>
      </c>
      <c r="J5480" t="s">
        <v>61165</v>
      </c>
    </row>
    <row r="5481" spans="1:10" x14ac:dyDescent="0.25">
      <c r="A5481" t="s">
        <v>34847</v>
      </c>
      <c r="B5481" t="s">
        <v>34848</v>
      </c>
      <c r="C5481" t="s">
        <v>34849</v>
      </c>
      <c r="D5481" t="s">
        <v>34694</v>
      </c>
      <c r="E5481" t="s">
        <v>13</v>
      </c>
      <c r="F5481">
        <v>8601</v>
      </c>
      <c r="G5481" t="s">
        <v>34850</v>
      </c>
      <c r="H5481">
        <v>5.8956304505119999</v>
      </c>
      <c r="I5481">
        <v>51.105004876670002</v>
      </c>
      <c r="J5481" t="s">
        <v>61166</v>
      </c>
    </row>
    <row r="5482" spans="1:10" x14ac:dyDescent="0.25">
      <c r="A5482" t="s">
        <v>34843</v>
      </c>
      <c r="B5482" t="s">
        <v>34844</v>
      </c>
      <c r="C5482" t="s">
        <v>34845</v>
      </c>
      <c r="D5482" t="s">
        <v>34694</v>
      </c>
      <c r="E5482" t="s">
        <v>13</v>
      </c>
      <c r="F5482">
        <v>8600</v>
      </c>
      <c r="G5482" t="s">
        <v>34846</v>
      </c>
      <c r="H5482">
        <v>5.9652863430699998</v>
      </c>
      <c r="I5482">
        <v>51.085920571168998</v>
      </c>
      <c r="J5482" t="s">
        <v>61167</v>
      </c>
    </row>
    <row r="5483" spans="1:10" x14ac:dyDescent="0.25">
      <c r="A5483" t="s">
        <v>34839</v>
      </c>
      <c r="B5483" t="s">
        <v>34840</v>
      </c>
      <c r="C5483" t="s">
        <v>34841</v>
      </c>
      <c r="D5483" t="s">
        <v>34694</v>
      </c>
      <c r="E5483" t="s">
        <v>13</v>
      </c>
      <c r="F5483">
        <v>8599</v>
      </c>
      <c r="G5483" t="s">
        <v>34842</v>
      </c>
      <c r="H5483">
        <v>5.9787841796430001</v>
      </c>
      <c r="I5483">
        <v>51.073544563637</v>
      </c>
      <c r="J5483" t="s">
        <v>61168</v>
      </c>
    </row>
    <row r="5484" spans="1:10" x14ac:dyDescent="0.25">
      <c r="A5484" t="s">
        <v>34835</v>
      </c>
      <c r="B5484" t="s">
        <v>34836</v>
      </c>
      <c r="C5484" t="s">
        <v>34837</v>
      </c>
      <c r="D5484" t="s">
        <v>34694</v>
      </c>
      <c r="E5484" t="s">
        <v>13</v>
      </c>
      <c r="F5484">
        <v>8598</v>
      </c>
      <c r="G5484" t="s">
        <v>34838</v>
      </c>
      <c r="H5484">
        <v>5.9761338648129998</v>
      </c>
      <c r="I5484">
        <v>51.098060140507002</v>
      </c>
      <c r="J5484" t="s">
        <v>61169</v>
      </c>
    </row>
    <row r="5485" spans="1:10" x14ac:dyDescent="0.25">
      <c r="A5485" t="s">
        <v>34831</v>
      </c>
      <c r="B5485" t="s">
        <v>34832</v>
      </c>
      <c r="C5485" t="s">
        <v>34833</v>
      </c>
      <c r="D5485" t="s">
        <v>34694</v>
      </c>
      <c r="E5485" t="s">
        <v>13</v>
      </c>
      <c r="F5485">
        <v>8597</v>
      </c>
      <c r="G5485" t="s">
        <v>34834</v>
      </c>
      <c r="H5485">
        <v>5.8400727571119999</v>
      </c>
      <c r="I5485">
        <v>51.100862222171003</v>
      </c>
      <c r="J5485" t="s">
        <v>61170</v>
      </c>
    </row>
    <row r="5486" spans="1:10" x14ac:dyDescent="0.25">
      <c r="A5486" t="s">
        <v>34827</v>
      </c>
      <c r="B5486" t="s">
        <v>34828</v>
      </c>
      <c r="C5486" t="s">
        <v>34829</v>
      </c>
      <c r="D5486" t="s">
        <v>34694</v>
      </c>
      <c r="E5486" t="s">
        <v>13</v>
      </c>
      <c r="F5486">
        <v>8596</v>
      </c>
      <c r="G5486" t="s">
        <v>34830</v>
      </c>
      <c r="H5486">
        <v>5.8756636167040002</v>
      </c>
      <c r="I5486">
        <v>51.125627408667</v>
      </c>
      <c r="J5486" t="s">
        <v>61171</v>
      </c>
    </row>
    <row r="5487" spans="1:10" x14ac:dyDescent="0.25">
      <c r="A5487" t="s">
        <v>34823</v>
      </c>
      <c r="B5487" t="s">
        <v>34824</v>
      </c>
      <c r="C5487" t="s">
        <v>34825</v>
      </c>
      <c r="D5487" t="s">
        <v>34694</v>
      </c>
      <c r="E5487" t="s">
        <v>13</v>
      </c>
      <c r="F5487">
        <v>8595</v>
      </c>
      <c r="G5487" t="s">
        <v>34826</v>
      </c>
      <c r="H5487">
        <v>5.8505213074720004</v>
      </c>
      <c r="I5487">
        <v>51.099226372079997</v>
      </c>
      <c r="J5487" t="s">
        <v>61172</v>
      </c>
    </row>
    <row r="5488" spans="1:10" x14ac:dyDescent="0.25">
      <c r="A5488" t="s">
        <v>34819</v>
      </c>
      <c r="B5488" t="s">
        <v>34820</v>
      </c>
      <c r="C5488" t="s">
        <v>34821</v>
      </c>
      <c r="D5488" t="s">
        <v>34694</v>
      </c>
      <c r="E5488" t="s">
        <v>13</v>
      </c>
      <c r="F5488">
        <v>8594</v>
      </c>
      <c r="G5488" t="s">
        <v>34822</v>
      </c>
      <c r="H5488">
        <v>5.8627238598530003</v>
      </c>
      <c r="I5488">
        <v>51.091014144817002</v>
      </c>
      <c r="J5488" t="s">
        <v>61173</v>
      </c>
    </row>
    <row r="5489" spans="1:10" x14ac:dyDescent="0.25">
      <c r="A5489" t="s">
        <v>34815</v>
      </c>
      <c r="B5489" t="s">
        <v>34816</v>
      </c>
      <c r="C5489" t="s">
        <v>34817</v>
      </c>
      <c r="D5489" t="s">
        <v>34694</v>
      </c>
      <c r="E5489" t="s">
        <v>13</v>
      </c>
      <c r="F5489">
        <v>8593</v>
      </c>
      <c r="G5489" t="s">
        <v>34818</v>
      </c>
      <c r="H5489">
        <v>5.8560097429600004</v>
      </c>
      <c r="I5489">
        <v>51.110043838334001</v>
      </c>
      <c r="J5489" t="s">
        <v>61174</v>
      </c>
    </row>
    <row r="5490" spans="1:10" x14ac:dyDescent="0.25">
      <c r="A5490" t="s">
        <v>34811</v>
      </c>
      <c r="B5490" t="s">
        <v>34812</v>
      </c>
      <c r="C5490" t="s">
        <v>34813</v>
      </c>
      <c r="D5490" t="s">
        <v>34694</v>
      </c>
      <c r="E5490" t="s">
        <v>13</v>
      </c>
      <c r="F5490">
        <v>8592</v>
      </c>
      <c r="G5490" t="s">
        <v>34814</v>
      </c>
      <c r="H5490">
        <v>5.876524998422</v>
      </c>
      <c r="I5490">
        <v>51.118285224628998</v>
      </c>
      <c r="J5490" t="s">
        <v>61175</v>
      </c>
    </row>
    <row r="5491" spans="1:10" x14ac:dyDescent="0.25">
      <c r="A5491" t="s">
        <v>34807</v>
      </c>
      <c r="B5491" t="s">
        <v>34808</v>
      </c>
      <c r="C5491" t="s">
        <v>34809</v>
      </c>
      <c r="D5491" t="s">
        <v>34694</v>
      </c>
      <c r="E5491" t="s">
        <v>13</v>
      </c>
      <c r="F5491">
        <v>8591</v>
      </c>
      <c r="G5491" t="s">
        <v>34810</v>
      </c>
      <c r="H5491">
        <v>5.8909452235720003</v>
      </c>
      <c r="I5491">
        <v>51.122756297930998</v>
      </c>
      <c r="J5491" t="s">
        <v>61176</v>
      </c>
    </row>
    <row r="5492" spans="1:10" x14ac:dyDescent="0.25">
      <c r="A5492" t="s">
        <v>34803</v>
      </c>
      <c r="B5492" t="s">
        <v>34804</v>
      </c>
      <c r="C5492" t="s">
        <v>34805</v>
      </c>
      <c r="D5492" t="s">
        <v>34694</v>
      </c>
      <c r="E5492" t="s">
        <v>13</v>
      </c>
      <c r="F5492">
        <v>8590</v>
      </c>
      <c r="G5492" t="s">
        <v>34806</v>
      </c>
      <c r="H5492">
        <v>5.847915882863</v>
      </c>
      <c r="I5492">
        <v>51.096682122735999</v>
      </c>
      <c r="J5492" t="s">
        <v>61177</v>
      </c>
    </row>
    <row r="5493" spans="1:10" x14ac:dyDescent="0.25">
      <c r="A5493" t="s">
        <v>34799</v>
      </c>
      <c r="B5493" t="s">
        <v>34800</v>
      </c>
      <c r="C5493" t="s">
        <v>34801</v>
      </c>
      <c r="D5493" t="s">
        <v>34694</v>
      </c>
      <c r="E5493" t="s">
        <v>13</v>
      </c>
      <c r="F5493">
        <v>8589</v>
      </c>
      <c r="G5493" t="s">
        <v>34802</v>
      </c>
      <c r="H5493">
        <v>5.8722676337820001</v>
      </c>
      <c r="I5493">
        <v>51.094280443895997</v>
      </c>
      <c r="J5493" t="s">
        <v>61178</v>
      </c>
    </row>
    <row r="5494" spans="1:10" x14ac:dyDescent="0.25">
      <c r="A5494" t="s">
        <v>34795</v>
      </c>
      <c r="B5494" t="s">
        <v>34796</v>
      </c>
      <c r="C5494" t="s">
        <v>34797</v>
      </c>
      <c r="D5494" t="s">
        <v>34694</v>
      </c>
      <c r="E5494" t="s">
        <v>13</v>
      </c>
      <c r="F5494">
        <v>8588</v>
      </c>
      <c r="G5494" t="s">
        <v>34798</v>
      </c>
      <c r="H5494">
        <v>5.8730356549440002</v>
      </c>
      <c r="I5494">
        <v>51.110134562248</v>
      </c>
      <c r="J5494" t="s">
        <v>61179</v>
      </c>
    </row>
    <row r="5495" spans="1:10" x14ac:dyDescent="0.25">
      <c r="A5495" t="s">
        <v>34791</v>
      </c>
      <c r="B5495" t="s">
        <v>34792</v>
      </c>
      <c r="C5495" t="s">
        <v>34793</v>
      </c>
      <c r="D5495" t="s">
        <v>34694</v>
      </c>
      <c r="E5495" t="s">
        <v>13</v>
      </c>
      <c r="F5495">
        <v>8587</v>
      </c>
      <c r="G5495" t="s">
        <v>34794</v>
      </c>
      <c r="H5495">
        <v>5.8715665190489998</v>
      </c>
      <c r="I5495">
        <v>51.102222702189003</v>
      </c>
      <c r="J5495" t="s">
        <v>61180</v>
      </c>
    </row>
    <row r="5496" spans="1:10" x14ac:dyDescent="0.25">
      <c r="A5496" t="s">
        <v>34787</v>
      </c>
      <c r="B5496" t="s">
        <v>34788</v>
      </c>
      <c r="C5496" t="s">
        <v>34789</v>
      </c>
      <c r="D5496" t="s">
        <v>34694</v>
      </c>
      <c r="E5496" t="s">
        <v>13</v>
      </c>
      <c r="F5496">
        <v>8586</v>
      </c>
      <c r="G5496" t="s">
        <v>34790</v>
      </c>
      <c r="H5496">
        <v>5.8597891369469997</v>
      </c>
      <c r="I5496">
        <v>51.105414483544997</v>
      </c>
      <c r="J5496" t="s">
        <v>61181</v>
      </c>
    </row>
    <row r="5497" spans="1:10" x14ac:dyDescent="0.25">
      <c r="A5497" t="s">
        <v>34783</v>
      </c>
      <c r="B5497" t="s">
        <v>34784</v>
      </c>
      <c r="C5497" t="s">
        <v>34785</v>
      </c>
      <c r="D5497" t="s">
        <v>34694</v>
      </c>
      <c r="E5497" t="s">
        <v>13</v>
      </c>
      <c r="F5497">
        <v>8585</v>
      </c>
      <c r="G5497" t="s">
        <v>34786</v>
      </c>
      <c r="H5497">
        <v>5.8813652181589999</v>
      </c>
      <c r="I5497">
        <v>51.116241918916003</v>
      </c>
      <c r="J5497" t="s">
        <v>61182</v>
      </c>
    </row>
    <row r="5498" spans="1:10" x14ac:dyDescent="0.25">
      <c r="A5498" t="s">
        <v>34779</v>
      </c>
      <c r="B5498" t="s">
        <v>34780</v>
      </c>
      <c r="C5498" t="s">
        <v>34781</v>
      </c>
      <c r="D5498" t="s">
        <v>34694</v>
      </c>
      <c r="E5498" t="s">
        <v>13</v>
      </c>
      <c r="F5498">
        <v>8584</v>
      </c>
      <c r="G5498" t="s">
        <v>34782</v>
      </c>
      <c r="H5498">
        <v>5.8712562997509998</v>
      </c>
      <c r="I5498">
        <v>51.121580252805003</v>
      </c>
      <c r="J5498" t="s">
        <v>61183</v>
      </c>
    </row>
    <row r="5499" spans="1:10" x14ac:dyDescent="0.25">
      <c r="A5499" t="s">
        <v>34775</v>
      </c>
      <c r="B5499" t="s">
        <v>34776</v>
      </c>
      <c r="C5499" t="s">
        <v>34777</v>
      </c>
      <c r="D5499" t="s">
        <v>34694</v>
      </c>
      <c r="E5499" t="s">
        <v>13</v>
      </c>
      <c r="F5499">
        <v>8583</v>
      </c>
      <c r="G5499" t="s">
        <v>34778</v>
      </c>
      <c r="H5499">
        <v>5.841467447676</v>
      </c>
      <c r="I5499">
        <v>51.101751628572003</v>
      </c>
      <c r="J5499" t="s">
        <v>61184</v>
      </c>
    </row>
    <row r="5500" spans="1:10" x14ac:dyDescent="0.25">
      <c r="A5500" t="s">
        <v>34771</v>
      </c>
      <c r="B5500" t="s">
        <v>34772</v>
      </c>
      <c r="C5500" t="s">
        <v>34773</v>
      </c>
      <c r="D5500" t="s">
        <v>34694</v>
      </c>
      <c r="E5500" t="s">
        <v>13</v>
      </c>
      <c r="F5500">
        <v>8582</v>
      </c>
      <c r="G5500" t="s">
        <v>34774</v>
      </c>
      <c r="H5500">
        <v>5.8331173387930004</v>
      </c>
      <c r="I5500">
        <v>51.085742309704003</v>
      </c>
      <c r="J5500" t="s">
        <v>61185</v>
      </c>
    </row>
    <row r="5501" spans="1:10" x14ac:dyDescent="0.25">
      <c r="A5501" t="s">
        <v>34767</v>
      </c>
      <c r="B5501" t="s">
        <v>34768</v>
      </c>
      <c r="C5501" t="s">
        <v>34769</v>
      </c>
      <c r="D5501" t="s">
        <v>34694</v>
      </c>
      <c r="E5501" t="s">
        <v>13</v>
      </c>
      <c r="F5501">
        <v>8581</v>
      </c>
      <c r="G5501" t="s">
        <v>34770</v>
      </c>
      <c r="H5501">
        <v>5.8166941912950003</v>
      </c>
      <c r="I5501">
        <v>51.088590994001997</v>
      </c>
      <c r="J5501" t="s">
        <v>61186</v>
      </c>
    </row>
    <row r="5502" spans="1:10" x14ac:dyDescent="0.25">
      <c r="A5502" t="s">
        <v>34763</v>
      </c>
      <c r="B5502" t="s">
        <v>34764</v>
      </c>
      <c r="C5502" t="s">
        <v>34765</v>
      </c>
      <c r="D5502" t="s">
        <v>34694</v>
      </c>
      <c r="E5502" t="s">
        <v>13</v>
      </c>
      <c r="F5502">
        <v>8580</v>
      </c>
      <c r="G5502" t="s">
        <v>34766</v>
      </c>
      <c r="H5502">
        <v>5.8078513064589998</v>
      </c>
      <c r="I5502">
        <v>51.070798091394998</v>
      </c>
      <c r="J5502" t="s">
        <v>61187</v>
      </c>
    </row>
    <row r="5503" spans="1:10" x14ac:dyDescent="0.25">
      <c r="A5503" t="s">
        <v>34759</v>
      </c>
      <c r="B5503" t="s">
        <v>34760</v>
      </c>
      <c r="C5503" t="s">
        <v>34761</v>
      </c>
      <c r="D5503" t="s">
        <v>34694</v>
      </c>
      <c r="E5503" t="s">
        <v>13</v>
      </c>
      <c r="F5503">
        <v>8579</v>
      </c>
      <c r="G5503" t="s">
        <v>34762</v>
      </c>
      <c r="H5503">
        <v>5.8172666219810001</v>
      </c>
      <c r="I5503">
        <v>51.081930821382997</v>
      </c>
      <c r="J5503" t="s">
        <v>61188</v>
      </c>
    </row>
    <row r="5504" spans="1:10" x14ac:dyDescent="0.25">
      <c r="A5504" t="s">
        <v>34755</v>
      </c>
      <c r="B5504" t="s">
        <v>34756</v>
      </c>
      <c r="C5504" t="s">
        <v>34757</v>
      </c>
      <c r="D5504" t="s">
        <v>34694</v>
      </c>
      <c r="E5504" t="s">
        <v>13</v>
      </c>
      <c r="F5504">
        <v>8578</v>
      </c>
      <c r="G5504" t="s">
        <v>34758</v>
      </c>
      <c r="H5504">
        <v>5.8306672012779996</v>
      </c>
      <c r="I5504">
        <v>51.080251319357998</v>
      </c>
      <c r="J5504" t="s">
        <v>61189</v>
      </c>
    </row>
    <row r="5505" spans="1:10" x14ac:dyDescent="0.25">
      <c r="A5505" t="s">
        <v>34751</v>
      </c>
      <c r="B5505" t="s">
        <v>34752</v>
      </c>
      <c r="C5505" t="s">
        <v>34753</v>
      </c>
      <c r="D5505" t="s">
        <v>34694</v>
      </c>
      <c r="E5505" t="s">
        <v>13</v>
      </c>
      <c r="F5505">
        <v>8577</v>
      </c>
      <c r="G5505" t="s">
        <v>34754</v>
      </c>
      <c r="H5505">
        <v>5.8052977086290003</v>
      </c>
      <c r="I5505">
        <v>51.083392701538003</v>
      </c>
      <c r="J5505" t="s">
        <v>61190</v>
      </c>
    </row>
    <row r="5506" spans="1:10" x14ac:dyDescent="0.25">
      <c r="A5506" t="s">
        <v>34747</v>
      </c>
      <c r="B5506" t="s">
        <v>34748</v>
      </c>
      <c r="C5506" t="s">
        <v>34749</v>
      </c>
      <c r="D5506" t="s">
        <v>34694</v>
      </c>
      <c r="E5506" t="s">
        <v>13</v>
      </c>
      <c r="F5506">
        <v>8576</v>
      </c>
      <c r="G5506" t="s">
        <v>34750</v>
      </c>
      <c r="H5506">
        <v>5.8040848351859999</v>
      </c>
      <c r="I5506">
        <v>51.062280313921001</v>
      </c>
      <c r="J5506" t="s">
        <v>61191</v>
      </c>
    </row>
    <row r="5507" spans="1:10" x14ac:dyDescent="0.25">
      <c r="A5507" t="s">
        <v>34743</v>
      </c>
      <c r="B5507" t="s">
        <v>34744</v>
      </c>
      <c r="C5507" t="s">
        <v>34745</v>
      </c>
      <c r="D5507" t="s">
        <v>34694</v>
      </c>
      <c r="E5507" t="s">
        <v>13</v>
      </c>
      <c r="F5507">
        <v>8575</v>
      </c>
      <c r="G5507" t="s">
        <v>34746</v>
      </c>
      <c r="H5507">
        <v>5.8848073730720003</v>
      </c>
      <c r="I5507">
        <v>51.063097284897999</v>
      </c>
      <c r="J5507" t="s">
        <v>61192</v>
      </c>
    </row>
    <row r="5508" spans="1:10" x14ac:dyDescent="0.25">
      <c r="A5508" t="s">
        <v>34739</v>
      </c>
      <c r="B5508" t="s">
        <v>34740</v>
      </c>
      <c r="C5508" t="s">
        <v>34741</v>
      </c>
      <c r="D5508" t="s">
        <v>34694</v>
      </c>
      <c r="E5508" t="s">
        <v>13</v>
      </c>
      <c r="F5508">
        <v>8574</v>
      </c>
      <c r="G5508" t="s">
        <v>34742</v>
      </c>
      <c r="H5508">
        <v>5.8832271978790001</v>
      </c>
      <c r="I5508">
        <v>51.067916881471</v>
      </c>
      <c r="J5508" t="s">
        <v>61193</v>
      </c>
    </row>
    <row r="5509" spans="1:10" x14ac:dyDescent="0.25">
      <c r="A5509" t="s">
        <v>34736</v>
      </c>
      <c r="B5509" t="s">
        <v>34737</v>
      </c>
      <c r="C5509" t="s">
        <v>30373</v>
      </c>
      <c r="D5509" t="s">
        <v>34694</v>
      </c>
      <c r="E5509" t="s">
        <v>13</v>
      </c>
      <c r="F5509">
        <v>8573</v>
      </c>
      <c r="G5509" t="s">
        <v>34738</v>
      </c>
      <c r="H5509">
        <v>5.8723484990069998</v>
      </c>
      <c r="I5509">
        <v>51.067405181778</v>
      </c>
      <c r="J5509" t="s">
        <v>61194</v>
      </c>
    </row>
    <row r="5510" spans="1:10" x14ac:dyDescent="0.25">
      <c r="A5510" t="s">
        <v>34732</v>
      </c>
      <c r="B5510" t="s">
        <v>34733</v>
      </c>
      <c r="C5510" t="s">
        <v>34734</v>
      </c>
      <c r="D5510" t="s">
        <v>34694</v>
      </c>
      <c r="E5510" t="s">
        <v>13</v>
      </c>
      <c r="F5510">
        <v>8572</v>
      </c>
      <c r="G5510" t="s">
        <v>34735</v>
      </c>
      <c r="H5510">
        <v>5.8481967682329996</v>
      </c>
      <c r="I5510">
        <v>51.080490318574</v>
      </c>
      <c r="J5510" t="s">
        <v>61195</v>
      </c>
    </row>
    <row r="5511" spans="1:10" x14ac:dyDescent="0.25">
      <c r="A5511" t="s">
        <v>34728</v>
      </c>
      <c r="B5511" t="s">
        <v>34729</v>
      </c>
      <c r="C5511" t="s">
        <v>34730</v>
      </c>
      <c r="D5511" t="s">
        <v>34694</v>
      </c>
      <c r="E5511" t="s">
        <v>13</v>
      </c>
      <c r="F5511">
        <v>8571</v>
      </c>
      <c r="G5511" t="s">
        <v>34731</v>
      </c>
      <c r="H5511">
        <v>5.8450632854790001</v>
      </c>
      <c r="I5511">
        <v>51.076104762736001</v>
      </c>
      <c r="J5511" t="s">
        <v>61196</v>
      </c>
    </row>
    <row r="5512" spans="1:10" x14ac:dyDescent="0.25">
      <c r="A5512" t="s">
        <v>34724</v>
      </c>
      <c r="B5512" t="s">
        <v>34725</v>
      </c>
      <c r="C5512" t="s">
        <v>34726</v>
      </c>
      <c r="D5512" t="s">
        <v>34694</v>
      </c>
      <c r="E5512" t="s">
        <v>13</v>
      </c>
      <c r="F5512">
        <v>8570</v>
      </c>
      <c r="G5512" t="s">
        <v>34727</v>
      </c>
      <c r="H5512">
        <v>5.865014300156</v>
      </c>
      <c r="I5512">
        <v>51.071866760104001</v>
      </c>
      <c r="J5512" t="s">
        <v>61197</v>
      </c>
    </row>
    <row r="5513" spans="1:10" x14ac:dyDescent="0.25">
      <c r="A5513" t="s">
        <v>34720</v>
      </c>
      <c r="B5513" t="s">
        <v>34721</v>
      </c>
      <c r="C5513" t="s">
        <v>34722</v>
      </c>
      <c r="D5513" t="s">
        <v>34694</v>
      </c>
      <c r="E5513" t="s">
        <v>13</v>
      </c>
      <c r="F5513">
        <v>8569</v>
      </c>
      <c r="G5513" t="s">
        <v>34723</v>
      </c>
      <c r="H5513">
        <v>5.8621389741190004</v>
      </c>
      <c r="I5513">
        <v>51.068627832449003</v>
      </c>
      <c r="J5513" t="s">
        <v>61198</v>
      </c>
    </row>
    <row r="5514" spans="1:10" x14ac:dyDescent="0.25">
      <c r="A5514" t="s">
        <v>34716</v>
      </c>
      <c r="B5514" t="s">
        <v>34717</v>
      </c>
      <c r="C5514" t="s">
        <v>34718</v>
      </c>
      <c r="D5514" t="s">
        <v>34694</v>
      </c>
      <c r="E5514" t="s">
        <v>13</v>
      </c>
      <c r="F5514">
        <v>8568</v>
      </c>
      <c r="G5514" t="s">
        <v>34719</v>
      </c>
      <c r="H5514">
        <v>5.8407757867459997</v>
      </c>
      <c r="I5514">
        <v>51.061898464007001</v>
      </c>
      <c r="J5514" t="s">
        <v>61199</v>
      </c>
    </row>
    <row r="5515" spans="1:10" x14ac:dyDescent="0.25">
      <c r="A5515" t="s">
        <v>34712</v>
      </c>
      <c r="B5515" t="s">
        <v>34713</v>
      </c>
      <c r="C5515" t="s">
        <v>34714</v>
      </c>
      <c r="D5515" t="s">
        <v>34694</v>
      </c>
      <c r="E5515" t="s">
        <v>13</v>
      </c>
      <c r="F5515">
        <v>8567</v>
      </c>
      <c r="G5515" t="s">
        <v>34715</v>
      </c>
      <c r="H5515">
        <v>5.8526305703809998</v>
      </c>
      <c r="I5515">
        <v>51.061741715008999</v>
      </c>
      <c r="J5515" t="s">
        <v>61200</v>
      </c>
    </row>
    <row r="5516" spans="1:10" x14ac:dyDescent="0.25">
      <c r="A5516" t="s">
        <v>34708</v>
      </c>
      <c r="B5516" t="s">
        <v>34709</v>
      </c>
      <c r="C5516" t="s">
        <v>34710</v>
      </c>
      <c r="D5516" t="s">
        <v>34694</v>
      </c>
      <c r="E5516" t="s">
        <v>13</v>
      </c>
      <c r="F5516">
        <v>8566</v>
      </c>
      <c r="G5516" t="s">
        <v>34711</v>
      </c>
      <c r="H5516">
        <v>5.8479563247930004</v>
      </c>
      <c r="I5516">
        <v>51.063311011107999</v>
      </c>
      <c r="J5516" t="s">
        <v>61201</v>
      </c>
    </row>
    <row r="5517" spans="1:10" x14ac:dyDescent="0.25">
      <c r="A5517" t="s">
        <v>34704</v>
      </c>
      <c r="B5517" t="s">
        <v>34705</v>
      </c>
      <c r="C5517" t="s">
        <v>34706</v>
      </c>
      <c r="D5517" t="s">
        <v>34694</v>
      </c>
      <c r="E5517" t="s">
        <v>13</v>
      </c>
      <c r="F5517">
        <v>8565</v>
      </c>
      <c r="G5517" t="s">
        <v>34707</v>
      </c>
      <c r="H5517">
        <v>5.8545642046930002</v>
      </c>
      <c r="I5517">
        <v>51.068124110287002</v>
      </c>
      <c r="J5517" t="s">
        <v>61202</v>
      </c>
    </row>
    <row r="5518" spans="1:10" x14ac:dyDescent="0.25">
      <c r="A5518" t="s">
        <v>34700</v>
      </c>
      <c r="B5518" t="s">
        <v>34701</v>
      </c>
      <c r="C5518" t="s">
        <v>34702</v>
      </c>
      <c r="D5518" t="s">
        <v>34694</v>
      </c>
      <c r="E5518" t="s">
        <v>13</v>
      </c>
      <c r="F5518">
        <v>8564</v>
      </c>
      <c r="G5518" t="s">
        <v>34703</v>
      </c>
      <c r="H5518">
        <v>5.8616037130330003</v>
      </c>
      <c r="I5518">
        <v>51.063827951221</v>
      </c>
      <c r="J5518" t="s">
        <v>61203</v>
      </c>
    </row>
    <row r="5519" spans="1:10" x14ac:dyDescent="0.25">
      <c r="A5519" t="s">
        <v>34696</v>
      </c>
      <c r="B5519" t="s">
        <v>34697</v>
      </c>
      <c r="C5519" t="s">
        <v>34698</v>
      </c>
      <c r="D5519" t="s">
        <v>34694</v>
      </c>
      <c r="E5519" t="s">
        <v>13</v>
      </c>
      <c r="F5519">
        <v>8563</v>
      </c>
      <c r="G5519" t="s">
        <v>34699</v>
      </c>
      <c r="H5519">
        <v>5.857547472656</v>
      </c>
      <c r="I5519">
        <v>51.059680381836998</v>
      </c>
      <c r="J5519" t="s">
        <v>61204</v>
      </c>
    </row>
    <row r="5520" spans="1:10" x14ac:dyDescent="0.25">
      <c r="A5520" t="s">
        <v>34691</v>
      </c>
      <c r="B5520" t="s">
        <v>34692</v>
      </c>
      <c r="C5520" t="s">
        <v>34693</v>
      </c>
      <c r="D5520" t="s">
        <v>34694</v>
      </c>
      <c r="E5520" t="s">
        <v>13</v>
      </c>
      <c r="F5520">
        <v>8562</v>
      </c>
      <c r="G5520" t="s">
        <v>34695</v>
      </c>
      <c r="H5520">
        <v>5.8269647315480002</v>
      </c>
      <c r="I5520">
        <v>51.068731886050003</v>
      </c>
      <c r="J5520" t="s">
        <v>61205</v>
      </c>
    </row>
    <row r="5521" spans="1:10" x14ac:dyDescent="0.25">
      <c r="A5521" t="s">
        <v>34687</v>
      </c>
      <c r="B5521" t="s">
        <v>34688</v>
      </c>
      <c r="C5521" t="s">
        <v>34689</v>
      </c>
      <c r="D5521" t="s">
        <v>34538</v>
      </c>
      <c r="E5521" t="s">
        <v>13</v>
      </c>
      <c r="F5521">
        <v>8561</v>
      </c>
      <c r="G5521" t="s">
        <v>34690</v>
      </c>
      <c r="H5521">
        <v>4.4430581639540003</v>
      </c>
      <c r="I5521">
        <v>51.667281537058997</v>
      </c>
      <c r="J5521" t="s">
        <v>61206</v>
      </c>
    </row>
    <row r="5522" spans="1:10" x14ac:dyDescent="0.25">
      <c r="A5522" t="s">
        <v>34683</v>
      </c>
      <c r="B5522" t="s">
        <v>34684</v>
      </c>
      <c r="C5522" t="s">
        <v>34685</v>
      </c>
      <c r="D5522" t="s">
        <v>34538</v>
      </c>
      <c r="E5522" t="s">
        <v>13</v>
      </c>
      <c r="F5522">
        <v>8560</v>
      </c>
      <c r="G5522" t="s">
        <v>34686</v>
      </c>
      <c r="H5522">
        <v>4.4324409607420003</v>
      </c>
      <c r="I5522">
        <v>51.676545221936998</v>
      </c>
      <c r="J5522" t="s">
        <v>61207</v>
      </c>
    </row>
    <row r="5523" spans="1:10" x14ac:dyDescent="0.25">
      <c r="A5523" t="s">
        <v>34679</v>
      </c>
      <c r="B5523" t="s">
        <v>34680</v>
      </c>
      <c r="C5523" t="s">
        <v>34681</v>
      </c>
      <c r="D5523" t="s">
        <v>34538</v>
      </c>
      <c r="E5523" t="s">
        <v>13</v>
      </c>
      <c r="F5523">
        <v>8559</v>
      </c>
      <c r="G5523" t="s">
        <v>34682</v>
      </c>
      <c r="H5523">
        <v>4.456182169801</v>
      </c>
      <c r="I5523">
        <v>51.675946904166999</v>
      </c>
      <c r="J5523" t="s">
        <v>61208</v>
      </c>
    </row>
    <row r="5524" spans="1:10" x14ac:dyDescent="0.25">
      <c r="A5524" t="s">
        <v>34675</v>
      </c>
      <c r="B5524" t="s">
        <v>34676</v>
      </c>
      <c r="C5524" t="s">
        <v>34677</v>
      </c>
      <c r="D5524" t="s">
        <v>34538</v>
      </c>
      <c r="E5524" t="s">
        <v>13</v>
      </c>
      <c r="F5524">
        <v>8558</v>
      </c>
      <c r="G5524" t="s">
        <v>34678</v>
      </c>
      <c r="H5524">
        <v>4.4465209967010004</v>
      </c>
      <c r="I5524">
        <v>51.686835698267998</v>
      </c>
      <c r="J5524" t="s">
        <v>61209</v>
      </c>
    </row>
    <row r="5525" spans="1:10" x14ac:dyDescent="0.25">
      <c r="A5525" t="s">
        <v>34671</v>
      </c>
      <c r="B5525" t="s">
        <v>34672</v>
      </c>
      <c r="C5525" t="s">
        <v>34673</v>
      </c>
      <c r="D5525" t="s">
        <v>34538</v>
      </c>
      <c r="E5525" t="s">
        <v>13</v>
      </c>
      <c r="F5525">
        <v>8557</v>
      </c>
      <c r="G5525" t="s">
        <v>34674</v>
      </c>
      <c r="H5525">
        <v>4.4394920763289996</v>
      </c>
      <c r="I5525">
        <v>51.685321204243003</v>
      </c>
      <c r="J5525" t="s">
        <v>61210</v>
      </c>
    </row>
    <row r="5526" spans="1:10" x14ac:dyDescent="0.25">
      <c r="A5526" t="s">
        <v>34667</v>
      </c>
      <c r="B5526" t="s">
        <v>34668</v>
      </c>
      <c r="C5526" t="s">
        <v>34669</v>
      </c>
      <c r="D5526" t="s">
        <v>34538</v>
      </c>
      <c r="E5526" t="s">
        <v>13</v>
      </c>
      <c r="F5526">
        <v>8556</v>
      </c>
      <c r="G5526" t="s">
        <v>34670</v>
      </c>
      <c r="H5526">
        <v>4.4410011575019999</v>
      </c>
      <c r="I5526">
        <v>51.692486135994997</v>
      </c>
      <c r="J5526" t="s">
        <v>61211</v>
      </c>
    </row>
    <row r="5527" spans="1:10" x14ac:dyDescent="0.25">
      <c r="A5527" t="s">
        <v>34663</v>
      </c>
      <c r="B5527" t="s">
        <v>34664</v>
      </c>
      <c r="C5527" t="s">
        <v>34665</v>
      </c>
      <c r="D5527" t="s">
        <v>34538</v>
      </c>
      <c r="E5527" t="s">
        <v>13</v>
      </c>
      <c r="F5527">
        <v>8555</v>
      </c>
      <c r="G5527" t="s">
        <v>34666</v>
      </c>
      <c r="H5527">
        <v>4.4095842951430004</v>
      </c>
      <c r="I5527">
        <v>51.657435474274997</v>
      </c>
      <c r="J5527" t="s">
        <v>61212</v>
      </c>
    </row>
    <row r="5528" spans="1:10" x14ac:dyDescent="0.25">
      <c r="A5528" t="s">
        <v>34659</v>
      </c>
      <c r="B5528" t="s">
        <v>34660</v>
      </c>
      <c r="C5528" t="s">
        <v>34661</v>
      </c>
      <c r="D5528" t="s">
        <v>34538</v>
      </c>
      <c r="E5528" t="s">
        <v>13</v>
      </c>
      <c r="F5528">
        <v>8554</v>
      </c>
      <c r="G5528" t="s">
        <v>34662</v>
      </c>
      <c r="H5528">
        <v>4.4142667518390004</v>
      </c>
      <c r="I5528">
        <v>51.652810978058</v>
      </c>
      <c r="J5528" t="s">
        <v>61213</v>
      </c>
    </row>
    <row r="5529" spans="1:10" x14ac:dyDescent="0.25">
      <c r="A5529" t="s">
        <v>34655</v>
      </c>
      <c r="B5529" t="s">
        <v>34656</v>
      </c>
      <c r="C5529" t="s">
        <v>34657</v>
      </c>
      <c r="D5529" t="s">
        <v>34538</v>
      </c>
      <c r="E5529" t="s">
        <v>13</v>
      </c>
      <c r="F5529">
        <v>8553</v>
      </c>
      <c r="G5529" t="s">
        <v>34658</v>
      </c>
      <c r="H5529">
        <v>4.4683362058469998</v>
      </c>
      <c r="I5529">
        <v>51.638029478471999</v>
      </c>
      <c r="J5529" t="s">
        <v>61214</v>
      </c>
    </row>
    <row r="5530" spans="1:10" x14ac:dyDescent="0.25">
      <c r="A5530" t="s">
        <v>34651</v>
      </c>
      <c r="B5530" t="s">
        <v>34652</v>
      </c>
      <c r="C5530" t="s">
        <v>34653</v>
      </c>
      <c r="D5530" t="s">
        <v>34538</v>
      </c>
      <c r="E5530" t="s">
        <v>13</v>
      </c>
      <c r="F5530">
        <v>8552</v>
      </c>
      <c r="G5530" t="s">
        <v>34654</v>
      </c>
      <c r="H5530">
        <v>4.5070547126129998</v>
      </c>
      <c r="I5530">
        <v>51.656613683726</v>
      </c>
      <c r="J5530" t="s">
        <v>61215</v>
      </c>
    </row>
    <row r="5531" spans="1:10" x14ac:dyDescent="0.25">
      <c r="A5531" t="s">
        <v>34647</v>
      </c>
      <c r="B5531" t="s">
        <v>34648</v>
      </c>
      <c r="C5531" t="s">
        <v>34649</v>
      </c>
      <c r="D5531" t="s">
        <v>34538</v>
      </c>
      <c r="E5531" t="s">
        <v>13</v>
      </c>
      <c r="F5531">
        <v>8551</v>
      </c>
      <c r="G5531" t="s">
        <v>34650</v>
      </c>
      <c r="H5531">
        <v>4.4478249776279997</v>
      </c>
      <c r="I5531">
        <v>51.642652607762997</v>
      </c>
      <c r="J5531" t="s">
        <v>61216</v>
      </c>
    </row>
    <row r="5532" spans="1:10" x14ac:dyDescent="0.25">
      <c r="A5532" t="s">
        <v>34643</v>
      </c>
      <c r="B5532" t="s">
        <v>34644</v>
      </c>
      <c r="C5532" t="s">
        <v>34645</v>
      </c>
      <c r="D5532" t="s">
        <v>34538</v>
      </c>
      <c r="E5532" t="s">
        <v>13</v>
      </c>
      <c r="F5532">
        <v>8550</v>
      </c>
      <c r="G5532" t="s">
        <v>34646</v>
      </c>
      <c r="H5532">
        <v>4.4692627683890001</v>
      </c>
      <c r="I5532">
        <v>51.650349806477003</v>
      </c>
      <c r="J5532" t="s">
        <v>61217</v>
      </c>
    </row>
    <row r="5533" spans="1:10" x14ac:dyDescent="0.25">
      <c r="A5533" t="s">
        <v>34639</v>
      </c>
      <c r="B5533" t="s">
        <v>34640</v>
      </c>
      <c r="C5533" t="s">
        <v>34641</v>
      </c>
      <c r="D5533" t="s">
        <v>34538</v>
      </c>
      <c r="E5533" t="s">
        <v>13</v>
      </c>
      <c r="F5533">
        <v>8549</v>
      </c>
      <c r="G5533" t="s">
        <v>34642</v>
      </c>
      <c r="H5533">
        <v>4.4689083911490002</v>
      </c>
      <c r="I5533">
        <v>51.637222060935997</v>
      </c>
      <c r="J5533" t="s">
        <v>61218</v>
      </c>
    </row>
    <row r="5534" spans="1:10" x14ac:dyDescent="0.25">
      <c r="A5534" t="s">
        <v>34635</v>
      </c>
      <c r="B5534" t="s">
        <v>34636</v>
      </c>
      <c r="C5534" t="s">
        <v>34637</v>
      </c>
      <c r="D5534" t="s">
        <v>34538</v>
      </c>
      <c r="E5534" t="s">
        <v>13</v>
      </c>
      <c r="F5534">
        <v>8548</v>
      </c>
      <c r="G5534" t="s">
        <v>34638</v>
      </c>
      <c r="H5534">
        <v>4.529485836508</v>
      </c>
      <c r="I5534">
        <v>51.624801791301003</v>
      </c>
      <c r="J5534" t="s">
        <v>61219</v>
      </c>
    </row>
    <row r="5535" spans="1:10" x14ac:dyDescent="0.25">
      <c r="A5535" t="s">
        <v>34631</v>
      </c>
      <c r="B5535" t="s">
        <v>34632</v>
      </c>
      <c r="C5535" t="s">
        <v>34633</v>
      </c>
      <c r="D5535" t="s">
        <v>34538</v>
      </c>
      <c r="E5535" t="s">
        <v>13</v>
      </c>
      <c r="F5535">
        <v>8547</v>
      </c>
      <c r="G5535" t="s">
        <v>34634</v>
      </c>
      <c r="H5535">
        <v>4.5087820153009996</v>
      </c>
      <c r="I5535">
        <v>51.625402396105002</v>
      </c>
      <c r="J5535" t="s">
        <v>61220</v>
      </c>
    </row>
    <row r="5536" spans="1:10" x14ac:dyDescent="0.25">
      <c r="A5536" t="s">
        <v>34627</v>
      </c>
      <c r="B5536" t="s">
        <v>34628</v>
      </c>
      <c r="C5536" t="s">
        <v>34629</v>
      </c>
      <c r="D5536" t="s">
        <v>34538</v>
      </c>
      <c r="E5536" t="s">
        <v>13</v>
      </c>
      <c r="F5536">
        <v>8546</v>
      </c>
      <c r="G5536" t="s">
        <v>34630</v>
      </c>
      <c r="H5536">
        <v>4.5152140382830002</v>
      </c>
      <c r="I5536">
        <v>51.612870860207003</v>
      </c>
      <c r="J5536" t="s">
        <v>61221</v>
      </c>
    </row>
    <row r="5537" spans="1:10" x14ac:dyDescent="0.25">
      <c r="A5537" t="s">
        <v>34623</v>
      </c>
      <c r="B5537" t="s">
        <v>34624</v>
      </c>
      <c r="C5537" t="s">
        <v>34625</v>
      </c>
      <c r="D5537" t="s">
        <v>34538</v>
      </c>
      <c r="E5537" t="s">
        <v>13</v>
      </c>
      <c r="F5537">
        <v>8545</v>
      </c>
      <c r="G5537" t="s">
        <v>34626</v>
      </c>
      <c r="H5537">
        <v>4.524987072449</v>
      </c>
      <c r="I5537">
        <v>51.637123687968</v>
      </c>
      <c r="J5537" t="s">
        <v>61222</v>
      </c>
    </row>
    <row r="5538" spans="1:10" x14ac:dyDescent="0.25">
      <c r="A5538" t="s">
        <v>34619</v>
      </c>
      <c r="B5538" t="s">
        <v>34620</v>
      </c>
      <c r="C5538" t="s">
        <v>34621</v>
      </c>
      <c r="D5538" t="s">
        <v>34538</v>
      </c>
      <c r="E5538" t="s">
        <v>13</v>
      </c>
      <c r="F5538">
        <v>8544</v>
      </c>
      <c r="G5538" t="s">
        <v>34622</v>
      </c>
      <c r="H5538">
        <v>4.5298163916409999</v>
      </c>
      <c r="I5538">
        <v>51.641517651188998</v>
      </c>
      <c r="J5538" t="s">
        <v>61223</v>
      </c>
    </row>
    <row r="5539" spans="1:10" x14ac:dyDescent="0.25">
      <c r="A5539" t="s">
        <v>34615</v>
      </c>
      <c r="B5539" t="s">
        <v>34616</v>
      </c>
      <c r="C5539" t="s">
        <v>34617</v>
      </c>
      <c r="D5539" t="s">
        <v>34538</v>
      </c>
      <c r="E5539" t="s">
        <v>13</v>
      </c>
      <c r="F5539">
        <v>8543</v>
      </c>
      <c r="G5539" t="s">
        <v>34618</v>
      </c>
      <c r="H5539">
        <v>4.6361211903140003</v>
      </c>
      <c r="I5539">
        <v>51.688072975518999</v>
      </c>
      <c r="J5539" t="s">
        <v>61224</v>
      </c>
    </row>
    <row r="5540" spans="1:10" x14ac:dyDescent="0.25">
      <c r="A5540" t="s">
        <v>34611</v>
      </c>
      <c r="B5540" t="s">
        <v>34612</v>
      </c>
      <c r="C5540" t="s">
        <v>34613</v>
      </c>
      <c r="D5540" t="s">
        <v>34538</v>
      </c>
      <c r="E5540" t="s">
        <v>13</v>
      </c>
      <c r="F5540">
        <v>8542</v>
      </c>
      <c r="G5540" t="s">
        <v>34614</v>
      </c>
      <c r="H5540">
        <v>4.6175875980049996</v>
      </c>
      <c r="I5540">
        <v>51.686550411196002</v>
      </c>
      <c r="J5540" t="s">
        <v>61225</v>
      </c>
    </row>
    <row r="5541" spans="1:10" x14ac:dyDescent="0.25">
      <c r="A5541" t="s">
        <v>34607</v>
      </c>
      <c r="B5541" t="s">
        <v>34608</v>
      </c>
      <c r="C5541" t="s">
        <v>34609</v>
      </c>
      <c r="D5541" t="s">
        <v>34538</v>
      </c>
      <c r="E5541" t="s">
        <v>13</v>
      </c>
      <c r="F5541">
        <v>8541</v>
      </c>
      <c r="G5541" t="s">
        <v>34610</v>
      </c>
      <c r="H5541">
        <v>4.6272122815600003</v>
      </c>
      <c r="I5541">
        <v>51.701608045307999</v>
      </c>
      <c r="J5541" t="s">
        <v>61226</v>
      </c>
    </row>
    <row r="5542" spans="1:10" x14ac:dyDescent="0.25">
      <c r="A5542" t="s">
        <v>34603</v>
      </c>
      <c r="B5542" t="s">
        <v>34604</v>
      </c>
      <c r="C5542" t="s">
        <v>34605</v>
      </c>
      <c r="D5542" t="s">
        <v>34538</v>
      </c>
      <c r="E5542" t="s">
        <v>13</v>
      </c>
      <c r="F5542">
        <v>8540</v>
      </c>
      <c r="G5542" t="s">
        <v>34606</v>
      </c>
      <c r="H5542">
        <v>4.5291007938850001</v>
      </c>
      <c r="I5542">
        <v>51.658905739535001</v>
      </c>
      <c r="J5542" t="s">
        <v>61227</v>
      </c>
    </row>
    <row r="5543" spans="1:10" x14ac:dyDescent="0.25">
      <c r="A5543" t="s">
        <v>34599</v>
      </c>
      <c r="B5543" t="s">
        <v>34600</v>
      </c>
      <c r="C5543" t="s">
        <v>34601</v>
      </c>
      <c r="D5543" t="s">
        <v>34538</v>
      </c>
      <c r="E5543" t="s">
        <v>13</v>
      </c>
      <c r="F5543">
        <v>8539</v>
      </c>
      <c r="G5543" t="s">
        <v>34602</v>
      </c>
      <c r="H5543">
        <v>4.5772672391239997</v>
      </c>
      <c r="I5543">
        <v>51.679191188922999</v>
      </c>
      <c r="J5543" t="s">
        <v>61228</v>
      </c>
    </row>
    <row r="5544" spans="1:10" x14ac:dyDescent="0.25">
      <c r="A5544" t="s">
        <v>34595</v>
      </c>
      <c r="B5544" t="s">
        <v>34596</v>
      </c>
      <c r="C5544" t="s">
        <v>34597</v>
      </c>
      <c r="D5544" t="s">
        <v>34538</v>
      </c>
      <c r="E5544" t="s">
        <v>13</v>
      </c>
      <c r="F5544">
        <v>8538</v>
      </c>
      <c r="G5544" t="s">
        <v>34598</v>
      </c>
      <c r="H5544">
        <v>4.4947532952450002</v>
      </c>
      <c r="I5544">
        <v>51.676760343674999</v>
      </c>
      <c r="J5544" t="s">
        <v>61229</v>
      </c>
    </row>
    <row r="5545" spans="1:10" x14ac:dyDescent="0.25">
      <c r="A5545" t="s">
        <v>34591</v>
      </c>
      <c r="B5545" t="s">
        <v>34592</v>
      </c>
      <c r="C5545" t="s">
        <v>34593</v>
      </c>
      <c r="D5545" t="s">
        <v>34538</v>
      </c>
      <c r="E5545" t="s">
        <v>13</v>
      </c>
      <c r="F5545">
        <v>8537</v>
      </c>
      <c r="G5545" t="s">
        <v>34594</v>
      </c>
      <c r="H5545">
        <v>4.5284663519809998</v>
      </c>
      <c r="I5545">
        <v>51.679088158772998</v>
      </c>
      <c r="J5545" t="s">
        <v>61230</v>
      </c>
    </row>
    <row r="5546" spans="1:10" x14ac:dyDescent="0.25">
      <c r="A5546" t="s">
        <v>34587</v>
      </c>
      <c r="B5546" t="s">
        <v>34588</v>
      </c>
      <c r="C5546" t="s">
        <v>34589</v>
      </c>
      <c r="D5546" t="s">
        <v>34538</v>
      </c>
      <c r="E5546" t="s">
        <v>13</v>
      </c>
      <c r="F5546">
        <v>8536</v>
      </c>
      <c r="G5546" t="s">
        <v>34590</v>
      </c>
      <c r="H5546">
        <v>4.5340844125649999</v>
      </c>
      <c r="I5546">
        <v>51.664913448691998</v>
      </c>
      <c r="J5546" t="s">
        <v>61231</v>
      </c>
    </row>
    <row r="5547" spans="1:10" x14ac:dyDescent="0.25">
      <c r="A5547" t="s">
        <v>34583</v>
      </c>
      <c r="B5547" t="s">
        <v>34584</v>
      </c>
      <c r="C5547" t="s">
        <v>34585</v>
      </c>
      <c r="D5547" t="s">
        <v>34538</v>
      </c>
      <c r="E5547" t="s">
        <v>13</v>
      </c>
      <c r="F5547">
        <v>8535</v>
      </c>
      <c r="G5547" t="s">
        <v>34586</v>
      </c>
      <c r="H5547">
        <v>4.6616440269000003</v>
      </c>
      <c r="I5547">
        <v>51.644017470690002</v>
      </c>
      <c r="J5547" t="s">
        <v>61232</v>
      </c>
    </row>
    <row r="5548" spans="1:10" x14ac:dyDescent="0.25">
      <c r="A5548" t="s">
        <v>34580</v>
      </c>
      <c r="B5548" t="s">
        <v>34581</v>
      </c>
      <c r="C5548" t="s">
        <v>25940</v>
      </c>
      <c r="D5548" t="s">
        <v>34538</v>
      </c>
      <c r="E5548" t="s">
        <v>13</v>
      </c>
      <c r="F5548">
        <v>8534</v>
      </c>
      <c r="G5548" t="s">
        <v>34582</v>
      </c>
      <c r="H5548">
        <v>4.6639630165400003</v>
      </c>
      <c r="I5548">
        <v>51.648397368776997</v>
      </c>
      <c r="J5548" t="s">
        <v>61233</v>
      </c>
    </row>
    <row r="5549" spans="1:10" x14ac:dyDescent="0.25">
      <c r="A5549" t="s">
        <v>34576</v>
      </c>
      <c r="B5549" t="s">
        <v>34577</v>
      </c>
      <c r="C5549" t="s">
        <v>34578</v>
      </c>
      <c r="D5549" t="s">
        <v>34538</v>
      </c>
      <c r="E5549" t="s">
        <v>13</v>
      </c>
      <c r="F5549">
        <v>8533</v>
      </c>
      <c r="G5549" t="s">
        <v>34579</v>
      </c>
      <c r="H5549">
        <v>4.6735615318699999</v>
      </c>
      <c r="I5549">
        <v>51.671495264431996</v>
      </c>
      <c r="J5549" t="s">
        <v>61234</v>
      </c>
    </row>
    <row r="5550" spans="1:10" x14ac:dyDescent="0.25">
      <c r="A5550" t="s">
        <v>34572</v>
      </c>
      <c r="B5550" t="s">
        <v>34573</v>
      </c>
      <c r="C5550" t="s">
        <v>34574</v>
      </c>
      <c r="D5550" t="s">
        <v>34538</v>
      </c>
      <c r="E5550" t="s">
        <v>13</v>
      </c>
      <c r="F5550">
        <v>8532</v>
      </c>
      <c r="G5550" t="s">
        <v>34575</v>
      </c>
      <c r="H5550">
        <v>4.6775522177050002</v>
      </c>
      <c r="I5550">
        <v>51.675179807484</v>
      </c>
      <c r="J5550" t="s">
        <v>61235</v>
      </c>
    </row>
    <row r="5551" spans="1:10" x14ac:dyDescent="0.25">
      <c r="A5551" t="s">
        <v>34568</v>
      </c>
      <c r="B5551" t="s">
        <v>34569</v>
      </c>
      <c r="C5551" t="s">
        <v>34570</v>
      </c>
      <c r="D5551" t="s">
        <v>34538</v>
      </c>
      <c r="E5551" t="s">
        <v>13</v>
      </c>
      <c r="F5551">
        <v>8531</v>
      </c>
      <c r="G5551" t="s">
        <v>34571</v>
      </c>
      <c r="H5551">
        <v>4.6218360157529998</v>
      </c>
      <c r="I5551">
        <v>51.636993792722002</v>
      </c>
      <c r="J5551" t="s">
        <v>61236</v>
      </c>
    </row>
    <row r="5552" spans="1:10" x14ac:dyDescent="0.25">
      <c r="A5552" t="s">
        <v>34564</v>
      </c>
      <c r="B5552" t="s">
        <v>34565</v>
      </c>
      <c r="C5552" t="s">
        <v>34566</v>
      </c>
      <c r="D5552" t="s">
        <v>34538</v>
      </c>
      <c r="E5552" t="s">
        <v>13</v>
      </c>
      <c r="F5552">
        <v>8530</v>
      </c>
      <c r="G5552" t="s">
        <v>34567</v>
      </c>
      <c r="H5552">
        <v>4.6041007229500002</v>
      </c>
      <c r="I5552">
        <v>51.653091024501002</v>
      </c>
      <c r="J5552" t="s">
        <v>61237</v>
      </c>
    </row>
    <row r="5553" spans="1:10" x14ac:dyDescent="0.25">
      <c r="A5553" t="s">
        <v>34560</v>
      </c>
      <c r="B5553" t="s">
        <v>34561</v>
      </c>
      <c r="C5553" t="s">
        <v>34562</v>
      </c>
      <c r="D5553" t="s">
        <v>34538</v>
      </c>
      <c r="E5553" t="s">
        <v>13</v>
      </c>
      <c r="F5553">
        <v>8529</v>
      </c>
      <c r="G5553" t="s">
        <v>34563</v>
      </c>
      <c r="H5553">
        <v>4.6182416718240002</v>
      </c>
      <c r="I5553">
        <v>51.642828190077999</v>
      </c>
      <c r="J5553" t="s">
        <v>61238</v>
      </c>
    </row>
    <row r="5554" spans="1:10" x14ac:dyDescent="0.25">
      <c r="A5554" t="s">
        <v>34556</v>
      </c>
      <c r="B5554" t="s">
        <v>34557</v>
      </c>
      <c r="C5554" t="s">
        <v>34558</v>
      </c>
      <c r="D5554" t="s">
        <v>34538</v>
      </c>
      <c r="E5554" t="s">
        <v>13</v>
      </c>
      <c r="F5554">
        <v>8528</v>
      </c>
      <c r="G5554" t="s">
        <v>34559</v>
      </c>
      <c r="H5554">
        <v>4.6109832819449998</v>
      </c>
      <c r="I5554">
        <v>51.650429907811002</v>
      </c>
      <c r="J5554" t="s">
        <v>61239</v>
      </c>
    </row>
    <row r="5555" spans="1:10" x14ac:dyDescent="0.25">
      <c r="A5555" t="s">
        <v>34552</v>
      </c>
      <c r="B5555" t="s">
        <v>34553</v>
      </c>
      <c r="C5555" t="s">
        <v>34554</v>
      </c>
      <c r="D5555" t="s">
        <v>34538</v>
      </c>
      <c r="E5555" t="s">
        <v>13</v>
      </c>
      <c r="F5555">
        <v>8527</v>
      </c>
      <c r="G5555" t="s">
        <v>34555</v>
      </c>
      <c r="H5555">
        <v>4.5898737557529996</v>
      </c>
      <c r="I5555">
        <v>51.640546448066999</v>
      </c>
      <c r="J5555" t="s">
        <v>61240</v>
      </c>
    </row>
    <row r="5556" spans="1:10" x14ac:dyDescent="0.25">
      <c r="A5556" t="s">
        <v>34548</v>
      </c>
      <c r="B5556" t="s">
        <v>34549</v>
      </c>
      <c r="C5556" t="s">
        <v>34550</v>
      </c>
      <c r="D5556" t="s">
        <v>34538</v>
      </c>
      <c r="E5556" t="s">
        <v>13</v>
      </c>
      <c r="F5556">
        <v>8526</v>
      </c>
      <c r="G5556" t="s">
        <v>34551</v>
      </c>
      <c r="H5556">
        <v>4.6003662094740001</v>
      </c>
      <c r="I5556">
        <v>51.637477975853997</v>
      </c>
      <c r="J5556" t="s">
        <v>61241</v>
      </c>
    </row>
    <row r="5557" spans="1:10" x14ac:dyDescent="0.25">
      <c r="A5557" t="s">
        <v>34544</v>
      </c>
      <c r="B5557" t="s">
        <v>34545</v>
      </c>
      <c r="C5557" t="s">
        <v>34546</v>
      </c>
      <c r="D5557" t="s">
        <v>34538</v>
      </c>
      <c r="E5557" t="s">
        <v>13</v>
      </c>
      <c r="F5557">
        <v>8525</v>
      </c>
      <c r="G5557" t="s">
        <v>34547</v>
      </c>
      <c r="H5557">
        <v>4.5905183378909999</v>
      </c>
      <c r="I5557">
        <v>51.647728468513002</v>
      </c>
      <c r="J5557" t="s">
        <v>61242</v>
      </c>
    </row>
    <row r="5558" spans="1:10" x14ac:dyDescent="0.25">
      <c r="A5558" t="s">
        <v>34540</v>
      </c>
      <c r="B5558" t="s">
        <v>34541</v>
      </c>
      <c r="C5558" t="s">
        <v>34542</v>
      </c>
      <c r="D5558" t="s">
        <v>34538</v>
      </c>
      <c r="E5558" t="s">
        <v>13</v>
      </c>
      <c r="F5558">
        <v>8524</v>
      </c>
      <c r="G5558" t="s">
        <v>34543</v>
      </c>
      <c r="H5558">
        <v>4.6004180378659996</v>
      </c>
      <c r="I5558">
        <v>51.649661569423998</v>
      </c>
      <c r="J5558" t="s">
        <v>61243</v>
      </c>
    </row>
    <row r="5559" spans="1:10" x14ac:dyDescent="0.25">
      <c r="A5559" t="s">
        <v>34536</v>
      </c>
      <c r="B5559" t="s">
        <v>34537</v>
      </c>
      <c r="C5559" t="s">
        <v>129</v>
      </c>
      <c r="D5559" t="s">
        <v>34538</v>
      </c>
      <c r="E5559" t="s">
        <v>13</v>
      </c>
      <c r="F5559">
        <v>8523</v>
      </c>
      <c r="G5559" t="s">
        <v>34539</v>
      </c>
      <c r="H5559">
        <v>4.6066091563120004</v>
      </c>
      <c r="I5559">
        <v>51.644037611537001</v>
      </c>
      <c r="J5559" t="s">
        <v>61244</v>
      </c>
    </row>
    <row r="5560" spans="1:10" x14ac:dyDescent="0.25">
      <c r="A5560" t="s">
        <v>34532</v>
      </c>
      <c r="B5560" t="s">
        <v>34533</v>
      </c>
      <c r="C5560" t="s">
        <v>34534</v>
      </c>
      <c r="D5560" t="s">
        <v>34170</v>
      </c>
      <c r="E5560" t="s">
        <v>13</v>
      </c>
      <c r="F5560">
        <v>8522</v>
      </c>
      <c r="G5560" t="s">
        <v>34535</v>
      </c>
      <c r="H5560">
        <v>5.9520163867660001</v>
      </c>
      <c r="I5560">
        <v>52.739110475224997</v>
      </c>
      <c r="J5560" t="s">
        <v>61245</v>
      </c>
    </row>
    <row r="5561" spans="1:10" x14ac:dyDescent="0.25">
      <c r="A5561" t="s">
        <v>34528</v>
      </c>
      <c r="B5561" t="s">
        <v>34529</v>
      </c>
      <c r="C5561" t="s">
        <v>34530</v>
      </c>
      <c r="D5561" t="s">
        <v>34170</v>
      </c>
      <c r="E5561" t="s">
        <v>13</v>
      </c>
      <c r="F5561">
        <v>8521</v>
      </c>
      <c r="G5561" t="s">
        <v>34531</v>
      </c>
      <c r="H5561">
        <v>5.967725009244</v>
      </c>
      <c r="I5561">
        <v>52.751822474790004</v>
      </c>
      <c r="J5561" t="s">
        <v>61246</v>
      </c>
    </row>
    <row r="5562" spans="1:10" x14ac:dyDescent="0.25">
      <c r="A5562" t="s">
        <v>34524</v>
      </c>
      <c r="B5562" t="s">
        <v>34525</v>
      </c>
      <c r="C5562" t="s">
        <v>34526</v>
      </c>
      <c r="D5562" t="s">
        <v>34170</v>
      </c>
      <c r="E5562" t="s">
        <v>13</v>
      </c>
      <c r="F5562">
        <v>8520</v>
      </c>
      <c r="G5562" t="s">
        <v>34527</v>
      </c>
      <c r="H5562">
        <v>5.9783553423839999</v>
      </c>
      <c r="I5562">
        <v>52.760035937281003</v>
      </c>
      <c r="J5562" t="s">
        <v>61247</v>
      </c>
    </row>
    <row r="5563" spans="1:10" x14ac:dyDescent="0.25">
      <c r="A5563" t="s">
        <v>34521</v>
      </c>
      <c r="B5563" t="s">
        <v>34522</v>
      </c>
      <c r="C5563" t="s">
        <v>24112</v>
      </c>
      <c r="D5563" t="s">
        <v>34170</v>
      </c>
      <c r="E5563" t="s">
        <v>13</v>
      </c>
      <c r="F5563">
        <v>8519</v>
      </c>
      <c r="G5563" t="s">
        <v>34523</v>
      </c>
      <c r="H5563">
        <v>5.9905642014889997</v>
      </c>
      <c r="I5563">
        <v>52.764665374659003</v>
      </c>
      <c r="J5563" t="s">
        <v>61248</v>
      </c>
    </row>
    <row r="5564" spans="1:10" x14ac:dyDescent="0.25">
      <c r="A5564" t="s">
        <v>34517</v>
      </c>
      <c r="B5564" t="s">
        <v>34518</v>
      </c>
      <c r="C5564" t="s">
        <v>34519</v>
      </c>
      <c r="D5564" t="s">
        <v>34170</v>
      </c>
      <c r="E5564" t="s">
        <v>13</v>
      </c>
      <c r="F5564">
        <v>8518</v>
      </c>
      <c r="G5564" t="s">
        <v>34520</v>
      </c>
      <c r="H5564">
        <v>5.9202947725339996</v>
      </c>
      <c r="I5564">
        <v>52.797325665114002</v>
      </c>
      <c r="J5564" t="s">
        <v>61249</v>
      </c>
    </row>
    <row r="5565" spans="1:10" x14ac:dyDescent="0.25">
      <c r="A5565" t="s">
        <v>34513</v>
      </c>
      <c r="B5565" t="s">
        <v>34514</v>
      </c>
      <c r="C5565" t="s">
        <v>34515</v>
      </c>
      <c r="D5565" t="s">
        <v>34170</v>
      </c>
      <c r="E5565" t="s">
        <v>13</v>
      </c>
      <c r="F5565">
        <v>8517</v>
      </c>
      <c r="G5565" t="s">
        <v>34516</v>
      </c>
      <c r="H5565">
        <v>5.9210168792389997</v>
      </c>
      <c r="I5565">
        <v>52.807340017173999</v>
      </c>
      <c r="J5565" t="s">
        <v>61250</v>
      </c>
    </row>
    <row r="5566" spans="1:10" x14ac:dyDescent="0.25">
      <c r="A5566" t="s">
        <v>34509</v>
      </c>
      <c r="B5566" t="s">
        <v>34510</v>
      </c>
      <c r="C5566" t="s">
        <v>34511</v>
      </c>
      <c r="D5566" t="s">
        <v>34170</v>
      </c>
      <c r="E5566" t="s">
        <v>13</v>
      </c>
      <c r="F5566">
        <v>8516</v>
      </c>
      <c r="G5566" t="s">
        <v>34512</v>
      </c>
      <c r="H5566">
        <v>5.9626571703030002</v>
      </c>
      <c r="I5566">
        <v>52.806835009543001</v>
      </c>
      <c r="J5566" t="s">
        <v>61251</v>
      </c>
    </row>
    <row r="5567" spans="1:10" x14ac:dyDescent="0.25">
      <c r="A5567" t="s">
        <v>34505</v>
      </c>
      <c r="B5567" t="s">
        <v>34506</v>
      </c>
      <c r="C5567" t="s">
        <v>34507</v>
      </c>
      <c r="D5567" t="s">
        <v>34170</v>
      </c>
      <c r="E5567" t="s">
        <v>13</v>
      </c>
      <c r="F5567">
        <v>8515</v>
      </c>
      <c r="G5567" t="s">
        <v>34508</v>
      </c>
      <c r="H5567">
        <v>6.0023084815040004</v>
      </c>
      <c r="I5567">
        <v>52.810264444727999</v>
      </c>
      <c r="J5567" t="s">
        <v>61252</v>
      </c>
    </row>
    <row r="5568" spans="1:10" x14ac:dyDescent="0.25">
      <c r="A5568" t="s">
        <v>34501</v>
      </c>
      <c r="B5568" t="s">
        <v>34502</v>
      </c>
      <c r="C5568" t="s">
        <v>34503</v>
      </c>
      <c r="D5568" t="s">
        <v>34170</v>
      </c>
      <c r="E5568" t="s">
        <v>13</v>
      </c>
      <c r="F5568">
        <v>8514</v>
      </c>
      <c r="G5568" t="s">
        <v>34504</v>
      </c>
      <c r="H5568">
        <v>6.0279695822420001</v>
      </c>
      <c r="I5568">
        <v>52.801318735660999</v>
      </c>
      <c r="J5568" t="s">
        <v>61253</v>
      </c>
    </row>
    <row r="5569" spans="1:10" x14ac:dyDescent="0.25">
      <c r="A5569" t="s">
        <v>34497</v>
      </c>
      <c r="B5569" t="s">
        <v>34498</v>
      </c>
      <c r="C5569" t="s">
        <v>34499</v>
      </c>
      <c r="D5569" t="s">
        <v>34170</v>
      </c>
      <c r="E5569" t="s">
        <v>13</v>
      </c>
      <c r="F5569">
        <v>8513</v>
      </c>
      <c r="G5569" t="s">
        <v>34500</v>
      </c>
      <c r="H5569">
        <v>6.0335591267800002</v>
      </c>
      <c r="I5569">
        <v>52.804846859535999</v>
      </c>
      <c r="J5569" t="s">
        <v>61254</v>
      </c>
    </row>
    <row r="5570" spans="1:10" x14ac:dyDescent="0.25">
      <c r="A5570" t="s">
        <v>34493</v>
      </c>
      <c r="B5570" t="s">
        <v>34494</v>
      </c>
      <c r="C5570" t="s">
        <v>34495</v>
      </c>
      <c r="D5570" t="s">
        <v>34170</v>
      </c>
      <c r="E5570" t="s">
        <v>13</v>
      </c>
      <c r="F5570">
        <v>8512</v>
      </c>
      <c r="G5570" t="s">
        <v>34496</v>
      </c>
      <c r="H5570">
        <v>6.0616651665269998</v>
      </c>
      <c r="I5570">
        <v>52.787149352111001</v>
      </c>
      <c r="J5570" t="s">
        <v>61255</v>
      </c>
    </row>
    <row r="5571" spans="1:10" x14ac:dyDescent="0.25">
      <c r="A5571" t="s">
        <v>34489</v>
      </c>
      <c r="B5571" t="s">
        <v>34490</v>
      </c>
      <c r="C5571" t="s">
        <v>34491</v>
      </c>
      <c r="D5571" t="s">
        <v>34170</v>
      </c>
      <c r="E5571" t="s">
        <v>13</v>
      </c>
      <c r="F5571">
        <v>8511</v>
      </c>
      <c r="G5571" t="s">
        <v>34492</v>
      </c>
      <c r="H5571">
        <v>6.0646244425719997</v>
      </c>
      <c r="I5571">
        <v>52.803188693830997</v>
      </c>
      <c r="J5571" t="s">
        <v>61256</v>
      </c>
    </row>
    <row r="5572" spans="1:10" x14ac:dyDescent="0.25">
      <c r="A5572" t="s">
        <v>34485</v>
      </c>
      <c r="B5572" t="s">
        <v>34486</v>
      </c>
      <c r="C5572" t="s">
        <v>34487</v>
      </c>
      <c r="D5572" t="s">
        <v>34170</v>
      </c>
      <c r="E5572" t="s">
        <v>13</v>
      </c>
      <c r="F5572">
        <v>8510</v>
      </c>
      <c r="G5572" t="s">
        <v>34488</v>
      </c>
      <c r="H5572">
        <v>6.0882878511790004</v>
      </c>
      <c r="I5572">
        <v>52.797335253855998</v>
      </c>
      <c r="J5572" t="s">
        <v>61257</v>
      </c>
    </row>
    <row r="5573" spans="1:10" x14ac:dyDescent="0.25">
      <c r="A5573" t="s">
        <v>34481</v>
      </c>
      <c r="B5573" t="s">
        <v>34482</v>
      </c>
      <c r="C5573" t="s">
        <v>34483</v>
      </c>
      <c r="D5573" t="s">
        <v>34170</v>
      </c>
      <c r="E5573" t="s">
        <v>13</v>
      </c>
      <c r="F5573">
        <v>8509</v>
      </c>
      <c r="G5573" t="s">
        <v>34484</v>
      </c>
      <c r="H5573">
        <v>6.0946093505379997</v>
      </c>
      <c r="I5573">
        <v>52.796789331516997</v>
      </c>
      <c r="J5573" t="s">
        <v>61258</v>
      </c>
    </row>
    <row r="5574" spans="1:10" x14ac:dyDescent="0.25">
      <c r="A5574" t="s">
        <v>34477</v>
      </c>
      <c r="B5574" t="s">
        <v>34478</v>
      </c>
      <c r="C5574" t="s">
        <v>34479</v>
      </c>
      <c r="D5574" t="s">
        <v>34170</v>
      </c>
      <c r="E5574" t="s">
        <v>13</v>
      </c>
      <c r="F5574">
        <v>8508</v>
      </c>
      <c r="G5574" t="s">
        <v>34480</v>
      </c>
      <c r="H5574">
        <v>6.0571849451839999</v>
      </c>
      <c r="I5574">
        <v>52.815432692982</v>
      </c>
      <c r="J5574" t="s">
        <v>61259</v>
      </c>
    </row>
    <row r="5575" spans="1:10" x14ac:dyDescent="0.25">
      <c r="A5575" t="s">
        <v>34473</v>
      </c>
      <c r="B5575" t="s">
        <v>34474</v>
      </c>
      <c r="C5575" t="s">
        <v>34475</v>
      </c>
      <c r="D5575" t="s">
        <v>34170</v>
      </c>
      <c r="E5575" t="s">
        <v>13</v>
      </c>
      <c r="F5575">
        <v>8507</v>
      </c>
      <c r="G5575" t="s">
        <v>34476</v>
      </c>
      <c r="H5575">
        <v>6.073451121113</v>
      </c>
      <c r="I5575">
        <v>52.831584794558999</v>
      </c>
      <c r="J5575" t="s">
        <v>61260</v>
      </c>
    </row>
    <row r="5576" spans="1:10" x14ac:dyDescent="0.25">
      <c r="A5576" t="s">
        <v>34470</v>
      </c>
      <c r="B5576" t="s">
        <v>34471</v>
      </c>
      <c r="C5576" t="s">
        <v>18616</v>
      </c>
      <c r="D5576" t="s">
        <v>34170</v>
      </c>
      <c r="E5576" t="s">
        <v>13</v>
      </c>
      <c r="F5576">
        <v>8506</v>
      </c>
      <c r="G5576" t="s">
        <v>34472</v>
      </c>
      <c r="H5576">
        <v>6.0549909226079999</v>
      </c>
      <c r="I5576">
        <v>52.822504686517</v>
      </c>
      <c r="J5576" t="s">
        <v>61261</v>
      </c>
    </row>
    <row r="5577" spans="1:10" x14ac:dyDescent="0.25">
      <c r="A5577" t="s">
        <v>34466</v>
      </c>
      <c r="B5577" t="s">
        <v>34467</v>
      </c>
      <c r="C5577" t="s">
        <v>34468</v>
      </c>
      <c r="D5577" t="s">
        <v>34170</v>
      </c>
      <c r="E5577" t="s">
        <v>13</v>
      </c>
      <c r="F5577">
        <v>8505</v>
      </c>
      <c r="G5577" t="s">
        <v>34469</v>
      </c>
      <c r="H5577">
        <v>6.0840286445659997</v>
      </c>
      <c r="I5577">
        <v>52.821491160362001</v>
      </c>
      <c r="J5577" t="s">
        <v>61262</v>
      </c>
    </row>
    <row r="5578" spans="1:10" x14ac:dyDescent="0.25">
      <c r="A5578" t="s">
        <v>34462</v>
      </c>
      <c r="B5578" t="s">
        <v>34463</v>
      </c>
      <c r="C5578" t="s">
        <v>34464</v>
      </c>
      <c r="D5578" t="s">
        <v>34170</v>
      </c>
      <c r="E5578" t="s">
        <v>13</v>
      </c>
      <c r="F5578">
        <v>8504</v>
      </c>
      <c r="G5578" t="s">
        <v>34465</v>
      </c>
      <c r="H5578">
        <v>6.0766345809470002</v>
      </c>
      <c r="I5578">
        <v>52.808524173441</v>
      </c>
      <c r="J5578" t="s">
        <v>61263</v>
      </c>
    </row>
    <row r="5579" spans="1:10" x14ac:dyDescent="0.25">
      <c r="A5579" t="s">
        <v>34458</v>
      </c>
      <c r="B5579" t="s">
        <v>34459</v>
      </c>
      <c r="C5579" t="s">
        <v>34460</v>
      </c>
      <c r="D5579" t="s">
        <v>34170</v>
      </c>
      <c r="E5579" t="s">
        <v>13</v>
      </c>
      <c r="F5579">
        <v>8503</v>
      </c>
      <c r="G5579" t="s">
        <v>34461</v>
      </c>
      <c r="H5579">
        <v>6.079991490946</v>
      </c>
      <c r="I5579">
        <v>52.809924779206</v>
      </c>
      <c r="J5579" t="s">
        <v>61264</v>
      </c>
    </row>
    <row r="5580" spans="1:10" x14ac:dyDescent="0.25">
      <c r="A5580" t="s">
        <v>34454</v>
      </c>
      <c r="B5580" t="s">
        <v>34455</v>
      </c>
      <c r="C5580" t="s">
        <v>34456</v>
      </c>
      <c r="D5580" t="s">
        <v>34170</v>
      </c>
      <c r="E5580" t="s">
        <v>13</v>
      </c>
      <c r="F5580">
        <v>8502</v>
      </c>
      <c r="G5580" t="s">
        <v>34457</v>
      </c>
      <c r="H5580">
        <v>6.0975028879610003</v>
      </c>
      <c r="I5580">
        <v>52.814207106287</v>
      </c>
      <c r="J5580" t="s">
        <v>61265</v>
      </c>
    </row>
    <row r="5581" spans="1:10" x14ac:dyDescent="0.25">
      <c r="A5581" t="s">
        <v>34450</v>
      </c>
      <c r="B5581" t="s">
        <v>34451</v>
      </c>
      <c r="C5581" t="s">
        <v>34452</v>
      </c>
      <c r="D5581" t="s">
        <v>34170</v>
      </c>
      <c r="E5581" t="s">
        <v>13</v>
      </c>
      <c r="F5581">
        <v>8501</v>
      </c>
      <c r="G5581" t="s">
        <v>34453</v>
      </c>
      <c r="H5581">
        <v>6.1147340818459996</v>
      </c>
      <c r="I5581">
        <v>52.807221393460999</v>
      </c>
      <c r="J5581" t="s">
        <v>61266</v>
      </c>
    </row>
    <row r="5582" spans="1:10" x14ac:dyDescent="0.25">
      <c r="A5582" t="s">
        <v>34446</v>
      </c>
      <c r="B5582" t="s">
        <v>34447</v>
      </c>
      <c r="C5582" t="s">
        <v>34448</v>
      </c>
      <c r="D5582" t="s">
        <v>34170</v>
      </c>
      <c r="E5582" t="s">
        <v>13</v>
      </c>
      <c r="F5582">
        <v>8500</v>
      </c>
      <c r="G5582" t="s">
        <v>34449</v>
      </c>
      <c r="H5582">
        <v>6.1248870444119996</v>
      </c>
      <c r="I5582">
        <v>52.829074404353001</v>
      </c>
      <c r="J5582" t="s">
        <v>61267</v>
      </c>
    </row>
    <row r="5583" spans="1:10" x14ac:dyDescent="0.25">
      <c r="A5583" t="s">
        <v>34442</v>
      </c>
      <c r="B5583" t="s">
        <v>34443</v>
      </c>
      <c r="C5583" t="s">
        <v>34444</v>
      </c>
      <c r="D5583" t="s">
        <v>34170</v>
      </c>
      <c r="E5583" t="s">
        <v>13</v>
      </c>
      <c r="F5583">
        <v>8499</v>
      </c>
      <c r="G5583" t="s">
        <v>34445</v>
      </c>
      <c r="H5583">
        <v>6.1410367007830002</v>
      </c>
      <c r="I5583">
        <v>52.823760757404997</v>
      </c>
      <c r="J5583" t="s">
        <v>61268</v>
      </c>
    </row>
    <row r="5584" spans="1:10" x14ac:dyDescent="0.25">
      <c r="A5584" t="s">
        <v>34438</v>
      </c>
      <c r="B5584" t="s">
        <v>34439</v>
      </c>
      <c r="C5584" t="s">
        <v>34440</v>
      </c>
      <c r="D5584" t="s">
        <v>34170</v>
      </c>
      <c r="E5584" t="s">
        <v>13</v>
      </c>
      <c r="F5584">
        <v>8498</v>
      </c>
      <c r="G5584" t="s">
        <v>34441</v>
      </c>
      <c r="H5584">
        <v>6.172312532846</v>
      </c>
      <c r="I5584">
        <v>52.796060267576003</v>
      </c>
      <c r="J5584" t="s">
        <v>61269</v>
      </c>
    </row>
    <row r="5585" spans="1:10" x14ac:dyDescent="0.25">
      <c r="A5585" t="s">
        <v>34434</v>
      </c>
      <c r="B5585" t="s">
        <v>34435</v>
      </c>
      <c r="C5585" t="s">
        <v>34436</v>
      </c>
      <c r="D5585" t="s">
        <v>34170</v>
      </c>
      <c r="E5585" t="s">
        <v>13</v>
      </c>
      <c r="F5585">
        <v>8497</v>
      </c>
      <c r="G5585" t="s">
        <v>34437</v>
      </c>
      <c r="H5585">
        <v>6.1659552880359998</v>
      </c>
      <c r="I5585">
        <v>52.793085036474999</v>
      </c>
      <c r="J5585" t="s">
        <v>61270</v>
      </c>
    </row>
    <row r="5586" spans="1:10" x14ac:dyDescent="0.25">
      <c r="A5586" t="s">
        <v>34430</v>
      </c>
      <c r="B5586" t="s">
        <v>34431</v>
      </c>
      <c r="C5586" t="s">
        <v>34432</v>
      </c>
      <c r="D5586" t="s">
        <v>34170</v>
      </c>
      <c r="E5586" t="s">
        <v>13</v>
      </c>
      <c r="F5586">
        <v>8496</v>
      </c>
      <c r="G5586" t="s">
        <v>34433</v>
      </c>
      <c r="H5586">
        <v>6.1570404166239996</v>
      </c>
      <c r="I5586">
        <v>52.773309141887999</v>
      </c>
      <c r="J5586" t="s">
        <v>61271</v>
      </c>
    </row>
    <row r="5587" spans="1:10" x14ac:dyDescent="0.25">
      <c r="A5587" t="s">
        <v>34426</v>
      </c>
      <c r="B5587" t="s">
        <v>34427</v>
      </c>
      <c r="C5587" t="s">
        <v>34428</v>
      </c>
      <c r="D5587" t="s">
        <v>34170</v>
      </c>
      <c r="E5587" t="s">
        <v>13</v>
      </c>
      <c r="F5587">
        <v>8495</v>
      </c>
      <c r="G5587" t="s">
        <v>34429</v>
      </c>
      <c r="H5587">
        <v>6.147391317207</v>
      </c>
      <c r="I5587">
        <v>52.774238571981002</v>
      </c>
      <c r="J5587" t="s">
        <v>61272</v>
      </c>
    </row>
    <row r="5588" spans="1:10" x14ac:dyDescent="0.25">
      <c r="A5588" t="s">
        <v>34422</v>
      </c>
      <c r="B5588" t="s">
        <v>34423</v>
      </c>
      <c r="C5588" t="s">
        <v>34424</v>
      </c>
      <c r="D5588" t="s">
        <v>34170</v>
      </c>
      <c r="E5588" t="s">
        <v>13</v>
      </c>
      <c r="F5588">
        <v>8494</v>
      </c>
      <c r="G5588" t="s">
        <v>34425</v>
      </c>
      <c r="H5588">
        <v>6.1165882452</v>
      </c>
      <c r="I5588">
        <v>52.763530203983002</v>
      </c>
      <c r="J5588" t="s">
        <v>61273</v>
      </c>
    </row>
    <row r="5589" spans="1:10" x14ac:dyDescent="0.25">
      <c r="A5589" t="s">
        <v>34418</v>
      </c>
      <c r="B5589" t="s">
        <v>34419</v>
      </c>
      <c r="C5589" t="s">
        <v>34420</v>
      </c>
      <c r="D5589" t="s">
        <v>34170</v>
      </c>
      <c r="E5589" t="s">
        <v>13</v>
      </c>
      <c r="F5589">
        <v>8493</v>
      </c>
      <c r="G5589" t="s">
        <v>34421</v>
      </c>
      <c r="H5589">
        <v>6.1133371964379997</v>
      </c>
      <c r="I5589">
        <v>52.776459877371998</v>
      </c>
      <c r="J5589" t="s">
        <v>61274</v>
      </c>
    </row>
    <row r="5590" spans="1:10" x14ac:dyDescent="0.25">
      <c r="A5590" t="s">
        <v>34414</v>
      </c>
      <c r="B5590" t="s">
        <v>34415</v>
      </c>
      <c r="C5590" t="s">
        <v>34416</v>
      </c>
      <c r="D5590" t="s">
        <v>34170</v>
      </c>
      <c r="E5590" t="s">
        <v>13</v>
      </c>
      <c r="F5590">
        <v>8492</v>
      </c>
      <c r="G5590" t="s">
        <v>34417</v>
      </c>
      <c r="H5590">
        <v>6.0177505378639999</v>
      </c>
      <c r="I5590">
        <v>52.723275374567997</v>
      </c>
      <c r="J5590" t="s">
        <v>61275</v>
      </c>
    </row>
    <row r="5591" spans="1:10" x14ac:dyDescent="0.25">
      <c r="A5591" t="s">
        <v>34410</v>
      </c>
      <c r="B5591" t="s">
        <v>34411</v>
      </c>
      <c r="C5591" t="s">
        <v>34412</v>
      </c>
      <c r="D5591" t="s">
        <v>34170</v>
      </c>
      <c r="E5591" t="s">
        <v>13</v>
      </c>
      <c r="F5591">
        <v>8491</v>
      </c>
      <c r="G5591" t="s">
        <v>34413</v>
      </c>
      <c r="H5591">
        <v>6.0379432252719996</v>
      </c>
      <c r="I5591">
        <v>52.722501961128003</v>
      </c>
      <c r="J5591" t="s">
        <v>61276</v>
      </c>
    </row>
    <row r="5592" spans="1:10" x14ac:dyDescent="0.25">
      <c r="A5592" t="s">
        <v>34406</v>
      </c>
      <c r="B5592" t="s">
        <v>34407</v>
      </c>
      <c r="C5592" t="s">
        <v>34408</v>
      </c>
      <c r="D5592" t="s">
        <v>34170</v>
      </c>
      <c r="E5592" t="s">
        <v>13</v>
      </c>
      <c r="F5592">
        <v>8490</v>
      </c>
      <c r="G5592" t="s">
        <v>34409</v>
      </c>
      <c r="H5592">
        <v>6.0634009280949996</v>
      </c>
      <c r="I5592">
        <v>52.718592507521002</v>
      </c>
      <c r="J5592" t="s">
        <v>61277</v>
      </c>
    </row>
    <row r="5593" spans="1:10" x14ac:dyDescent="0.25">
      <c r="A5593" t="s">
        <v>34402</v>
      </c>
      <c r="B5593" t="s">
        <v>34403</v>
      </c>
      <c r="C5593" t="s">
        <v>34404</v>
      </c>
      <c r="D5593" t="s">
        <v>34170</v>
      </c>
      <c r="E5593" t="s">
        <v>13</v>
      </c>
      <c r="F5593">
        <v>8489</v>
      </c>
      <c r="G5593" t="s">
        <v>34405</v>
      </c>
      <c r="H5593">
        <v>6.0895777793950003</v>
      </c>
      <c r="I5593">
        <v>52.721747949015999</v>
      </c>
      <c r="J5593" t="s">
        <v>61278</v>
      </c>
    </row>
    <row r="5594" spans="1:10" x14ac:dyDescent="0.25">
      <c r="A5594" t="s">
        <v>34398</v>
      </c>
      <c r="B5594" t="s">
        <v>34399</v>
      </c>
      <c r="C5594" t="s">
        <v>34400</v>
      </c>
      <c r="D5594" t="s">
        <v>34170</v>
      </c>
      <c r="E5594" t="s">
        <v>13</v>
      </c>
      <c r="F5594">
        <v>8488</v>
      </c>
      <c r="G5594" t="s">
        <v>34401</v>
      </c>
      <c r="H5594">
        <v>6.0800392740350002</v>
      </c>
      <c r="I5594">
        <v>52.737698741172998</v>
      </c>
      <c r="J5594" t="s">
        <v>61279</v>
      </c>
    </row>
    <row r="5595" spans="1:10" x14ac:dyDescent="0.25">
      <c r="A5595" t="s">
        <v>34394</v>
      </c>
      <c r="B5595" t="s">
        <v>34395</v>
      </c>
      <c r="C5595" t="s">
        <v>34396</v>
      </c>
      <c r="D5595" t="s">
        <v>34170</v>
      </c>
      <c r="E5595" t="s">
        <v>13</v>
      </c>
      <c r="F5595">
        <v>8487</v>
      </c>
      <c r="G5595" t="s">
        <v>34397</v>
      </c>
      <c r="H5595">
        <v>6.0909116929140001</v>
      </c>
      <c r="I5595">
        <v>52.749276109169998</v>
      </c>
      <c r="J5595" t="s">
        <v>61280</v>
      </c>
    </row>
    <row r="5596" spans="1:10" x14ac:dyDescent="0.25">
      <c r="A5596" t="s">
        <v>34390</v>
      </c>
      <c r="B5596" t="s">
        <v>34391</v>
      </c>
      <c r="C5596" t="s">
        <v>34392</v>
      </c>
      <c r="D5596" t="s">
        <v>34170</v>
      </c>
      <c r="E5596" t="s">
        <v>13</v>
      </c>
      <c r="F5596">
        <v>8486</v>
      </c>
      <c r="G5596" t="s">
        <v>34393</v>
      </c>
      <c r="H5596">
        <v>6.065548201366</v>
      </c>
      <c r="I5596">
        <v>52.751678077447004</v>
      </c>
      <c r="J5596" t="s">
        <v>61281</v>
      </c>
    </row>
    <row r="5597" spans="1:10" x14ac:dyDescent="0.25">
      <c r="A5597" t="s">
        <v>34386</v>
      </c>
      <c r="B5597" t="s">
        <v>34387</v>
      </c>
      <c r="C5597" t="s">
        <v>34388</v>
      </c>
      <c r="D5597" t="s">
        <v>34170</v>
      </c>
      <c r="E5597" t="s">
        <v>13</v>
      </c>
      <c r="F5597">
        <v>8485</v>
      </c>
      <c r="G5597" t="s">
        <v>34389</v>
      </c>
      <c r="H5597">
        <v>6.0260776141130004</v>
      </c>
      <c r="I5597">
        <v>52.743528014912002</v>
      </c>
      <c r="J5597" t="s">
        <v>61282</v>
      </c>
    </row>
    <row r="5598" spans="1:10" x14ac:dyDescent="0.25">
      <c r="A5598" t="s">
        <v>34382</v>
      </c>
      <c r="B5598" t="s">
        <v>34383</v>
      </c>
      <c r="C5598" t="s">
        <v>34384</v>
      </c>
      <c r="D5598" t="s">
        <v>34170</v>
      </c>
      <c r="E5598" t="s">
        <v>13</v>
      </c>
      <c r="F5598">
        <v>8484</v>
      </c>
      <c r="G5598" t="s">
        <v>34385</v>
      </c>
      <c r="H5598">
        <v>5.9839270043040003</v>
      </c>
      <c r="I5598">
        <v>52.717451094704003</v>
      </c>
      <c r="J5598" t="s">
        <v>61283</v>
      </c>
    </row>
    <row r="5599" spans="1:10" x14ac:dyDescent="0.25">
      <c r="A5599" t="s">
        <v>34378</v>
      </c>
      <c r="B5599" t="s">
        <v>34379</v>
      </c>
      <c r="C5599" t="s">
        <v>34380</v>
      </c>
      <c r="D5599" t="s">
        <v>34170</v>
      </c>
      <c r="E5599" t="s">
        <v>13</v>
      </c>
      <c r="F5599">
        <v>8483</v>
      </c>
      <c r="G5599" t="s">
        <v>34381</v>
      </c>
      <c r="H5599">
        <v>5.9678599145479998</v>
      </c>
      <c r="I5599">
        <v>52.732112863363</v>
      </c>
      <c r="J5599" t="s">
        <v>61284</v>
      </c>
    </row>
    <row r="5600" spans="1:10" x14ac:dyDescent="0.25">
      <c r="A5600" t="s">
        <v>34374</v>
      </c>
      <c r="B5600" t="s">
        <v>34375</v>
      </c>
      <c r="C5600" t="s">
        <v>34376</v>
      </c>
      <c r="D5600" t="s">
        <v>34170</v>
      </c>
      <c r="E5600" t="s">
        <v>13</v>
      </c>
      <c r="F5600">
        <v>8482</v>
      </c>
      <c r="G5600" t="s">
        <v>34377</v>
      </c>
      <c r="H5600">
        <v>5.9508155703180003</v>
      </c>
      <c r="I5600">
        <v>52.720852590181003</v>
      </c>
      <c r="J5600" t="s">
        <v>61285</v>
      </c>
    </row>
    <row r="5601" spans="1:10" x14ac:dyDescent="0.25">
      <c r="A5601" t="s">
        <v>34370</v>
      </c>
      <c r="B5601" t="s">
        <v>34371</v>
      </c>
      <c r="C5601" t="s">
        <v>34372</v>
      </c>
      <c r="D5601" t="s">
        <v>34170</v>
      </c>
      <c r="E5601" t="s">
        <v>13</v>
      </c>
      <c r="F5601">
        <v>8481</v>
      </c>
      <c r="G5601" t="s">
        <v>34373</v>
      </c>
      <c r="H5601">
        <v>5.963000559078</v>
      </c>
      <c r="I5601">
        <v>52.725625207349999</v>
      </c>
      <c r="J5601" t="s">
        <v>61286</v>
      </c>
    </row>
    <row r="5602" spans="1:10" x14ac:dyDescent="0.25">
      <c r="A5602" t="s">
        <v>34366</v>
      </c>
      <c r="B5602" t="s">
        <v>34367</v>
      </c>
      <c r="C5602" t="s">
        <v>34368</v>
      </c>
      <c r="D5602" t="s">
        <v>34170</v>
      </c>
      <c r="E5602" t="s">
        <v>13</v>
      </c>
      <c r="F5602">
        <v>8480</v>
      </c>
      <c r="G5602" t="s">
        <v>34369</v>
      </c>
      <c r="H5602">
        <v>6.1262870653070003</v>
      </c>
      <c r="I5602">
        <v>52.67897359581</v>
      </c>
      <c r="J5602" t="s">
        <v>61287</v>
      </c>
    </row>
    <row r="5603" spans="1:10" x14ac:dyDescent="0.25">
      <c r="A5603" t="s">
        <v>34362</v>
      </c>
      <c r="B5603" t="s">
        <v>34363</v>
      </c>
      <c r="C5603" t="s">
        <v>34364</v>
      </c>
      <c r="D5603" t="s">
        <v>34170</v>
      </c>
      <c r="E5603" t="s">
        <v>13</v>
      </c>
      <c r="F5603">
        <v>8479</v>
      </c>
      <c r="G5603" t="s">
        <v>34365</v>
      </c>
      <c r="H5603">
        <v>6.1185917462959996</v>
      </c>
      <c r="I5603">
        <v>52.737384642473003</v>
      </c>
      <c r="J5603" t="s">
        <v>61288</v>
      </c>
    </row>
    <row r="5604" spans="1:10" x14ac:dyDescent="0.25">
      <c r="A5604" t="s">
        <v>34358</v>
      </c>
      <c r="B5604" t="s">
        <v>34359</v>
      </c>
      <c r="C5604" t="s">
        <v>34360</v>
      </c>
      <c r="D5604" t="s">
        <v>34170</v>
      </c>
      <c r="E5604" t="s">
        <v>13</v>
      </c>
      <c r="F5604">
        <v>8478</v>
      </c>
      <c r="G5604" t="s">
        <v>34361</v>
      </c>
      <c r="H5604">
        <v>6.1293399709890002</v>
      </c>
      <c r="I5604">
        <v>52.720097655472998</v>
      </c>
      <c r="J5604" t="s">
        <v>61289</v>
      </c>
    </row>
    <row r="5605" spans="1:10" x14ac:dyDescent="0.25">
      <c r="A5605" t="s">
        <v>34354</v>
      </c>
      <c r="B5605" t="s">
        <v>34355</v>
      </c>
      <c r="C5605" t="s">
        <v>34356</v>
      </c>
      <c r="D5605" t="s">
        <v>34170</v>
      </c>
      <c r="E5605" t="s">
        <v>13</v>
      </c>
      <c r="F5605">
        <v>8477</v>
      </c>
      <c r="G5605" t="s">
        <v>34357</v>
      </c>
      <c r="H5605">
        <v>6.1394105673960002</v>
      </c>
      <c r="I5605">
        <v>52.703258203155002</v>
      </c>
      <c r="J5605" t="s">
        <v>61290</v>
      </c>
    </row>
    <row r="5606" spans="1:10" x14ac:dyDescent="0.25">
      <c r="A5606" t="s">
        <v>34350</v>
      </c>
      <c r="B5606" t="s">
        <v>34351</v>
      </c>
      <c r="C5606" t="s">
        <v>34352</v>
      </c>
      <c r="D5606" t="s">
        <v>34170</v>
      </c>
      <c r="E5606" t="s">
        <v>13</v>
      </c>
      <c r="F5606">
        <v>8476</v>
      </c>
      <c r="G5606" t="s">
        <v>34353</v>
      </c>
      <c r="H5606">
        <v>6.0440461089989999</v>
      </c>
      <c r="I5606">
        <v>52.688415224605997</v>
      </c>
      <c r="J5606" t="s">
        <v>61291</v>
      </c>
    </row>
    <row r="5607" spans="1:10" x14ac:dyDescent="0.25">
      <c r="A5607" t="s">
        <v>34346</v>
      </c>
      <c r="B5607" t="s">
        <v>34347</v>
      </c>
      <c r="C5607" t="s">
        <v>34348</v>
      </c>
      <c r="D5607" t="s">
        <v>34170</v>
      </c>
      <c r="E5607" t="s">
        <v>13</v>
      </c>
      <c r="F5607">
        <v>8475</v>
      </c>
      <c r="G5607" t="s">
        <v>34349</v>
      </c>
      <c r="H5607">
        <v>6.1079940346650003</v>
      </c>
      <c r="I5607">
        <v>52.697860848871997</v>
      </c>
      <c r="J5607" t="s">
        <v>61292</v>
      </c>
    </row>
    <row r="5608" spans="1:10" x14ac:dyDescent="0.25">
      <c r="A5608" t="s">
        <v>34342</v>
      </c>
      <c r="B5608" t="s">
        <v>34343</v>
      </c>
      <c r="C5608" t="s">
        <v>34344</v>
      </c>
      <c r="D5608" t="s">
        <v>34170</v>
      </c>
      <c r="E5608" t="s">
        <v>13</v>
      </c>
      <c r="F5608">
        <v>8474</v>
      </c>
      <c r="G5608" t="s">
        <v>34345</v>
      </c>
      <c r="H5608">
        <v>6.0762047094670004</v>
      </c>
      <c r="I5608">
        <v>52.692810923864002</v>
      </c>
      <c r="J5608" t="s">
        <v>61293</v>
      </c>
    </row>
    <row r="5609" spans="1:10" x14ac:dyDescent="0.25">
      <c r="A5609" t="s">
        <v>34338</v>
      </c>
      <c r="B5609" t="s">
        <v>34339</v>
      </c>
      <c r="C5609" t="s">
        <v>34340</v>
      </c>
      <c r="D5609" t="s">
        <v>34170</v>
      </c>
      <c r="E5609" t="s">
        <v>13</v>
      </c>
      <c r="F5609">
        <v>8473</v>
      </c>
      <c r="G5609" t="s">
        <v>34341</v>
      </c>
      <c r="H5609">
        <v>6.1217170687160003</v>
      </c>
      <c r="I5609">
        <v>52.704318681282999</v>
      </c>
      <c r="J5609" t="s">
        <v>61294</v>
      </c>
    </row>
    <row r="5610" spans="1:10" x14ac:dyDescent="0.25">
      <c r="A5610" t="s">
        <v>34334</v>
      </c>
      <c r="B5610" t="s">
        <v>34335</v>
      </c>
      <c r="C5610" t="s">
        <v>34336</v>
      </c>
      <c r="D5610" t="s">
        <v>34170</v>
      </c>
      <c r="E5610" t="s">
        <v>13</v>
      </c>
      <c r="F5610">
        <v>8472</v>
      </c>
      <c r="G5610" t="s">
        <v>34337</v>
      </c>
      <c r="H5610">
        <v>6.0645135094990001</v>
      </c>
      <c r="I5610">
        <v>52.669543494712997</v>
      </c>
      <c r="J5610" t="s">
        <v>61295</v>
      </c>
    </row>
    <row r="5611" spans="1:10" x14ac:dyDescent="0.25">
      <c r="A5611" t="s">
        <v>34330</v>
      </c>
      <c r="B5611" t="s">
        <v>34331</v>
      </c>
      <c r="C5611" t="s">
        <v>34332</v>
      </c>
      <c r="D5611" t="s">
        <v>34170</v>
      </c>
      <c r="E5611" t="s">
        <v>13</v>
      </c>
      <c r="F5611">
        <v>8471</v>
      </c>
      <c r="G5611" t="s">
        <v>34333</v>
      </c>
      <c r="H5611">
        <v>6.0617691305379999</v>
      </c>
      <c r="I5611">
        <v>52.670312821053997</v>
      </c>
      <c r="J5611" t="s">
        <v>61296</v>
      </c>
    </row>
    <row r="5612" spans="1:10" x14ac:dyDescent="0.25">
      <c r="A5612" t="s">
        <v>34326</v>
      </c>
      <c r="B5612" t="s">
        <v>34327</v>
      </c>
      <c r="C5612" t="s">
        <v>34328</v>
      </c>
      <c r="D5612" t="s">
        <v>34170</v>
      </c>
      <c r="E5612" t="s">
        <v>13</v>
      </c>
      <c r="F5612">
        <v>8470</v>
      </c>
      <c r="G5612" t="s">
        <v>34329</v>
      </c>
      <c r="H5612">
        <v>6.030005621001</v>
      </c>
      <c r="I5612">
        <v>52.660526428802001</v>
      </c>
      <c r="J5612" t="s">
        <v>61297</v>
      </c>
    </row>
    <row r="5613" spans="1:10" x14ac:dyDescent="0.25">
      <c r="A5613" t="s">
        <v>34322</v>
      </c>
      <c r="B5613" t="s">
        <v>34323</v>
      </c>
      <c r="C5613" t="s">
        <v>34324</v>
      </c>
      <c r="D5613" t="s">
        <v>34170</v>
      </c>
      <c r="E5613" t="s">
        <v>13</v>
      </c>
      <c r="F5613">
        <v>8469</v>
      </c>
      <c r="G5613" t="s">
        <v>34325</v>
      </c>
      <c r="H5613">
        <v>6.0027994184390003</v>
      </c>
      <c r="I5613">
        <v>52.664671111029001</v>
      </c>
      <c r="J5613" t="s">
        <v>61298</v>
      </c>
    </row>
    <row r="5614" spans="1:10" x14ac:dyDescent="0.25">
      <c r="A5614" t="s">
        <v>34318</v>
      </c>
      <c r="B5614" t="s">
        <v>34319</v>
      </c>
      <c r="C5614" t="s">
        <v>34320</v>
      </c>
      <c r="D5614" t="s">
        <v>34170</v>
      </c>
      <c r="E5614" t="s">
        <v>13</v>
      </c>
      <c r="F5614">
        <v>8468</v>
      </c>
      <c r="G5614" t="s">
        <v>34321</v>
      </c>
      <c r="H5614">
        <v>6.0120154099920002</v>
      </c>
      <c r="I5614">
        <v>52.663275052749</v>
      </c>
      <c r="J5614" t="s">
        <v>61299</v>
      </c>
    </row>
    <row r="5615" spans="1:10" x14ac:dyDescent="0.25">
      <c r="A5615" t="s">
        <v>34314</v>
      </c>
      <c r="B5615" t="s">
        <v>34315</v>
      </c>
      <c r="C5615" t="s">
        <v>34316</v>
      </c>
      <c r="D5615" t="s">
        <v>34170</v>
      </c>
      <c r="E5615" t="s">
        <v>13</v>
      </c>
      <c r="F5615">
        <v>8467</v>
      </c>
      <c r="G5615" t="s">
        <v>34317</v>
      </c>
      <c r="H5615">
        <v>6.0119816446309997</v>
      </c>
      <c r="I5615">
        <v>52.672439155848998</v>
      </c>
      <c r="J5615" t="s">
        <v>61300</v>
      </c>
    </row>
    <row r="5616" spans="1:10" x14ac:dyDescent="0.25">
      <c r="A5616" t="s">
        <v>34310</v>
      </c>
      <c r="B5616" t="s">
        <v>34311</v>
      </c>
      <c r="C5616" t="s">
        <v>34312</v>
      </c>
      <c r="D5616" t="s">
        <v>34170</v>
      </c>
      <c r="E5616" t="s">
        <v>13</v>
      </c>
      <c r="F5616">
        <v>8466</v>
      </c>
      <c r="G5616" t="s">
        <v>34313</v>
      </c>
      <c r="H5616">
        <v>6.0128254533009997</v>
      </c>
      <c r="I5616">
        <v>52.69686540072</v>
      </c>
      <c r="J5616" t="s">
        <v>61301</v>
      </c>
    </row>
    <row r="5617" spans="1:10" x14ac:dyDescent="0.25">
      <c r="A5617" t="s">
        <v>34306</v>
      </c>
      <c r="B5617" t="s">
        <v>34307</v>
      </c>
      <c r="C5617" t="s">
        <v>34308</v>
      </c>
      <c r="D5617" t="s">
        <v>34170</v>
      </c>
      <c r="E5617" t="s">
        <v>13</v>
      </c>
      <c r="F5617">
        <v>8465</v>
      </c>
      <c r="G5617" t="s">
        <v>34309</v>
      </c>
      <c r="H5617">
        <v>5.9857831212689998</v>
      </c>
      <c r="I5617">
        <v>52.678159462258002</v>
      </c>
      <c r="J5617" t="s">
        <v>61302</v>
      </c>
    </row>
    <row r="5618" spans="1:10" x14ac:dyDescent="0.25">
      <c r="A5618" t="s">
        <v>34302</v>
      </c>
      <c r="B5618" t="s">
        <v>34303</v>
      </c>
      <c r="C5618" t="s">
        <v>34304</v>
      </c>
      <c r="D5618" t="s">
        <v>34170</v>
      </c>
      <c r="E5618" t="s">
        <v>13</v>
      </c>
      <c r="F5618">
        <v>8464</v>
      </c>
      <c r="G5618" t="s">
        <v>34305</v>
      </c>
      <c r="H5618">
        <v>6.0057721985240002</v>
      </c>
      <c r="I5618">
        <v>52.678015687554002</v>
      </c>
      <c r="J5618" t="s">
        <v>61303</v>
      </c>
    </row>
    <row r="5619" spans="1:10" x14ac:dyDescent="0.25">
      <c r="A5619" t="s">
        <v>34298</v>
      </c>
      <c r="B5619" t="s">
        <v>34299</v>
      </c>
      <c r="C5619" t="s">
        <v>34300</v>
      </c>
      <c r="D5619" t="s">
        <v>34170</v>
      </c>
      <c r="E5619" t="s">
        <v>13</v>
      </c>
      <c r="F5619">
        <v>8463</v>
      </c>
      <c r="G5619" t="s">
        <v>34301</v>
      </c>
      <c r="H5619">
        <v>5.9765585692660004</v>
      </c>
      <c r="I5619">
        <v>52.665311005629</v>
      </c>
      <c r="J5619" t="s">
        <v>61304</v>
      </c>
    </row>
    <row r="5620" spans="1:10" x14ac:dyDescent="0.25">
      <c r="A5620" t="s">
        <v>34294</v>
      </c>
      <c r="B5620" t="s">
        <v>34295</v>
      </c>
      <c r="C5620" t="s">
        <v>34296</v>
      </c>
      <c r="D5620" t="s">
        <v>34170</v>
      </c>
      <c r="E5620" t="s">
        <v>13</v>
      </c>
      <c r="F5620">
        <v>8462</v>
      </c>
      <c r="G5620" t="s">
        <v>34297</v>
      </c>
      <c r="H5620">
        <v>5.97070840618</v>
      </c>
      <c r="I5620">
        <v>52.680089251195</v>
      </c>
      <c r="J5620" t="s">
        <v>61305</v>
      </c>
    </row>
    <row r="5621" spans="1:10" x14ac:dyDescent="0.25">
      <c r="A5621" t="s">
        <v>34290</v>
      </c>
      <c r="B5621" t="s">
        <v>34291</v>
      </c>
      <c r="C5621" t="s">
        <v>34292</v>
      </c>
      <c r="D5621" t="s">
        <v>34170</v>
      </c>
      <c r="E5621" t="s">
        <v>13</v>
      </c>
      <c r="F5621">
        <v>8461</v>
      </c>
      <c r="G5621" t="s">
        <v>34293</v>
      </c>
      <c r="H5621">
        <v>5.967956508546</v>
      </c>
      <c r="I5621">
        <v>52.694481955394998</v>
      </c>
      <c r="J5621" t="s">
        <v>61306</v>
      </c>
    </row>
    <row r="5622" spans="1:10" x14ac:dyDescent="0.25">
      <c r="A5622" t="s">
        <v>34287</v>
      </c>
      <c r="B5622" t="s">
        <v>34288</v>
      </c>
      <c r="C5622" t="s">
        <v>14381</v>
      </c>
      <c r="D5622" t="s">
        <v>34170</v>
      </c>
      <c r="E5622" t="s">
        <v>13</v>
      </c>
      <c r="F5622">
        <v>8460</v>
      </c>
      <c r="G5622" t="s">
        <v>34289</v>
      </c>
      <c r="H5622">
        <v>5.9545693905019998</v>
      </c>
      <c r="I5622">
        <v>52.678440690240002</v>
      </c>
      <c r="J5622" t="s">
        <v>61307</v>
      </c>
    </row>
    <row r="5623" spans="1:10" x14ac:dyDescent="0.25">
      <c r="A5623" t="s">
        <v>34283</v>
      </c>
      <c r="B5623" t="s">
        <v>34284</v>
      </c>
      <c r="C5623" t="s">
        <v>34285</v>
      </c>
      <c r="D5623" t="s">
        <v>34170</v>
      </c>
      <c r="E5623" t="s">
        <v>13</v>
      </c>
      <c r="F5623">
        <v>8459</v>
      </c>
      <c r="G5623" t="s">
        <v>34286</v>
      </c>
      <c r="H5623">
        <v>6.0122717183340004</v>
      </c>
      <c r="I5623">
        <v>52.767017387473999</v>
      </c>
      <c r="J5623" t="s">
        <v>61308</v>
      </c>
    </row>
    <row r="5624" spans="1:10" x14ac:dyDescent="0.25">
      <c r="A5624" t="s">
        <v>34279</v>
      </c>
      <c r="B5624" t="s">
        <v>34280</v>
      </c>
      <c r="C5624" t="s">
        <v>34281</v>
      </c>
      <c r="D5624" t="s">
        <v>34170</v>
      </c>
      <c r="E5624" t="s">
        <v>13</v>
      </c>
      <c r="F5624">
        <v>8458</v>
      </c>
      <c r="G5624" t="s">
        <v>34282</v>
      </c>
      <c r="H5624">
        <v>6.0296608845349997</v>
      </c>
      <c r="I5624">
        <v>52.782016504188</v>
      </c>
      <c r="J5624" t="s">
        <v>61309</v>
      </c>
    </row>
    <row r="5625" spans="1:10" x14ac:dyDescent="0.25">
      <c r="A5625" t="s">
        <v>34275</v>
      </c>
      <c r="B5625" t="s">
        <v>34276</v>
      </c>
      <c r="C5625" t="s">
        <v>34277</v>
      </c>
      <c r="D5625" t="s">
        <v>34170</v>
      </c>
      <c r="E5625" t="s">
        <v>13</v>
      </c>
      <c r="F5625">
        <v>8457</v>
      </c>
      <c r="G5625" t="s">
        <v>34278</v>
      </c>
      <c r="H5625">
        <v>6.0144050226230004</v>
      </c>
      <c r="I5625">
        <v>52.756169280519998</v>
      </c>
      <c r="J5625" t="s">
        <v>61310</v>
      </c>
    </row>
    <row r="5626" spans="1:10" x14ac:dyDescent="0.25">
      <c r="A5626" t="s">
        <v>34271</v>
      </c>
      <c r="B5626" t="s">
        <v>34272</v>
      </c>
      <c r="C5626" t="s">
        <v>34273</v>
      </c>
      <c r="D5626" t="s">
        <v>34170</v>
      </c>
      <c r="E5626" t="s">
        <v>13</v>
      </c>
      <c r="F5626">
        <v>8456</v>
      </c>
      <c r="G5626" t="s">
        <v>34274</v>
      </c>
      <c r="H5626">
        <v>5.9149778398670003</v>
      </c>
      <c r="I5626">
        <v>52.769516798879003</v>
      </c>
      <c r="J5626" t="s">
        <v>61311</v>
      </c>
    </row>
    <row r="5627" spans="1:10" x14ac:dyDescent="0.25">
      <c r="A5627" t="s">
        <v>34267</v>
      </c>
      <c r="B5627" t="s">
        <v>34268</v>
      </c>
      <c r="C5627" t="s">
        <v>34269</v>
      </c>
      <c r="D5627" t="s">
        <v>34170</v>
      </c>
      <c r="E5627" t="s">
        <v>13</v>
      </c>
      <c r="F5627">
        <v>8455</v>
      </c>
      <c r="G5627" t="s">
        <v>34270</v>
      </c>
      <c r="H5627">
        <v>5.9046959619679997</v>
      </c>
      <c r="I5627">
        <v>52.763197498026003</v>
      </c>
      <c r="J5627" t="s">
        <v>61312</v>
      </c>
    </row>
    <row r="5628" spans="1:10" x14ac:dyDescent="0.25">
      <c r="A5628" t="s">
        <v>34264</v>
      </c>
      <c r="B5628" t="s">
        <v>34265</v>
      </c>
      <c r="C5628" t="s">
        <v>19789</v>
      </c>
      <c r="D5628" t="s">
        <v>34170</v>
      </c>
      <c r="E5628" t="s">
        <v>13</v>
      </c>
      <c r="F5628">
        <v>8454</v>
      </c>
      <c r="G5628" t="s">
        <v>34266</v>
      </c>
      <c r="H5628">
        <v>5.8968562033129999</v>
      </c>
      <c r="I5628">
        <v>52.764636313627001</v>
      </c>
      <c r="J5628" t="s">
        <v>61313</v>
      </c>
    </row>
    <row r="5629" spans="1:10" x14ac:dyDescent="0.25">
      <c r="A5629" t="s">
        <v>34260</v>
      </c>
      <c r="B5629" t="s">
        <v>34261</v>
      </c>
      <c r="C5629" t="s">
        <v>34262</v>
      </c>
      <c r="D5629" t="s">
        <v>34170</v>
      </c>
      <c r="E5629" t="s">
        <v>13</v>
      </c>
      <c r="F5629">
        <v>8453</v>
      </c>
      <c r="G5629" t="s">
        <v>34263</v>
      </c>
      <c r="H5629">
        <v>5.8212105147799997</v>
      </c>
      <c r="I5629">
        <v>52.800958823842002</v>
      </c>
      <c r="J5629" t="s">
        <v>61314</v>
      </c>
    </row>
    <row r="5630" spans="1:10" x14ac:dyDescent="0.25">
      <c r="A5630" t="s">
        <v>34256</v>
      </c>
      <c r="B5630" t="s">
        <v>34257</v>
      </c>
      <c r="C5630" t="s">
        <v>34258</v>
      </c>
      <c r="D5630" t="s">
        <v>34170</v>
      </c>
      <c r="E5630" t="s">
        <v>13</v>
      </c>
      <c r="F5630">
        <v>8452</v>
      </c>
      <c r="G5630" t="s">
        <v>34259</v>
      </c>
      <c r="H5630">
        <v>5.8597494119649998</v>
      </c>
      <c r="I5630">
        <v>52.795102522099</v>
      </c>
      <c r="J5630" t="s">
        <v>61315</v>
      </c>
    </row>
    <row r="5631" spans="1:10" x14ac:dyDescent="0.25">
      <c r="A5631" t="s">
        <v>34252</v>
      </c>
      <c r="B5631" t="s">
        <v>34253</v>
      </c>
      <c r="C5631" t="s">
        <v>34254</v>
      </c>
      <c r="D5631" t="s">
        <v>34170</v>
      </c>
      <c r="E5631" t="s">
        <v>13</v>
      </c>
      <c r="F5631">
        <v>8451</v>
      </c>
      <c r="G5631" t="s">
        <v>34255</v>
      </c>
      <c r="H5631">
        <v>5.8423420855410004</v>
      </c>
      <c r="I5631">
        <v>52.788196150697999</v>
      </c>
      <c r="J5631" t="s">
        <v>61316</v>
      </c>
    </row>
    <row r="5632" spans="1:10" x14ac:dyDescent="0.25">
      <c r="A5632" t="s">
        <v>34248</v>
      </c>
      <c r="B5632" t="s">
        <v>34249</v>
      </c>
      <c r="C5632" t="s">
        <v>34250</v>
      </c>
      <c r="D5632" t="s">
        <v>34170</v>
      </c>
      <c r="E5632" t="s">
        <v>13</v>
      </c>
      <c r="F5632">
        <v>8450</v>
      </c>
      <c r="G5632" t="s">
        <v>34251</v>
      </c>
      <c r="H5632">
        <v>5.9597209121979997</v>
      </c>
      <c r="I5632">
        <v>52.781479968037999</v>
      </c>
      <c r="J5632" t="s">
        <v>61317</v>
      </c>
    </row>
    <row r="5633" spans="1:10" x14ac:dyDescent="0.25">
      <c r="A5633" t="s">
        <v>34244</v>
      </c>
      <c r="B5633" t="s">
        <v>34245</v>
      </c>
      <c r="C5633" t="s">
        <v>34246</v>
      </c>
      <c r="D5633" t="s">
        <v>34170</v>
      </c>
      <c r="E5633" t="s">
        <v>13</v>
      </c>
      <c r="F5633">
        <v>8449</v>
      </c>
      <c r="G5633" t="s">
        <v>34247</v>
      </c>
      <c r="H5633">
        <v>5.9542763053490004</v>
      </c>
      <c r="I5633">
        <v>52.776888924928997</v>
      </c>
      <c r="J5633" t="s">
        <v>61318</v>
      </c>
    </row>
    <row r="5634" spans="1:10" x14ac:dyDescent="0.25">
      <c r="A5634" t="s">
        <v>34240</v>
      </c>
      <c r="B5634" t="s">
        <v>34241</v>
      </c>
      <c r="C5634" t="s">
        <v>34242</v>
      </c>
      <c r="D5634" t="s">
        <v>34170</v>
      </c>
      <c r="E5634" t="s">
        <v>13</v>
      </c>
      <c r="F5634">
        <v>8448</v>
      </c>
      <c r="G5634" t="s">
        <v>34243</v>
      </c>
      <c r="H5634">
        <v>5.9535534097999996</v>
      </c>
      <c r="I5634">
        <v>52.826368730239999</v>
      </c>
      <c r="J5634" t="s">
        <v>61319</v>
      </c>
    </row>
    <row r="5635" spans="1:10" x14ac:dyDescent="0.25">
      <c r="A5635" t="s">
        <v>34236</v>
      </c>
      <c r="B5635" t="s">
        <v>34237</v>
      </c>
      <c r="C5635" t="s">
        <v>34238</v>
      </c>
      <c r="D5635" t="s">
        <v>34170</v>
      </c>
      <c r="E5635" t="s">
        <v>13</v>
      </c>
      <c r="F5635">
        <v>8447</v>
      </c>
      <c r="G5635" t="s">
        <v>34239</v>
      </c>
      <c r="H5635">
        <v>5.9653948022829999</v>
      </c>
      <c r="I5635">
        <v>52.823542229357997</v>
      </c>
      <c r="J5635" t="s">
        <v>61320</v>
      </c>
    </row>
    <row r="5636" spans="1:10" x14ac:dyDescent="0.25">
      <c r="A5636" t="s">
        <v>34232</v>
      </c>
      <c r="B5636" t="s">
        <v>34233</v>
      </c>
      <c r="C5636" t="s">
        <v>34234</v>
      </c>
      <c r="D5636" t="s">
        <v>34170</v>
      </c>
      <c r="E5636" t="s">
        <v>13</v>
      </c>
      <c r="F5636">
        <v>8446</v>
      </c>
      <c r="G5636" t="s">
        <v>34235</v>
      </c>
      <c r="H5636">
        <v>5.978036885501</v>
      </c>
      <c r="I5636">
        <v>52.820223241439002</v>
      </c>
      <c r="J5636" t="s">
        <v>61321</v>
      </c>
    </row>
    <row r="5637" spans="1:10" x14ac:dyDescent="0.25">
      <c r="A5637" t="s">
        <v>34228</v>
      </c>
      <c r="B5637" t="s">
        <v>34229</v>
      </c>
      <c r="C5637" t="s">
        <v>34230</v>
      </c>
      <c r="D5637" t="s">
        <v>34170</v>
      </c>
      <c r="E5637" t="s">
        <v>13</v>
      </c>
      <c r="F5637">
        <v>8445</v>
      </c>
      <c r="G5637" t="s">
        <v>34231</v>
      </c>
      <c r="H5637">
        <v>6.1324105788369998</v>
      </c>
      <c r="I5637">
        <v>52.778551389340002</v>
      </c>
      <c r="J5637" t="s">
        <v>61322</v>
      </c>
    </row>
    <row r="5638" spans="1:10" x14ac:dyDescent="0.25">
      <c r="A5638" t="s">
        <v>34224</v>
      </c>
      <c r="B5638" t="s">
        <v>34225</v>
      </c>
      <c r="C5638" t="s">
        <v>34226</v>
      </c>
      <c r="D5638" t="s">
        <v>34170</v>
      </c>
      <c r="E5638" t="s">
        <v>13</v>
      </c>
      <c r="F5638">
        <v>8444</v>
      </c>
      <c r="G5638" t="s">
        <v>34227</v>
      </c>
      <c r="H5638">
        <v>6.1526597790370001</v>
      </c>
      <c r="I5638">
        <v>52.781471660293001</v>
      </c>
      <c r="J5638" t="s">
        <v>61323</v>
      </c>
    </row>
    <row r="5639" spans="1:10" x14ac:dyDescent="0.25">
      <c r="A5639" t="s">
        <v>34220</v>
      </c>
      <c r="B5639" t="s">
        <v>34221</v>
      </c>
      <c r="C5639" t="s">
        <v>34222</v>
      </c>
      <c r="D5639" t="s">
        <v>34170</v>
      </c>
      <c r="E5639" t="s">
        <v>13</v>
      </c>
      <c r="F5639">
        <v>8443</v>
      </c>
      <c r="G5639" t="s">
        <v>34223</v>
      </c>
      <c r="H5639">
        <v>6.1398535263360001</v>
      </c>
      <c r="I5639">
        <v>52.803672342321001</v>
      </c>
      <c r="J5639" t="s">
        <v>61324</v>
      </c>
    </row>
    <row r="5640" spans="1:10" x14ac:dyDescent="0.25">
      <c r="A5640" t="s">
        <v>34216</v>
      </c>
      <c r="B5640" t="s">
        <v>34217</v>
      </c>
      <c r="C5640" t="s">
        <v>34218</v>
      </c>
      <c r="D5640" t="s">
        <v>34170</v>
      </c>
      <c r="E5640" t="s">
        <v>13</v>
      </c>
      <c r="F5640">
        <v>8442</v>
      </c>
      <c r="G5640" t="s">
        <v>34219</v>
      </c>
      <c r="H5640">
        <v>6.0922207133860002</v>
      </c>
      <c r="I5640">
        <v>52.779509742077998</v>
      </c>
      <c r="J5640" t="s">
        <v>61325</v>
      </c>
    </row>
    <row r="5641" spans="1:10" x14ac:dyDescent="0.25">
      <c r="A5641" t="s">
        <v>34212</v>
      </c>
      <c r="B5641" t="s">
        <v>34213</v>
      </c>
      <c r="C5641" t="s">
        <v>34214</v>
      </c>
      <c r="D5641" t="s">
        <v>34170</v>
      </c>
      <c r="E5641" t="s">
        <v>13</v>
      </c>
      <c r="F5641">
        <v>8441</v>
      </c>
      <c r="G5641" t="s">
        <v>34215</v>
      </c>
      <c r="H5641">
        <v>6.1394895156029996</v>
      </c>
      <c r="I5641">
        <v>52.784277793323</v>
      </c>
      <c r="J5641" t="s">
        <v>61326</v>
      </c>
    </row>
    <row r="5642" spans="1:10" x14ac:dyDescent="0.25">
      <c r="A5642" t="s">
        <v>34208</v>
      </c>
      <c r="B5642" t="s">
        <v>34209</v>
      </c>
      <c r="C5642" t="s">
        <v>34210</v>
      </c>
      <c r="D5642" t="s">
        <v>34170</v>
      </c>
      <c r="E5642" t="s">
        <v>13</v>
      </c>
      <c r="F5642">
        <v>8440</v>
      </c>
      <c r="G5642" t="s">
        <v>34211</v>
      </c>
      <c r="H5642">
        <v>6.1438755056499996</v>
      </c>
      <c r="I5642">
        <v>52.790458006411001</v>
      </c>
      <c r="J5642" t="s">
        <v>61327</v>
      </c>
    </row>
    <row r="5643" spans="1:10" x14ac:dyDescent="0.25">
      <c r="A5643" t="s">
        <v>34204</v>
      </c>
      <c r="B5643" t="s">
        <v>34205</v>
      </c>
      <c r="C5643" t="s">
        <v>34206</v>
      </c>
      <c r="D5643" t="s">
        <v>34170</v>
      </c>
      <c r="E5643" t="s">
        <v>13</v>
      </c>
      <c r="F5643">
        <v>8439</v>
      </c>
      <c r="G5643" t="s">
        <v>34207</v>
      </c>
      <c r="H5643">
        <v>6.129322916514</v>
      </c>
      <c r="I5643">
        <v>52.79756967518</v>
      </c>
      <c r="J5643" t="s">
        <v>61328</v>
      </c>
    </row>
    <row r="5644" spans="1:10" x14ac:dyDescent="0.25">
      <c r="A5644" t="s">
        <v>34200</v>
      </c>
      <c r="B5644" t="s">
        <v>34201</v>
      </c>
      <c r="C5644" t="s">
        <v>34202</v>
      </c>
      <c r="D5644" t="s">
        <v>34170</v>
      </c>
      <c r="E5644" t="s">
        <v>13</v>
      </c>
      <c r="F5644">
        <v>8438</v>
      </c>
      <c r="G5644" t="s">
        <v>34203</v>
      </c>
      <c r="H5644">
        <v>6.1297973712129998</v>
      </c>
      <c r="I5644">
        <v>52.792831099590003</v>
      </c>
      <c r="J5644" t="s">
        <v>61329</v>
      </c>
    </row>
    <row r="5645" spans="1:10" x14ac:dyDescent="0.25">
      <c r="A5645" t="s">
        <v>34196</v>
      </c>
      <c r="B5645" t="s">
        <v>34197</v>
      </c>
      <c r="C5645" t="s">
        <v>34198</v>
      </c>
      <c r="D5645" t="s">
        <v>34170</v>
      </c>
      <c r="E5645" t="s">
        <v>13</v>
      </c>
      <c r="F5645">
        <v>8437</v>
      </c>
      <c r="G5645" t="s">
        <v>34199</v>
      </c>
      <c r="H5645">
        <v>6.1183399643460001</v>
      </c>
      <c r="I5645">
        <v>52.794020126889997</v>
      </c>
      <c r="J5645" t="s">
        <v>61330</v>
      </c>
    </row>
    <row r="5646" spans="1:10" x14ac:dyDescent="0.25">
      <c r="A5646" t="s">
        <v>34192</v>
      </c>
      <c r="B5646" t="s">
        <v>34193</v>
      </c>
      <c r="C5646" t="s">
        <v>34194</v>
      </c>
      <c r="D5646" t="s">
        <v>34170</v>
      </c>
      <c r="E5646" t="s">
        <v>13</v>
      </c>
      <c r="F5646">
        <v>8436</v>
      </c>
      <c r="G5646" t="s">
        <v>34195</v>
      </c>
      <c r="H5646">
        <v>6.1005114414430004</v>
      </c>
      <c r="I5646">
        <v>52.790271222922001</v>
      </c>
      <c r="J5646" t="s">
        <v>61331</v>
      </c>
    </row>
    <row r="5647" spans="1:10" x14ac:dyDescent="0.25">
      <c r="A5647" t="s">
        <v>34188</v>
      </c>
      <c r="B5647" t="s">
        <v>34189</v>
      </c>
      <c r="C5647" t="s">
        <v>34190</v>
      </c>
      <c r="D5647" t="s">
        <v>34170</v>
      </c>
      <c r="E5647" t="s">
        <v>13</v>
      </c>
      <c r="F5647">
        <v>8435</v>
      </c>
      <c r="G5647" t="s">
        <v>34191</v>
      </c>
      <c r="H5647">
        <v>6.1205791083349999</v>
      </c>
      <c r="I5647">
        <v>52.782656613763002</v>
      </c>
      <c r="J5647" t="s">
        <v>61332</v>
      </c>
    </row>
    <row r="5648" spans="1:10" x14ac:dyDescent="0.25">
      <c r="A5648" t="s">
        <v>34184</v>
      </c>
      <c r="B5648" t="s">
        <v>34185</v>
      </c>
      <c r="C5648" t="s">
        <v>34186</v>
      </c>
      <c r="D5648" t="s">
        <v>34170</v>
      </c>
      <c r="E5648" t="s">
        <v>13</v>
      </c>
      <c r="F5648">
        <v>8434</v>
      </c>
      <c r="G5648" t="s">
        <v>34187</v>
      </c>
      <c r="H5648">
        <v>6.1253058909730003</v>
      </c>
      <c r="I5648">
        <v>52.786583048705999</v>
      </c>
      <c r="J5648" t="s">
        <v>61333</v>
      </c>
    </row>
    <row r="5649" spans="1:10" x14ac:dyDescent="0.25">
      <c r="A5649" t="s">
        <v>34180</v>
      </c>
      <c r="B5649" t="s">
        <v>34181</v>
      </c>
      <c r="C5649" t="s">
        <v>34182</v>
      </c>
      <c r="D5649" t="s">
        <v>34170</v>
      </c>
      <c r="E5649" t="s">
        <v>13</v>
      </c>
      <c r="F5649">
        <v>8433</v>
      </c>
      <c r="G5649" t="s">
        <v>34183</v>
      </c>
      <c r="H5649">
        <v>6.1131295679450002</v>
      </c>
      <c r="I5649">
        <v>52.789659390498997</v>
      </c>
      <c r="J5649" t="s">
        <v>61334</v>
      </c>
    </row>
    <row r="5650" spans="1:10" x14ac:dyDescent="0.25">
      <c r="A5650" t="s">
        <v>34176</v>
      </c>
      <c r="B5650" t="s">
        <v>34177</v>
      </c>
      <c r="C5650" t="s">
        <v>34178</v>
      </c>
      <c r="D5650" t="s">
        <v>34170</v>
      </c>
      <c r="E5650" t="s">
        <v>13</v>
      </c>
      <c r="F5650">
        <v>8432</v>
      </c>
      <c r="G5650" t="s">
        <v>34179</v>
      </c>
      <c r="H5650">
        <v>6.1053688040539997</v>
      </c>
      <c r="I5650">
        <v>52.786324302543001</v>
      </c>
      <c r="J5650" t="s">
        <v>61335</v>
      </c>
    </row>
    <row r="5651" spans="1:10" x14ac:dyDescent="0.25">
      <c r="A5651" t="s">
        <v>34172</v>
      </c>
      <c r="B5651" t="s">
        <v>34173</v>
      </c>
      <c r="C5651" t="s">
        <v>34174</v>
      </c>
      <c r="D5651" t="s">
        <v>34170</v>
      </c>
      <c r="E5651" t="s">
        <v>13</v>
      </c>
      <c r="F5651">
        <v>8431</v>
      </c>
      <c r="G5651" t="s">
        <v>34175</v>
      </c>
      <c r="H5651">
        <v>6.1054531757539996</v>
      </c>
      <c r="I5651">
        <v>52.782455985374</v>
      </c>
      <c r="J5651" t="s">
        <v>61336</v>
      </c>
    </row>
    <row r="5652" spans="1:10" x14ac:dyDescent="0.25">
      <c r="A5652" t="s">
        <v>34167</v>
      </c>
      <c r="B5652" t="s">
        <v>34168</v>
      </c>
      <c r="C5652" t="s">
        <v>34169</v>
      </c>
      <c r="D5652" t="s">
        <v>34170</v>
      </c>
      <c r="E5652" t="s">
        <v>13</v>
      </c>
      <c r="F5652">
        <v>8430</v>
      </c>
      <c r="G5652" t="s">
        <v>34171</v>
      </c>
      <c r="H5652">
        <v>6.1161570130590004</v>
      </c>
      <c r="I5652">
        <v>52.786893492207</v>
      </c>
      <c r="J5652" t="s">
        <v>61337</v>
      </c>
    </row>
    <row r="5653" spans="1:10" x14ac:dyDescent="0.25">
      <c r="A5653" t="s">
        <v>34163</v>
      </c>
      <c r="B5653" t="s">
        <v>34164</v>
      </c>
      <c r="C5653" t="s">
        <v>34165</v>
      </c>
      <c r="D5653" t="s">
        <v>34091</v>
      </c>
      <c r="E5653" t="s">
        <v>13</v>
      </c>
      <c r="F5653">
        <v>8429</v>
      </c>
      <c r="G5653" t="s">
        <v>34166</v>
      </c>
      <c r="H5653">
        <v>5.5380223986350003</v>
      </c>
      <c r="I5653">
        <v>51.293818372851</v>
      </c>
      <c r="J5653" t="s">
        <v>61338</v>
      </c>
    </row>
    <row r="5654" spans="1:10" x14ac:dyDescent="0.25">
      <c r="A5654" t="s">
        <v>34159</v>
      </c>
      <c r="B5654" t="s">
        <v>34160</v>
      </c>
      <c r="C5654" t="s">
        <v>34161</v>
      </c>
      <c r="D5654" t="s">
        <v>34091</v>
      </c>
      <c r="E5654" t="s">
        <v>13</v>
      </c>
      <c r="F5654">
        <v>8428</v>
      </c>
      <c r="G5654" t="s">
        <v>34162</v>
      </c>
      <c r="H5654">
        <v>5.5570440465970004</v>
      </c>
      <c r="I5654">
        <v>51.286163206681998</v>
      </c>
      <c r="J5654" t="s">
        <v>61339</v>
      </c>
    </row>
    <row r="5655" spans="1:10" x14ac:dyDescent="0.25">
      <c r="A5655" t="s">
        <v>34155</v>
      </c>
      <c r="B5655" t="s">
        <v>34156</v>
      </c>
      <c r="C5655" t="s">
        <v>34157</v>
      </c>
      <c r="D5655" t="s">
        <v>34091</v>
      </c>
      <c r="E5655" t="s">
        <v>13</v>
      </c>
      <c r="F5655">
        <v>8427</v>
      </c>
      <c r="G5655" t="s">
        <v>34158</v>
      </c>
      <c r="H5655">
        <v>5.5716363036259997</v>
      </c>
      <c r="I5655">
        <v>51.309606322484001</v>
      </c>
      <c r="J5655" t="s">
        <v>61340</v>
      </c>
    </row>
    <row r="5656" spans="1:10" x14ac:dyDescent="0.25">
      <c r="A5656" t="s">
        <v>34151</v>
      </c>
      <c r="B5656" t="s">
        <v>34152</v>
      </c>
      <c r="C5656" t="s">
        <v>34153</v>
      </c>
      <c r="D5656" t="s">
        <v>34091</v>
      </c>
      <c r="E5656" t="s">
        <v>13</v>
      </c>
      <c r="F5656">
        <v>8426</v>
      </c>
      <c r="G5656" t="s">
        <v>34154</v>
      </c>
      <c r="H5656">
        <v>5.5768703554519998</v>
      </c>
      <c r="I5656">
        <v>51.299501628502</v>
      </c>
      <c r="J5656" t="s">
        <v>61341</v>
      </c>
    </row>
    <row r="5657" spans="1:10" x14ac:dyDescent="0.25">
      <c r="A5657" t="s">
        <v>34147</v>
      </c>
      <c r="B5657" t="s">
        <v>34148</v>
      </c>
      <c r="C5657" t="s">
        <v>34149</v>
      </c>
      <c r="D5657" t="s">
        <v>34091</v>
      </c>
      <c r="E5657" t="s">
        <v>13</v>
      </c>
      <c r="F5657">
        <v>8425</v>
      </c>
      <c r="G5657" t="s">
        <v>34150</v>
      </c>
      <c r="H5657">
        <v>5.6068468280959998</v>
      </c>
      <c r="I5657">
        <v>51.315447880824998</v>
      </c>
      <c r="J5657" t="s">
        <v>61342</v>
      </c>
    </row>
    <row r="5658" spans="1:10" x14ac:dyDescent="0.25">
      <c r="A5658" t="s">
        <v>34143</v>
      </c>
      <c r="B5658" t="s">
        <v>34144</v>
      </c>
      <c r="C5658" t="s">
        <v>34145</v>
      </c>
      <c r="D5658" t="s">
        <v>34091</v>
      </c>
      <c r="E5658" t="s">
        <v>13</v>
      </c>
      <c r="F5658">
        <v>8424</v>
      </c>
      <c r="G5658" t="s">
        <v>34146</v>
      </c>
      <c r="H5658">
        <v>5.6469407943930001</v>
      </c>
      <c r="I5658">
        <v>51.323938341003</v>
      </c>
      <c r="J5658" t="s">
        <v>61343</v>
      </c>
    </row>
    <row r="5659" spans="1:10" x14ac:dyDescent="0.25">
      <c r="A5659" t="s">
        <v>34139</v>
      </c>
      <c r="B5659" t="s">
        <v>34140</v>
      </c>
      <c r="C5659" t="s">
        <v>34141</v>
      </c>
      <c r="D5659" t="s">
        <v>34091</v>
      </c>
      <c r="E5659" t="s">
        <v>13</v>
      </c>
      <c r="F5659">
        <v>8423</v>
      </c>
      <c r="G5659" t="s">
        <v>34142</v>
      </c>
      <c r="H5659">
        <v>5.6330737616300004</v>
      </c>
      <c r="I5659">
        <v>51.305848408933002</v>
      </c>
      <c r="J5659" t="s">
        <v>61344</v>
      </c>
    </row>
    <row r="5660" spans="1:10" x14ac:dyDescent="0.25">
      <c r="A5660" t="s">
        <v>34135</v>
      </c>
      <c r="B5660" t="s">
        <v>34136</v>
      </c>
      <c r="C5660" t="s">
        <v>34137</v>
      </c>
      <c r="D5660" t="s">
        <v>34091</v>
      </c>
      <c r="E5660" t="s">
        <v>13</v>
      </c>
      <c r="F5660">
        <v>8422</v>
      </c>
      <c r="G5660" t="s">
        <v>34138</v>
      </c>
      <c r="H5660">
        <v>5.6397336643439999</v>
      </c>
      <c r="I5660">
        <v>51.311741449990997</v>
      </c>
      <c r="J5660" t="s">
        <v>61345</v>
      </c>
    </row>
    <row r="5661" spans="1:10" x14ac:dyDescent="0.25">
      <c r="A5661" t="s">
        <v>34131</v>
      </c>
      <c r="B5661" t="s">
        <v>34132</v>
      </c>
      <c r="C5661" t="s">
        <v>34133</v>
      </c>
      <c r="D5661" t="s">
        <v>34091</v>
      </c>
      <c r="E5661" t="s">
        <v>13</v>
      </c>
      <c r="F5661">
        <v>8421</v>
      </c>
      <c r="G5661" t="s">
        <v>34134</v>
      </c>
      <c r="H5661">
        <v>5.6149539493539997</v>
      </c>
      <c r="I5661">
        <v>51.311247262751003</v>
      </c>
      <c r="J5661" t="s">
        <v>61346</v>
      </c>
    </row>
    <row r="5662" spans="1:10" x14ac:dyDescent="0.25">
      <c r="A5662" t="s">
        <v>34127</v>
      </c>
      <c r="B5662" t="s">
        <v>34128</v>
      </c>
      <c r="C5662" t="s">
        <v>34129</v>
      </c>
      <c r="D5662" t="s">
        <v>34091</v>
      </c>
      <c r="E5662" t="s">
        <v>13</v>
      </c>
      <c r="F5662">
        <v>8420</v>
      </c>
      <c r="G5662" t="s">
        <v>34130</v>
      </c>
      <c r="H5662">
        <v>5.5778509569079997</v>
      </c>
      <c r="I5662">
        <v>51.230288222378</v>
      </c>
      <c r="J5662" t="s">
        <v>61347</v>
      </c>
    </row>
    <row r="5663" spans="1:10" x14ac:dyDescent="0.25">
      <c r="A5663" t="s">
        <v>34123</v>
      </c>
      <c r="B5663" t="s">
        <v>34124</v>
      </c>
      <c r="C5663" t="s">
        <v>34125</v>
      </c>
      <c r="D5663" t="s">
        <v>34091</v>
      </c>
      <c r="E5663" t="s">
        <v>13</v>
      </c>
      <c r="F5663">
        <v>8419</v>
      </c>
      <c r="G5663" t="s">
        <v>34126</v>
      </c>
      <c r="H5663">
        <v>5.6030521134870002</v>
      </c>
      <c r="I5663">
        <v>51.240700121461003</v>
      </c>
      <c r="J5663" t="s">
        <v>61348</v>
      </c>
    </row>
    <row r="5664" spans="1:10" x14ac:dyDescent="0.25">
      <c r="A5664" t="s">
        <v>34119</v>
      </c>
      <c r="B5664" t="s">
        <v>34120</v>
      </c>
      <c r="C5664" t="s">
        <v>34121</v>
      </c>
      <c r="D5664" t="s">
        <v>34091</v>
      </c>
      <c r="E5664" t="s">
        <v>13</v>
      </c>
      <c r="F5664">
        <v>8418</v>
      </c>
      <c r="G5664" t="s">
        <v>34122</v>
      </c>
      <c r="H5664">
        <v>5.5810043879969999</v>
      </c>
      <c r="I5664">
        <v>51.237182975461003</v>
      </c>
      <c r="J5664" t="s">
        <v>61349</v>
      </c>
    </row>
    <row r="5665" spans="1:10" x14ac:dyDescent="0.25">
      <c r="A5665" t="s">
        <v>34116</v>
      </c>
      <c r="B5665" t="s">
        <v>34117</v>
      </c>
      <c r="C5665" t="s">
        <v>23456</v>
      </c>
      <c r="D5665" t="s">
        <v>34091</v>
      </c>
      <c r="E5665" t="s">
        <v>13</v>
      </c>
      <c r="F5665">
        <v>8417</v>
      </c>
      <c r="G5665" t="s">
        <v>34118</v>
      </c>
      <c r="H5665">
        <v>5.560153019475</v>
      </c>
      <c r="I5665">
        <v>51.249175709184001</v>
      </c>
      <c r="J5665" t="s">
        <v>61350</v>
      </c>
    </row>
    <row r="5666" spans="1:10" x14ac:dyDescent="0.25">
      <c r="A5666" t="s">
        <v>34112</v>
      </c>
      <c r="B5666" t="s">
        <v>34113</v>
      </c>
      <c r="C5666" t="s">
        <v>34114</v>
      </c>
      <c r="D5666" t="s">
        <v>34091</v>
      </c>
      <c r="E5666" t="s">
        <v>13</v>
      </c>
      <c r="F5666">
        <v>8416</v>
      </c>
      <c r="G5666" t="s">
        <v>34115</v>
      </c>
      <c r="H5666">
        <v>5.5774037118080004</v>
      </c>
      <c r="I5666">
        <v>51.252370614809998</v>
      </c>
      <c r="J5666" t="s">
        <v>61351</v>
      </c>
    </row>
    <row r="5667" spans="1:10" x14ac:dyDescent="0.25">
      <c r="A5667" t="s">
        <v>34108</v>
      </c>
      <c r="B5667" t="s">
        <v>34109</v>
      </c>
      <c r="C5667" t="s">
        <v>34110</v>
      </c>
      <c r="D5667" t="s">
        <v>34091</v>
      </c>
      <c r="E5667" t="s">
        <v>13</v>
      </c>
      <c r="F5667">
        <v>8415</v>
      </c>
      <c r="G5667" t="s">
        <v>34111</v>
      </c>
      <c r="H5667">
        <v>5.5657754579769998</v>
      </c>
      <c r="I5667">
        <v>51.251061323858004</v>
      </c>
      <c r="J5667" t="s">
        <v>61352</v>
      </c>
    </row>
    <row r="5668" spans="1:10" x14ac:dyDescent="0.25">
      <c r="A5668" t="s">
        <v>34105</v>
      </c>
      <c r="B5668" t="s">
        <v>34106</v>
      </c>
      <c r="C5668" t="s">
        <v>23460</v>
      </c>
      <c r="D5668" t="s">
        <v>34091</v>
      </c>
      <c r="E5668" t="s">
        <v>13</v>
      </c>
      <c r="F5668">
        <v>8414</v>
      </c>
      <c r="G5668" t="s">
        <v>34107</v>
      </c>
      <c r="H5668">
        <v>5.6141442288950003</v>
      </c>
      <c r="I5668">
        <v>51.276688619200002</v>
      </c>
      <c r="J5668" t="s">
        <v>61353</v>
      </c>
    </row>
    <row r="5669" spans="1:10" x14ac:dyDescent="0.25">
      <c r="A5669" t="s">
        <v>34101</v>
      </c>
      <c r="B5669" t="s">
        <v>34102</v>
      </c>
      <c r="C5669" t="s">
        <v>34103</v>
      </c>
      <c r="D5669" t="s">
        <v>34091</v>
      </c>
      <c r="E5669" t="s">
        <v>13</v>
      </c>
      <c r="F5669">
        <v>8413</v>
      </c>
      <c r="G5669" t="s">
        <v>34104</v>
      </c>
      <c r="H5669">
        <v>5.5506631009960001</v>
      </c>
      <c r="I5669">
        <v>51.276710388003004</v>
      </c>
      <c r="J5669" t="s">
        <v>61354</v>
      </c>
    </row>
    <row r="5670" spans="1:10" x14ac:dyDescent="0.25">
      <c r="A5670" t="s">
        <v>34097</v>
      </c>
      <c r="B5670" t="s">
        <v>34098</v>
      </c>
      <c r="C5670" t="s">
        <v>34099</v>
      </c>
      <c r="D5670" t="s">
        <v>34091</v>
      </c>
      <c r="E5670" t="s">
        <v>13</v>
      </c>
      <c r="F5670">
        <v>8412</v>
      </c>
      <c r="G5670" t="s">
        <v>34100</v>
      </c>
      <c r="H5670">
        <v>5.5871236446739996</v>
      </c>
      <c r="I5670">
        <v>51.283584606919</v>
      </c>
      <c r="J5670" t="s">
        <v>61355</v>
      </c>
    </row>
    <row r="5671" spans="1:10" x14ac:dyDescent="0.25">
      <c r="A5671" t="s">
        <v>34093</v>
      </c>
      <c r="B5671" t="s">
        <v>34094</v>
      </c>
      <c r="C5671" t="s">
        <v>34095</v>
      </c>
      <c r="D5671" t="s">
        <v>34091</v>
      </c>
      <c r="E5671" t="s">
        <v>13</v>
      </c>
      <c r="F5671">
        <v>8411</v>
      </c>
      <c r="G5671" t="s">
        <v>34096</v>
      </c>
      <c r="H5671">
        <v>5.5901643089300004</v>
      </c>
      <c r="I5671">
        <v>51.267037962191999</v>
      </c>
      <c r="J5671" t="s">
        <v>61356</v>
      </c>
    </row>
    <row r="5672" spans="1:10" x14ac:dyDescent="0.25">
      <c r="A5672" t="s">
        <v>34088</v>
      </c>
      <c r="B5672" t="s">
        <v>34089</v>
      </c>
      <c r="C5672" t="s">
        <v>34090</v>
      </c>
      <c r="D5672" t="s">
        <v>34091</v>
      </c>
      <c r="E5672" t="s">
        <v>13</v>
      </c>
      <c r="F5672">
        <v>8410</v>
      </c>
      <c r="G5672" t="s">
        <v>34092</v>
      </c>
      <c r="H5672">
        <v>5.5740847648859999</v>
      </c>
      <c r="I5672">
        <v>51.270510710312003</v>
      </c>
      <c r="J5672" t="s">
        <v>61357</v>
      </c>
    </row>
    <row r="5673" spans="1:10" x14ac:dyDescent="0.25">
      <c r="A5673" t="s">
        <v>34084</v>
      </c>
      <c r="B5673" t="s">
        <v>34085</v>
      </c>
      <c r="C5673" t="s">
        <v>34086</v>
      </c>
      <c r="D5673" t="s">
        <v>33987</v>
      </c>
      <c r="E5673" t="s">
        <v>13</v>
      </c>
      <c r="F5673">
        <v>8409</v>
      </c>
      <c r="G5673" t="s">
        <v>34087</v>
      </c>
      <c r="H5673">
        <v>5.9522050512189999</v>
      </c>
      <c r="I5673">
        <v>51.938790576263997</v>
      </c>
      <c r="J5673" t="s">
        <v>61358</v>
      </c>
    </row>
    <row r="5674" spans="1:10" x14ac:dyDescent="0.25">
      <c r="A5674" t="s">
        <v>34080</v>
      </c>
      <c r="B5674" t="s">
        <v>34081</v>
      </c>
      <c r="C5674" t="s">
        <v>34082</v>
      </c>
      <c r="D5674" t="s">
        <v>33987</v>
      </c>
      <c r="E5674" t="s">
        <v>13</v>
      </c>
      <c r="F5674">
        <v>8408</v>
      </c>
      <c r="G5674" t="s">
        <v>34083</v>
      </c>
      <c r="H5674">
        <v>5.9151946403449998</v>
      </c>
      <c r="I5674">
        <v>51.936098625821003</v>
      </c>
      <c r="J5674" t="s">
        <v>61359</v>
      </c>
    </row>
    <row r="5675" spans="1:10" x14ac:dyDescent="0.25">
      <c r="A5675" t="s">
        <v>34076</v>
      </c>
      <c r="B5675" t="s">
        <v>34077</v>
      </c>
      <c r="C5675" t="s">
        <v>34078</v>
      </c>
      <c r="D5675" t="s">
        <v>33987</v>
      </c>
      <c r="E5675" t="s">
        <v>13</v>
      </c>
      <c r="F5675">
        <v>8407</v>
      </c>
      <c r="G5675" t="s">
        <v>34079</v>
      </c>
      <c r="H5675">
        <v>5.9288672873600001</v>
      </c>
      <c r="I5675">
        <v>51.922056528996997</v>
      </c>
      <c r="J5675" t="s">
        <v>61360</v>
      </c>
    </row>
    <row r="5676" spans="1:10" x14ac:dyDescent="0.25">
      <c r="A5676" t="s">
        <v>34072</v>
      </c>
      <c r="B5676" t="s">
        <v>34073</v>
      </c>
      <c r="C5676" t="s">
        <v>34074</v>
      </c>
      <c r="D5676" t="s">
        <v>33987</v>
      </c>
      <c r="E5676" t="s">
        <v>13</v>
      </c>
      <c r="F5676">
        <v>8406</v>
      </c>
      <c r="G5676" t="s">
        <v>34075</v>
      </c>
      <c r="H5676">
        <v>5.9256603830600003</v>
      </c>
      <c r="I5676">
        <v>51.945971281074002</v>
      </c>
      <c r="J5676" t="s">
        <v>61361</v>
      </c>
    </row>
    <row r="5677" spans="1:10" x14ac:dyDescent="0.25">
      <c r="A5677" t="s">
        <v>34069</v>
      </c>
      <c r="B5677" t="s">
        <v>34070</v>
      </c>
      <c r="C5677" t="s">
        <v>990</v>
      </c>
      <c r="D5677" t="s">
        <v>33987</v>
      </c>
      <c r="E5677" t="s">
        <v>13</v>
      </c>
      <c r="F5677">
        <v>8405</v>
      </c>
      <c r="G5677" t="s">
        <v>34071</v>
      </c>
      <c r="H5677">
        <v>5.9337763708870002</v>
      </c>
      <c r="I5677">
        <v>51.926614576481001</v>
      </c>
      <c r="J5677" t="s">
        <v>61362</v>
      </c>
    </row>
    <row r="5678" spans="1:10" x14ac:dyDescent="0.25">
      <c r="A5678" t="s">
        <v>34065</v>
      </c>
      <c r="B5678" t="s">
        <v>34066</v>
      </c>
      <c r="C5678" t="s">
        <v>34067</v>
      </c>
      <c r="D5678" t="s">
        <v>33987</v>
      </c>
      <c r="E5678" t="s">
        <v>13</v>
      </c>
      <c r="F5678">
        <v>8404</v>
      </c>
      <c r="G5678" t="s">
        <v>34068</v>
      </c>
      <c r="H5678">
        <v>5.935685915703</v>
      </c>
      <c r="I5678">
        <v>51.935050491417002</v>
      </c>
      <c r="J5678" t="s">
        <v>61363</v>
      </c>
    </row>
    <row r="5679" spans="1:10" x14ac:dyDescent="0.25">
      <c r="A5679" t="s">
        <v>34061</v>
      </c>
      <c r="B5679" t="s">
        <v>34062</v>
      </c>
      <c r="C5679" t="s">
        <v>34063</v>
      </c>
      <c r="D5679" t="s">
        <v>33987</v>
      </c>
      <c r="E5679" t="s">
        <v>13</v>
      </c>
      <c r="F5679">
        <v>8403</v>
      </c>
      <c r="G5679" t="s">
        <v>34064</v>
      </c>
      <c r="H5679">
        <v>5.9420203537000003</v>
      </c>
      <c r="I5679">
        <v>51.937385004779003</v>
      </c>
      <c r="J5679" t="s">
        <v>61364</v>
      </c>
    </row>
    <row r="5680" spans="1:10" x14ac:dyDescent="0.25">
      <c r="A5680" t="s">
        <v>34057</v>
      </c>
      <c r="B5680" t="s">
        <v>34058</v>
      </c>
      <c r="C5680" t="s">
        <v>34059</v>
      </c>
      <c r="D5680" t="s">
        <v>33987</v>
      </c>
      <c r="E5680" t="s">
        <v>13</v>
      </c>
      <c r="F5680">
        <v>8402</v>
      </c>
      <c r="G5680" t="s">
        <v>34060</v>
      </c>
      <c r="H5680">
        <v>5.9637905591939999</v>
      </c>
      <c r="I5680">
        <v>51.866195926239001</v>
      </c>
      <c r="J5680" t="s">
        <v>61365</v>
      </c>
    </row>
    <row r="5681" spans="1:10" x14ac:dyDescent="0.25">
      <c r="A5681" t="s">
        <v>34053</v>
      </c>
      <c r="B5681" t="s">
        <v>34054</v>
      </c>
      <c r="C5681" t="s">
        <v>34055</v>
      </c>
      <c r="D5681" t="s">
        <v>33987</v>
      </c>
      <c r="E5681" t="s">
        <v>13</v>
      </c>
      <c r="F5681">
        <v>8401</v>
      </c>
      <c r="G5681" t="s">
        <v>34056</v>
      </c>
      <c r="H5681">
        <v>5.9562679728169998</v>
      </c>
      <c r="I5681">
        <v>51.888219670074001</v>
      </c>
      <c r="J5681" t="s">
        <v>61366</v>
      </c>
    </row>
    <row r="5682" spans="1:10" x14ac:dyDescent="0.25">
      <c r="A5682" t="s">
        <v>34049</v>
      </c>
      <c r="B5682" t="s">
        <v>34050</v>
      </c>
      <c r="C5682" t="s">
        <v>34051</v>
      </c>
      <c r="D5682" t="s">
        <v>33987</v>
      </c>
      <c r="E5682" t="s">
        <v>13</v>
      </c>
      <c r="F5682">
        <v>8400</v>
      </c>
      <c r="G5682" t="s">
        <v>34052</v>
      </c>
      <c r="H5682">
        <v>5.9638435833349996</v>
      </c>
      <c r="I5682">
        <v>51.890361366377</v>
      </c>
      <c r="J5682" t="s">
        <v>61367</v>
      </c>
    </row>
    <row r="5683" spans="1:10" x14ac:dyDescent="0.25">
      <c r="A5683" t="s">
        <v>34045</v>
      </c>
      <c r="B5683" t="s">
        <v>34046</v>
      </c>
      <c r="C5683" t="s">
        <v>34047</v>
      </c>
      <c r="D5683" t="s">
        <v>33987</v>
      </c>
      <c r="E5683" t="s">
        <v>13</v>
      </c>
      <c r="F5683">
        <v>8399</v>
      </c>
      <c r="G5683" t="s">
        <v>34048</v>
      </c>
      <c r="H5683">
        <v>5.9922295767579996</v>
      </c>
      <c r="I5683">
        <v>51.879035371945001</v>
      </c>
      <c r="J5683" t="s">
        <v>61368</v>
      </c>
    </row>
    <row r="5684" spans="1:10" x14ac:dyDescent="0.25">
      <c r="A5684" t="s">
        <v>34041</v>
      </c>
      <c r="B5684" t="s">
        <v>34042</v>
      </c>
      <c r="C5684" t="s">
        <v>34043</v>
      </c>
      <c r="D5684" t="s">
        <v>33987</v>
      </c>
      <c r="E5684" t="s">
        <v>13</v>
      </c>
      <c r="F5684">
        <v>8398</v>
      </c>
      <c r="G5684" t="s">
        <v>34044</v>
      </c>
      <c r="H5684">
        <v>5.9593782030589999</v>
      </c>
      <c r="I5684">
        <v>51.871035167917</v>
      </c>
      <c r="J5684" t="s">
        <v>61369</v>
      </c>
    </row>
    <row r="5685" spans="1:10" x14ac:dyDescent="0.25">
      <c r="A5685" t="s">
        <v>34037</v>
      </c>
      <c r="B5685" t="s">
        <v>34038</v>
      </c>
      <c r="C5685" t="s">
        <v>34039</v>
      </c>
      <c r="D5685" t="s">
        <v>33987</v>
      </c>
      <c r="E5685" t="s">
        <v>13</v>
      </c>
      <c r="F5685">
        <v>8397</v>
      </c>
      <c r="G5685" t="s">
        <v>34040</v>
      </c>
      <c r="H5685">
        <v>5.9711411725049999</v>
      </c>
      <c r="I5685">
        <v>51.881641020396003</v>
      </c>
      <c r="J5685" t="s">
        <v>61370</v>
      </c>
    </row>
    <row r="5686" spans="1:10" x14ac:dyDescent="0.25">
      <c r="A5686" t="s">
        <v>34033</v>
      </c>
      <c r="B5686" t="s">
        <v>34034</v>
      </c>
      <c r="C5686" t="s">
        <v>34035</v>
      </c>
      <c r="D5686" t="s">
        <v>33987</v>
      </c>
      <c r="E5686" t="s">
        <v>13</v>
      </c>
      <c r="F5686">
        <v>8396</v>
      </c>
      <c r="G5686" t="s">
        <v>34036</v>
      </c>
      <c r="H5686">
        <v>5.9691490367039997</v>
      </c>
      <c r="I5686">
        <v>51.878095627977999</v>
      </c>
      <c r="J5686" t="s">
        <v>61371</v>
      </c>
    </row>
    <row r="5687" spans="1:10" x14ac:dyDescent="0.25">
      <c r="A5687" t="s">
        <v>34029</v>
      </c>
      <c r="B5687" t="s">
        <v>34030</v>
      </c>
      <c r="C5687" t="s">
        <v>34031</v>
      </c>
      <c r="D5687" t="s">
        <v>33987</v>
      </c>
      <c r="E5687" t="s">
        <v>13</v>
      </c>
      <c r="F5687">
        <v>8395</v>
      </c>
      <c r="G5687" t="s">
        <v>34032</v>
      </c>
      <c r="H5687">
        <v>5.9168096237889998</v>
      </c>
      <c r="I5687">
        <v>51.880371605468</v>
      </c>
      <c r="J5687" t="s">
        <v>61372</v>
      </c>
    </row>
    <row r="5688" spans="1:10" x14ac:dyDescent="0.25">
      <c r="A5688" t="s">
        <v>34025</v>
      </c>
      <c r="B5688" t="s">
        <v>34026</v>
      </c>
      <c r="C5688" t="s">
        <v>34027</v>
      </c>
      <c r="D5688" t="s">
        <v>33987</v>
      </c>
      <c r="E5688" t="s">
        <v>13</v>
      </c>
      <c r="F5688">
        <v>8394</v>
      </c>
      <c r="G5688" t="s">
        <v>34028</v>
      </c>
      <c r="H5688">
        <v>5.9335616687980002</v>
      </c>
      <c r="I5688">
        <v>51.889330087300003</v>
      </c>
      <c r="J5688" t="s">
        <v>61373</v>
      </c>
    </row>
    <row r="5689" spans="1:10" x14ac:dyDescent="0.25">
      <c r="A5689" t="s">
        <v>34021</v>
      </c>
      <c r="B5689" t="s">
        <v>34022</v>
      </c>
      <c r="C5689" t="s">
        <v>34023</v>
      </c>
      <c r="D5689" t="s">
        <v>33987</v>
      </c>
      <c r="E5689" t="s">
        <v>13</v>
      </c>
      <c r="F5689">
        <v>8393</v>
      </c>
      <c r="G5689" t="s">
        <v>34024</v>
      </c>
      <c r="H5689">
        <v>5.8956275993130003</v>
      </c>
      <c r="I5689">
        <v>51.875933511334999</v>
      </c>
      <c r="J5689" t="s">
        <v>61374</v>
      </c>
    </row>
    <row r="5690" spans="1:10" x14ac:dyDescent="0.25">
      <c r="A5690" t="s">
        <v>34017</v>
      </c>
      <c r="B5690" t="s">
        <v>34018</v>
      </c>
      <c r="C5690" t="s">
        <v>34019</v>
      </c>
      <c r="D5690" t="s">
        <v>33987</v>
      </c>
      <c r="E5690" t="s">
        <v>13</v>
      </c>
      <c r="F5690">
        <v>8392</v>
      </c>
      <c r="G5690" t="s">
        <v>34020</v>
      </c>
      <c r="H5690">
        <v>5.8830606396079999</v>
      </c>
      <c r="I5690">
        <v>51.879299502047999</v>
      </c>
      <c r="J5690" t="s">
        <v>61375</v>
      </c>
    </row>
    <row r="5691" spans="1:10" x14ac:dyDescent="0.25">
      <c r="A5691" t="s">
        <v>34013</v>
      </c>
      <c r="B5691" t="s">
        <v>34014</v>
      </c>
      <c r="C5691" t="s">
        <v>34015</v>
      </c>
      <c r="D5691" t="s">
        <v>33987</v>
      </c>
      <c r="E5691" t="s">
        <v>13</v>
      </c>
      <c r="F5691">
        <v>8391</v>
      </c>
      <c r="G5691" t="s">
        <v>34016</v>
      </c>
      <c r="H5691">
        <v>6.0033240735979998</v>
      </c>
      <c r="I5691">
        <v>51.893474231229</v>
      </c>
      <c r="J5691" t="s">
        <v>61376</v>
      </c>
    </row>
    <row r="5692" spans="1:10" x14ac:dyDescent="0.25">
      <c r="A5692" t="s">
        <v>34009</v>
      </c>
      <c r="B5692" t="s">
        <v>34010</v>
      </c>
      <c r="C5692" t="s">
        <v>34011</v>
      </c>
      <c r="D5692" t="s">
        <v>33987</v>
      </c>
      <c r="E5692" t="s">
        <v>13</v>
      </c>
      <c r="F5692">
        <v>8390</v>
      </c>
      <c r="G5692" t="s">
        <v>34012</v>
      </c>
      <c r="H5692">
        <v>5.9035483336050003</v>
      </c>
      <c r="I5692">
        <v>51.911222131583003</v>
      </c>
      <c r="J5692" t="s">
        <v>61377</v>
      </c>
    </row>
    <row r="5693" spans="1:10" x14ac:dyDescent="0.25">
      <c r="A5693" t="s">
        <v>34005</v>
      </c>
      <c r="B5693" t="s">
        <v>34006</v>
      </c>
      <c r="C5693" t="s">
        <v>34007</v>
      </c>
      <c r="D5693" t="s">
        <v>33987</v>
      </c>
      <c r="E5693" t="s">
        <v>13</v>
      </c>
      <c r="F5693">
        <v>8389</v>
      </c>
      <c r="G5693" t="s">
        <v>34008</v>
      </c>
      <c r="H5693">
        <v>5.9533990049170002</v>
      </c>
      <c r="I5693">
        <v>51.909901010109003</v>
      </c>
      <c r="J5693" t="s">
        <v>61378</v>
      </c>
    </row>
    <row r="5694" spans="1:10" x14ac:dyDescent="0.25">
      <c r="A5694" t="s">
        <v>34001</v>
      </c>
      <c r="B5694" t="s">
        <v>34002</v>
      </c>
      <c r="C5694" t="s">
        <v>34003</v>
      </c>
      <c r="D5694" t="s">
        <v>33987</v>
      </c>
      <c r="E5694" t="s">
        <v>13</v>
      </c>
      <c r="F5694">
        <v>8388</v>
      </c>
      <c r="G5694" t="s">
        <v>34004</v>
      </c>
      <c r="H5694">
        <v>5.8692941480489997</v>
      </c>
      <c r="I5694">
        <v>51.891736287806999</v>
      </c>
      <c r="J5694" t="s">
        <v>61379</v>
      </c>
    </row>
    <row r="5695" spans="1:10" x14ac:dyDescent="0.25">
      <c r="A5695" t="s">
        <v>33997</v>
      </c>
      <c r="B5695" t="s">
        <v>33998</v>
      </c>
      <c r="C5695" t="s">
        <v>33999</v>
      </c>
      <c r="D5695" t="s">
        <v>33987</v>
      </c>
      <c r="E5695" t="s">
        <v>13</v>
      </c>
      <c r="F5695">
        <v>8387</v>
      </c>
      <c r="G5695" t="s">
        <v>34000</v>
      </c>
      <c r="H5695">
        <v>5.9999822268919996</v>
      </c>
      <c r="I5695">
        <v>51.889569849249</v>
      </c>
      <c r="J5695" t="s">
        <v>61380</v>
      </c>
    </row>
    <row r="5696" spans="1:10" x14ac:dyDescent="0.25">
      <c r="A5696" t="s">
        <v>33993</v>
      </c>
      <c r="B5696" t="s">
        <v>33994</v>
      </c>
      <c r="C5696" t="s">
        <v>33995</v>
      </c>
      <c r="D5696" t="s">
        <v>33987</v>
      </c>
      <c r="E5696" t="s">
        <v>13</v>
      </c>
      <c r="F5696">
        <v>8386</v>
      </c>
      <c r="G5696" t="s">
        <v>33996</v>
      </c>
      <c r="H5696">
        <v>5.9583231889160002</v>
      </c>
      <c r="I5696">
        <v>51.91382398383</v>
      </c>
      <c r="J5696" t="s">
        <v>61381</v>
      </c>
    </row>
    <row r="5697" spans="1:10" x14ac:dyDescent="0.25">
      <c r="A5697" t="s">
        <v>33989</v>
      </c>
      <c r="B5697" t="s">
        <v>33990</v>
      </c>
      <c r="C5697" t="s">
        <v>33991</v>
      </c>
      <c r="D5697" t="s">
        <v>33987</v>
      </c>
      <c r="E5697" t="s">
        <v>13</v>
      </c>
      <c r="F5697">
        <v>8385</v>
      </c>
      <c r="G5697" t="s">
        <v>33992</v>
      </c>
      <c r="H5697">
        <v>5.9313464419719999</v>
      </c>
      <c r="I5697">
        <v>51.885092890171997</v>
      </c>
      <c r="J5697" t="s">
        <v>61382</v>
      </c>
    </row>
    <row r="5698" spans="1:10" x14ac:dyDescent="0.25">
      <c r="A5698" t="s">
        <v>33984</v>
      </c>
      <c r="B5698" t="s">
        <v>33985</v>
      </c>
      <c r="C5698" t="s">
        <v>33986</v>
      </c>
      <c r="D5698" t="s">
        <v>33987</v>
      </c>
      <c r="E5698" t="s">
        <v>13</v>
      </c>
      <c r="F5698">
        <v>8384</v>
      </c>
      <c r="G5698" t="s">
        <v>33988</v>
      </c>
      <c r="H5698">
        <v>5.8980546409169996</v>
      </c>
      <c r="I5698">
        <v>51.893126478219997</v>
      </c>
      <c r="J5698" t="s">
        <v>61383</v>
      </c>
    </row>
    <row r="5699" spans="1:10" x14ac:dyDescent="0.25">
      <c r="A5699" t="s">
        <v>33980</v>
      </c>
      <c r="B5699" t="s">
        <v>33981</v>
      </c>
      <c r="C5699" t="s">
        <v>33982</v>
      </c>
      <c r="D5699" t="s">
        <v>33932</v>
      </c>
      <c r="E5699" t="s">
        <v>13</v>
      </c>
      <c r="F5699">
        <v>8383</v>
      </c>
      <c r="G5699" t="s">
        <v>33983</v>
      </c>
      <c r="H5699">
        <v>5.7821271637059999</v>
      </c>
      <c r="I5699">
        <v>51.620056847695999</v>
      </c>
      <c r="J5699" t="s">
        <v>61384</v>
      </c>
    </row>
    <row r="5700" spans="1:10" x14ac:dyDescent="0.25">
      <c r="A5700" t="s">
        <v>33976</v>
      </c>
      <c r="B5700" t="s">
        <v>33977</v>
      </c>
      <c r="C5700" t="s">
        <v>33978</v>
      </c>
      <c r="D5700" t="s">
        <v>33932</v>
      </c>
      <c r="E5700" t="s">
        <v>13</v>
      </c>
      <c r="F5700">
        <v>8382</v>
      </c>
      <c r="G5700" t="s">
        <v>33979</v>
      </c>
      <c r="H5700">
        <v>5.7926090930539997</v>
      </c>
      <c r="I5700">
        <v>51.618020352694003</v>
      </c>
      <c r="J5700" t="s">
        <v>61385</v>
      </c>
    </row>
    <row r="5701" spans="1:10" x14ac:dyDescent="0.25">
      <c r="A5701" t="s">
        <v>33972</v>
      </c>
      <c r="B5701" t="s">
        <v>33973</v>
      </c>
      <c r="C5701" t="s">
        <v>33974</v>
      </c>
      <c r="D5701" t="s">
        <v>33932</v>
      </c>
      <c r="E5701" t="s">
        <v>13</v>
      </c>
      <c r="F5701">
        <v>8381</v>
      </c>
      <c r="G5701" t="s">
        <v>33975</v>
      </c>
      <c r="H5701">
        <v>5.8319465220069997</v>
      </c>
      <c r="I5701">
        <v>51.650833228073999</v>
      </c>
      <c r="J5701" t="s">
        <v>61386</v>
      </c>
    </row>
    <row r="5702" spans="1:10" x14ac:dyDescent="0.25">
      <c r="A5702" t="s">
        <v>33968</v>
      </c>
      <c r="B5702" t="s">
        <v>33969</v>
      </c>
      <c r="C5702" t="s">
        <v>33970</v>
      </c>
      <c r="D5702" t="s">
        <v>33932</v>
      </c>
      <c r="E5702" t="s">
        <v>13</v>
      </c>
      <c r="F5702">
        <v>8380</v>
      </c>
      <c r="G5702" t="s">
        <v>33971</v>
      </c>
      <c r="H5702">
        <v>5.8189240094099999</v>
      </c>
      <c r="I5702">
        <v>51.657000278985997</v>
      </c>
      <c r="J5702" t="s">
        <v>61387</v>
      </c>
    </row>
    <row r="5703" spans="1:10" x14ac:dyDescent="0.25">
      <c r="A5703" t="s">
        <v>33965</v>
      </c>
      <c r="B5703" t="s">
        <v>33966</v>
      </c>
      <c r="C5703" t="s">
        <v>26161</v>
      </c>
      <c r="D5703" t="s">
        <v>33932</v>
      </c>
      <c r="E5703" t="s">
        <v>13</v>
      </c>
      <c r="F5703">
        <v>8379</v>
      </c>
      <c r="G5703" t="s">
        <v>33967</v>
      </c>
      <c r="H5703">
        <v>5.9190706136150002</v>
      </c>
      <c r="I5703">
        <v>51.605199453163998</v>
      </c>
      <c r="J5703" t="s">
        <v>61388</v>
      </c>
    </row>
    <row r="5704" spans="1:10" x14ac:dyDescent="0.25">
      <c r="A5704" t="s">
        <v>33961</v>
      </c>
      <c r="B5704" t="s">
        <v>33962</v>
      </c>
      <c r="C5704" t="s">
        <v>33963</v>
      </c>
      <c r="D5704" t="s">
        <v>33932</v>
      </c>
      <c r="E5704" t="s">
        <v>13</v>
      </c>
      <c r="F5704">
        <v>8378</v>
      </c>
      <c r="G5704" t="s">
        <v>33964</v>
      </c>
      <c r="H5704">
        <v>5.9169833210730003</v>
      </c>
      <c r="I5704">
        <v>51.602492736670001</v>
      </c>
      <c r="J5704" t="s">
        <v>61389</v>
      </c>
    </row>
    <row r="5705" spans="1:10" x14ac:dyDescent="0.25">
      <c r="A5705" t="s">
        <v>33958</v>
      </c>
      <c r="B5705" t="s">
        <v>33959</v>
      </c>
      <c r="C5705" t="s">
        <v>26157</v>
      </c>
      <c r="D5705" t="s">
        <v>33932</v>
      </c>
      <c r="E5705" t="s">
        <v>13</v>
      </c>
      <c r="F5705">
        <v>8377</v>
      </c>
      <c r="G5705" t="s">
        <v>33960</v>
      </c>
      <c r="H5705">
        <v>5.8595922022210001</v>
      </c>
      <c r="I5705">
        <v>51.577197185071</v>
      </c>
      <c r="J5705" t="s">
        <v>61390</v>
      </c>
    </row>
    <row r="5706" spans="1:10" x14ac:dyDescent="0.25">
      <c r="A5706" t="s">
        <v>33954</v>
      </c>
      <c r="B5706" t="s">
        <v>33955</v>
      </c>
      <c r="C5706" t="s">
        <v>33956</v>
      </c>
      <c r="D5706" t="s">
        <v>33932</v>
      </c>
      <c r="E5706" t="s">
        <v>13</v>
      </c>
      <c r="F5706">
        <v>8376</v>
      </c>
      <c r="G5706" t="s">
        <v>33957</v>
      </c>
      <c r="H5706">
        <v>5.8626327323850003</v>
      </c>
      <c r="I5706">
        <v>51.582763807098999</v>
      </c>
      <c r="J5706" t="s">
        <v>61391</v>
      </c>
    </row>
    <row r="5707" spans="1:10" x14ac:dyDescent="0.25">
      <c r="A5707" t="s">
        <v>33950</v>
      </c>
      <c r="B5707" t="s">
        <v>33951</v>
      </c>
      <c r="C5707" t="s">
        <v>33952</v>
      </c>
      <c r="D5707" t="s">
        <v>33932</v>
      </c>
      <c r="E5707" t="s">
        <v>13</v>
      </c>
      <c r="F5707">
        <v>8375</v>
      </c>
      <c r="G5707" t="s">
        <v>33953</v>
      </c>
      <c r="H5707">
        <v>5.8419218701639997</v>
      </c>
      <c r="I5707">
        <v>51.594090697795998</v>
      </c>
      <c r="J5707" t="s">
        <v>61392</v>
      </c>
    </row>
    <row r="5708" spans="1:10" x14ac:dyDescent="0.25">
      <c r="A5708" t="s">
        <v>33946</v>
      </c>
      <c r="B5708" t="s">
        <v>33947</v>
      </c>
      <c r="C5708" t="s">
        <v>33948</v>
      </c>
      <c r="D5708" t="s">
        <v>33932</v>
      </c>
      <c r="E5708" t="s">
        <v>13</v>
      </c>
      <c r="F5708">
        <v>8374</v>
      </c>
      <c r="G5708" t="s">
        <v>33949</v>
      </c>
      <c r="H5708">
        <v>5.8724494329730001</v>
      </c>
      <c r="I5708">
        <v>51.607659071404001</v>
      </c>
      <c r="J5708" t="s">
        <v>61393</v>
      </c>
    </row>
    <row r="5709" spans="1:10" x14ac:dyDescent="0.25">
      <c r="A5709" t="s">
        <v>33942</v>
      </c>
      <c r="B5709" t="s">
        <v>33943</v>
      </c>
      <c r="C5709" t="s">
        <v>33944</v>
      </c>
      <c r="D5709" t="s">
        <v>33932</v>
      </c>
      <c r="E5709" t="s">
        <v>13</v>
      </c>
      <c r="F5709">
        <v>8373</v>
      </c>
      <c r="G5709" t="s">
        <v>33945</v>
      </c>
      <c r="H5709">
        <v>5.8693894595609999</v>
      </c>
      <c r="I5709">
        <v>51.621262095618</v>
      </c>
      <c r="J5709" t="s">
        <v>61394</v>
      </c>
    </row>
    <row r="5710" spans="1:10" x14ac:dyDescent="0.25">
      <c r="A5710" t="s">
        <v>33938</v>
      </c>
      <c r="B5710" t="s">
        <v>33939</v>
      </c>
      <c r="C5710" t="s">
        <v>33940</v>
      </c>
      <c r="D5710" t="s">
        <v>33932</v>
      </c>
      <c r="E5710" t="s">
        <v>13</v>
      </c>
      <c r="F5710">
        <v>8372</v>
      </c>
      <c r="G5710" t="s">
        <v>33941</v>
      </c>
      <c r="H5710">
        <v>5.8673057130300004</v>
      </c>
      <c r="I5710">
        <v>51.635896806181997</v>
      </c>
      <c r="J5710" t="s">
        <v>61395</v>
      </c>
    </row>
    <row r="5711" spans="1:10" x14ac:dyDescent="0.25">
      <c r="A5711" t="s">
        <v>33934</v>
      </c>
      <c r="B5711" t="s">
        <v>33935</v>
      </c>
      <c r="C5711" t="s">
        <v>33936</v>
      </c>
      <c r="D5711" t="s">
        <v>33932</v>
      </c>
      <c r="E5711" t="s">
        <v>13</v>
      </c>
      <c r="F5711">
        <v>8371</v>
      </c>
      <c r="G5711" t="s">
        <v>33937</v>
      </c>
      <c r="H5711">
        <v>5.8731889770379997</v>
      </c>
      <c r="I5711">
        <v>51.636233844556997</v>
      </c>
      <c r="J5711" t="s">
        <v>61396</v>
      </c>
    </row>
    <row r="5712" spans="1:10" x14ac:dyDescent="0.25">
      <c r="A5712" t="s">
        <v>33929</v>
      </c>
      <c r="B5712" t="s">
        <v>33930</v>
      </c>
      <c r="C5712" t="s">
        <v>33931</v>
      </c>
      <c r="D5712" t="s">
        <v>33932</v>
      </c>
      <c r="E5712" t="s">
        <v>13</v>
      </c>
      <c r="F5712">
        <v>8370</v>
      </c>
      <c r="G5712" t="s">
        <v>33933</v>
      </c>
      <c r="H5712">
        <v>5.8808998137120003</v>
      </c>
      <c r="I5712">
        <v>51.626412497258002</v>
      </c>
      <c r="J5712" t="s">
        <v>61397</v>
      </c>
    </row>
    <row r="5713" spans="1:10" x14ac:dyDescent="0.25">
      <c r="A5713" t="s">
        <v>33925</v>
      </c>
      <c r="B5713" t="s">
        <v>33926</v>
      </c>
      <c r="C5713" t="s">
        <v>33927</v>
      </c>
      <c r="D5713" t="s">
        <v>33754</v>
      </c>
      <c r="E5713" t="s">
        <v>13</v>
      </c>
      <c r="F5713">
        <v>8369</v>
      </c>
      <c r="G5713" t="s">
        <v>33928</v>
      </c>
      <c r="H5713">
        <v>6.2250020144180001</v>
      </c>
      <c r="I5713">
        <v>52.892693750112002</v>
      </c>
      <c r="J5713" t="s">
        <v>61398</v>
      </c>
    </row>
    <row r="5714" spans="1:10" x14ac:dyDescent="0.25">
      <c r="A5714" t="s">
        <v>33921</v>
      </c>
      <c r="B5714" t="s">
        <v>33922</v>
      </c>
      <c r="C5714" t="s">
        <v>33923</v>
      </c>
      <c r="D5714" t="s">
        <v>33754</v>
      </c>
      <c r="E5714" t="s">
        <v>13</v>
      </c>
      <c r="F5714">
        <v>8368</v>
      </c>
      <c r="G5714" t="s">
        <v>33924</v>
      </c>
      <c r="H5714">
        <v>6.2507182551179996</v>
      </c>
      <c r="I5714">
        <v>52.896535175384997</v>
      </c>
      <c r="J5714" t="s">
        <v>61399</v>
      </c>
    </row>
    <row r="5715" spans="1:10" x14ac:dyDescent="0.25">
      <c r="A5715" t="s">
        <v>33917</v>
      </c>
      <c r="B5715" t="s">
        <v>33918</v>
      </c>
      <c r="C5715" t="s">
        <v>33919</v>
      </c>
      <c r="D5715" t="s">
        <v>33754</v>
      </c>
      <c r="E5715" t="s">
        <v>13</v>
      </c>
      <c r="F5715">
        <v>8367</v>
      </c>
      <c r="G5715" t="s">
        <v>33920</v>
      </c>
      <c r="H5715">
        <v>6.2456937118970002</v>
      </c>
      <c r="I5715">
        <v>52.886192938081997</v>
      </c>
      <c r="J5715" t="s">
        <v>61400</v>
      </c>
    </row>
    <row r="5716" spans="1:10" x14ac:dyDescent="0.25">
      <c r="A5716" t="s">
        <v>33913</v>
      </c>
      <c r="B5716" t="s">
        <v>33914</v>
      </c>
      <c r="C5716" t="s">
        <v>33915</v>
      </c>
      <c r="D5716" t="s">
        <v>33754</v>
      </c>
      <c r="E5716" t="s">
        <v>13</v>
      </c>
      <c r="F5716">
        <v>8366</v>
      </c>
      <c r="G5716" t="s">
        <v>33916</v>
      </c>
      <c r="H5716">
        <v>6.1574704337529997</v>
      </c>
      <c r="I5716">
        <v>52.862733630775999</v>
      </c>
      <c r="J5716" t="s">
        <v>61401</v>
      </c>
    </row>
    <row r="5717" spans="1:10" x14ac:dyDescent="0.25">
      <c r="A5717" t="s">
        <v>33909</v>
      </c>
      <c r="B5717" t="s">
        <v>33910</v>
      </c>
      <c r="C5717" t="s">
        <v>33911</v>
      </c>
      <c r="D5717" t="s">
        <v>33754</v>
      </c>
      <c r="E5717" t="s">
        <v>13</v>
      </c>
      <c r="F5717">
        <v>8365</v>
      </c>
      <c r="G5717" t="s">
        <v>33912</v>
      </c>
      <c r="H5717">
        <v>6.1634096914259997</v>
      </c>
      <c r="I5717">
        <v>52.856106718451997</v>
      </c>
      <c r="J5717" t="s">
        <v>61402</v>
      </c>
    </row>
    <row r="5718" spans="1:10" x14ac:dyDescent="0.25">
      <c r="A5718" t="s">
        <v>33905</v>
      </c>
      <c r="B5718" t="s">
        <v>33906</v>
      </c>
      <c r="C5718" t="s">
        <v>33907</v>
      </c>
      <c r="D5718" t="s">
        <v>33754</v>
      </c>
      <c r="E5718" t="s">
        <v>13</v>
      </c>
      <c r="F5718">
        <v>8364</v>
      </c>
      <c r="G5718" t="s">
        <v>33908</v>
      </c>
      <c r="H5718">
        <v>6.1846914538420004</v>
      </c>
      <c r="I5718">
        <v>52.875681971874997</v>
      </c>
      <c r="J5718" t="s">
        <v>61403</v>
      </c>
    </row>
    <row r="5719" spans="1:10" x14ac:dyDescent="0.25">
      <c r="A5719" t="s">
        <v>33902</v>
      </c>
      <c r="B5719" t="s">
        <v>33903</v>
      </c>
      <c r="C5719" t="s">
        <v>5225</v>
      </c>
      <c r="D5719" t="s">
        <v>33754</v>
      </c>
      <c r="E5719" t="s">
        <v>13</v>
      </c>
      <c r="F5719">
        <v>8363</v>
      </c>
      <c r="G5719" t="s">
        <v>33904</v>
      </c>
      <c r="H5719">
        <v>6.1880268912079996</v>
      </c>
      <c r="I5719">
        <v>52.875943223542002</v>
      </c>
      <c r="J5719" t="s">
        <v>61404</v>
      </c>
    </row>
    <row r="5720" spans="1:10" x14ac:dyDescent="0.25">
      <c r="A5720" t="s">
        <v>33898</v>
      </c>
      <c r="B5720" t="s">
        <v>33899</v>
      </c>
      <c r="C5720" t="s">
        <v>33900</v>
      </c>
      <c r="D5720" t="s">
        <v>33754</v>
      </c>
      <c r="E5720" t="s">
        <v>13</v>
      </c>
      <c r="F5720">
        <v>8362</v>
      </c>
      <c r="G5720" t="s">
        <v>33901</v>
      </c>
      <c r="H5720">
        <v>6.1557790875220002</v>
      </c>
      <c r="I5720">
        <v>52.840864175432998</v>
      </c>
      <c r="J5720" t="s">
        <v>61405</v>
      </c>
    </row>
    <row r="5721" spans="1:10" x14ac:dyDescent="0.25">
      <c r="A5721" t="s">
        <v>33894</v>
      </c>
      <c r="B5721" t="s">
        <v>33895</v>
      </c>
      <c r="C5721" t="s">
        <v>33896</v>
      </c>
      <c r="D5721" t="s">
        <v>33754</v>
      </c>
      <c r="E5721" t="s">
        <v>13</v>
      </c>
      <c r="F5721">
        <v>8361</v>
      </c>
      <c r="G5721" t="s">
        <v>33897</v>
      </c>
      <c r="H5721">
        <v>6.1642302118209997</v>
      </c>
      <c r="I5721">
        <v>52.835444396627999</v>
      </c>
      <c r="J5721" t="s">
        <v>61406</v>
      </c>
    </row>
    <row r="5722" spans="1:10" x14ac:dyDescent="0.25">
      <c r="A5722" t="s">
        <v>33890</v>
      </c>
      <c r="B5722" t="s">
        <v>33891</v>
      </c>
      <c r="C5722" t="s">
        <v>33892</v>
      </c>
      <c r="D5722" t="s">
        <v>33754</v>
      </c>
      <c r="E5722" t="s">
        <v>13</v>
      </c>
      <c r="F5722">
        <v>8360</v>
      </c>
      <c r="G5722" t="s">
        <v>33893</v>
      </c>
      <c r="H5722">
        <v>6.1812356211589998</v>
      </c>
      <c r="I5722">
        <v>52.846391570637003</v>
      </c>
      <c r="J5722" t="s">
        <v>61407</v>
      </c>
    </row>
    <row r="5723" spans="1:10" x14ac:dyDescent="0.25">
      <c r="A5723" t="s">
        <v>33886</v>
      </c>
      <c r="B5723" t="s">
        <v>33887</v>
      </c>
      <c r="C5723" t="s">
        <v>33888</v>
      </c>
      <c r="D5723" t="s">
        <v>33754</v>
      </c>
      <c r="E5723" t="s">
        <v>13</v>
      </c>
      <c r="F5723">
        <v>8359</v>
      </c>
      <c r="G5723" t="s">
        <v>33889</v>
      </c>
      <c r="H5723">
        <v>6.1873113497479997</v>
      </c>
      <c r="I5723">
        <v>52.843075869800998</v>
      </c>
      <c r="J5723" t="s">
        <v>61408</v>
      </c>
    </row>
    <row r="5724" spans="1:10" x14ac:dyDescent="0.25">
      <c r="A5724" t="s">
        <v>33882</v>
      </c>
      <c r="B5724" t="s">
        <v>33883</v>
      </c>
      <c r="C5724" t="s">
        <v>33884</v>
      </c>
      <c r="D5724" t="s">
        <v>33754</v>
      </c>
      <c r="E5724" t="s">
        <v>13</v>
      </c>
      <c r="F5724">
        <v>8358</v>
      </c>
      <c r="G5724" t="s">
        <v>33885</v>
      </c>
      <c r="H5724">
        <v>6.2064798104019996</v>
      </c>
      <c r="I5724">
        <v>52.861174157760999</v>
      </c>
      <c r="J5724" t="s">
        <v>61409</v>
      </c>
    </row>
    <row r="5725" spans="1:10" x14ac:dyDescent="0.25">
      <c r="A5725" t="s">
        <v>33878</v>
      </c>
      <c r="B5725" t="s">
        <v>33879</v>
      </c>
      <c r="C5725" t="s">
        <v>33880</v>
      </c>
      <c r="D5725" t="s">
        <v>33754</v>
      </c>
      <c r="E5725" t="s">
        <v>13</v>
      </c>
      <c r="F5725">
        <v>8357</v>
      </c>
      <c r="G5725" t="s">
        <v>33881</v>
      </c>
      <c r="H5725">
        <v>6.2083108897079997</v>
      </c>
      <c r="I5725">
        <v>52.855742654206999</v>
      </c>
      <c r="J5725" t="s">
        <v>61410</v>
      </c>
    </row>
    <row r="5726" spans="1:10" x14ac:dyDescent="0.25">
      <c r="A5726" t="s">
        <v>33874</v>
      </c>
      <c r="B5726" t="s">
        <v>33875</v>
      </c>
      <c r="C5726" t="s">
        <v>33876</v>
      </c>
      <c r="D5726" t="s">
        <v>33754</v>
      </c>
      <c r="E5726" t="s">
        <v>13</v>
      </c>
      <c r="F5726">
        <v>8356</v>
      </c>
      <c r="G5726" t="s">
        <v>33877</v>
      </c>
      <c r="H5726">
        <v>6.219077004421</v>
      </c>
      <c r="I5726">
        <v>52.821981433105002</v>
      </c>
      <c r="J5726" t="s">
        <v>61411</v>
      </c>
    </row>
    <row r="5727" spans="1:10" x14ac:dyDescent="0.25">
      <c r="A5727" t="s">
        <v>33870</v>
      </c>
      <c r="B5727" t="s">
        <v>33871</v>
      </c>
      <c r="C5727" t="s">
        <v>33872</v>
      </c>
      <c r="D5727" t="s">
        <v>33754</v>
      </c>
      <c r="E5727" t="s">
        <v>13</v>
      </c>
      <c r="F5727">
        <v>8355</v>
      </c>
      <c r="G5727" t="s">
        <v>33873</v>
      </c>
      <c r="H5727">
        <v>6.2550870122099997</v>
      </c>
      <c r="I5727">
        <v>52.829649177688999</v>
      </c>
      <c r="J5727" t="s">
        <v>61412</v>
      </c>
    </row>
    <row r="5728" spans="1:10" x14ac:dyDescent="0.25">
      <c r="A5728" t="s">
        <v>33866</v>
      </c>
      <c r="B5728" t="s">
        <v>33867</v>
      </c>
      <c r="C5728" t="s">
        <v>33868</v>
      </c>
      <c r="D5728" t="s">
        <v>33754</v>
      </c>
      <c r="E5728" t="s">
        <v>13</v>
      </c>
      <c r="F5728">
        <v>8354</v>
      </c>
      <c r="G5728" t="s">
        <v>33869</v>
      </c>
      <c r="H5728">
        <v>6.1892011351059999</v>
      </c>
      <c r="I5728">
        <v>52.81404433334</v>
      </c>
      <c r="J5728" t="s">
        <v>61413</v>
      </c>
    </row>
    <row r="5729" spans="1:10" x14ac:dyDescent="0.25">
      <c r="A5729" t="s">
        <v>33862</v>
      </c>
      <c r="B5729" t="s">
        <v>33863</v>
      </c>
      <c r="C5729" t="s">
        <v>33864</v>
      </c>
      <c r="D5729" t="s">
        <v>33754</v>
      </c>
      <c r="E5729" t="s">
        <v>13</v>
      </c>
      <c r="F5729">
        <v>8353</v>
      </c>
      <c r="G5729" t="s">
        <v>33865</v>
      </c>
      <c r="H5729">
        <v>6.2174942453890001</v>
      </c>
      <c r="I5729">
        <v>52.824261196831003</v>
      </c>
      <c r="J5729" t="s">
        <v>61414</v>
      </c>
    </row>
    <row r="5730" spans="1:10" x14ac:dyDescent="0.25">
      <c r="A5730" t="s">
        <v>33858</v>
      </c>
      <c r="B5730" t="s">
        <v>33859</v>
      </c>
      <c r="C5730" t="s">
        <v>33860</v>
      </c>
      <c r="D5730" t="s">
        <v>33754</v>
      </c>
      <c r="E5730" t="s">
        <v>13</v>
      </c>
      <c r="F5730">
        <v>8352</v>
      </c>
      <c r="G5730" t="s">
        <v>33861</v>
      </c>
      <c r="H5730">
        <v>6.2701238188259998</v>
      </c>
      <c r="I5730">
        <v>52.797664123198999</v>
      </c>
      <c r="J5730" t="s">
        <v>61415</v>
      </c>
    </row>
    <row r="5731" spans="1:10" x14ac:dyDescent="0.25">
      <c r="A5731" t="s">
        <v>33854</v>
      </c>
      <c r="B5731" t="s">
        <v>33855</v>
      </c>
      <c r="C5731" t="s">
        <v>33856</v>
      </c>
      <c r="D5731" t="s">
        <v>33754</v>
      </c>
      <c r="E5731" t="s">
        <v>13</v>
      </c>
      <c r="F5731">
        <v>8351</v>
      </c>
      <c r="G5731" t="s">
        <v>33857</v>
      </c>
      <c r="H5731">
        <v>6.2802298013589999</v>
      </c>
      <c r="I5731">
        <v>52.790553849414003</v>
      </c>
      <c r="J5731" t="s">
        <v>61416</v>
      </c>
    </row>
    <row r="5732" spans="1:10" x14ac:dyDescent="0.25">
      <c r="A5732" t="s">
        <v>33850</v>
      </c>
      <c r="B5732" t="s">
        <v>33851</v>
      </c>
      <c r="C5732" t="s">
        <v>33852</v>
      </c>
      <c r="D5732" t="s">
        <v>33754</v>
      </c>
      <c r="E5732" t="s">
        <v>13</v>
      </c>
      <c r="F5732">
        <v>8350</v>
      </c>
      <c r="G5732" t="s">
        <v>33853</v>
      </c>
      <c r="H5732">
        <v>6.2208975709540004</v>
      </c>
      <c r="I5732">
        <v>52.768832300442</v>
      </c>
      <c r="J5732" t="s">
        <v>61417</v>
      </c>
    </row>
    <row r="5733" spans="1:10" x14ac:dyDescent="0.25">
      <c r="A5733" t="s">
        <v>33846</v>
      </c>
      <c r="B5733" t="s">
        <v>33847</v>
      </c>
      <c r="C5733" t="s">
        <v>33848</v>
      </c>
      <c r="D5733" t="s">
        <v>33754</v>
      </c>
      <c r="E5733" t="s">
        <v>13</v>
      </c>
      <c r="F5733">
        <v>8349</v>
      </c>
      <c r="G5733" t="s">
        <v>33849</v>
      </c>
      <c r="H5733">
        <v>6.1811819928249996</v>
      </c>
      <c r="I5733">
        <v>52.774991327316002</v>
      </c>
      <c r="J5733" t="s">
        <v>61418</v>
      </c>
    </row>
    <row r="5734" spans="1:10" x14ac:dyDescent="0.25">
      <c r="A5734" t="s">
        <v>33842</v>
      </c>
      <c r="B5734" t="s">
        <v>33843</v>
      </c>
      <c r="C5734" t="s">
        <v>33844</v>
      </c>
      <c r="D5734" t="s">
        <v>33754</v>
      </c>
      <c r="E5734" t="s">
        <v>13</v>
      </c>
      <c r="F5734">
        <v>8348</v>
      </c>
      <c r="G5734" t="s">
        <v>33845</v>
      </c>
      <c r="H5734">
        <v>6.2101769161079998</v>
      </c>
      <c r="I5734">
        <v>52.776844640629001</v>
      </c>
      <c r="J5734" t="s">
        <v>61419</v>
      </c>
    </row>
    <row r="5735" spans="1:10" x14ac:dyDescent="0.25">
      <c r="A5735" t="s">
        <v>33838</v>
      </c>
      <c r="B5735" t="s">
        <v>33839</v>
      </c>
      <c r="C5735" t="s">
        <v>33840</v>
      </c>
      <c r="D5735" t="s">
        <v>33754</v>
      </c>
      <c r="E5735" t="s">
        <v>13</v>
      </c>
      <c r="F5735">
        <v>8347</v>
      </c>
      <c r="G5735" t="s">
        <v>33841</v>
      </c>
      <c r="H5735">
        <v>6.2391430425890002</v>
      </c>
      <c r="I5735">
        <v>52.771391439138</v>
      </c>
      <c r="J5735" t="s">
        <v>61420</v>
      </c>
    </row>
    <row r="5736" spans="1:10" x14ac:dyDescent="0.25">
      <c r="A5736" t="s">
        <v>33834</v>
      </c>
      <c r="B5736" t="s">
        <v>33835</v>
      </c>
      <c r="C5736" t="s">
        <v>33836</v>
      </c>
      <c r="D5736" t="s">
        <v>33754</v>
      </c>
      <c r="E5736" t="s">
        <v>13</v>
      </c>
      <c r="F5736">
        <v>8346</v>
      </c>
      <c r="G5736" t="s">
        <v>33837</v>
      </c>
      <c r="H5736">
        <v>6.3479502337199998</v>
      </c>
      <c r="I5736">
        <v>52.843268089932998</v>
      </c>
      <c r="J5736" t="s">
        <v>61421</v>
      </c>
    </row>
    <row r="5737" spans="1:10" x14ac:dyDescent="0.25">
      <c r="A5737" t="s">
        <v>33830</v>
      </c>
      <c r="B5737" t="s">
        <v>33831</v>
      </c>
      <c r="C5737" t="s">
        <v>33832</v>
      </c>
      <c r="D5737" t="s">
        <v>33754</v>
      </c>
      <c r="E5737" t="s">
        <v>13</v>
      </c>
      <c r="F5737">
        <v>8345</v>
      </c>
      <c r="G5737" t="s">
        <v>33833</v>
      </c>
      <c r="H5737">
        <v>6.3438748236320004</v>
      </c>
      <c r="I5737">
        <v>52.846698421368998</v>
      </c>
      <c r="J5737" t="s">
        <v>61422</v>
      </c>
    </row>
    <row r="5738" spans="1:10" x14ac:dyDescent="0.25">
      <c r="A5738" t="s">
        <v>33826</v>
      </c>
      <c r="B5738" t="s">
        <v>33827</v>
      </c>
      <c r="C5738" t="s">
        <v>33828</v>
      </c>
      <c r="D5738" t="s">
        <v>33754</v>
      </c>
      <c r="E5738" t="s">
        <v>13</v>
      </c>
      <c r="F5738">
        <v>8344</v>
      </c>
      <c r="G5738" t="s">
        <v>33829</v>
      </c>
      <c r="H5738">
        <v>6.381477879467</v>
      </c>
      <c r="I5738">
        <v>52.871073585433003</v>
      </c>
      <c r="J5738" t="s">
        <v>61423</v>
      </c>
    </row>
    <row r="5739" spans="1:10" x14ac:dyDescent="0.25">
      <c r="A5739" t="s">
        <v>33822</v>
      </c>
      <c r="B5739" t="s">
        <v>33823</v>
      </c>
      <c r="C5739" t="s">
        <v>33824</v>
      </c>
      <c r="D5739" t="s">
        <v>33754</v>
      </c>
      <c r="E5739" t="s">
        <v>13</v>
      </c>
      <c r="F5739">
        <v>8343</v>
      </c>
      <c r="G5739" t="s">
        <v>33825</v>
      </c>
      <c r="H5739">
        <v>6.3648984705340004</v>
      </c>
      <c r="I5739">
        <v>52.855681585604003</v>
      </c>
      <c r="J5739" t="s">
        <v>61424</v>
      </c>
    </row>
    <row r="5740" spans="1:10" x14ac:dyDescent="0.25">
      <c r="A5740" t="s">
        <v>33818</v>
      </c>
      <c r="B5740" t="s">
        <v>33819</v>
      </c>
      <c r="C5740" t="s">
        <v>33820</v>
      </c>
      <c r="D5740" t="s">
        <v>33754</v>
      </c>
      <c r="E5740" t="s">
        <v>13</v>
      </c>
      <c r="F5740">
        <v>8342</v>
      </c>
      <c r="G5740" t="s">
        <v>33821</v>
      </c>
      <c r="H5740">
        <v>6.369833370646</v>
      </c>
      <c r="I5740">
        <v>52.870104620847002</v>
      </c>
      <c r="J5740" t="s">
        <v>61425</v>
      </c>
    </row>
    <row r="5741" spans="1:10" x14ac:dyDescent="0.25">
      <c r="A5741" t="s">
        <v>33814</v>
      </c>
      <c r="B5741" t="s">
        <v>33815</v>
      </c>
      <c r="C5741" t="s">
        <v>33816</v>
      </c>
      <c r="D5741" t="s">
        <v>33754</v>
      </c>
      <c r="E5741" t="s">
        <v>13</v>
      </c>
      <c r="F5741">
        <v>8341</v>
      </c>
      <c r="G5741" t="s">
        <v>33817</v>
      </c>
      <c r="H5741">
        <v>6.4034772425800002</v>
      </c>
      <c r="I5741">
        <v>52.859296752601999</v>
      </c>
      <c r="J5741" t="s">
        <v>61426</v>
      </c>
    </row>
    <row r="5742" spans="1:10" x14ac:dyDescent="0.25">
      <c r="A5742" t="s">
        <v>33810</v>
      </c>
      <c r="B5742" t="s">
        <v>33811</v>
      </c>
      <c r="C5742" t="s">
        <v>33812</v>
      </c>
      <c r="D5742" t="s">
        <v>33754</v>
      </c>
      <c r="E5742" t="s">
        <v>13</v>
      </c>
      <c r="F5742">
        <v>8340</v>
      </c>
      <c r="G5742" t="s">
        <v>33813</v>
      </c>
      <c r="H5742">
        <v>6.3853249456489998</v>
      </c>
      <c r="I5742">
        <v>52.852500182924999</v>
      </c>
      <c r="J5742" t="s">
        <v>61427</v>
      </c>
    </row>
    <row r="5743" spans="1:10" x14ac:dyDescent="0.25">
      <c r="A5743" t="s">
        <v>33806</v>
      </c>
      <c r="B5743" t="s">
        <v>33807</v>
      </c>
      <c r="C5743" t="s">
        <v>33808</v>
      </c>
      <c r="D5743" t="s">
        <v>33754</v>
      </c>
      <c r="E5743" t="s">
        <v>13</v>
      </c>
      <c r="F5743">
        <v>8339</v>
      </c>
      <c r="G5743" t="s">
        <v>33809</v>
      </c>
      <c r="H5743">
        <v>6.424842713146</v>
      </c>
      <c r="I5743">
        <v>52.823577270874999</v>
      </c>
      <c r="J5743" t="s">
        <v>61428</v>
      </c>
    </row>
    <row r="5744" spans="1:10" x14ac:dyDescent="0.25">
      <c r="A5744" t="s">
        <v>33802</v>
      </c>
      <c r="B5744" t="s">
        <v>33803</v>
      </c>
      <c r="C5744" t="s">
        <v>33804</v>
      </c>
      <c r="D5744" t="s">
        <v>33754</v>
      </c>
      <c r="E5744" t="s">
        <v>13</v>
      </c>
      <c r="F5744">
        <v>8338</v>
      </c>
      <c r="G5744" t="s">
        <v>33805</v>
      </c>
      <c r="H5744">
        <v>6.4181239316510004</v>
      </c>
      <c r="I5744">
        <v>52.839660523241001</v>
      </c>
      <c r="J5744" t="s">
        <v>61429</v>
      </c>
    </row>
    <row r="5745" spans="1:10" x14ac:dyDescent="0.25">
      <c r="A5745" t="s">
        <v>33798</v>
      </c>
      <c r="B5745" t="s">
        <v>33799</v>
      </c>
      <c r="C5745" t="s">
        <v>33800</v>
      </c>
      <c r="D5745" t="s">
        <v>33754</v>
      </c>
      <c r="E5745" t="s">
        <v>13</v>
      </c>
      <c r="F5745">
        <v>8337</v>
      </c>
      <c r="G5745" t="s">
        <v>33801</v>
      </c>
      <c r="H5745">
        <v>6.396030288975</v>
      </c>
      <c r="I5745">
        <v>52.827844208762002</v>
      </c>
      <c r="J5745" t="s">
        <v>61430</v>
      </c>
    </row>
    <row r="5746" spans="1:10" x14ac:dyDescent="0.25">
      <c r="A5746" t="s">
        <v>33794</v>
      </c>
      <c r="B5746" t="s">
        <v>33795</v>
      </c>
      <c r="C5746" t="s">
        <v>33796</v>
      </c>
      <c r="D5746" t="s">
        <v>33754</v>
      </c>
      <c r="E5746" t="s">
        <v>13</v>
      </c>
      <c r="F5746">
        <v>8336</v>
      </c>
      <c r="G5746" t="s">
        <v>33797</v>
      </c>
      <c r="H5746">
        <v>6.3478350902759999</v>
      </c>
      <c r="I5746">
        <v>52.815724032399999</v>
      </c>
      <c r="J5746" t="s">
        <v>61431</v>
      </c>
    </row>
    <row r="5747" spans="1:10" x14ac:dyDescent="0.25">
      <c r="A5747" t="s">
        <v>33790</v>
      </c>
      <c r="B5747" t="s">
        <v>33791</v>
      </c>
      <c r="C5747" t="s">
        <v>33792</v>
      </c>
      <c r="D5747" t="s">
        <v>33754</v>
      </c>
      <c r="E5747" t="s">
        <v>13</v>
      </c>
      <c r="F5747">
        <v>8335</v>
      </c>
      <c r="G5747" t="s">
        <v>33793</v>
      </c>
      <c r="H5747">
        <v>6.3991788439060002</v>
      </c>
      <c r="I5747">
        <v>52.791012866316002</v>
      </c>
      <c r="J5747" t="s">
        <v>61432</v>
      </c>
    </row>
    <row r="5748" spans="1:10" x14ac:dyDescent="0.25">
      <c r="A5748" t="s">
        <v>33786</v>
      </c>
      <c r="B5748" t="s">
        <v>33787</v>
      </c>
      <c r="C5748" t="s">
        <v>33788</v>
      </c>
      <c r="D5748" t="s">
        <v>33754</v>
      </c>
      <c r="E5748" t="s">
        <v>13</v>
      </c>
      <c r="F5748">
        <v>8334</v>
      </c>
      <c r="G5748" t="s">
        <v>33789</v>
      </c>
      <c r="H5748">
        <v>6.3406091302350003</v>
      </c>
      <c r="I5748">
        <v>52.805055179903</v>
      </c>
      <c r="J5748" t="s">
        <v>61433</v>
      </c>
    </row>
    <row r="5749" spans="1:10" x14ac:dyDescent="0.25">
      <c r="A5749" t="s">
        <v>33783</v>
      </c>
      <c r="B5749" t="s">
        <v>33784</v>
      </c>
      <c r="C5749" t="s">
        <v>24706</v>
      </c>
      <c r="D5749" t="s">
        <v>33754</v>
      </c>
      <c r="E5749" t="s">
        <v>13</v>
      </c>
      <c r="F5749">
        <v>8333</v>
      </c>
      <c r="G5749" t="s">
        <v>33785</v>
      </c>
      <c r="H5749">
        <v>6.3500776869660003</v>
      </c>
      <c r="I5749">
        <v>52.825065836695003</v>
      </c>
      <c r="J5749" t="s">
        <v>61434</v>
      </c>
    </row>
    <row r="5750" spans="1:10" x14ac:dyDescent="0.25">
      <c r="A5750" t="s">
        <v>33779</v>
      </c>
      <c r="B5750" t="s">
        <v>33780</v>
      </c>
      <c r="C5750" t="s">
        <v>33781</v>
      </c>
      <c r="D5750" t="s">
        <v>33754</v>
      </c>
      <c r="E5750" t="s">
        <v>13</v>
      </c>
      <c r="F5750">
        <v>8332</v>
      </c>
      <c r="G5750" t="s">
        <v>33782</v>
      </c>
      <c r="H5750">
        <v>6.3687821699500002</v>
      </c>
      <c r="I5750">
        <v>52.834538941479998</v>
      </c>
      <c r="J5750" t="s">
        <v>61435</v>
      </c>
    </row>
    <row r="5751" spans="1:10" x14ac:dyDescent="0.25">
      <c r="A5751" t="s">
        <v>33775</v>
      </c>
      <c r="B5751" t="s">
        <v>33776</v>
      </c>
      <c r="C5751" t="s">
        <v>33777</v>
      </c>
      <c r="D5751" t="s">
        <v>33754</v>
      </c>
      <c r="E5751" t="s">
        <v>13</v>
      </c>
      <c r="F5751">
        <v>8331</v>
      </c>
      <c r="G5751" t="s">
        <v>33778</v>
      </c>
      <c r="H5751">
        <v>6.3153580925300004</v>
      </c>
      <c r="I5751">
        <v>52.906513634092001</v>
      </c>
      <c r="J5751" t="s">
        <v>61436</v>
      </c>
    </row>
    <row r="5752" spans="1:10" x14ac:dyDescent="0.25">
      <c r="A5752" t="s">
        <v>33772</v>
      </c>
      <c r="B5752" t="s">
        <v>33773</v>
      </c>
      <c r="C5752" t="s">
        <v>15742</v>
      </c>
      <c r="D5752" t="s">
        <v>33754</v>
      </c>
      <c r="E5752" t="s">
        <v>13</v>
      </c>
      <c r="F5752">
        <v>8330</v>
      </c>
      <c r="G5752" t="s">
        <v>33774</v>
      </c>
      <c r="H5752">
        <v>6.2564954383450004</v>
      </c>
      <c r="I5752">
        <v>52.920877030187</v>
      </c>
      <c r="J5752" t="s">
        <v>61437</v>
      </c>
    </row>
    <row r="5753" spans="1:10" x14ac:dyDescent="0.25">
      <c r="A5753" t="s">
        <v>33768</v>
      </c>
      <c r="B5753" t="s">
        <v>33769</v>
      </c>
      <c r="C5753" t="s">
        <v>33770</v>
      </c>
      <c r="D5753" t="s">
        <v>33754</v>
      </c>
      <c r="E5753" t="s">
        <v>13</v>
      </c>
      <c r="F5753">
        <v>8329</v>
      </c>
      <c r="G5753" t="s">
        <v>33771</v>
      </c>
      <c r="H5753">
        <v>6.2589020988100001</v>
      </c>
      <c r="I5753">
        <v>52.858078446047998</v>
      </c>
      <c r="J5753" t="s">
        <v>61438</v>
      </c>
    </row>
    <row r="5754" spans="1:10" x14ac:dyDescent="0.25">
      <c r="A5754" t="s">
        <v>33764</v>
      </c>
      <c r="B5754" t="s">
        <v>33765</v>
      </c>
      <c r="C5754" t="s">
        <v>33766</v>
      </c>
      <c r="D5754" t="s">
        <v>33754</v>
      </c>
      <c r="E5754" t="s">
        <v>13</v>
      </c>
      <c r="F5754">
        <v>8328</v>
      </c>
      <c r="G5754" t="s">
        <v>33767</v>
      </c>
      <c r="H5754">
        <v>6.2673121144749997</v>
      </c>
      <c r="I5754">
        <v>52.856545133300997</v>
      </c>
      <c r="J5754" t="s">
        <v>61439</v>
      </c>
    </row>
    <row r="5755" spans="1:10" x14ac:dyDescent="0.25">
      <c r="A5755" t="s">
        <v>33760</v>
      </c>
      <c r="B5755" t="s">
        <v>33761</v>
      </c>
      <c r="C5755" t="s">
        <v>33762</v>
      </c>
      <c r="D5755" t="s">
        <v>33754</v>
      </c>
      <c r="E5755" t="s">
        <v>13</v>
      </c>
      <c r="F5755">
        <v>8327</v>
      </c>
      <c r="G5755" t="s">
        <v>33763</v>
      </c>
      <c r="H5755">
        <v>6.3120524982799999</v>
      </c>
      <c r="I5755">
        <v>52.859851246317</v>
      </c>
      <c r="J5755" t="s">
        <v>61440</v>
      </c>
    </row>
    <row r="5756" spans="1:10" x14ac:dyDescent="0.25">
      <c r="A5756" t="s">
        <v>33756</v>
      </c>
      <c r="B5756" t="s">
        <v>33757</v>
      </c>
      <c r="C5756" t="s">
        <v>33758</v>
      </c>
      <c r="D5756" t="s">
        <v>33754</v>
      </c>
      <c r="E5756" t="s">
        <v>13</v>
      </c>
      <c r="F5756">
        <v>8326</v>
      </c>
      <c r="G5756" t="s">
        <v>33759</v>
      </c>
      <c r="H5756">
        <v>6.3091028478869999</v>
      </c>
      <c r="I5756">
        <v>52.825809701467001</v>
      </c>
      <c r="J5756" t="s">
        <v>61441</v>
      </c>
    </row>
    <row r="5757" spans="1:10" x14ac:dyDescent="0.25">
      <c r="A5757" t="s">
        <v>33751</v>
      </c>
      <c r="B5757" t="s">
        <v>33752</v>
      </c>
      <c r="C5757" t="s">
        <v>33753</v>
      </c>
      <c r="D5757" t="s">
        <v>33754</v>
      </c>
      <c r="E5757" t="s">
        <v>13</v>
      </c>
      <c r="F5757">
        <v>8325</v>
      </c>
      <c r="G5757" t="s">
        <v>33755</v>
      </c>
      <c r="H5757">
        <v>6.3166353713419996</v>
      </c>
      <c r="I5757">
        <v>52.854410714067001</v>
      </c>
      <c r="J5757" t="s">
        <v>61442</v>
      </c>
    </row>
    <row r="5758" spans="1:10" x14ac:dyDescent="0.25">
      <c r="A5758" t="s">
        <v>33747</v>
      </c>
      <c r="B5758" t="s">
        <v>33748</v>
      </c>
      <c r="C5758" t="s">
        <v>33749</v>
      </c>
      <c r="D5758" t="s">
        <v>33615</v>
      </c>
      <c r="E5758" t="s">
        <v>13</v>
      </c>
      <c r="F5758">
        <v>8324</v>
      </c>
      <c r="G5758" t="s">
        <v>33750</v>
      </c>
      <c r="H5758">
        <v>6.501542807331</v>
      </c>
      <c r="I5758">
        <v>53.151940948582997</v>
      </c>
      <c r="J5758" t="s">
        <v>61443</v>
      </c>
    </row>
    <row r="5759" spans="1:10" x14ac:dyDescent="0.25">
      <c r="A5759" t="s">
        <v>33743</v>
      </c>
      <c r="B5759" t="s">
        <v>33744</v>
      </c>
      <c r="C5759" t="s">
        <v>33745</v>
      </c>
      <c r="D5759" t="s">
        <v>33615</v>
      </c>
      <c r="E5759" t="s">
        <v>13</v>
      </c>
      <c r="F5759">
        <v>8323</v>
      </c>
      <c r="G5759" t="s">
        <v>33746</v>
      </c>
      <c r="H5759">
        <v>6.5104399327860003</v>
      </c>
      <c r="I5759">
        <v>53.189335054540003</v>
      </c>
      <c r="J5759" t="s">
        <v>61444</v>
      </c>
    </row>
    <row r="5760" spans="1:10" x14ac:dyDescent="0.25">
      <c r="A5760" t="s">
        <v>33740</v>
      </c>
      <c r="B5760" t="s">
        <v>33741</v>
      </c>
      <c r="C5760" t="s">
        <v>22677</v>
      </c>
      <c r="D5760" t="s">
        <v>33615</v>
      </c>
      <c r="E5760" t="s">
        <v>13</v>
      </c>
      <c r="F5760">
        <v>8322</v>
      </c>
      <c r="G5760" t="s">
        <v>33742</v>
      </c>
      <c r="H5760">
        <v>6.4764074447460001</v>
      </c>
      <c r="I5760">
        <v>53.132116521390998</v>
      </c>
      <c r="J5760" t="s">
        <v>61445</v>
      </c>
    </row>
    <row r="5761" spans="1:10" x14ac:dyDescent="0.25">
      <c r="A5761" t="s">
        <v>33736</v>
      </c>
      <c r="B5761" t="s">
        <v>33737</v>
      </c>
      <c r="C5761" t="s">
        <v>33738</v>
      </c>
      <c r="D5761" t="s">
        <v>33615</v>
      </c>
      <c r="E5761" t="s">
        <v>13</v>
      </c>
      <c r="F5761">
        <v>8321</v>
      </c>
      <c r="G5761" t="s">
        <v>33739</v>
      </c>
      <c r="H5761">
        <v>6.4971477068850003</v>
      </c>
      <c r="I5761">
        <v>53.145287884694</v>
      </c>
      <c r="J5761" t="s">
        <v>61446</v>
      </c>
    </row>
    <row r="5762" spans="1:10" x14ac:dyDescent="0.25">
      <c r="A5762" t="s">
        <v>33732</v>
      </c>
      <c r="B5762" t="s">
        <v>33733</v>
      </c>
      <c r="C5762" t="s">
        <v>33734</v>
      </c>
      <c r="D5762" t="s">
        <v>33615</v>
      </c>
      <c r="E5762" t="s">
        <v>13</v>
      </c>
      <c r="F5762">
        <v>8320</v>
      </c>
      <c r="G5762" t="s">
        <v>33735</v>
      </c>
      <c r="H5762">
        <v>6.4088190063979997</v>
      </c>
      <c r="I5762">
        <v>53.025043847775997</v>
      </c>
      <c r="J5762" t="s">
        <v>61447</v>
      </c>
    </row>
    <row r="5763" spans="1:10" x14ac:dyDescent="0.25">
      <c r="A5763" t="s">
        <v>33728</v>
      </c>
      <c r="B5763" t="s">
        <v>33729</v>
      </c>
      <c r="C5763" t="s">
        <v>33730</v>
      </c>
      <c r="D5763" t="s">
        <v>33615</v>
      </c>
      <c r="E5763" t="s">
        <v>13</v>
      </c>
      <c r="F5763">
        <v>8319</v>
      </c>
      <c r="G5763" t="s">
        <v>33731</v>
      </c>
      <c r="H5763">
        <v>6.4295705645960002</v>
      </c>
      <c r="I5763">
        <v>53.051035535475997</v>
      </c>
      <c r="J5763" t="s">
        <v>61448</v>
      </c>
    </row>
    <row r="5764" spans="1:10" x14ac:dyDescent="0.25">
      <c r="A5764" t="s">
        <v>33724</v>
      </c>
      <c r="B5764" t="s">
        <v>33725</v>
      </c>
      <c r="C5764" t="s">
        <v>33726</v>
      </c>
      <c r="D5764" t="s">
        <v>33615</v>
      </c>
      <c r="E5764" t="s">
        <v>13</v>
      </c>
      <c r="F5764">
        <v>8318</v>
      </c>
      <c r="G5764" t="s">
        <v>33727</v>
      </c>
      <c r="H5764">
        <v>6.4629220788859998</v>
      </c>
      <c r="I5764">
        <v>53.037571108343997</v>
      </c>
      <c r="J5764" t="s">
        <v>61449</v>
      </c>
    </row>
    <row r="5765" spans="1:10" x14ac:dyDescent="0.25">
      <c r="A5765" t="s">
        <v>33720</v>
      </c>
      <c r="B5765" t="s">
        <v>33721</v>
      </c>
      <c r="C5765" t="s">
        <v>33722</v>
      </c>
      <c r="D5765" t="s">
        <v>33615</v>
      </c>
      <c r="E5765" t="s">
        <v>13</v>
      </c>
      <c r="F5765">
        <v>8317</v>
      </c>
      <c r="G5765" t="s">
        <v>33723</v>
      </c>
      <c r="H5765">
        <v>6.4974304920090002</v>
      </c>
      <c r="I5765">
        <v>53.054654095026002</v>
      </c>
      <c r="J5765" t="s">
        <v>61450</v>
      </c>
    </row>
    <row r="5766" spans="1:10" x14ac:dyDescent="0.25">
      <c r="A5766" t="s">
        <v>33716</v>
      </c>
      <c r="B5766" t="s">
        <v>33717</v>
      </c>
      <c r="C5766" t="s">
        <v>33718</v>
      </c>
      <c r="D5766" t="s">
        <v>33615</v>
      </c>
      <c r="E5766" t="s">
        <v>13</v>
      </c>
      <c r="F5766">
        <v>8316</v>
      </c>
      <c r="G5766" t="s">
        <v>33719</v>
      </c>
      <c r="H5766">
        <v>6.4509884255849999</v>
      </c>
      <c r="I5766">
        <v>53.095368883014999</v>
      </c>
      <c r="J5766" t="s">
        <v>61451</v>
      </c>
    </row>
    <row r="5767" spans="1:10" x14ac:dyDescent="0.25">
      <c r="A5767" t="s">
        <v>33712</v>
      </c>
      <c r="B5767" t="s">
        <v>33713</v>
      </c>
      <c r="C5767" t="s">
        <v>33714</v>
      </c>
      <c r="D5767" t="s">
        <v>33615</v>
      </c>
      <c r="E5767" t="s">
        <v>13</v>
      </c>
      <c r="F5767">
        <v>8315</v>
      </c>
      <c r="G5767" t="s">
        <v>33715</v>
      </c>
      <c r="H5767">
        <v>6.3782430602289999</v>
      </c>
      <c r="I5767">
        <v>53.083517086660002</v>
      </c>
      <c r="J5767" t="s">
        <v>61452</v>
      </c>
    </row>
    <row r="5768" spans="1:10" x14ac:dyDescent="0.25">
      <c r="A5768" t="s">
        <v>33708</v>
      </c>
      <c r="B5768" t="s">
        <v>33709</v>
      </c>
      <c r="C5768" t="s">
        <v>33710</v>
      </c>
      <c r="D5768" t="s">
        <v>33615</v>
      </c>
      <c r="E5768" t="s">
        <v>13</v>
      </c>
      <c r="F5768">
        <v>8314</v>
      </c>
      <c r="G5768" t="s">
        <v>33711</v>
      </c>
      <c r="H5768">
        <v>6.4618578716200004</v>
      </c>
      <c r="I5768">
        <v>53.074818591209997</v>
      </c>
      <c r="J5768" t="s">
        <v>61453</v>
      </c>
    </row>
    <row r="5769" spans="1:10" x14ac:dyDescent="0.25">
      <c r="A5769" t="s">
        <v>33704</v>
      </c>
      <c r="B5769" t="s">
        <v>33705</v>
      </c>
      <c r="C5769" t="s">
        <v>33706</v>
      </c>
      <c r="D5769" t="s">
        <v>33615</v>
      </c>
      <c r="E5769" t="s">
        <v>13</v>
      </c>
      <c r="F5769">
        <v>8313</v>
      </c>
      <c r="G5769" t="s">
        <v>33707</v>
      </c>
      <c r="H5769">
        <v>6.3319410599249997</v>
      </c>
      <c r="I5769">
        <v>53.082442375192997</v>
      </c>
      <c r="J5769" t="s">
        <v>61454</v>
      </c>
    </row>
    <row r="5770" spans="1:10" x14ac:dyDescent="0.25">
      <c r="A5770" t="s">
        <v>33700</v>
      </c>
      <c r="B5770" t="s">
        <v>33701</v>
      </c>
      <c r="C5770" t="s">
        <v>33702</v>
      </c>
      <c r="D5770" t="s">
        <v>33615</v>
      </c>
      <c r="E5770" t="s">
        <v>13</v>
      </c>
      <c r="F5770">
        <v>8312</v>
      </c>
      <c r="G5770" t="s">
        <v>33703</v>
      </c>
      <c r="H5770">
        <v>6.4774186560220004</v>
      </c>
      <c r="I5770">
        <v>53.017654495744999</v>
      </c>
      <c r="J5770" t="s">
        <v>61455</v>
      </c>
    </row>
    <row r="5771" spans="1:10" x14ac:dyDescent="0.25">
      <c r="A5771" t="s">
        <v>33696</v>
      </c>
      <c r="B5771" t="s">
        <v>33697</v>
      </c>
      <c r="C5771" t="s">
        <v>33698</v>
      </c>
      <c r="D5771" t="s">
        <v>33615</v>
      </c>
      <c r="E5771" t="s">
        <v>13</v>
      </c>
      <c r="F5771">
        <v>8311</v>
      </c>
      <c r="G5771" t="s">
        <v>33699</v>
      </c>
      <c r="H5771">
        <v>6.3942975233809998</v>
      </c>
      <c r="I5771">
        <v>53.036093460383</v>
      </c>
      <c r="J5771" t="s">
        <v>61456</v>
      </c>
    </row>
    <row r="5772" spans="1:10" x14ac:dyDescent="0.25">
      <c r="A5772" t="s">
        <v>33692</v>
      </c>
      <c r="B5772" t="s">
        <v>33693</v>
      </c>
      <c r="C5772" t="s">
        <v>33694</v>
      </c>
      <c r="D5772" t="s">
        <v>33615</v>
      </c>
      <c r="E5772" t="s">
        <v>13</v>
      </c>
      <c r="F5772">
        <v>8310</v>
      </c>
      <c r="G5772" t="s">
        <v>33695</v>
      </c>
      <c r="H5772">
        <v>6.4378991264460002</v>
      </c>
      <c r="I5772">
        <v>53.053950544038003</v>
      </c>
      <c r="J5772" t="s">
        <v>61457</v>
      </c>
    </row>
    <row r="5773" spans="1:10" x14ac:dyDescent="0.25">
      <c r="A5773" t="s">
        <v>33688</v>
      </c>
      <c r="B5773" t="s">
        <v>33689</v>
      </c>
      <c r="C5773" t="s">
        <v>33690</v>
      </c>
      <c r="D5773" t="s">
        <v>33615</v>
      </c>
      <c r="E5773" t="s">
        <v>13</v>
      </c>
      <c r="F5773">
        <v>8309</v>
      </c>
      <c r="G5773" t="s">
        <v>33691</v>
      </c>
      <c r="H5773">
        <v>6.4574418181980002</v>
      </c>
      <c r="I5773">
        <v>53.045978120218003</v>
      </c>
      <c r="J5773" t="s">
        <v>61458</v>
      </c>
    </row>
    <row r="5774" spans="1:10" x14ac:dyDescent="0.25">
      <c r="A5774" t="s">
        <v>33684</v>
      </c>
      <c r="B5774" t="s">
        <v>33685</v>
      </c>
      <c r="C5774" t="s">
        <v>33686</v>
      </c>
      <c r="D5774" t="s">
        <v>33615</v>
      </c>
      <c r="E5774" t="s">
        <v>13</v>
      </c>
      <c r="F5774">
        <v>8308</v>
      </c>
      <c r="G5774" t="s">
        <v>33687</v>
      </c>
      <c r="H5774">
        <v>6.4986134995880001</v>
      </c>
      <c r="I5774">
        <v>53.059131203964</v>
      </c>
      <c r="J5774" t="s">
        <v>61459</v>
      </c>
    </row>
    <row r="5775" spans="1:10" x14ac:dyDescent="0.25">
      <c r="A5775" t="s">
        <v>33680</v>
      </c>
      <c r="B5775" t="s">
        <v>33681</v>
      </c>
      <c r="C5775" t="s">
        <v>33682</v>
      </c>
      <c r="D5775" t="s">
        <v>33615</v>
      </c>
      <c r="E5775" t="s">
        <v>13</v>
      </c>
      <c r="F5775">
        <v>8307</v>
      </c>
      <c r="G5775" t="s">
        <v>33683</v>
      </c>
      <c r="H5775">
        <v>6.4437520839779996</v>
      </c>
      <c r="I5775">
        <v>53.092983215303001</v>
      </c>
      <c r="J5775" t="s">
        <v>61460</v>
      </c>
    </row>
    <row r="5776" spans="1:10" x14ac:dyDescent="0.25">
      <c r="A5776" t="s">
        <v>33676</v>
      </c>
      <c r="B5776" t="s">
        <v>33677</v>
      </c>
      <c r="C5776" t="s">
        <v>33678</v>
      </c>
      <c r="D5776" t="s">
        <v>33615</v>
      </c>
      <c r="E5776" t="s">
        <v>13</v>
      </c>
      <c r="F5776">
        <v>8306</v>
      </c>
      <c r="G5776" t="s">
        <v>33679</v>
      </c>
      <c r="H5776">
        <v>6.391874961708</v>
      </c>
      <c r="I5776">
        <v>53.080283500476</v>
      </c>
      <c r="J5776" t="s">
        <v>61461</v>
      </c>
    </row>
    <row r="5777" spans="1:10" x14ac:dyDescent="0.25">
      <c r="A5777" t="s">
        <v>33672</v>
      </c>
      <c r="B5777" t="s">
        <v>33673</v>
      </c>
      <c r="C5777" t="s">
        <v>33674</v>
      </c>
      <c r="D5777" t="s">
        <v>33615</v>
      </c>
      <c r="E5777" t="s">
        <v>13</v>
      </c>
      <c r="F5777">
        <v>8305</v>
      </c>
      <c r="G5777" t="s">
        <v>33675</v>
      </c>
      <c r="H5777">
        <v>6.4573216952279999</v>
      </c>
      <c r="I5777">
        <v>53.066781884751997</v>
      </c>
      <c r="J5777" t="s">
        <v>61462</v>
      </c>
    </row>
    <row r="5778" spans="1:10" x14ac:dyDescent="0.25">
      <c r="A5778" t="s">
        <v>33668</v>
      </c>
      <c r="B5778" t="s">
        <v>33669</v>
      </c>
      <c r="C5778" t="s">
        <v>33670</v>
      </c>
      <c r="D5778" t="s">
        <v>33615</v>
      </c>
      <c r="E5778" t="s">
        <v>13</v>
      </c>
      <c r="F5778">
        <v>8304</v>
      </c>
      <c r="G5778" t="s">
        <v>33671</v>
      </c>
      <c r="H5778">
        <v>6.3907229822589997</v>
      </c>
      <c r="I5778">
        <v>53.141906380134003</v>
      </c>
      <c r="J5778" t="s">
        <v>61463</v>
      </c>
    </row>
    <row r="5779" spans="1:10" x14ac:dyDescent="0.25">
      <c r="A5779" t="s">
        <v>33664</v>
      </c>
      <c r="B5779" t="s">
        <v>33665</v>
      </c>
      <c r="C5779" t="s">
        <v>33666</v>
      </c>
      <c r="D5779" t="s">
        <v>33615</v>
      </c>
      <c r="E5779" t="s">
        <v>13</v>
      </c>
      <c r="F5779">
        <v>8303</v>
      </c>
      <c r="G5779" t="s">
        <v>33667</v>
      </c>
      <c r="H5779">
        <v>6.4247400909629997</v>
      </c>
      <c r="I5779">
        <v>53.114282882114999</v>
      </c>
      <c r="J5779" t="s">
        <v>61464</v>
      </c>
    </row>
    <row r="5780" spans="1:10" x14ac:dyDescent="0.25">
      <c r="A5780" t="s">
        <v>33660</v>
      </c>
      <c r="B5780" t="s">
        <v>33661</v>
      </c>
      <c r="C5780" t="s">
        <v>33662</v>
      </c>
      <c r="D5780" t="s">
        <v>33615</v>
      </c>
      <c r="E5780" t="s">
        <v>13</v>
      </c>
      <c r="F5780">
        <v>8302</v>
      </c>
      <c r="G5780" t="s">
        <v>33663</v>
      </c>
      <c r="H5780">
        <v>6.4536847648159998</v>
      </c>
      <c r="I5780">
        <v>53.175102066303999</v>
      </c>
      <c r="J5780" t="s">
        <v>61465</v>
      </c>
    </row>
    <row r="5781" spans="1:10" x14ac:dyDescent="0.25">
      <c r="A5781" t="s">
        <v>33657</v>
      </c>
      <c r="B5781" t="s">
        <v>33658</v>
      </c>
      <c r="C5781" t="s">
        <v>19532</v>
      </c>
      <c r="D5781" t="s">
        <v>33615</v>
      </c>
      <c r="E5781" t="s">
        <v>13</v>
      </c>
      <c r="F5781">
        <v>8301</v>
      </c>
      <c r="G5781" t="s">
        <v>33659</v>
      </c>
      <c r="H5781">
        <v>6.4090423973949999</v>
      </c>
      <c r="I5781">
        <v>53.100058853810999</v>
      </c>
      <c r="J5781" t="s">
        <v>61466</v>
      </c>
    </row>
    <row r="5782" spans="1:10" x14ac:dyDescent="0.25">
      <c r="A5782" t="s">
        <v>33653</v>
      </c>
      <c r="B5782" t="s">
        <v>33654</v>
      </c>
      <c r="C5782" t="s">
        <v>33655</v>
      </c>
      <c r="D5782" t="s">
        <v>33615</v>
      </c>
      <c r="E5782" t="s">
        <v>13</v>
      </c>
      <c r="F5782">
        <v>8300</v>
      </c>
      <c r="G5782" t="s">
        <v>33656</v>
      </c>
      <c r="H5782">
        <v>6.4200284229140001</v>
      </c>
      <c r="I5782">
        <v>53.113581253752997</v>
      </c>
      <c r="J5782" t="s">
        <v>61467</v>
      </c>
    </row>
    <row r="5783" spans="1:10" x14ac:dyDescent="0.25">
      <c r="A5783" t="s">
        <v>33649</v>
      </c>
      <c r="B5783" t="s">
        <v>33650</v>
      </c>
      <c r="C5783" t="s">
        <v>33651</v>
      </c>
      <c r="D5783" t="s">
        <v>33615</v>
      </c>
      <c r="E5783" t="s">
        <v>13</v>
      </c>
      <c r="F5783">
        <v>8299</v>
      </c>
      <c r="G5783" t="s">
        <v>33652</v>
      </c>
      <c r="H5783">
        <v>6.451308922021</v>
      </c>
      <c r="I5783">
        <v>53.115388885291999</v>
      </c>
      <c r="J5783" t="s">
        <v>61468</v>
      </c>
    </row>
    <row r="5784" spans="1:10" x14ac:dyDescent="0.25">
      <c r="A5784" t="s">
        <v>33645</v>
      </c>
      <c r="B5784" t="s">
        <v>33646</v>
      </c>
      <c r="C5784" t="s">
        <v>33647</v>
      </c>
      <c r="D5784" t="s">
        <v>33615</v>
      </c>
      <c r="E5784" t="s">
        <v>13</v>
      </c>
      <c r="F5784">
        <v>8298</v>
      </c>
      <c r="G5784" t="s">
        <v>33648</v>
      </c>
      <c r="H5784">
        <v>6.4559996004529996</v>
      </c>
      <c r="I5784">
        <v>53.172169532619002</v>
      </c>
      <c r="J5784" t="s">
        <v>61469</v>
      </c>
    </row>
    <row r="5785" spans="1:10" x14ac:dyDescent="0.25">
      <c r="A5785" t="s">
        <v>33641</v>
      </c>
      <c r="B5785" t="s">
        <v>33642</v>
      </c>
      <c r="C5785" t="s">
        <v>33643</v>
      </c>
      <c r="D5785" t="s">
        <v>33615</v>
      </c>
      <c r="E5785" t="s">
        <v>13</v>
      </c>
      <c r="F5785">
        <v>8297</v>
      </c>
      <c r="G5785" t="s">
        <v>33644</v>
      </c>
      <c r="H5785">
        <v>6.4737576624250002</v>
      </c>
      <c r="I5785">
        <v>53.170212871993002</v>
      </c>
      <c r="J5785" t="s">
        <v>61470</v>
      </c>
    </row>
    <row r="5786" spans="1:10" x14ac:dyDescent="0.25">
      <c r="A5786" t="s">
        <v>33637</v>
      </c>
      <c r="B5786" t="s">
        <v>33638</v>
      </c>
      <c r="C5786" t="s">
        <v>33639</v>
      </c>
      <c r="D5786" t="s">
        <v>33615</v>
      </c>
      <c r="E5786" t="s">
        <v>13</v>
      </c>
      <c r="F5786">
        <v>8296</v>
      </c>
      <c r="G5786" t="s">
        <v>33640</v>
      </c>
      <c r="H5786">
        <v>6.4566815570090004</v>
      </c>
      <c r="I5786">
        <v>53.154784023532997</v>
      </c>
      <c r="J5786" t="s">
        <v>61471</v>
      </c>
    </row>
    <row r="5787" spans="1:10" x14ac:dyDescent="0.25">
      <c r="A5787" t="s">
        <v>33633</v>
      </c>
      <c r="B5787" t="s">
        <v>33634</v>
      </c>
      <c r="C5787" t="s">
        <v>33635</v>
      </c>
      <c r="D5787" t="s">
        <v>33615</v>
      </c>
      <c r="E5787" t="s">
        <v>13</v>
      </c>
      <c r="F5787">
        <v>8295</v>
      </c>
      <c r="G5787" t="s">
        <v>33636</v>
      </c>
      <c r="H5787">
        <v>6.429692502929</v>
      </c>
      <c r="I5787">
        <v>53.155161059027002</v>
      </c>
      <c r="J5787" t="s">
        <v>61472</v>
      </c>
    </row>
    <row r="5788" spans="1:10" x14ac:dyDescent="0.25">
      <c r="A5788" t="s">
        <v>33629</v>
      </c>
      <c r="B5788" t="s">
        <v>33630</v>
      </c>
      <c r="C5788" t="s">
        <v>33631</v>
      </c>
      <c r="D5788" t="s">
        <v>33615</v>
      </c>
      <c r="E5788" t="s">
        <v>13</v>
      </c>
      <c r="F5788">
        <v>8294</v>
      </c>
      <c r="G5788" t="s">
        <v>33632</v>
      </c>
      <c r="H5788">
        <v>6.3989493014359997</v>
      </c>
      <c r="I5788">
        <v>53.159159285976997</v>
      </c>
      <c r="J5788" t="s">
        <v>61473</v>
      </c>
    </row>
    <row r="5789" spans="1:10" x14ac:dyDescent="0.25">
      <c r="A5789" t="s">
        <v>33625</v>
      </c>
      <c r="B5789" t="s">
        <v>33626</v>
      </c>
      <c r="C5789" t="s">
        <v>33627</v>
      </c>
      <c r="D5789" t="s">
        <v>33615</v>
      </c>
      <c r="E5789" t="s">
        <v>13</v>
      </c>
      <c r="F5789">
        <v>8293</v>
      </c>
      <c r="G5789" t="s">
        <v>33628</v>
      </c>
      <c r="H5789">
        <v>6.3884005570809999</v>
      </c>
      <c r="I5789">
        <v>53.127056217046999</v>
      </c>
      <c r="J5789" t="s">
        <v>61474</v>
      </c>
    </row>
    <row r="5790" spans="1:10" x14ac:dyDescent="0.25">
      <c r="A5790" t="s">
        <v>33621</v>
      </c>
      <c r="B5790" t="s">
        <v>33622</v>
      </c>
      <c r="C5790" t="s">
        <v>33623</v>
      </c>
      <c r="D5790" t="s">
        <v>33615</v>
      </c>
      <c r="E5790" t="s">
        <v>13</v>
      </c>
      <c r="F5790">
        <v>8292</v>
      </c>
      <c r="G5790" t="s">
        <v>33624</v>
      </c>
      <c r="H5790">
        <v>6.4406474316090003</v>
      </c>
      <c r="I5790">
        <v>53.146781546832997</v>
      </c>
      <c r="J5790" t="s">
        <v>61475</v>
      </c>
    </row>
    <row r="5791" spans="1:10" x14ac:dyDescent="0.25">
      <c r="A5791" t="s">
        <v>33617</v>
      </c>
      <c r="B5791" t="s">
        <v>33618</v>
      </c>
      <c r="C5791" t="s">
        <v>33619</v>
      </c>
      <c r="D5791" t="s">
        <v>33615</v>
      </c>
      <c r="E5791" t="s">
        <v>13</v>
      </c>
      <c r="F5791">
        <v>8291</v>
      </c>
      <c r="G5791" t="s">
        <v>33620</v>
      </c>
      <c r="H5791">
        <v>6.4071368094960004</v>
      </c>
      <c r="I5791">
        <v>53.134580927709997</v>
      </c>
      <c r="J5791" t="s">
        <v>61476</v>
      </c>
    </row>
    <row r="5792" spans="1:10" x14ac:dyDescent="0.25">
      <c r="A5792" t="s">
        <v>33612</v>
      </c>
      <c r="B5792" t="s">
        <v>33613</v>
      </c>
      <c r="C5792" t="s">
        <v>33614</v>
      </c>
      <c r="D5792" t="s">
        <v>33615</v>
      </c>
      <c r="E5792" t="s">
        <v>13</v>
      </c>
      <c r="F5792">
        <v>8290</v>
      </c>
      <c r="G5792" t="s">
        <v>33616</v>
      </c>
      <c r="H5792">
        <v>6.4273052697860003</v>
      </c>
      <c r="I5792">
        <v>53.137102361097</v>
      </c>
      <c r="J5792" t="s">
        <v>61477</v>
      </c>
    </row>
    <row r="5793" spans="1:10" x14ac:dyDescent="0.25">
      <c r="A5793" t="s">
        <v>33608</v>
      </c>
      <c r="B5793" t="s">
        <v>33609</v>
      </c>
      <c r="C5793" t="s">
        <v>33610</v>
      </c>
      <c r="D5793" t="s">
        <v>33546</v>
      </c>
      <c r="E5793" t="s">
        <v>13</v>
      </c>
      <c r="F5793">
        <v>8289</v>
      </c>
      <c r="G5793" t="s">
        <v>33611</v>
      </c>
      <c r="H5793">
        <v>5.0564358015020003</v>
      </c>
      <c r="I5793">
        <v>52.264516517944003</v>
      </c>
      <c r="J5793" t="s">
        <v>61478</v>
      </c>
    </row>
    <row r="5794" spans="1:10" x14ac:dyDescent="0.25">
      <c r="A5794" t="s">
        <v>33604</v>
      </c>
      <c r="B5794" t="s">
        <v>33605</v>
      </c>
      <c r="C5794" t="s">
        <v>33606</v>
      </c>
      <c r="D5794" t="s">
        <v>33546</v>
      </c>
      <c r="E5794" t="s">
        <v>13</v>
      </c>
      <c r="F5794">
        <v>8288</v>
      </c>
      <c r="G5794" t="s">
        <v>33607</v>
      </c>
      <c r="H5794">
        <v>5.0757329602989998</v>
      </c>
      <c r="I5794">
        <v>52.249312637980999</v>
      </c>
      <c r="J5794" t="s">
        <v>61479</v>
      </c>
    </row>
    <row r="5795" spans="1:10" x14ac:dyDescent="0.25">
      <c r="A5795" t="s">
        <v>33600</v>
      </c>
      <c r="B5795" t="s">
        <v>33601</v>
      </c>
      <c r="C5795" t="s">
        <v>33602</v>
      </c>
      <c r="D5795" t="s">
        <v>33546</v>
      </c>
      <c r="E5795" t="s">
        <v>13</v>
      </c>
      <c r="F5795">
        <v>8287</v>
      </c>
      <c r="G5795" t="s">
        <v>33603</v>
      </c>
      <c r="H5795">
        <v>5.055351338805</v>
      </c>
      <c r="I5795">
        <v>52.259854606775001</v>
      </c>
      <c r="J5795" t="s">
        <v>61480</v>
      </c>
    </row>
    <row r="5796" spans="1:10" x14ac:dyDescent="0.25">
      <c r="A5796" t="s">
        <v>33596</v>
      </c>
      <c r="B5796" t="s">
        <v>33597</v>
      </c>
      <c r="C5796" t="s">
        <v>33598</v>
      </c>
      <c r="D5796" t="s">
        <v>33546</v>
      </c>
      <c r="E5796" t="s">
        <v>13</v>
      </c>
      <c r="F5796">
        <v>8286</v>
      </c>
      <c r="G5796" t="s">
        <v>33599</v>
      </c>
      <c r="H5796">
        <v>5.0373505906149996</v>
      </c>
      <c r="I5796">
        <v>52.266674119972002</v>
      </c>
      <c r="J5796" t="s">
        <v>61481</v>
      </c>
    </row>
    <row r="5797" spans="1:10" x14ac:dyDescent="0.25">
      <c r="A5797" t="s">
        <v>33592</v>
      </c>
      <c r="B5797" t="s">
        <v>33593</v>
      </c>
      <c r="C5797" t="s">
        <v>33594</v>
      </c>
      <c r="D5797" t="s">
        <v>33546</v>
      </c>
      <c r="E5797" t="s">
        <v>13</v>
      </c>
      <c r="F5797">
        <v>8285</v>
      </c>
      <c r="G5797" t="s">
        <v>33595</v>
      </c>
      <c r="H5797">
        <v>5.0698985091940001</v>
      </c>
      <c r="I5797">
        <v>52.177200882451999</v>
      </c>
      <c r="J5797" t="s">
        <v>61482</v>
      </c>
    </row>
    <row r="5798" spans="1:10" x14ac:dyDescent="0.25">
      <c r="A5798" t="s">
        <v>33588</v>
      </c>
      <c r="B5798" t="s">
        <v>33589</v>
      </c>
      <c r="C5798" t="s">
        <v>33590</v>
      </c>
      <c r="D5798" t="s">
        <v>33546</v>
      </c>
      <c r="E5798" t="s">
        <v>13</v>
      </c>
      <c r="F5798">
        <v>8284</v>
      </c>
      <c r="G5798" t="s">
        <v>33591</v>
      </c>
      <c r="H5798">
        <v>5.101056206699</v>
      </c>
      <c r="I5798">
        <v>52.186490522901003</v>
      </c>
      <c r="J5798" t="s">
        <v>61483</v>
      </c>
    </row>
    <row r="5799" spans="1:10" x14ac:dyDescent="0.25">
      <c r="A5799" t="s">
        <v>33584</v>
      </c>
      <c r="B5799" t="s">
        <v>33585</v>
      </c>
      <c r="C5799" t="s">
        <v>33586</v>
      </c>
      <c r="D5799" t="s">
        <v>33546</v>
      </c>
      <c r="E5799" t="s">
        <v>13</v>
      </c>
      <c r="F5799">
        <v>8283</v>
      </c>
      <c r="G5799" t="s">
        <v>33587</v>
      </c>
      <c r="H5799">
        <v>5.0774589631599998</v>
      </c>
      <c r="I5799">
        <v>52.185910757933001</v>
      </c>
      <c r="J5799" t="s">
        <v>61484</v>
      </c>
    </row>
    <row r="5800" spans="1:10" x14ac:dyDescent="0.25">
      <c r="A5800" t="s">
        <v>33580</v>
      </c>
      <c r="B5800" t="s">
        <v>33581</v>
      </c>
      <c r="C5800" t="s">
        <v>33582</v>
      </c>
      <c r="D5800" t="s">
        <v>33546</v>
      </c>
      <c r="E5800" t="s">
        <v>13</v>
      </c>
      <c r="F5800">
        <v>8282</v>
      </c>
      <c r="G5800" t="s">
        <v>33583</v>
      </c>
      <c r="H5800">
        <v>5.0933599079740004</v>
      </c>
      <c r="I5800">
        <v>52.192723190248003</v>
      </c>
      <c r="J5800" t="s">
        <v>61485</v>
      </c>
    </row>
    <row r="5801" spans="1:10" x14ac:dyDescent="0.25">
      <c r="A5801" t="s">
        <v>33576</v>
      </c>
      <c r="B5801" t="s">
        <v>33577</v>
      </c>
      <c r="C5801" t="s">
        <v>33578</v>
      </c>
      <c r="D5801" t="s">
        <v>33546</v>
      </c>
      <c r="E5801" t="s">
        <v>13</v>
      </c>
      <c r="F5801">
        <v>8281</v>
      </c>
      <c r="G5801" t="s">
        <v>33579</v>
      </c>
      <c r="H5801">
        <v>5.0784945806439996</v>
      </c>
      <c r="I5801">
        <v>52.207425943861999</v>
      </c>
      <c r="J5801" t="s">
        <v>61486</v>
      </c>
    </row>
    <row r="5802" spans="1:10" x14ac:dyDescent="0.25">
      <c r="A5802" t="s">
        <v>33572</v>
      </c>
      <c r="B5802" t="s">
        <v>33573</v>
      </c>
      <c r="C5802" t="s">
        <v>33574</v>
      </c>
      <c r="D5802" t="s">
        <v>33546</v>
      </c>
      <c r="E5802" t="s">
        <v>13</v>
      </c>
      <c r="F5802">
        <v>8280</v>
      </c>
      <c r="G5802" t="s">
        <v>33575</v>
      </c>
      <c r="H5802">
        <v>5.1122546299070004</v>
      </c>
      <c r="I5802">
        <v>52.268131410831003</v>
      </c>
      <c r="J5802" t="s">
        <v>61487</v>
      </c>
    </row>
    <row r="5803" spans="1:10" x14ac:dyDescent="0.25">
      <c r="A5803" t="s">
        <v>33568</v>
      </c>
      <c r="B5803" t="s">
        <v>33569</v>
      </c>
      <c r="C5803" t="s">
        <v>33570</v>
      </c>
      <c r="D5803" t="s">
        <v>33546</v>
      </c>
      <c r="E5803" t="s">
        <v>13</v>
      </c>
      <c r="F5803">
        <v>8279</v>
      </c>
      <c r="G5803" t="s">
        <v>33571</v>
      </c>
      <c r="H5803">
        <v>5.1079454451709996</v>
      </c>
      <c r="I5803">
        <v>52.257755454215001</v>
      </c>
      <c r="J5803" t="s">
        <v>61488</v>
      </c>
    </row>
    <row r="5804" spans="1:10" x14ac:dyDescent="0.25">
      <c r="A5804" t="s">
        <v>33564</v>
      </c>
      <c r="B5804" t="s">
        <v>33565</v>
      </c>
      <c r="C5804" t="s">
        <v>33566</v>
      </c>
      <c r="D5804" t="s">
        <v>33546</v>
      </c>
      <c r="E5804" t="s">
        <v>13</v>
      </c>
      <c r="F5804">
        <v>8278</v>
      </c>
      <c r="G5804" t="s">
        <v>33567</v>
      </c>
      <c r="H5804">
        <v>5.0867170435500002</v>
      </c>
      <c r="I5804">
        <v>52.270315408785002</v>
      </c>
      <c r="J5804" t="s">
        <v>61489</v>
      </c>
    </row>
    <row r="5805" spans="1:10" x14ac:dyDescent="0.25">
      <c r="A5805" t="s">
        <v>33560</v>
      </c>
      <c r="B5805" t="s">
        <v>33561</v>
      </c>
      <c r="C5805" t="s">
        <v>33562</v>
      </c>
      <c r="D5805" t="s">
        <v>33546</v>
      </c>
      <c r="E5805" t="s">
        <v>13</v>
      </c>
      <c r="F5805">
        <v>8277</v>
      </c>
      <c r="G5805" t="s">
        <v>33563</v>
      </c>
      <c r="H5805">
        <v>5.0938793261799997</v>
      </c>
      <c r="I5805">
        <v>52.219162917943997</v>
      </c>
      <c r="J5805" t="s">
        <v>61490</v>
      </c>
    </row>
    <row r="5806" spans="1:10" x14ac:dyDescent="0.25">
      <c r="A5806" t="s">
        <v>33556</v>
      </c>
      <c r="B5806" t="s">
        <v>33557</v>
      </c>
      <c r="C5806" t="s">
        <v>33558</v>
      </c>
      <c r="D5806" t="s">
        <v>33546</v>
      </c>
      <c r="E5806" t="s">
        <v>13</v>
      </c>
      <c r="F5806">
        <v>8276</v>
      </c>
      <c r="G5806" t="s">
        <v>33559</v>
      </c>
      <c r="H5806">
        <v>5.0610999598440003</v>
      </c>
      <c r="I5806">
        <v>52.226246798445999</v>
      </c>
      <c r="J5806" t="s">
        <v>61491</v>
      </c>
    </row>
    <row r="5807" spans="1:10" x14ac:dyDescent="0.25">
      <c r="A5807" t="s">
        <v>33552</v>
      </c>
      <c r="B5807" t="s">
        <v>33553</v>
      </c>
      <c r="C5807" t="s">
        <v>33554</v>
      </c>
      <c r="D5807" t="s">
        <v>33546</v>
      </c>
      <c r="E5807" t="s">
        <v>13</v>
      </c>
      <c r="F5807">
        <v>8275</v>
      </c>
      <c r="G5807" t="s">
        <v>33555</v>
      </c>
      <c r="H5807">
        <v>5.1096797355739998</v>
      </c>
      <c r="I5807">
        <v>52.231749654269997</v>
      </c>
      <c r="J5807" t="s">
        <v>61492</v>
      </c>
    </row>
    <row r="5808" spans="1:10" x14ac:dyDescent="0.25">
      <c r="A5808" t="s">
        <v>33548</v>
      </c>
      <c r="B5808" t="s">
        <v>33549</v>
      </c>
      <c r="C5808" t="s">
        <v>33550</v>
      </c>
      <c r="D5808" t="s">
        <v>33546</v>
      </c>
      <c r="E5808" t="s">
        <v>13</v>
      </c>
      <c r="F5808">
        <v>8274</v>
      </c>
      <c r="G5808" t="s">
        <v>33551</v>
      </c>
      <c r="H5808">
        <v>5.0912843051259999</v>
      </c>
      <c r="I5808">
        <v>52.238846276487997</v>
      </c>
      <c r="J5808" t="s">
        <v>61493</v>
      </c>
    </row>
    <row r="5809" spans="1:10" x14ac:dyDescent="0.25">
      <c r="A5809" t="s">
        <v>33543</v>
      </c>
      <c r="B5809" t="s">
        <v>33544</v>
      </c>
      <c r="C5809" t="s">
        <v>33545</v>
      </c>
      <c r="D5809" t="s">
        <v>33546</v>
      </c>
      <c r="E5809" t="s">
        <v>13</v>
      </c>
      <c r="F5809">
        <v>8273</v>
      </c>
      <c r="G5809" t="s">
        <v>33547</v>
      </c>
      <c r="H5809">
        <v>5.1302523457809999</v>
      </c>
      <c r="I5809">
        <v>52.242174777137997</v>
      </c>
      <c r="J5809" t="s">
        <v>61494</v>
      </c>
    </row>
    <row r="5810" spans="1:10" x14ac:dyDescent="0.25">
      <c r="A5810" t="s">
        <v>33539</v>
      </c>
      <c r="B5810" t="s">
        <v>33540</v>
      </c>
      <c r="C5810" t="s">
        <v>33541</v>
      </c>
      <c r="D5810" t="s">
        <v>33489</v>
      </c>
      <c r="E5810" t="s">
        <v>13</v>
      </c>
      <c r="F5810">
        <v>8272</v>
      </c>
      <c r="G5810" t="s">
        <v>33542</v>
      </c>
      <c r="H5810">
        <v>3.7576189370819999</v>
      </c>
      <c r="I5810">
        <v>51.563087672961998</v>
      </c>
      <c r="J5810" t="s">
        <v>61495</v>
      </c>
    </row>
    <row r="5811" spans="1:10" x14ac:dyDescent="0.25">
      <c r="A5811" t="s">
        <v>33535</v>
      </c>
      <c r="B5811" t="s">
        <v>33536</v>
      </c>
      <c r="C5811" t="s">
        <v>33537</v>
      </c>
      <c r="D5811" t="s">
        <v>33489</v>
      </c>
      <c r="E5811" t="s">
        <v>13</v>
      </c>
      <c r="F5811">
        <v>8271</v>
      </c>
      <c r="G5811" t="s">
        <v>33538</v>
      </c>
      <c r="H5811">
        <v>3.7713958017790001</v>
      </c>
      <c r="I5811">
        <v>51.565442043876999</v>
      </c>
      <c r="J5811" t="s">
        <v>61496</v>
      </c>
    </row>
    <row r="5812" spans="1:10" x14ac:dyDescent="0.25">
      <c r="A5812" t="s">
        <v>33531</v>
      </c>
      <c r="B5812" t="s">
        <v>33532</v>
      </c>
      <c r="C5812" t="s">
        <v>33533</v>
      </c>
      <c r="D5812" t="s">
        <v>33489</v>
      </c>
      <c r="E5812" t="s">
        <v>13</v>
      </c>
      <c r="F5812">
        <v>8270</v>
      </c>
      <c r="G5812" t="s">
        <v>33534</v>
      </c>
      <c r="H5812">
        <v>3.760821751445</v>
      </c>
      <c r="I5812">
        <v>51.585066029064997</v>
      </c>
      <c r="J5812" t="s">
        <v>61497</v>
      </c>
    </row>
    <row r="5813" spans="1:10" x14ac:dyDescent="0.25">
      <c r="A5813" t="s">
        <v>33527</v>
      </c>
      <c r="B5813" t="s">
        <v>33528</v>
      </c>
      <c r="C5813" t="s">
        <v>33529</v>
      </c>
      <c r="D5813" t="s">
        <v>33489</v>
      </c>
      <c r="E5813" t="s">
        <v>13</v>
      </c>
      <c r="F5813">
        <v>8269</v>
      </c>
      <c r="G5813" t="s">
        <v>33530</v>
      </c>
      <c r="H5813">
        <v>3.7471823071850001</v>
      </c>
      <c r="I5813">
        <v>51.584348752670998</v>
      </c>
      <c r="J5813" t="s">
        <v>61498</v>
      </c>
    </row>
    <row r="5814" spans="1:10" x14ac:dyDescent="0.25">
      <c r="A5814" t="s">
        <v>33523</v>
      </c>
      <c r="B5814" t="s">
        <v>33524</v>
      </c>
      <c r="C5814" t="s">
        <v>33525</v>
      </c>
      <c r="D5814" t="s">
        <v>33489</v>
      </c>
      <c r="E5814" t="s">
        <v>13</v>
      </c>
      <c r="F5814">
        <v>8268</v>
      </c>
      <c r="G5814" t="s">
        <v>33526</v>
      </c>
      <c r="H5814">
        <v>3.6993568509250001</v>
      </c>
      <c r="I5814">
        <v>51.570457195960003</v>
      </c>
      <c r="J5814" t="s">
        <v>61499</v>
      </c>
    </row>
    <row r="5815" spans="1:10" x14ac:dyDescent="0.25">
      <c r="A5815" t="s">
        <v>33519</v>
      </c>
      <c r="B5815" t="s">
        <v>33520</v>
      </c>
      <c r="C5815" t="s">
        <v>33521</v>
      </c>
      <c r="D5815" t="s">
        <v>33489</v>
      </c>
      <c r="E5815" t="s">
        <v>13</v>
      </c>
      <c r="F5815">
        <v>8267</v>
      </c>
      <c r="G5815" t="s">
        <v>33522</v>
      </c>
      <c r="H5815">
        <v>3.6788858362900001</v>
      </c>
      <c r="I5815">
        <v>51.563399225128002</v>
      </c>
      <c r="J5815" t="s">
        <v>61500</v>
      </c>
    </row>
    <row r="5816" spans="1:10" x14ac:dyDescent="0.25">
      <c r="A5816" t="s">
        <v>33515</v>
      </c>
      <c r="B5816" t="s">
        <v>33516</v>
      </c>
      <c r="C5816" t="s">
        <v>33517</v>
      </c>
      <c r="D5816" t="s">
        <v>33489</v>
      </c>
      <c r="E5816" t="s">
        <v>13</v>
      </c>
      <c r="F5816">
        <v>8266</v>
      </c>
      <c r="G5816" t="s">
        <v>33518</v>
      </c>
      <c r="H5816">
        <v>3.7034671852210002</v>
      </c>
      <c r="I5816">
        <v>51.570517616841002</v>
      </c>
      <c r="J5816" t="s">
        <v>61501</v>
      </c>
    </row>
    <row r="5817" spans="1:10" x14ac:dyDescent="0.25">
      <c r="A5817" t="s">
        <v>33511</v>
      </c>
      <c r="B5817" t="s">
        <v>33512</v>
      </c>
      <c r="C5817" t="s">
        <v>33513</v>
      </c>
      <c r="D5817" t="s">
        <v>33489</v>
      </c>
      <c r="E5817" t="s">
        <v>13</v>
      </c>
      <c r="F5817">
        <v>8265</v>
      </c>
      <c r="G5817" t="s">
        <v>33514</v>
      </c>
      <c r="H5817">
        <v>3.8709836148319998</v>
      </c>
      <c r="I5817">
        <v>51.571452193391004</v>
      </c>
      <c r="J5817" t="s">
        <v>61502</v>
      </c>
    </row>
    <row r="5818" spans="1:10" x14ac:dyDescent="0.25">
      <c r="A5818" t="s">
        <v>33507</v>
      </c>
      <c r="B5818" t="s">
        <v>33508</v>
      </c>
      <c r="C5818" t="s">
        <v>33509</v>
      </c>
      <c r="D5818" t="s">
        <v>33489</v>
      </c>
      <c r="E5818" t="s">
        <v>13</v>
      </c>
      <c r="F5818">
        <v>8264</v>
      </c>
      <c r="G5818" t="s">
        <v>33510</v>
      </c>
      <c r="H5818">
        <v>3.8850012112760002</v>
      </c>
      <c r="I5818">
        <v>51.567777486632998</v>
      </c>
      <c r="J5818" t="s">
        <v>61503</v>
      </c>
    </row>
    <row r="5819" spans="1:10" x14ac:dyDescent="0.25">
      <c r="A5819" t="s">
        <v>33503</v>
      </c>
      <c r="B5819" t="s">
        <v>33504</v>
      </c>
      <c r="C5819" t="s">
        <v>33505</v>
      </c>
      <c r="D5819" t="s">
        <v>33489</v>
      </c>
      <c r="E5819" t="s">
        <v>13</v>
      </c>
      <c r="F5819">
        <v>8263</v>
      </c>
      <c r="G5819" t="s">
        <v>33506</v>
      </c>
      <c r="H5819">
        <v>3.8242677286359998</v>
      </c>
      <c r="I5819">
        <v>51.589039920338998</v>
      </c>
      <c r="J5819" t="s">
        <v>61504</v>
      </c>
    </row>
    <row r="5820" spans="1:10" x14ac:dyDescent="0.25">
      <c r="A5820" t="s">
        <v>33499</v>
      </c>
      <c r="B5820" t="s">
        <v>33500</v>
      </c>
      <c r="C5820" t="s">
        <v>33501</v>
      </c>
      <c r="D5820" t="s">
        <v>33489</v>
      </c>
      <c r="E5820" t="s">
        <v>13</v>
      </c>
      <c r="F5820">
        <v>8262</v>
      </c>
      <c r="G5820" t="s">
        <v>33502</v>
      </c>
      <c r="H5820">
        <v>3.8483155242690001</v>
      </c>
      <c r="I5820">
        <v>51.598687133104001</v>
      </c>
      <c r="J5820" t="s">
        <v>61505</v>
      </c>
    </row>
    <row r="5821" spans="1:10" x14ac:dyDescent="0.25">
      <c r="A5821" t="s">
        <v>33495</v>
      </c>
      <c r="B5821" t="s">
        <v>33496</v>
      </c>
      <c r="C5821" t="s">
        <v>33497</v>
      </c>
      <c r="D5821" t="s">
        <v>33489</v>
      </c>
      <c r="E5821" t="s">
        <v>13</v>
      </c>
      <c r="F5821">
        <v>8261</v>
      </c>
      <c r="G5821" t="s">
        <v>33498</v>
      </c>
      <c r="H5821">
        <v>3.8165618746600001</v>
      </c>
      <c r="I5821">
        <v>51.563270510184999</v>
      </c>
      <c r="J5821" t="s">
        <v>61506</v>
      </c>
    </row>
    <row r="5822" spans="1:10" x14ac:dyDescent="0.25">
      <c r="A5822" t="s">
        <v>33491</v>
      </c>
      <c r="B5822" t="s">
        <v>33492</v>
      </c>
      <c r="C5822" t="s">
        <v>33493</v>
      </c>
      <c r="D5822" t="s">
        <v>33489</v>
      </c>
      <c r="E5822" t="s">
        <v>13</v>
      </c>
      <c r="F5822">
        <v>8260</v>
      </c>
      <c r="G5822" t="s">
        <v>33494</v>
      </c>
      <c r="H5822">
        <v>3.814773490556</v>
      </c>
      <c r="I5822">
        <v>51.555240567825997</v>
      </c>
      <c r="J5822" t="s">
        <v>61507</v>
      </c>
    </row>
    <row r="5823" spans="1:10" x14ac:dyDescent="0.25">
      <c r="A5823" t="s">
        <v>33486</v>
      </c>
      <c r="B5823" t="s">
        <v>33487</v>
      </c>
      <c r="C5823" t="s">
        <v>33488</v>
      </c>
      <c r="D5823" t="s">
        <v>33489</v>
      </c>
      <c r="E5823" t="s">
        <v>13</v>
      </c>
      <c r="F5823">
        <v>8259</v>
      </c>
      <c r="G5823" t="s">
        <v>33490</v>
      </c>
      <c r="H5823">
        <v>3.8016170856140001</v>
      </c>
      <c r="I5823">
        <v>51.558903945532002</v>
      </c>
      <c r="J5823" t="s">
        <v>61508</v>
      </c>
    </row>
    <row r="5824" spans="1:10" x14ac:dyDescent="0.25">
      <c r="A5824" t="s">
        <v>33482</v>
      </c>
      <c r="B5824" t="s">
        <v>33483</v>
      </c>
      <c r="C5824" t="s">
        <v>33484</v>
      </c>
      <c r="D5824" t="s">
        <v>33332</v>
      </c>
      <c r="E5824" t="s">
        <v>13</v>
      </c>
      <c r="F5824">
        <v>8258</v>
      </c>
      <c r="G5824" t="s">
        <v>33485</v>
      </c>
      <c r="H5824">
        <v>6.318525794828</v>
      </c>
      <c r="I5824">
        <v>52.669961685011998</v>
      </c>
      <c r="J5824" t="s">
        <v>61509</v>
      </c>
    </row>
    <row r="5825" spans="1:10" x14ac:dyDescent="0.25">
      <c r="A5825" t="s">
        <v>33478</v>
      </c>
      <c r="B5825" t="s">
        <v>33479</v>
      </c>
      <c r="C5825" t="s">
        <v>33480</v>
      </c>
      <c r="D5825" t="s">
        <v>33332</v>
      </c>
      <c r="E5825" t="s">
        <v>13</v>
      </c>
      <c r="F5825">
        <v>8257</v>
      </c>
      <c r="G5825" t="s">
        <v>33481</v>
      </c>
      <c r="H5825">
        <v>6.2904555353609997</v>
      </c>
      <c r="I5825">
        <v>52.673315261440003</v>
      </c>
      <c r="J5825" t="s">
        <v>61510</v>
      </c>
    </row>
    <row r="5826" spans="1:10" x14ac:dyDescent="0.25">
      <c r="A5826" t="s">
        <v>33474</v>
      </c>
      <c r="B5826" t="s">
        <v>33475</v>
      </c>
      <c r="C5826" t="s">
        <v>33476</v>
      </c>
      <c r="D5826" t="s">
        <v>33332</v>
      </c>
      <c r="E5826" t="s">
        <v>13</v>
      </c>
      <c r="F5826">
        <v>8256</v>
      </c>
      <c r="G5826" t="s">
        <v>33477</v>
      </c>
      <c r="H5826">
        <v>6.3291494089959999</v>
      </c>
      <c r="I5826">
        <v>52.701566121425003</v>
      </c>
      <c r="J5826" t="s">
        <v>61511</v>
      </c>
    </row>
    <row r="5827" spans="1:10" x14ac:dyDescent="0.25">
      <c r="A5827" t="s">
        <v>33470</v>
      </c>
      <c r="B5827" t="s">
        <v>33471</v>
      </c>
      <c r="C5827" t="s">
        <v>33472</v>
      </c>
      <c r="D5827" t="s">
        <v>33332</v>
      </c>
      <c r="E5827" t="s">
        <v>13</v>
      </c>
      <c r="F5827">
        <v>8255</v>
      </c>
      <c r="G5827" t="s">
        <v>33473</v>
      </c>
      <c r="H5827">
        <v>6.3347012477869997</v>
      </c>
      <c r="I5827">
        <v>52.715780760378998</v>
      </c>
      <c r="J5827" t="s">
        <v>61512</v>
      </c>
    </row>
    <row r="5828" spans="1:10" x14ac:dyDescent="0.25">
      <c r="A5828" t="s">
        <v>33466</v>
      </c>
      <c r="B5828" t="s">
        <v>33467</v>
      </c>
      <c r="C5828" t="s">
        <v>33468</v>
      </c>
      <c r="D5828" t="s">
        <v>33332</v>
      </c>
      <c r="E5828" t="s">
        <v>13</v>
      </c>
      <c r="F5828">
        <v>8254</v>
      </c>
      <c r="G5828" t="s">
        <v>33469</v>
      </c>
      <c r="H5828">
        <v>6.3344490595430001</v>
      </c>
      <c r="I5828">
        <v>52.689929245618998</v>
      </c>
      <c r="J5828" t="s">
        <v>61513</v>
      </c>
    </row>
    <row r="5829" spans="1:10" x14ac:dyDescent="0.25">
      <c r="A5829" t="s">
        <v>33462</v>
      </c>
      <c r="B5829" t="s">
        <v>33463</v>
      </c>
      <c r="C5829" t="s">
        <v>33464</v>
      </c>
      <c r="D5829" t="s">
        <v>33332</v>
      </c>
      <c r="E5829" t="s">
        <v>13</v>
      </c>
      <c r="F5829">
        <v>8253</v>
      </c>
      <c r="G5829" t="s">
        <v>33465</v>
      </c>
      <c r="H5829">
        <v>6.3132864894439997</v>
      </c>
      <c r="I5829">
        <v>52.709248746861</v>
      </c>
      <c r="J5829" t="s">
        <v>61514</v>
      </c>
    </row>
    <row r="5830" spans="1:10" x14ac:dyDescent="0.25">
      <c r="A5830" t="s">
        <v>33458</v>
      </c>
      <c r="B5830" t="s">
        <v>33459</v>
      </c>
      <c r="C5830" t="s">
        <v>33460</v>
      </c>
      <c r="D5830" t="s">
        <v>33332</v>
      </c>
      <c r="E5830" t="s">
        <v>13</v>
      </c>
      <c r="F5830">
        <v>8252</v>
      </c>
      <c r="G5830" t="s">
        <v>33461</v>
      </c>
      <c r="H5830">
        <v>6.3166926800140004</v>
      </c>
      <c r="I5830">
        <v>52.698225732486002</v>
      </c>
      <c r="J5830" t="s">
        <v>61515</v>
      </c>
    </row>
    <row r="5831" spans="1:10" x14ac:dyDescent="0.25">
      <c r="A5831" t="s">
        <v>33454</v>
      </c>
      <c r="B5831" t="s">
        <v>33455</v>
      </c>
      <c r="C5831" t="s">
        <v>33456</v>
      </c>
      <c r="D5831" t="s">
        <v>33332</v>
      </c>
      <c r="E5831" t="s">
        <v>13</v>
      </c>
      <c r="F5831">
        <v>8251</v>
      </c>
      <c r="G5831" t="s">
        <v>33457</v>
      </c>
      <c r="H5831">
        <v>6.2714728290239998</v>
      </c>
      <c r="I5831">
        <v>52.732680561910001</v>
      </c>
      <c r="J5831" t="s">
        <v>61516</v>
      </c>
    </row>
    <row r="5832" spans="1:10" x14ac:dyDescent="0.25">
      <c r="A5832" t="s">
        <v>33450</v>
      </c>
      <c r="B5832" t="s">
        <v>33451</v>
      </c>
      <c r="C5832" t="s">
        <v>33452</v>
      </c>
      <c r="D5832" t="s">
        <v>33332</v>
      </c>
      <c r="E5832" t="s">
        <v>13</v>
      </c>
      <c r="F5832">
        <v>8250</v>
      </c>
      <c r="G5832" t="s">
        <v>33453</v>
      </c>
      <c r="H5832">
        <v>6.2860590659350004</v>
      </c>
      <c r="I5832">
        <v>52.742974756711</v>
      </c>
      <c r="J5832" t="s">
        <v>61517</v>
      </c>
    </row>
    <row r="5833" spans="1:10" x14ac:dyDescent="0.25">
      <c r="A5833" t="s">
        <v>33446</v>
      </c>
      <c r="B5833" t="s">
        <v>33447</v>
      </c>
      <c r="C5833" t="s">
        <v>33448</v>
      </c>
      <c r="D5833" t="s">
        <v>33332</v>
      </c>
      <c r="E5833" t="s">
        <v>13</v>
      </c>
      <c r="F5833">
        <v>8249</v>
      </c>
      <c r="G5833" t="s">
        <v>33449</v>
      </c>
      <c r="H5833">
        <v>6.3039756367280004</v>
      </c>
      <c r="I5833">
        <v>52.718239592418001</v>
      </c>
      <c r="J5833" t="s">
        <v>61518</v>
      </c>
    </row>
    <row r="5834" spans="1:10" x14ac:dyDescent="0.25">
      <c r="A5834" t="s">
        <v>33442</v>
      </c>
      <c r="B5834" t="s">
        <v>33443</v>
      </c>
      <c r="C5834" t="s">
        <v>33444</v>
      </c>
      <c r="D5834" t="s">
        <v>33332</v>
      </c>
      <c r="E5834" t="s">
        <v>13</v>
      </c>
      <c r="F5834">
        <v>8248</v>
      </c>
      <c r="G5834" t="s">
        <v>33445</v>
      </c>
      <c r="H5834">
        <v>6.2894810512449997</v>
      </c>
      <c r="I5834">
        <v>52.712816792330997</v>
      </c>
      <c r="J5834" t="s">
        <v>61519</v>
      </c>
    </row>
    <row r="5835" spans="1:10" x14ac:dyDescent="0.25">
      <c r="A5835" t="s">
        <v>33439</v>
      </c>
      <c r="B5835" t="s">
        <v>33440</v>
      </c>
      <c r="C5835" t="s">
        <v>14512</v>
      </c>
      <c r="D5835" t="s">
        <v>33332</v>
      </c>
      <c r="E5835" t="s">
        <v>13</v>
      </c>
      <c r="F5835">
        <v>8247</v>
      </c>
      <c r="G5835" t="s">
        <v>33441</v>
      </c>
      <c r="H5835">
        <v>6.2822649830510002</v>
      </c>
      <c r="I5835">
        <v>52.739721765653002</v>
      </c>
      <c r="J5835" t="s">
        <v>61520</v>
      </c>
    </row>
    <row r="5836" spans="1:10" x14ac:dyDescent="0.25">
      <c r="A5836" t="s">
        <v>33435</v>
      </c>
      <c r="B5836" t="s">
        <v>33436</v>
      </c>
      <c r="C5836" t="s">
        <v>33437</v>
      </c>
      <c r="D5836" t="s">
        <v>33332</v>
      </c>
      <c r="E5836" t="s">
        <v>13</v>
      </c>
      <c r="F5836">
        <v>8246</v>
      </c>
      <c r="G5836" t="s">
        <v>33438</v>
      </c>
      <c r="H5836">
        <v>6.2296730950889998</v>
      </c>
      <c r="I5836">
        <v>52.717393149960003</v>
      </c>
      <c r="J5836" t="s">
        <v>61521</v>
      </c>
    </row>
    <row r="5837" spans="1:10" x14ac:dyDescent="0.25">
      <c r="A5837" t="s">
        <v>33431</v>
      </c>
      <c r="B5837" t="s">
        <v>33432</v>
      </c>
      <c r="C5837" t="s">
        <v>33433</v>
      </c>
      <c r="D5837" t="s">
        <v>33332</v>
      </c>
      <c r="E5837" t="s">
        <v>13</v>
      </c>
      <c r="F5837">
        <v>8245</v>
      </c>
      <c r="G5837" t="s">
        <v>33434</v>
      </c>
      <c r="H5837">
        <v>6.2506758765230002</v>
      </c>
      <c r="I5837">
        <v>52.722128387028</v>
      </c>
      <c r="J5837" t="s">
        <v>61522</v>
      </c>
    </row>
    <row r="5838" spans="1:10" x14ac:dyDescent="0.25">
      <c r="A5838" t="s">
        <v>33427</v>
      </c>
      <c r="B5838" t="s">
        <v>33428</v>
      </c>
      <c r="C5838" t="s">
        <v>33429</v>
      </c>
      <c r="D5838" t="s">
        <v>33332</v>
      </c>
      <c r="E5838" t="s">
        <v>13</v>
      </c>
      <c r="F5838">
        <v>8244</v>
      </c>
      <c r="G5838" t="s">
        <v>33430</v>
      </c>
      <c r="H5838">
        <v>6.3230525912999997</v>
      </c>
      <c r="I5838">
        <v>52.785234858693002</v>
      </c>
      <c r="J5838" t="s">
        <v>61523</v>
      </c>
    </row>
    <row r="5839" spans="1:10" x14ac:dyDescent="0.25">
      <c r="A5839" t="s">
        <v>33423</v>
      </c>
      <c r="B5839" t="s">
        <v>33424</v>
      </c>
      <c r="C5839" t="s">
        <v>33425</v>
      </c>
      <c r="D5839" t="s">
        <v>33332</v>
      </c>
      <c r="E5839" t="s">
        <v>13</v>
      </c>
      <c r="F5839">
        <v>8243</v>
      </c>
      <c r="G5839" t="s">
        <v>33426</v>
      </c>
      <c r="H5839">
        <v>6.3318717199550001</v>
      </c>
      <c r="I5839">
        <v>52.780913449701998</v>
      </c>
      <c r="J5839" t="s">
        <v>61524</v>
      </c>
    </row>
    <row r="5840" spans="1:10" x14ac:dyDescent="0.25">
      <c r="A5840" t="s">
        <v>33419</v>
      </c>
      <c r="B5840" t="s">
        <v>33420</v>
      </c>
      <c r="C5840" t="s">
        <v>33421</v>
      </c>
      <c r="D5840" t="s">
        <v>33332</v>
      </c>
      <c r="E5840" t="s">
        <v>13</v>
      </c>
      <c r="F5840">
        <v>8242</v>
      </c>
      <c r="G5840" t="s">
        <v>33422</v>
      </c>
      <c r="H5840">
        <v>6.4236361875360002</v>
      </c>
      <c r="I5840">
        <v>52.778010702552002</v>
      </c>
      <c r="J5840" t="s">
        <v>61525</v>
      </c>
    </row>
    <row r="5841" spans="1:10" x14ac:dyDescent="0.25">
      <c r="A5841" t="s">
        <v>33415</v>
      </c>
      <c r="B5841" t="s">
        <v>33416</v>
      </c>
      <c r="C5841" t="s">
        <v>33417</v>
      </c>
      <c r="D5841" t="s">
        <v>33332</v>
      </c>
      <c r="E5841" t="s">
        <v>13</v>
      </c>
      <c r="F5841">
        <v>8241</v>
      </c>
      <c r="G5841" t="s">
        <v>33418</v>
      </c>
      <c r="H5841">
        <v>6.4428927769230002</v>
      </c>
      <c r="I5841">
        <v>52.777437066030998</v>
      </c>
      <c r="J5841" t="s">
        <v>61526</v>
      </c>
    </row>
    <row r="5842" spans="1:10" x14ac:dyDescent="0.25">
      <c r="A5842" t="s">
        <v>33411</v>
      </c>
      <c r="B5842" t="s">
        <v>33412</v>
      </c>
      <c r="C5842" t="s">
        <v>33413</v>
      </c>
      <c r="D5842" t="s">
        <v>33332</v>
      </c>
      <c r="E5842" t="s">
        <v>13</v>
      </c>
      <c r="F5842">
        <v>8240</v>
      </c>
      <c r="G5842" t="s">
        <v>33414</v>
      </c>
      <c r="H5842">
        <v>6.3615921900189996</v>
      </c>
      <c r="I5842">
        <v>52.754403518998998</v>
      </c>
      <c r="J5842" t="s">
        <v>61527</v>
      </c>
    </row>
    <row r="5843" spans="1:10" x14ac:dyDescent="0.25">
      <c r="A5843" t="s">
        <v>33408</v>
      </c>
      <c r="B5843" t="s">
        <v>33409</v>
      </c>
      <c r="C5843" t="s">
        <v>10985</v>
      </c>
      <c r="D5843" t="s">
        <v>33332</v>
      </c>
      <c r="E5843" t="s">
        <v>13</v>
      </c>
      <c r="F5843">
        <v>8239</v>
      </c>
      <c r="G5843" t="s">
        <v>33410</v>
      </c>
      <c r="H5843">
        <v>6.3669231622830003</v>
      </c>
      <c r="I5843">
        <v>52.748495328590998</v>
      </c>
      <c r="J5843" t="s">
        <v>61528</v>
      </c>
    </row>
    <row r="5844" spans="1:10" x14ac:dyDescent="0.25">
      <c r="A5844" t="s">
        <v>33404</v>
      </c>
      <c r="B5844" t="s">
        <v>33405</v>
      </c>
      <c r="C5844" t="s">
        <v>33406</v>
      </c>
      <c r="D5844" t="s">
        <v>33332</v>
      </c>
      <c r="E5844" t="s">
        <v>13</v>
      </c>
      <c r="F5844">
        <v>8238</v>
      </c>
      <c r="G5844" t="s">
        <v>33407</v>
      </c>
      <c r="H5844">
        <v>6.3996282904359996</v>
      </c>
      <c r="I5844">
        <v>52.766441734338002</v>
      </c>
      <c r="J5844" t="s">
        <v>61529</v>
      </c>
    </row>
    <row r="5845" spans="1:10" x14ac:dyDescent="0.25">
      <c r="A5845" t="s">
        <v>33400</v>
      </c>
      <c r="B5845" t="s">
        <v>33401</v>
      </c>
      <c r="C5845" t="s">
        <v>33402</v>
      </c>
      <c r="D5845" t="s">
        <v>33332</v>
      </c>
      <c r="E5845" t="s">
        <v>13</v>
      </c>
      <c r="F5845">
        <v>8237</v>
      </c>
      <c r="G5845" t="s">
        <v>33403</v>
      </c>
      <c r="H5845">
        <v>6.33522388011</v>
      </c>
      <c r="I5845">
        <v>52.729682852444</v>
      </c>
      <c r="J5845" t="s">
        <v>61530</v>
      </c>
    </row>
    <row r="5846" spans="1:10" x14ac:dyDescent="0.25">
      <c r="A5846" t="s">
        <v>33396</v>
      </c>
      <c r="B5846" t="s">
        <v>33397</v>
      </c>
      <c r="C5846" t="s">
        <v>33398</v>
      </c>
      <c r="D5846" t="s">
        <v>33332</v>
      </c>
      <c r="E5846" t="s">
        <v>13</v>
      </c>
      <c r="F5846">
        <v>8236</v>
      </c>
      <c r="G5846" t="s">
        <v>33399</v>
      </c>
      <c r="H5846">
        <v>6.3426385512829997</v>
      </c>
      <c r="I5846">
        <v>52.751584909765</v>
      </c>
      <c r="J5846" t="s">
        <v>61531</v>
      </c>
    </row>
    <row r="5847" spans="1:10" x14ac:dyDescent="0.25">
      <c r="A5847" t="s">
        <v>33392</v>
      </c>
      <c r="B5847" t="s">
        <v>33393</v>
      </c>
      <c r="C5847" t="s">
        <v>33394</v>
      </c>
      <c r="D5847" t="s">
        <v>33332</v>
      </c>
      <c r="E5847" t="s">
        <v>13</v>
      </c>
      <c r="F5847">
        <v>8235</v>
      </c>
      <c r="G5847" t="s">
        <v>33395</v>
      </c>
      <c r="H5847">
        <v>6.353468869197</v>
      </c>
      <c r="I5847">
        <v>52.761704826329002</v>
      </c>
      <c r="J5847" t="s">
        <v>61532</v>
      </c>
    </row>
    <row r="5848" spans="1:10" x14ac:dyDescent="0.25">
      <c r="A5848" t="s">
        <v>33388</v>
      </c>
      <c r="B5848" t="s">
        <v>33389</v>
      </c>
      <c r="C5848" t="s">
        <v>33390</v>
      </c>
      <c r="D5848" t="s">
        <v>33332</v>
      </c>
      <c r="E5848" t="s">
        <v>13</v>
      </c>
      <c r="F5848">
        <v>8234</v>
      </c>
      <c r="G5848" t="s">
        <v>33391</v>
      </c>
      <c r="H5848">
        <v>6.3874576307300002</v>
      </c>
      <c r="I5848">
        <v>52.714900137398999</v>
      </c>
      <c r="J5848" t="s">
        <v>61533</v>
      </c>
    </row>
    <row r="5849" spans="1:10" x14ac:dyDescent="0.25">
      <c r="A5849" t="s">
        <v>33384</v>
      </c>
      <c r="B5849" t="s">
        <v>33385</v>
      </c>
      <c r="C5849" t="s">
        <v>33386</v>
      </c>
      <c r="D5849" t="s">
        <v>33332</v>
      </c>
      <c r="E5849" t="s">
        <v>13</v>
      </c>
      <c r="F5849">
        <v>8233</v>
      </c>
      <c r="G5849" t="s">
        <v>33387</v>
      </c>
      <c r="H5849">
        <v>6.401649915548</v>
      </c>
      <c r="I5849">
        <v>52.712713901625001</v>
      </c>
      <c r="J5849" t="s">
        <v>61534</v>
      </c>
    </row>
    <row r="5850" spans="1:10" x14ac:dyDescent="0.25">
      <c r="A5850" t="s">
        <v>33380</v>
      </c>
      <c r="B5850" t="s">
        <v>33381</v>
      </c>
      <c r="C5850" t="s">
        <v>33382</v>
      </c>
      <c r="D5850" t="s">
        <v>33332</v>
      </c>
      <c r="E5850" t="s">
        <v>13</v>
      </c>
      <c r="F5850">
        <v>8232</v>
      </c>
      <c r="G5850" t="s">
        <v>33383</v>
      </c>
      <c r="H5850">
        <v>6.3760222778209998</v>
      </c>
      <c r="I5850">
        <v>52.674742672462003</v>
      </c>
      <c r="J5850" t="s">
        <v>61535</v>
      </c>
    </row>
    <row r="5851" spans="1:10" x14ac:dyDescent="0.25">
      <c r="A5851" t="s">
        <v>33376</v>
      </c>
      <c r="B5851" t="s">
        <v>33377</v>
      </c>
      <c r="C5851" t="s">
        <v>33378</v>
      </c>
      <c r="D5851" t="s">
        <v>33332</v>
      </c>
      <c r="E5851" t="s">
        <v>13</v>
      </c>
      <c r="F5851">
        <v>8231</v>
      </c>
      <c r="G5851" t="s">
        <v>33379</v>
      </c>
      <c r="H5851">
        <v>6.3697047017250004</v>
      </c>
      <c r="I5851">
        <v>52.669786112818002</v>
      </c>
      <c r="J5851" t="s">
        <v>61536</v>
      </c>
    </row>
    <row r="5852" spans="1:10" x14ac:dyDescent="0.25">
      <c r="A5852" t="s">
        <v>33372</v>
      </c>
      <c r="B5852" t="s">
        <v>33373</v>
      </c>
      <c r="C5852" t="s">
        <v>33374</v>
      </c>
      <c r="D5852" t="s">
        <v>33332</v>
      </c>
      <c r="E5852" t="s">
        <v>13</v>
      </c>
      <c r="F5852">
        <v>8230</v>
      </c>
      <c r="G5852" t="s">
        <v>33375</v>
      </c>
      <c r="H5852">
        <v>6.3874735994789997</v>
      </c>
      <c r="I5852">
        <v>52.641883359238001</v>
      </c>
      <c r="J5852" t="s">
        <v>61537</v>
      </c>
    </row>
    <row r="5853" spans="1:10" x14ac:dyDescent="0.25">
      <c r="A5853" t="s">
        <v>33368</v>
      </c>
      <c r="B5853" t="s">
        <v>33369</v>
      </c>
      <c r="C5853" t="s">
        <v>33370</v>
      </c>
      <c r="D5853" t="s">
        <v>33332</v>
      </c>
      <c r="E5853" t="s">
        <v>13</v>
      </c>
      <c r="F5853">
        <v>8229</v>
      </c>
      <c r="G5853" t="s">
        <v>33371</v>
      </c>
      <c r="H5853">
        <v>6.385503877783</v>
      </c>
      <c r="I5853">
        <v>52.650893361811001</v>
      </c>
      <c r="J5853" t="s">
        <v>61538</v>
      </c>
    </row>
    <row r="5854" spans="1:10" x14ac:dyDescent="0.25">
      <c r="A5854" t="s">
        <v>33364</v>
      </c>
      <c r="B5854" t="s">
        <v>33365</v>
      </c>
      <c r="C5854" t="s">
        <v>33366</v>
      </c>
      <c r="D5854" t="s">
        <v>33332</v>
      </c>
      <c r="E5854" t="s">
        <v>13</v>
      </c>
      <c r="F5854">
        <v>8228</v>
      </c>
      <c r="G5854" t="s">
        <v>33367</v>
      </c>
      <c r="H5854">
        <v>6.44416398121</v>
      </c>
      <c r="I5854">
        <v>52.637213626712999</v>
      </c>
      <c r="J5854" t="s">
        <v>61539</v>
      </c>
    </row>
    <row r="5855" spans="1:10" x14ac:dyDescent="0.25">
      <c r="A5855" t="s">
        <v>33360</v>
      </c>
      <c r="B5855" t="s">
        <v>33361</v>
      </c>
      <c r="C5855" t="s">
        <v>33362</v>
      </c>
      <c r="D5855" t="s">
        <v>33332</v>
      </c>
      <c r="E5855" t="s">
        <v>13</v>
      </c>
      <c r="F5855">
        <v>8227</v>
      </c>
      <c r="G5855" t="s">
        <v>33363</v>
      </c>
      <c r="H5855">
        <v>6.4466472509550004</v>
      </c>
      <c r="I5855">
        <v>52.639840477580002</v>
      </c>
      <c r="J5855" t="s">
        <v>61540</v>
      </c>
    </row>
    <row r="5856" spans="1:10" x14ac:dyDescent="0.25">
      <c r="A5856" t="s">
        <v>33356</v>
      </c>
      <c r="B5856" t="s">
        <v>33357</v>
      </c>
      <c r="C5856" t="s">
        <v>33358</v>
      </c>
      <c r="D5856" t="s">
        <v>33332</v>
      </c>
      <c r="E5856" t="s">
        <v>13</v>
      </c>
      <c r="F5856">
        <v>8226</v>
      </c>
      <c r="G5856" t="s">
        <v>33359</v>
      </c>
      <c r="H5856">
        <v>6.4949275090749996</v>
      </c>
      <c r="I5856">
        <v>52.632351395298002</v>
      </c>
      <c r="J5856" t="s">
        <v>61541</v>
      </c>
    </row>
    <row r="5857" spans="1:10" x14ac:dyDescent="0.25">
      <c r="A5857" t="s">
        <v>33352</v>
      </c>
      <c r="B5857" t="s">
        <v>33353</v>
      </c>
      <c r="C5857" t="s">
        <v>33354</v>
      </c>
      <c r="D5857" t="s">
        <v>33332</v>
      </c>
      <c r="E5857" t="s">
        <v>13</v>
      </c>
      <c r="F5857">
        <v>8225</v>
      </c>
      <c r="G5857" t="s">
        <v>33355</v>
      </c>
      <c r="H5857">
        <v>6.5003007540880002</v>
      </c>
      <c r="I5857">
        <v>52.621657137824002</v>
      </c>
      <c r="J5857" t="s">
        <v>61542</v>
      </c>
    </row>
    <row r="5858" spans="1:10" x14ac:dyDescent="0.25">
      <c r="A5858" t="s">
        <v>33348</v>
      </c>
      <c r="B5858" t="s">
        <v>33349</v>
      </c>
      <c r="C5858" t="s">
        <v>33350</v>
      </c>
      <c r="D5858" t="s">
        <v>33332</v>
      </c>
      <c r="E5858" t="s">
        <v>13</v>
      </c>
      <c r="F5858">
        <v>8224</v>
      </c>
      <c r="G5858" t="s">
        <v>33351</v>
      </c>
      <c r="H5858">
        <v>6.4997608832099996</v>
      </c>
      <c r="I5858">
        <v>52.659246704365998</v>
      </c>
      <c r="J5858" t="s">
        <v>61543</v>
      </c>
    </row>
    <row r="5859" spans="1:10" x14ac:dyDescent="0.25">
      <c r="A5859" t="s">
        <v>33344</v>
      </c>
      <c r="B5859" t="s">
        <v>33345</v>
      </c>
      <c r="C5859" t="s">
        <v>33346</v>
      </c>
      <c r="D5859" t="s">
        <v>33332</v>
      </c>
      <c r="E5859" t="s">
        <v>13</v>
      </c>
      <c r="F5859">
        <v>8223</v>
      </c>
      <c r="G5859" t="s">
        <v>33347</v>
      </c>
      <c r="H5859">
        <v>6.5033689461259998</v>
      </c>
      <c r="I5859">
        <v>52.665205525933999</v>
      </c>
      <c r="J5859" t="s">
        <v>61544</v>
      </c>
    </row>
    <row r="5860" spans="1:10" x14ac:dyDescent="0.25">
      <c r="A5860" t="s">
        <v>33341</v>
      </c>
      <c r="B5860" t="s">
        <v>33342</v>
      </c>
      <c r="C5860" t="s">
        <v>7720</v>
      </c>
      <c r="D5860" t="s">
        <v>33332</v>
      </c>
      <c r="E5860" t="s">
        <v>13</v>
      </c>
      <c r="F5860">
        <v>8222</v>
      </c>
      <c r="G5860" t="s">
        <v>33343</v>
      </c>
      <c r="H5860">
        <v>6.4774603875589998</v>
      </c>
      <c r="I5860">
        <v>52.678842393537003</v>
      </c>
      <c r="J5860" t="s">
        <v>61545</v>
      </c>
    </row>
    <row r="5861" spans="1:10" x14ac:dyDescent="0.25">
      <c r="A5861" t="s">
        <v>33338</v>
      </c>
      <c r="B5861" t="s">
        <v>33339</v>
      </c>
      <c r="C5861" t="s">
        <v>5233</v>
      </c>
      <c r="D5861" t="s">
        <v>33332</v>
      </c>
      <c r="E5861" t="s">
        <v>13</v>
      </c>
      <c r="F5861">
        <v>8221</v>
      </c>
      <c r="G5861" t="s">
        <v>33340</v>
      </c>
      <c r="H5861">
        <v>6.4870903574229999</v>
      </c>
      <c r="I5861">
        <v>52.674668566891</v>
      </c>
      <c r="J5861" t="s">
        <v>61546</v>
      </c>
    </row>
    <row r="5862" spans="1:10" x14ac:dyDescent="0.25">
      <c r="A5862" t="s">
        <v>33334</v>
      </c>
      <c r="B5862" t="s">
        <v>33335</v>
      </c>
      <c r="C5862" t="s">
        <v>33336</v>
      </c>
      <c r="D5862" t="s">
        <v>33332</v>
      </c>
      <c r="E5862" t="s">
        <v>13</v>
      </c>
      <c r="F5862">
        <v>8220</v>
      </c>
      <c r="G5862" t="s">
        <v>33337</v>
      </c>
      <c r="H5862">
        <v>6.4305119244210003</v>
      </c>
      <c r="I5862">
        <v>52.681288650817002</v>
      </c>
      <c r="J5862" t="s">
        <v>61547</v>
      </c>
    </row>
    <row r="5863" spans="1:10" x14ac:dyDescent="0.25">
      <c r="A5863" t="s">
        <v>33329</v>
      </c>
      <c r="B5863" t="s">
        <v>33330</v>
      </c>
      <c r="C5863" t="s">
        <v>33331</v>
      </c>
      <c r="D5863" t="s">
        <v>33332</v>
      </c>
      <c r="E5863" t="s">
        <v>13</v>
      </c>
      <c r="F5863">
        <v>8219</v>
      </c>
      <c r="G5863" t="s">
        <v>33333</v>
      </c>
      <c r="H5863">
        <v>6.4295682999119999</v>
      </c>
      <c r="I5863">
        <v>52.672284447038997</v>
      </c>
      <c r="J5863" t="s">
        <v>61548</v>
      </c>
    </row>
    <row r="5864" spans="1:10" x14ac:dyDescent="0.25">
      <c r="A5864" t="s">
        <v>33325</v>
      </c>
      <c r="B5864" t="s">
        <v>33326</v>
      </c>
      <c r="C5864" t="s">
        <v>33327</v>
      </c>
      <c r="D5864" t="s">
        <v>33280</v>
      </c>
      <c r="E5864" t="s">
        <v>13</v>
      </c>
      <c r="F5864">
        <v>8218</v>
      </c>
      <c r="G5864" t="s">
        <v>33328</v>
      </c>
      <c r="H5864">
        <v>5.7219865371480001</v>
      </c>
      <c r="I5864">
        <v>51.678484277372</v>
      </c>
      <c r="J5864" t="s">
        <v>61549</v>
      </c>
    </row>
    <row r="5865" spans="1:10" x14ac:dyDescent="0.25">
      <c r="A5865" t="s">
        <v>33321</v>
      </c>
      <c r="B5865" t="s">
        <v>33322</v>
      </c>
      <c r="C5865" t="s">
        <v>33323</v>
      </c>
      <c r="D5865" t="s">
        <v>33280</v>
      </c>
      <c r="E5865" t="s">
        <v>13</v>
      </c>
      <c r="F5865">
        <v>8217</v>
      </c>
      <c r="G5865" t="s">
        <v>33324</v>
      </c>
      <c r="H5865">
        <v>5.6895648594830002</v>
      </c>
      <c r="I5865">
        <v>51.713414146707002</v>
      </c>
      <c r="J5865" t="s">
        <v>61550</v>
      </c>
    </row>
    <row r="5866" spans="1:10" x14ac:dyDescent="0.25">
      <c r="A5866" t="s">
        <v>33317</v>
      </c>
      <c r="B5866" t="s">
        <v>33318</v>
      </c>
      <c r="C5866" t="s">
        <v>33319</v>
      </c>
      <c r="D5866" t="s">
        <v>33280</v>
      </c>
      <c r="E5866" t="s">
        <v>13</v>
      </c>
      <c r="F5866">
        <v>8216</v>
      </c>
      <c r="G5866" t="s">
        <v>33320</v>
      </c>
      <c r="H5866">
        <v>5.6499542993579999</v>
      </c>
      <c r="I5866">
        <v>51.694328123136998</v>
      </c>
      <c r="J5866" t="s">
        <v>61551</v>
      </c>
    </row>
    <row r="5867" spans="1:10" x14ac:dyDescent="0.25">
      <c r="A5867" t="s">
        <v>33313</v>
      </c>
      <c r="B5867" t="s">
        <v>33314</v>
      </c>
      <c r="C5867" t="s">
        <v>33315</v>
      </c>
      <c r="D5867" t="s">
        <v>33280</v>
      </c>
      <c r="E5867" t="s">
        <v>13</v>
      </c>
      <c r="F5867">
        <v>8215</v>
      </c>
      <c r="G5867" t="s">
        <v>33316</v>
      </c>
      <c r="H5867">
        <v>5.6969335783319996</v>
      </c>
      <c r="I5867">
        <v>51.683465842609998</v>
      </c>
      <c r="J5867" t="s">
        <v>61552</v>
      </c>
    </row>
    <row r="5868" spans="1:10" x14ac:dyDescent="0.25">
      <c r="A5868" t="s">
        <v>33309</v>
      </c>
      <c r="B5868" t="s">
        <v>33310</v>
      </c>
      <c r="C5868" t="s">
        <v>33311</v>
      </c>
      <c r="D5868" t="s">
        <v>33280</v>
      </c>
      <c r="E5868" t="s">
        <v>13</v>
      </c>
      <c r="F5868">
        <v>8214</v>
      </c>
      <c r="G5868" t="s">
        <v>33312</v>
      </c>
      <c r="H5868">
        <v>5.6758235608870002</v>
      </c>
      <c r="I5868">
        <v>51.675786414839997</v>
      </c>
      <c r="J5868" t="s">
        <v>61553</v>
      </c>
    </row>
    <row r="5869" spans="1:10" x14ac:dyDescent="0.25">
      <c r="A5869" t="s">
        <v>33305</v>
      </c>
      <c r="B5869" t="s">
        <v>33306</v>
      </c>
      <c r="C5869" t="s">
        <v>33307</v>
      </c>
      <c r="D5869" t="s">
        <v>33280</v>
      </c>
      <c r="E5869" t="s">
        <v>13</v>
      </c>
      <c r="F5869">
        <v>8213</v>
      </c>
      <c r="G5869" t="s">
        <v>33308</v>
      </c>
      <c r="H5869">
        <v>5.6670118823809998</v>
      </c>
      <c r="I5869">
        <v>51.709630091664998</v>
      </c>
      <c r="J5869" t="s">
        <v>61554</v>
      </c>
    </row>
    <row r="5870" spans="1:10" x14ac:dyDescent="0.25">
      <c r="A5870" t="s">
        <v>33301</v>
      </c>
      <c r="B5870" t="s">
        <v>33302</v>
      </c>
      <c r="C5870" t="s">
        <v>33303</v>
      </c>
      <c r="D5870" t="s">
        <v>33280</v>
      </c>
      <c r="E5870" t="s">
        <v>13</v>
      </c>
      <c r="F5870">
        <v>8212</v>
      </c>
      <c r="G5870" t="s">
        <v>33304</v>
      </c>
      <c r="H5870">
        <v>5.6765372359250001</v>
      </c>
      <c r="I5870">
        <v>51.695858605376003</v>
      </c>
      <c r="J5870" t="s">
        <v>61555</v>
      </c>
    </row>
    <row r="5871" spans="1:10" x14ac:dyDescent="0.25">
      <c r="A5871" t="s">
        <v>33297</v>
      </c>
      <c r="B5871" t="s">
        <v>33298</v>
      </c>
      <c r="C5871" t="s">
        <v>33299</v>
      </c>
      <c r="D5871" t="s">
        <v>33280</v>
      </c>
      <c r="E5871" t="s">
        <v>13</v>
      </c>
      <c r="F5871">
        <v>8211</v>
      </c>
      <c r="G5871" t="s">
        <v>33300</v>
      </c>
      <c r="H5871">
        <v>5.6872889237750002</v>
      </c>
      <c r="I5871">
        <v>51.739448202159998</v>
      </c>
      <c r="J5871" t="s">
        <v>61556</v>
      </c>
    </row>
    <row r="5872" spans="1:10" x14ac:dyDescent="0.25">
      <c r="A5872" t="s">
        <v>33293</v>
      </c>
      <c r="B5872" t="s">
        <v>33294</v>
      </c>
      <c r="C5872" t="s">
        <v>33295</v>
      </c>
      <c r="D5872" t="s">
        <v>33280</v>
      </c>
      <c r="E5872" t="s">
        <v>13</v>
      </c>
      <c r="F5872">
        <v>8210</v>
      </c>
      <c r="G5872" t="s">
        <v>33296</v>
      </c>
      <c r="H5872">
        <v>5.6793098139530001</v>
      </c>
      <c r="I5872">
        <v>51.745807544275003</v>
      </c>
      <c r="J5872" t="s">
        <v>61557</v>
      </c>
    </row>
    <row r="5873" spans="1:10" x14ac:dyDescent="0.25">
      <c r="A5873" t="s">
        <v>33290</v>
      </c>
      <c r="B5873" t="s">
        <v>33291</v>
      </c>
      <c r="C5873" t="s">
        <v>10802</v>
      </c>
      <c r="D5873" t="s">
        <v>33280</v>
      </c>
      <c r="E5873" t="s">
        <v>13</v>
      </c>
      <c r="F5873">
        <v>8209</v>
      </c>
      <c r="G5873" t="s">
        <v>33292</v>
      </c>
      <c r="H5873">
        <v>5.647835324351</v>
      </c>
      <c r="I5873">
        <v>51.754785759012002</v>
      </c>
      <c r="J5873" t="s">
        <v>61558</v>
      </c>
    </row>
    <row r="5874" spans="1:10" x14ac:dyDescent="0.25">
      <c r="A5874" t="s">
        <v>33286</v>
      </c>
      <c r="B5874" t="s">
        <v>33287</v>
      </c>
      <c r="C5874" t="s">
        <v>33288</v>
      </c>
      <c r="D5874" t="s">
        <v>33280</v>
      </c>
      <c r="E5874" t="s">
        <v>13</v>
      </c>
      <c r="F5874">
        <v>8208</v>
      </c>
      <c r="G5874" t="s">
        <v>33289</v>
      </c>
      <c r="H5874">
        <v>5.598867107337</v>
      </c>
      <c r="I5874">
        <v>51.741871497018998</v>
      </c>
      <c r="J5874" t="s">
        <v>61559</v>
      </c>
    </row>
    <row r="5875" spans="1:10" x14ac:dyDescent="0.25">
      <c r="A5875" t="s">
        <v>33282</v>
      </c>
      <c r="B5875" t="s">
        <v>33283</v>
      </c>
      <c r="C5875" t="s">
        <v>33284</v>
      </c>
      <c r="D5875" t="s">
        <v>33280</v>
      </c>
      <c r="E5875" t="s">
        <v>13</v>
      </c>
      <c r="F5875">
        <v>8207</v>
      </c>
      <c r="G5875" t="s">
        <v>33285</v>
      </c>
      <c r="H5875">
        <v>5.628245536723</v>
      </c>
      <c r="I5875">
        <v>51.721654082872</v>
      </c>
      <c r="J5875" t="s">
        <v>61560</v>
      </c>
    </row>
    <row r="5876" spans="1:10" x14ac:dyDescent="0.25">
      <c r="A5876" t="s">
        <v>33277</v>
      </c>
      <c r="B5876" t="s">
        <v>33278</v>
      </c>
      <c r="C5876" t="s">
        <v>33279</v>
      </c>
      <c r="D5876" t="s">
        <v>33280</v>
      </c>
      <c r="E5876" t="s">
        <v>13</v>
      </c>
      <c r="F5876">
        <v>8206</v>
      </c>
      <c r="G5876" t="s">
        <v>33281</v>
      </c>
      <c r="H5876">
        <v>5.6378399403249997</v>
      </c>
      <c r="I5876">
        <v>51.744373926133001</v>
      </c>
      <c r="J5876" t="s">
        <v>61561</v>
      </c>
    </row>
    <row r="5877" spans="1:10" x14ac:dyDescent="0.25">
      <c r="A5877" t="s">
        <v>33273</v>
      </c>
      <c r="B5877" t="s">
        <v>33274</v>
      </c>
      <c r="C5877" t="s">
        <v>33275</v>
      </c>
      <c r="D5877" t="s">
        <v>33199</v>
      </c>
      <c r="E5877" t="s">
        <v>13</v>
      </c>
      <c r="F5877">
        <v>8205</v>
      </c>
      <c r="G5877" t="s">
        <v>33276</v>
      </c>
      <c r="H5877">
        <v>5.9035358153750002</v>
      </c>
      <c r="I5877">
        <v>51.708402835744003</v>
      </c>
      <c r="J5877" t="s">
        <v>61562</v>
      </c>
    </row>
    <row r="5878" spans="1:10" x14ac:dyDescent="0.25">
      <c r="A5878" t="s">
        <v>33269</v>
      </c>
      <c r="B5878" t="s">
        <v>33270</v>
      </c>
      <c r="C5878" t="s">
        <v>33271</v>
      </c>
      <c r="D5878" t="s">
        <v>33199</v>
      </c>
      <c r="E5878" t="s">
        <v>13</v>
      </c>
      <c r="F5878">
        <v>8204</v>
      </c>
      <c r="G5878" t="s">
        <v>33272</v>
      </c>
      <c r="H5878">
        <v>5.9137038356489997</v>
      </c>
      <c r="I5878">
        <v>51.712611432350002</v>
      </c>
      <c r="J5878" t="s">
        <v>61563</v>
      </c>
    </row>
    <row r="5879" spans="1:10" x14ac:dyDescent="0.25">
      <c r="A5879" t="s">
        <v>33265</v>
      </c>
      <c r="B5879" t="s">
        <v>33266</v>
      </c>
      <c r="C5879" t="s">
        <v>33267</v>
      </c>
      <c r="D5879" t="s">
        <v>33199</v>
      </c>
      <c r="E5879" t="s">
        <v>13</v>
      </c>
      <c r="F5879">
        <v>8203</v>
      </c>
      <c r="G5879" t="s">
        <v>33268</v>
      </c>
      <c r="H5879">
        <v>5.8613071591589998</v>
      </c>
      <c r="I5879">
        <v>51.692680622996001</v>
      </c>
      <c r="J5879" t="s">
        <v>61564</v>
      </c>
    </row>
    <row r="5880" spans="1:10" x14ac:dyDescent="0.25">
      <c r="A5880" t="s">
        <v>33261</v>
      </c>
      <c r="B5880" t="s">
        <v>33262</v>
      </c>
      <c r="C5880" t="s">
        <v>33263</v>
      </c>
      <c r="D5880" t="s">
        <v>33199</v>
      </c>
      <c r="E5880" t="s">
        <v>13</v>
      </c>
      <c r="F5880">
        <v>8202</v>
      </c>
      <c r="G5880" t="s">
        <v>33264</v>
      </c>
      <c r="H5880">
        <v>5.8620565833859999</v>
      </c>
      <c r="I5880">
        <v>51.688392643581999</v>
      </c>
      <c r="J5880" t="s">
        <v>61565</v>
      </c>
    </row>
    <row r="5881" spans="1:10" x14ac:dyDescent="0.25">
      <c r="A5881" t="s">
        <v>33257</v>
      </c>
      <c r="B5881" t="s">
        <v>33258</v>
      </c>
      <c r="C5881" t="s">
        <v>33259</v>
      </c>
      <c r="D5881" t="s">
        <v>33199</v>
      </c>
      <c r="E5881" t="s">
        <v>13</v>
      </c>
      <c r="F5881">
        <v>8201</v>
      </c>
      <c r="G5881" t="s">
        <v>33260</v>
      </c>
      <c r="H5881">
        <v>5.8745217961979996</v>
      </c>
      <c r="I5881">
        <v>51.738677986010003</v>
      </c>
      <c r="J5881" t="s">
        <v>61566</v>
      </c>
    </row>
    <row r="5882" spans="1:10" x14ac:dyDescent="0.25">
      <c r="A5882" t="s">
        <v>33253</v>
      </c>
      <c r="B5882" t="s">
        <v>33254</v>
      </c>
      <c r="C5882" t="s">
        <v>33255</v>
      </c>
      <c r="D5882" t="s">
        <v>33199</v>
      </c>
      <c r="E5882" t="s">
        <v>13</v>
      </c>
      <c r="F5882">
        <v>8200</v>
      </c>
      <c r="G5882" t="s">
        <v>33256</v>
      </c>
      <c r="H5882">
        <v>5.8759814242340003</v>
      </c>
      <c r="I5882">
        <v>51.712115907586004</v>
      </c>
      <c r="J5882" t="s">
        <v>61567</v>
      </c>
    </row>
    <row r="5883" spans="1:10" x14ac:dyDescent="0.25">
      <c r="A5883" t="s">
        <v>33249</v>
      </c>
      <c r="B5883" t="s">
        <v>33250</v>
      </c>
      <c r="C5883" t="s">
        <v>33251</v>
      </c>
      <c r="D5883" t="s">
        <v>33199</v>
      </c>
      <c r="E5883" t="s">
        <v>13</v>
      </c>
      <c r="F5883">
        <v>8199</v>
      </c>
      <c r="G5883" t="s">
        <v>33252</v>
      </c>
      <c r="H5883">
        <v>5.8559444895560002</v>
      </c>
      <c r="I5883">
        <v>51.738808524951999</v>
      </c>
      <c r="J5883" t="s">
        <v>61568</v>
      </c>
    </row>
    <row r="5884" spans="1:10" x14ac:dyDescent="0.25">
      <c r="A5884" t="s">
        <v>33245</v>
      </c>
      <c r="B5884" t="s">
        <v>33246</v>
      </c>
      <c r="C5884" t="s">
        <v>33247</v>
      </c>
      <c r="D5884" t="s">
        <v>33199</v>
      </c>
      <c r="E5884" t="s">
        <v>13</v>
      </c>
      <c r="F5884">
        <v>8198</v>
      </c>
      <c r="G5884" t="s">
        <v>33248</v>
      </c>
      <c r="H5884">
        <v>5.8557724721669997</v>
      </c>
      <c r="I5884">
        <v>51.727747936074003</v>
      </c>
      <c r="J5884" t="s">
        <v>61569</v>
      </c>
    </row>
    <row r="5885" spans="1:10" x14ac:dyDescent="0.25">
      <c r="A5885" t="s">
        <v>33241</v>
      </c>
      <c r="B5885" t="s">
        <v>33242</v>
      </c>
      <c r="C5885" t="s">
        <v>33243</v>
      </c>
      <c r="D5885" t="s">
        <v>33199</v>
      </c>
      <c r="E5885" t="s">
        <v>13</v>
      </c>
      <c r="F5885">
        <v>8197</v>
      </c>
      <c r="G5885" t="s">
        <v>33244</v>
      </c>
      <c r="H5885">
        <v>5.8700237804939999</v>
      </c>
      <c r="I5885">
        <v>51.725041515523003</v>
      </c>
      <c r="J5885" t="s">
        <v>61570</v>
      </c>
    </row>
    <row r="5886" spans="1:10" x14ac:dyDescent="0.25">
      <c r="A5886" t="s">
        <v>33237</v>
      </c>
      <c r="B5886" t="s">
        <v>33238</v>
      </c>
      <c r="C5886" t="s">
        <v>33239</v>
      </c>
      <c r="D5886" t="s">
        <v>33199</v>
      </c>
      <c r="E5886" t="s">
        <v>13</v>
      </c>
      <c r="F5886">
        <v>8196</v>
      </c>
      <c r="G5886" t="s">
        <v>33240</v>
      </c>
      <c r="H5886">
        <v>5.8803688284930002</v>
      </c>
      <c r="I5886">
        <v>51.728037477275002</v>
      </c>
      <c r="J5886" t="s">
        <v>61571</v>
      </c>
    </row>
    <row r="5887" spans="1:10" x14ac:dyDescent="0.25">
      <c r="A5887" t="s">
        <v>33233</v>
      </c>
      <c r="B5887" t="s">
        <v>33234</v>
      </c>
      <c r="C5887" t="s">
        <v>33235</v>
      </c>
      <c r="D5887" t="s">
        <v>33199</v>
      </c>
      <c r="E5887" t="s">
        <v>13</v>
      </c>
      <c r="F5887">
        <v>8195</v>
      </c>
      <c r="G5887" t="s">
        <v>33236</v>
      </c>
      <c r="H5887">
        <v>5.8886291014500003</v>
      </c>
      <c r="I5887">
        <v>51.714560444873001</v>
      </c>
      <c r="J5887" t="s">
        <v>61572</v>
      </c>
    </row>
    <row r="5888" spans="1:10" x14ac:dyDescent="0.25">
      <c r="A5888" t="s">
        <v>33229</v>
      </c>
      <c r="B5888" t="s">
        <v>33230</v>
      </c>
      <c r="C5888" t="s">
        <v>33231</v>
      </c>
      <c r="D5888" t="s">
        <v>33199</v>
      </c>
      <c r="E5888" t="s">
        <v>13</v>
      </c>
      <c r="F5888">
        <v>8194</v>
      </c>
      <c r="G5888" t="s">
        <v>33232</v>
      </c>
      <c r="H5888">
        <v>5.8182227338169996</v>
      </c>
      <c r="I5888">
        <v>51.721612947489</v>
      </c>
      <c r="J5888" t="s">
        <v>61573</v>
      </c>
    </row>
    <row r="5889" spans="1:10" x14ac:dyDescent="0.25">
      <c r="A5889" t="s">
        <v>33225</v>
      </c>
      <c r="B5889" t="s">
        <v>33226</v>
      </c>
      <c r="C5889" t="s">
        <v>33227</v>
      </c>
      <c r="D5889" t="s">
        <v>33199</v>
      </c>
      <c r="E5889" t="s">
        <v>13</v>
      </c>
      <c r="F5889">
        <v>8193</v>
      </c>
      <c r="G5889" t="s">
        <v>33228</v>
      </c>
      <c r="H5889">
        <v>5.8279338600430002</v>
      </c>
      <c r="I5889">
        <v>51.725001422768997</v>
      </c>
      <c r="J5889" t="s">
        <v>61574</v>
      </c>
    </row>
    <row r="5890" spans="1:10" x14ac:dyDescent="0.25">
      <c r="A5890" t="s">
        <v>33221</v>
      </c>
      <c r="B5890" t="s">
        <v>33222</v>
      </c>
      <c r="C5890" t="s">
        <v>33223</v>
      </c>
      <c r="D5890" t="s">
        <v>33199</v>
      </c>
      <c r="E5890" t="s">
        <v>13</v>
      </c>
      <c r="F5890">
        <v>8192</v>
      </c>
      <c r="G5890" t="s">
        <v>33224</v>
      </c>
      <c r="H5890">
        <v>5.8532455260720004</v>
      </c>
      <c r="I5890">
        <v>51.717599073720002</v>
      </c>
      <c r="J5890" t="s">
        <v>61575</v>
      </c>
    </row>
    <row r="5891" spans="1:10" x14ac:dyDescent="0.25">
      <c r="A5891" t="s">
        <v>33217</v>
      </c>
      <c r="B5891" t="s">
        <v>33218</v>
      </c>
      <c r="C5891" t="s">
        <v>33219</v>
      </c>
      <c r="D5891" t="s">
        <v>33199</v>
      </c>
      <c r="E5891" t="s">
        <v>13</v>
      </c>
      <c r="F5891">
        <v>8191</v>
      </c>
      <c r="G5891" t="s">
        <v>33220</v>
      </c>
      <c r="H5891">
        <v>5.8564182984539999</v>
      </c>
      <c r="I5891">
        <v>51.718023052657998</v>
      </c>
      <c r="J5891" t="s">
        <v>61576</v>
      </c>
    </row>
    <row r="5892" spans="1:10" x14ac:dyDescent="0.25">
      <c r="A5892" t="s">
        <v>33213</v>
      </c>
      <c r="B5892" t="s">
        <v>33214</v>
      </c>
      <c r="C5892" t="s">
        <v>33215</v>
      </c>
      <c r="D5892" t="s">
        <v>33199</v>
      </c>
      <c r="E5892" t="s">
        <v>13</v>
      </c>
      <c r="F5892">
        <v>8190</v>
      </c>
      <c r="G5892" t="s">
        <v>33216</v>
      </c>
      <c r="H5892">
        <v>5.8546195825140002</v>
      </c>
      <c r="I5892">
        <v>51.754457343471998</v>
      </c>
      <c r="J5892" t="s">
        <v>61577</v>
      </c>
    </row>
    <row r="5893" spans="1:10" x14ac:dyDescent="0.25">
      <c r="A5893" t="s">
        <v>33209</v>
      </c>
      <c r="B5893" t="s">
        <v>33210</v>
      </c>
      <c r="C5893" t="s">
        <v>33211</v>
      </c>
      <c r="D5893" t="s">
        <v>33199</v>
      </c>
      <c r="E5893" t="s">
        <v>13</v>
      </c>
      <c r="F5893">
        <v>8189</v>
      </c>
      <c r="G5893" t="s">
        <v>33212</v>
      </c>
      <c r="H5893">
        <v>5.873105480085</v>
      </c>
      <c r="I5893">
        <v>51.750161780208998</v>
      </c>
      <c r="J5893" t="s">
        <v>61578</v>
      </c>
    </row>
    <row r="5894" spans="1:10" x14ac:dyDescent="0.25">
      <c r="A5894" t="s">
        <v>33205</v>
      </c>
      <c r="B5894" t="s">
        <v>33206</v>
      </c>
      <c r="C5894" t="s">
        <v>33207</v>
      </c>
      <c r="D5894" t="s">
        <v>33199</v>
      </c>
      <c r="E5894" t="s">
        <v>13</v>
      </c>
      <c r="F5894">
        <v>8188</v>
      </c>
      <c r="G5894" t="s">
        <v>33208</v>
      </c>
      <c r="H5894">
        <v>5.8636344863060001</v>
      </c>
      <c r="I5894">
        <v>51.746532708661</v>
      </c>
      <c r="J5894" t="s">
        <v>61579</v>
      </c>
    </row>
    <row r="5895" spans="1:10" x14ac:dyDescent="0.25">
      <c r="A5895" t="s">
        <v>33201</v>
      </c>
      <c r="B5895" t="s">
        <v>33202</v>
      </c>
      <c r="C5895" t="s">
        <v>33203</v>
      </c>
      <c r="D5895" t="s">
        <v>33199</v>
      </c>
      <c r="E5895" t="s">
        <v>13</v>
      </c>
      <c r="F5895">
        <v>8187</v>
      </c>
      <c r="G5895" t="s">
        <v>33204</v>
      </c>
      <c r="H5895">
        <v>5.8294600663459999</v>
      </c>
      <c r="I5895">
        <v>51.749137044716001</v>
      </c>
      <c r="J5895" t="s">
        <v>61580</v>
      </c>
    </row>
    <row r="5896" spans="1:10" x14ac:dyDescent="0.25">
      <c r="A5896" t="s">
        <v>33196</v>
      </c>
      <c r="B5896" t="s">
        <v>33197</v>
      </c>
      <c r="C5896" t="s">
        <v>33198</v>
      </c>
      <c r="D5896" t="s">
        <v>33199</v>
      </c>
      <c r="E5896" t="s">
        <v>13</v>
      </c>
      <c r="F5896">
        <v>8186</v>
      </c>
      <c r="G5896" t="s">
        <v>33200</v>
      </c>
      <c r="H5896">
        <v>5.8169092327780003</v>
      </c>
      <c r="I5896">
        <v>51.747934020906001</v>
      </c>
      <c r="J5896" t="s">
        <v>61581</v>
      </c>
    </row>
    <row r="5897" spans="1:10" x14ac:dyDescent="0.25">
      <c r="A5897" t="s">
        <v>33192</v>
      </c>
      <c r="B5897" t="s">
        <v>33193</v>
      </c>
      <c r="C5897" t="s">
        <v>33194</v>
      </c>
      <c r="D5897" t="s">
        <v>32983</v>
      </c>
      <c r="E5897" t="s">
        <v>13</v>
      </c>
      <c r="F5897">
        <v>8185</v>
      </c>
      <c r="G5897" t="s">
        <v>33195</v>
      </c>
      <c r="H5897">
        <v>6.5993399585330001</v>
      </c>
      <c r="I5897">
        <v>52.94699481088</v>
      </c>
      <c r="J5897" t="s">
        <v>61582</v>
      </c>
    </row>
    <row r="5898" spans="1:10" x14ac:dyDescent="0.25">
      <c r="A5898" t="s">
        <v>33188</v>
      </c>
      <c r="B5898" t="s">
        <v>33189</v>
      </c>
      <c r="C5898" t="s">
        <v>33190</v>
      </c>
      <c r="D5898" t="s">
        <v>32983</v>
      </c>
      <c r="E5898" t="s">
        <v>13</v>
      </c>
      <c r="F5898">
        <v>8184</v>
      </c>
      <c r="G5898" t="s">
        <v>33191</v>
      </c>
      <c r="H5898">
        <v>6.6093774227060003</v>
      </c>
      <c r="I5898">
        <v>52.942512165356</v>
      </c>
      <c r="J5898" t="s">
        <v>61583</v>
      </c>
    </row>
    <row r="5899" spans="1:10" x14ac:dyDescent="0.25">
      <c r="A5899" t="s">
        <v>33184</v>
      </c>
      <c r="B5899" t="s">
        <v>33185</v>
      </c>
      <c r="C5899" t="s">
        <v>33186</v>
      </c>
      <c r="D5899" t="s">
        <v>32983</v>
      </c>
      <c r="E5899" t="s">
        <v>13</v>
      </c>
      <c r="F5899">
        <v>8183</v>
      </c>
      <c r="G5899" t="s">
        <v>33187</v>
      </c>
      <c r="H5899">
        <v>6.6036272458900003</v>
      </c>
      <c r="I5899">
        <v>52.953119687466</v>
      </c>
      <c r="J5899" t="s">
        <v>61584</v>
      </c>
    </row>
    <row r="5900" spans="1:10" x14ac:dyDescent="0.25">
      <c r="A5900" t="s">
        <v>33180</v>
      </c>
      <c r="B5900" t="s">
        <v>33181</v>
      </c>
      <c r="C5900" t="s">
        <v>33182</v>
      </c>
      <c r="D5900" t="s">
        <v>32983</v>
      </c>
      <c r="E5900" t="s">
        <v>13</v>
      </c>
      <c r="F5900">
        <v>8182</v>
      </c>
      <c r="G5900" t="s">
        <v>33183</v>
      </c>
      <c r="H5900">
        <v>6.6826758765990002</v>
      </c>
      <c r="I5900">
        <v>52.917960769722001</v>
      </c>
      <c r="J5900" t="s">
        <v>61585</v>
      </c>
    </row>
    <row r="5901" spans="1:10" x14ac:dyDescent="0.25">
      <c r="A5901" t="s">
        <v>33176</v>
      </c>
      <c r="B5901" t="s">
        <v>33177</v>
      </c>
      <c r="C5901" t="s">
        <v>33178</v>
      </c>
      <c r="D5901" t="s">
        <v>32983</v>
      </c>
      <c r="E5901" t="s">
        <v>13</v>
      </c>
      <c r="F5901">
        <v>8181</v>
      </c>
      <c r="G5901" t="s">
        <v>33179</v>
      </c>
      <c r="H5901">
        <v>6.7135468233819999</v>
      </c>
      <c r="I5901">
        <v>52.953785582784</v>
      </c>
      <c r="J5901" t="s">
        <v>61586</v>
      </c>
    </row>
    <row r="5902" spans="1:10" x14ac:dyDescent="0.25">
      <c r="A5902" t="s">
        <v>33172</v>
      </c>
      <c r="B5902" t="s">
        <v>33173</v>
      </c>
      <c r="C5902" t="s">
        <v>33174</v>
      </c>
      <c r="D5902" t="s">
        <v>32983</v>
      </c>
      <c r="E5902" t="s">
        <v>13</v>
      </c>
      <c r="F5902">
        <v>8180</v>
      </c>
      <c r="G5902" t="s">
        <v>33175</v>
      </c>
      <c r="H5902">
        <v>6.6984498588259997</v>
      </c>
      <c r="I5902">
        <v>52.907095959604</v>
      </c>
      <c r="J5902" t="s">
        <v>61587</v>
      </c>
    </row>
    <row r="5903" spans="1:10" x14ac:dyDescent="0.25">
      <c r="A5903" t="s">
        <v>33168</v>
      </c>
      <c r="B5903" t="s">
        <v>33169</v>
      </c>
      <c r="C5903" t="s">
        <v>33170</v>
      </c>
      <c r="D5903" t="s">
        <v>32983</v>
      </c>
      <c r="E5903" t="s">
        <v>13</v>
      </c>
      <c r="F5903">
        <v>8179</v>
      </c>
      <c r="G5903" t="s">
        <v>33171</v>
      </c>
      <c r="H5903">
        <v>6.6703423262469999</v>
      </c>
      <c r="I5903">
        <v>52.935026059944001</v>
      </c>
      <c r="J5903" t="s">
        <v>61588</v>
      </c>
    </row>
    <row r="5904" spans="1:10" x14ac:dyDescent="0.25">
      <c r="A5904" t="s">
        <v>33164</v>
      </c>
      <c r="B5904" t="s">
        <v>33165</v>
      </c>
      <c r="C5904" t="s">
        <v>33166</v>
      </c>
      <c r="D5904" t="s">
        <v>32983</v>
      </c>
      <c r="E5904" t="s">
        <v>13</v>
      </c>
      <c r="F5904">
        <v>8178</v>
      </c>
      <c r="G5904" t="s">
        <v>33167</v>
      </c>
      <c r="H5904">
        <v>6.6375913035130001</v>
      </c>
      <c r="I5904">
        <v>52.988329501934999</v>
      </c>
      <c r="J5904" t="s">
        <v>61589</v>
      </c>
    </row>
    <row r="5905" spans="1:10" x14ac:dyDescent="0.25">
      <c r="A5905" t="s">
        <v>33160</v>
      </c>
      <c r="B5905" t="s">
        <v>33161</v>
      </c>
      <c r="C5905" t="s">
        <v>33162</v>
      </c>
      <c r="D5905" t="s">
        <v>32983</v>
      </c>
      <c r="E5905" t="s">
        <v>13</v>
      </c>
      <c r="F5905">
        <v>8177</v>
      </c>
      <c r="G5905" t="s">
        <v>33163</v>
      </c>
      <c r="H5905">
        <v>6.6866030469390001</v>
      </c>
      <c r="I5905">
        <v>52.971040786056001</v>
      </c>
      <c r="J5905" t="s">
        <v>61590</v>
      </c>
    </row>
    <row r="5906" spans="1:10" x14ac:dyDescent="0.25">
      <c r="A5906" t="s">
        <v>33156</v>
      </c>
      <c r="B5906" t="s">
        <v>33157</v>
      </c>
      <c r="C5906" t="s">
        <v>33158</v>
      </c>
      <c r="D5906" t="s">
        <v>32983</v>
      </c>
      <c r="E5906" t="s">
        <v>13</v>
      </c>
      <c r="F5906">
        <v>8176</v>
      </c>
      <c r="G5906" t="s">
        <v>33159</v>
      </c>
      <c r="H5906">
        <v>6.6097017831559999</v>
      </c>
      <c r="I5906">
        <v>52.983545765922997</v>
      </c>
      <c r="J5906" t="s">
        <v>61591</v>
      </c>
    </row>
    <row r="5907" spans="1:10" x14ac:dyDescent="0.25">
      <c r="A5907" t="s">
        <v>33152</v>
      </c>
      <c r="B5907" t="s">
        <v>33153</v>
      </c>
      <c r="C5907" t="s">
        <v>33154</v>
      </c>
      <c r="D5907" t="s">
        <v>32983</v>
      </c>
      <c r="E5907" t="s">
        <v>13</v>
      </c>
      <c r="F5907">
        <v>8175</v>
      </c>
      <c r="G5907" t="s">
        <v>33155</v>
      </c>
      <c r="H5907">
        <v>6.6251529837709997</v>
      </c>
      <c r="I5907">
        <v>52.974490630398002</v>
      </c>
      <c r="J5907" t="s">
        <v>61592</v>
      </c>
    </row>
    <row r="5908" spans="1:10" x14ac:dyDescent="0.25">
      <c r="A5908" t="s">
        <v>33148</v>
      </c>
      <c r="B5908" t="s">
        <v>33149</v>
      </c>
      <c r="C5908" t="s">
        <v>33150</v>
      </c>
      <c r="D5908" t="s">
        <v>32983</v>
      </c>
      <c r="E5908" t="s">
        <v>13</v>
      </c>
      <c r="F5908">
        <v>8174</v>
      </c>
      <c r="G5908" t="s">
        <v>33151</v>
      </c>
      <c r="H5908">
        <v>6.6301784441190001</v>
      </c>
      <c r="I5908">
        <v>52.994246872053999</v>
      </c>
      <c r="J5908" t="s">
        <v>61593</v>
      </c>
    </row>
    <row r="5909" spans="1:10" x14ac:dyDescent="0.25">
      <c r="A5909" t="s">
        <v>33144</v>
      </c>
      <c r="B5909" t="s">
        <v>33145</v>
      </c>
      <c r="C5909" t="s">
        <v>33146</v>
      </c>
      <c r="D5909" t="s">
        <v>32983</v>
      </c>
      <c r="E5909" t="s">
        <v>13</v>
      </c>
      <c r="F5909">
        <v>8173</v>
      </c>
      <c r="G5909" t="s">
        <v>33147</v>
      </c>
      <c r="H5909">
        <v>6.6503861869070002</v>
      </c>
      <c r="I5909">
        <v>52.984491581785001</v>
      </c>
      <c r="J5909" t="s">
        <v>61594</v>
      </c>
    </row>
    <row r="5910" spans="1:10" x14ac:dyDescent="0.25">
      <c r="A5910" t="s">
        <v>33140</v>
      </c>
      <c r="B5910" t="s">
        <v>33141</v>
      </c>
      <c r="C5910" t="s">
        <v>33142</v>
      </c>
      <c r="D5910" t="s">
        <v>32983</v>
      </c>
      <c r="E5910" t="s">
        <v>13</v>
      </c>
      <c r="F5910">
        <v>8172</v>
      </c>
      <c r="G5910" t="s">
        <v>33143</v>
      </c>
      <c r="H5910">
        <v>6.8470437399159998</v>
      </c>
      <c r="I5910">
        <v>53.024811312925003</v>
      </c>
      <c r="J5910" t="s">
        <v>61595</v>
      </c>
    </row>
    <row r="5911" spans="1:10" x14ac:dyDescent="0.25">
      <c r="A5911" t="s">
        <v>33136</v>
      </c>
      <c r="B5911" t="s">
        <v>33137</v>
      </c>
      <c r="C5911" t="s">
        <v>33138</v>
      </c>
      <c r="D5911" t="s">
        <v>32983</v>
      </c>
      <c r="E5911" t="s">
        <v>13</v>
      </c>
      <c r="F5911">
        <v>8171</v>
      </c>
      <c r="G5911" t="s">
        <v>33139</v>
      </c>
      <c r="H5911">
        <v>6.8676986889859997</v>
      </c>
      <c r="I5911">
        <v>53.035333661966</v>
      </c>
      <c r="J5911" t="s">
        <v>61596</v>
      </c>
    </row>
    <row r="5912" spans="1:10" x14ac:dyDescent="0.25">
      <c r="A5912" t="s">
        <v>33132</v>
      </c>
      <c r="B5912" t="s">
        <v>33133</v>
      </c>
      <c r="C5912" t="s">
        <v>33134</v>
      </c>
      <c r="D5912" t="s">
        <v>32983</v>
      </c>
      <c r="E5912" t="s">
        <v>13</v>
      </c>
      <c r="F5912">
        <v>8170</v>
      </c>
      <c r="G5912" t="s">
        <v>33135</v>
      </c>
      <c r="H5912">
        <v>6.8343286674290002</v>
      </c>
      <c r="I5912">
        <v>53.009985179647003</v>
      </c>
      <c r="J5912" t="s">
        <v>61597</v>
      </c>
    </row>
    <row r="5913" spans="1:10" x14ac:dyDescent="0.25">
      <c r="A5913" t="s">
        <v>33128</v>
      </c>
      <c r="B5913" t="s">
        <v>33129</v>
      </c>
      <c r="C5913" t="s">
        <v>33130</v>
      </c>
      <c r="D5913" t="s">
        <v>32983</v>
      </c>
      <c r="E5913" t="s">
        <v>13</v>
      </c>
      <c r="F5913">
        <v>8169</v>
      </c>
      <c r="G5913" t="s">
        <v>33131</v>
      </c>
      <c r="H5913">
        <v>6.8363603832850002</v>
      </c>
      <c r="I5913">
        <v>53.026197808452999</v>
      </c>
      <c r="J5913" t="s">
        <v>61598</v>
      </c>
    </row>
    <row r="5914" spans="1:10" x14ac:dyDescent="0.25">
      <c r="A5914" t="s">
        <v>33124</v>
      </c>
      <c r="B5914" t="s">
        <v>33125</v>
      </c>
      <c r="C5914" t="s">
        <v>33126</v>
      </c>
      <c r="D5914" t="s">
        <v>32983</v>
      </c>
      <c r="E5914" t="s">
        <v>13</v>
      </c>
      <c r="F5914">
        <v>8168</v>
      </c>
      <c r="G5914" t="s">
        <v>33127</v>
      </c>
      <c r="H5914">
        <v>6.7763256505739999</v>
      </c>
      <c r="I5914">
        <v>53.003326419270003</v>
      </c>
      <c r="J5914" t="s">
        <v>61599</v>
      </c>
    </row>
    <row r="5915" spans="1:10" x14ac:dyDescent="0.25">
      <c r="A5915" t="s">
        <v>33120</v>
      </c>
      <c r="B5915" t="s">
        <v>33121</v>
      </c>
      <c r="C5915" t="s">
        <v>33122</v>
      </c>
      <c r="D5915" t="s">
        <v>32983</v>
      </c>
      <c r="E5915" t="s">
        <v>13</v>
      </c>
      <c r="F5915">
        <v>8167</v>
      </c>
      <c r="G5915" t="s">
        <v>33123</v>
      </c>
      <c r="H5915">
        <v>6.7679994236530003</v>
      </c>
      <c r="I5915">
        <v>53.002421298306999</v>
      </c>
      <c r="J5915" t="s">
        <v>61600</v>
      </c>
    </row>
    <row r="5916" spans="1:10" x14ac:dyDescent="0.25">
      <c r="A5916" t="s">
        <v>33116</v>
      </c>
      <c r="B5916" t="s">
        <v>33117</v>
      </c>
      <c r="C5916" t="s">
        <v>33118</v>
      </c>
      <c r="D5916" t="s">
        <v>32983</v>
      </c>
      <c r="E5916" t="s">
        <v>13</v>
      </c>
      <c r="F5916">
        <v>8166</v>
      </c>
      <c r="G5916" t="s">
        <v>33119</v>
      </c>
      <c r="H5916">
        <v>6.8897475961919996</v>
      </c>
      <c r="I5916">
        <v>53.000819191292003</v>
      </c>
      <c r="J5916" t="s">
        <v>61601</v>
      </c>
    </row>
    <row r="5917" spans="1:10" x14ac:dyDescent="0.25">
      <c r="A5917" t="s">
        <v>33112</v>
      </c>
      <c r="B5917" t="s">
        <v>33113</v>
      </c>
      <c r="C5917" t="s">
        <v>33114</v>
      </c>
      <c r="D5917" t="s">
        <v>32983</v>
      </c>
      <c r="E5917" t="s">
        <v>13</v>
      </c>
      <c r="F5917">
        <v>8165</v>
      </c>
      <c r="G5917" t="s">
        <v>33115</v>
      </c>
      <c r="H5917">
        <v>6.8883638683220001</v>
      </c>
      <c r="I5917">
        <v>53.008677395273999</v>
      </c>
      <c r="J5917" t="s">
        <v>61602</v>
      </c>
    </row>
    <row r="5918" spans="1:10" x14ac:dyDescent="0.25">
      <c r="A5918" t="s">
        <v>33108</v>
      </c>
      <c r="B5918" t="s">
        <v>33109</v>
      </c>
      <c r="C5918" t="s">
        <v>33110</v>
      </c>
      <c r="D5918" t="s">
        <v>32983</v>
      </c>
      <c r="E5918" t="s">
        <v>13</v>
      </c>
      <c r="F5918">
        <v>8164</v>
      </c>
      <c r="G5918" t="s">
        <v>33111</v>
      </c>
      <c r="H5918">
        <v>6.9004162727539997</v>
      </c>
      <c r="I5918">
        <v>52.995758543062998</v>
      </c>
      <c r="J5918" t="s">
        <v>61603</v>
      </c>
    </row>
    <row r="5919" spans="1:10" x14ac:dyDescent="0.25">
      <c r="A5919" t="s">
        <v>33104</v>
      </c>
      <c r="B5919" t="s">
        <v>33105</v>
      </c>
      <c r="C5919" t="s">
        <v>33106</v>
      </c>
      <c r="D5919" t="s">
        <v>32983</v>
      </c>
      <c r="E5919" t="s">
        <v>13</v>
      </c>
      <c r="F5919">
        <v>8163</v>
      </c>
      <c r="G5919" t="s">
        <v>33107</v>
      </c>
      <c r="H5919">
        <v>6.8506068510510003</v>
      </c>
      <c r="I5919">
        <v>52.995282591223003</v>
      </c>
      <c r="J5919" t="s">
        <v>61604</v>
      </c>
    </row>
    <row r="5920" spans="1:10" x14ac:dyDescent="0.25">
      <c r="A5920" t="s">
        <v>33100</v>
      </c>
      <c r="B5920" t="s">
        <v>33101</v>
      </c>
      <c r="C5920" t="s">
        <v>33102</v>
      </c>
      <c r="D5920" t="s">
        <v>32983</v>
      </c>
      <c r="E5920" t="s">
        <v>13</v>
      </c>
      <c r="F5920">
        <v>8162</v>
      </c>
      <c r="G5920" t="s">
        <v>33103</v>
      </c>
      <c r="H5920">
        <v>6.8416433449790004</v>
      </c>
      <c r="I5920">
        <v>53.000343008953003</v>
      </c>
      <c r="J5920" t="s">
        <v>61605</v>
      </c>
    </row>
    <row r="5921" spans="1:10" x14ac:dyDescent="0.25">
      <c r="A5921" t="s">
        <v>33096</v>
      </c>
      <c r="B5921" t="s">
        <v>33097</v>
      </c>
      <c r="C5921" t="s">
        <v>33098</v>
      </c>
      <c r="D5921" t="s">
        <v>32983</v>
      </c>
      <c r="E5921" t="s">
        <v>13</v>
      </c>
      <c r="F5921">
        <v>8161</v>
      </c>
      <c r="G5921" t="s">
        <v>33099</v>
      </c>
      <c r="H5921">
        <v>6.8506786286520001</v>
      </c>
      <c r="I5921">
        <v>52.986373668346999</v>
      </c>
      <c r="J5921" t="s">
        <v>61606</v>
      </c>
    </row>
    <row r="5922" spans="1:10" x14ac:dyDescent="0.25">
      <c r="A5922" t="s">
        <v>33092</v>
      </c>
      <c r="B5922" t="s">
        <v>33093</v>
      </c>
      <c r="C5922" t="s">
        <v>33094</v>
      </c>
      <c r="D5922" t="s">
        <v>32983</v>
      </c>
      <c r="E5922" t="s">
        <v>13</v>
      </c>
      <c r="F5922">
        <v>8160</v>
      </c>
      <c r="G5922" t="s">
        <v>33095</v>
      </c>
      <c r="H5922">
        <v>6.7795983758230003</v>
      </c>
      <c r="I5922">
        <v>52.976725873344002</v>
      </c>
      <c r="J5922" t="s">
        <v>61607</v>
      </c>
    </row>
    <row r="5923" spans="1:10" x14ac:dyDescent="0.25">
      <c r="A5923" t="s">
        <v>33088</v>
      </c>
      <c r="B5923" t="s">
        <v>33089</v>
      </c>
      <c r="C5923" t="s">
        <v>33090</v>
      </c>
      <c r="D5923" t="s">
        <v>32983</v>
      </c>
      <c r="E5923" t="s">
        <v>13</v>
      </c>
      <c r="F5923">
        <v>8159</v>
      </c>
      <c r="G5923" t="s">
        <v>33091</v>
      </c>
      <c r="H5923">
        <v>6.7997525313310003</v>
      </c>
      <c r="I5923">
        <v>52.987676739611999</v>
      </c>
      <c r="J5923" t="s">
        <v>61608</v>
      </c>
    </row>
    <row r="5924" spans="1:10" x14ac:dyDescent="0.25">
      <c r="A5924" t="s">
        <v>33084</v>
      </c>
      <c r="B5924" t="s">
        <v>33085</v>
      </c>
      <c r="C5924" t="s">
        <v>33086</v>
      </c>
      <c r="D5924" t="s">
        <v>32983</v>
      </c>
      <c r="E5924" t="s">
        <v>13</v>
      </c>
      <c r="F5924">
        <v>8158</v>
      </c>
      <c r="G5924" t="s">
        <v>33087</v>
      </c>
      <c r="H5924">
        <v>6.7938075221289997</v>
      </c>
      <c r="I5924">
        <v>52.971534856932998</v>
      </c>
      <c r="J5924" t="s">
        <v>61609</v>
      </c>
    </row>
    <row r="5925" spans="1:10" x14ac:dyDescent="0.25">
      <c r="A5925" t="s">
        <v>33080</v>
      </c>
      <c r="B5925" t="s">
        <v>33081</v>
      </c>
      <c r="C5925" t="s">
        <v>33082</v>
      </c>
      <c r="D5925" t="s">
        <v>32983</v>
      </c>
      <c r="E5925" t="s">
        <v>13</v>
      </c>
      <c r="F5925">
        <v>8157</v>
      </c>
      <c r="G5925" t="s">
        <v>33083</v>
      </c>
      <c r="H5925">
        <v>6.7808170078760002</v>
      </c>
      <c r="I5925">
        <v>53.038350144292998</v>
      </c>
      <c r="J5925" t="s">
        <v>61610</v>
      </c>
    </row>
    <row r="5926" spans="1:10" x14ac:dyDescent="0.25">
      <c r="A5926" t="s">
        <v>33076</v>
      </c>
      <c r="B5926" t="s">
        <v>33077</v>
      </c>
      <c r="C5926" t="s">
        <v>33078</v>
      </c>
      <c r="D5926" t="s">
        <v>32983</v>
      </c>
      <c r="E5926" t="s">
        <v>13</v>
      </c>
      <c r="F5926">
        <v>8156</v>
      </c>
      <c r="G5926" t="s">
        <v>33079</v>
      </c>
      <c r="H5926">
        <v>6.7856985307119997</v>
      </c>
      <c r="I5926">
        <v>53.033993778298999</v>
      </c>
      <c r="J5926" t="s">
        <v>61611</v>
      </c>
    </row>
    <row r="5927" spans="1:10" x14ac:dyDescent="0.25">
      <c r="A5927" t="s">
        <v>33072</v>
      </c>
      <c r="B5927" t="s">
        <v>33073</v>
      </c>
      <c r="C5927" t="s">
        <v>33074</v>
      </c>
      <c r="D5927" t="s">
        <v>32983</v>
      </c>
      <c r="E5927" t="s">
        <v>13</v>
      </c>
      <c r="F5927">
        <v>8155</v>
      </c>
      <c r="G5927" t="s">
        <v>33075</v>
      </c>
      <c r="H5927">
        <v>6.8237412825200003</v>
      </c>
      <c r="I5927">
        <v>53.057178101459002</v>
      </c>
      <c r="J5927" t="s">
        <v>61612</v>
      </c>
    </row>
    <row r="5928" spans="1:10" x14ac:dyDescent="0.25">
      <c r="A5928" t="s">
        <v>33068</v>
      </c>
      <c r="B5928" t="s">
        <v>33069</v>
      </c>
      <c r="C5928" t="s">
        <v>33070</v>
      </c>
      <c r="D5928" t="s">
        <v>32983</v>
      </c>
      <c r="E5928" t="s">
        <v>13</v>
      </c>
      <c r="F5928">
        <v>8154</v>
      </c>
      <c r="G5928" t="s">
        <v>33071</v>
      </c>
      <c r="H5928">
        <v>6.827664664616</v>
      </c>
      <c r="I5928">
        <v>53.060780362445001</v>
      </c>
      <c r="J5928" t="s">
        <v>61613</v>
      </c>
    </row>
    <row r="5929" spans="1:10" x14ac:dyDescent="0.25">
      <c r="A5929" t="s">
        <v>33064</v>
      </c>
      <c r="B5929" t="s">
        <v>33065</v>
      </c>
      <c r="C5929" t="s">
        <v>33066</v>
      </c>
      <c r="D5929" t="s">
        <v>32983</v>
      </c>
      <c r="E5929" t="s">
        <v>13</v>
      </c>
      <c r="F5929">
        <v>8153</v>
      </c>
      <c r="G5929" t="s">
        <v>33067</v>
      </c>
      <c r="H5929">
        <v>6.788100237469</v>
      </c>
      <c r="I5929">
        <v>53.080826487178001</v>
      </c>
      <c r="J5929" t="s">
        <v>61614</v>
      </c>
    </row>
    <row r="5930" spans="1:10" x14ac:dyDescent="0.25">
      <c r="A5930" t="s">
        <v>33060</v>
      </c>
      <c r="B5930" t="s">
        <v>33061</v>
      </c>
      <c r="C5930" t="s">
        <v>33062</v>
      </c>
      <c r="D5930" t="s">
        <v>32983</v>
      </c>
      <c r="E5930" t="s">
        <v>13</v>
      </c>
      <c r="F5930">
        <v>8152</v>
      </c>
      <c r="G5930" t="s">
        <v>33063</v>
      </c>
      <c r="H5930">
        <v>6.8006894759999996</v>
      </c>
      <c r="I5930">
        <v>53.077701868241</v>
      </c>
      <c r="J5930" t="s">
        <v>61615</v>
      </c>
    </row>
    <row r="5931" spans="1:10" x14ac:dyDescent="0.25">
      <c r="A5931" t="s">
        <v>33056</v>
      </c>
      <c r="B5931" t="s">
        <v>33057</v>
      </c>
      <c r="C5931" t="s">
        <v>33058</v>
      </c>
      <c r="D5931" t="s">
        <v>32983</v>
      </c>
      <c r="E5931" t="s">
        <v>13</v>
      </c>
      <c r="F5931">
        <v>8151</v>
      </c>
      <c r="G5931" t="s">
        <v>33059</v>
      </c>
      <c r="H5931">
        <v>6.759947097805</v>
      </c>
      <c r="I5931">
        <v>53.083440785800001</v>
      </c>
      <c r="J5931" t="s">
        <v>61616</v>
      </c>
    </row>
    <row r="5932" spans="1:10" x14ac:dyDescent="0.25">
      <c r="A5932" t="s">
        <v>33052</v>
      </c>
      <c r="B5932" t="s">
        <v>33053</v>
      </c>
      <c r="C5932" t="s">
        <v>33054</v>
      </c>
      <c r="D5932" t="s">
        <v>32983</v>
      </c>
      <c r="E5932" t="s">
        <v>13</v>
      </c>
      <c r="F5932">
        <v>8150</v>
      </c>
      <c r="G5932" t="s">
        <v>33055</v>
      </c>
      <c r="H5932">
        <v>6.7641696897159997</v>
      </c>
      <c r="I5932">
        <v>53.085931953184001</v>
      </c>
      <c r="J5932" t="s">
        <v>61617</v>
      </c>
    </row>
    <row r="5933" spans="1:10" x14ac:dyDescent="0.25">
      <c r="A5933" t="s">
        <v>33048</v>
      </c>
      <c r="B5933" t="s">
        <v>33049</v>
      </c>
      <c r="C5933" t="s">
        <v>33050</v>
      </c>
      <c r="D5933" t="s">
        <v>32983</v>
      </c>
      <c r="E5933" t="s">
        <v>13</v>
      </c>
      <c r="F5933">
        <v>8149</v>
      </c>
      <c r="G5933" t="s">
        <v>33051</v>
      </c>
      <c r="H5933">
        <v>6.7817793350609996</v>
      </c>
      <c r="I5933">
        <v>53.069663739573002</v>
      </c>
      <c r="J5933" t="s">
        <v>61618</v>
      </c>
    </row>
    <row r="5934" spans="1:10" x14ac:dyDescent="0.25">
      <c r="A5934" t="s">
        <v>33044</v>
      </c>
      <c r="B5934" t="s">
        <v>33045</v>
      </c>
      <c r="C5934" t="s">
        <v>33046</v>
      </c>
      <c r="D5934" t="s">
        <v>32983</v>
      </c>
      <c r="E5934" t="s">
        <v>13</v>
      </c>
      <c r="F5934">
        <v>8148</v>
      </c>
      <c r="G5934" t="s">
        <v>33047</v>
      </c>
      <c r="H5934">
        <v>6.7746248010730001</v>
      </c>
      <c r="I5934">
        <v>53.068112553546001</v>
      </c>
      <c r="J5934" t="s">
        <v>61619</v>
      </c>
    </row>
    <row r="5935" spans="1:10" x14ac:dyDescent="0.25">
      <c r="A5935" t="s">
        <v>33040</v>
      </c>
      <c r="B5935" t="s">
        <v>33041</v>
      </c>
      <c r="C5935" t="s">
        <v>33042</v>
      </c>
      <c r="D5935" t="s">
        <v>32983</v>
      </c>
      <c r="E5935" t="s">
        <v>13</v>
      </c>
      <c r="F5935">
        <v>8147</v>
      </c>
      <c r="G5935" t="s">
        <v>33043</v>
      </c>
      <c r="H5935">
        <v>6.7750401945809999</v>
      </c>
      <c r="I5935">
        <v>53.081407814442002</v>
      </c>
      <c r="J5935" t="s">
        <v>61620</v>
      </c>
    </row>
    <row r="5936" spans="1:10" x14ac:dyDescent="0.25">
      <c r="A5936" t="s">
        <v>33037</v>
      </c>
      <c r="B5936" t="s">
        <v>33038</v>
      </c>
      <c r="C5936" t="s">
        <v>29163</v>
      </c>
      <c r="D5936" t="s">
        <v>32983</v>
      </c>
      <c r="E5936" t="s">
        <v>13</v>
      </c>
      <c r="F5936">
        <v>8146</v>
      </c>
      <c r="G5936" t="s">
        <v>33039</v>
      </c>
      <c r="H5936">
        <v>6.7671095796460001</v>
      </c>
      <c r="I5936">
        <v>53.077938949858002</v>
      </c>
      <c r="J5936" t="s">
        <v>61621</v>
      </c>
    </row>
    <row r="5937" spans="1:10" x14ac:dyDescent="0.25">
      <c r="A5937" t="s">
        <v>33033</v>
      </c>
      <c r="B5937" t="s">
        <v>33034</v>
      </c>
      <c r="C5937" t="s">
        <v>33035</v>
      </c>
      <c r="D5937" t="s">
        <v>32983</v>
      </c>
      <c r="E5937" t="s">
        <v>13</v>
      </c>
      <c r="F5937">
        <v>8145</v>
      </c>
      <c r="G5937" t="s">
        <v>33036</v>
      </c>
      <c r="H5937">
        <v>6.8029657153640004</v>
      </c>
      <c r="I5937">
        <v>53.051987565676001</v>
      </c>
      <c r="J5937" t="s">
        <v>61622</v>
      </c>
    </row>
    <row r="5938" spans="1:10" x14ac:dyDescent="0.25">
      <c r="A5938" t="s">
        <v>33029</v>
      </c>
      <c r="B5938" t="s">
        <v>33030</v>
      </c>
      <c r="C5938" t="s">
        <v>33031</v>
      </c>
      <c r="D5938" t="s">
        <v>32983</v>
      </c>
      <c r="E5938" t="s">
        <v>13</v>
      </c>
      <c r="F5938">
        <v>8144</v>
      </c>
      <c r="G5938" t="s">
        <v>33032</v>
      </c>
      <c r="H5938">
        <v>6.80726255144</v>
      </c>
      <c r="I5938">
        <v>53.050209603597999</v>
      </c>
      <c r="J5938" t="s">
        <v>61623</v>
      </c>
    </row>
    <row r="5939" spans="1:10" x14ac:dyDescent="0.25">
      <c r="A5939" t="s">
        <v>33025</v>
      </c>
      <c r="B5939" t="s">
        <v>33026</v>
      </c>
      <c r="C5939" t="s">
        <v>33027</v>
      </c>
      <c r="D5939" t="s">
        <v>32983</v>
      </c>
      <c r="E5939" t="s">
        <v>13</v>
      </c>
      <c r="F5939">
        <v>8143</v>
      </c>
      <c r="G5939" t="s">
        <v>33028</v>
      </c>
      <c r="H5939">
        <v>6.677025823688</v>
      </c>
      <c r="I5939">
        <v>53.064821275931997</v>
      </c>
      <c r="J5939" t="s">
        <v>61624</v>
      </c>
    </row>
    <row r="5940" spans="1:10" x14ac:dyDescent="0.25">
      <c r="A5940" t="s">
        <v>33021</v>
      </c>
      <c r="B5940" t="s">
        <v>33022</v>
      </c>
      <c r="C5940" t="s">
        <v>33023</v>
      </c>
      <c r="D5940" t="s">
        <v>32983</v>
      </c>
      <c r="E5940" t="s">
        <v>13</v>
      </c>
      <c r="F5940">
        <v>8142</v>
      </c>
      <c r="G5940" t="s">
        <v>33024</v>
      </c>
      <c r="H5940">
        <v>6.6692722511799998</v>
      </c>
      <c r="I5940">
        <v>53.073389054171997</v>
      </c>
      <c r="J5940" t="s">
        <v>61625</v>
      </c>
    </row>
    <row r="5941" spans="1:10" x14ac:dyDescent="0.25">
      <c r="A5941" t="s">
        <v>33017</v>
      </c>
      <c r="B5941" t="s">
        <v>33018</v>
      </c>
      <c r="C5941" t="s">
        <v>33019</v>
      </c>
      <c r="D5941" t="s">
        <v>32983</v>
      </c>
      <c r="E5941" t="s">
        <v>13</v>
      </c>
      <c r="F5941">
        <v>8141</v>
      </c>
      <c r="G5941" t="s">
        <v>33020</v>
      </c>
      <c r="H5941">
        <v>6.6848835513739999</v>
      </c>
      <c r="I5941">
        <v>53.002504267772999</v>
      </c>
      <c r="J5941" t="s">
        <v>61626</v>
      </c>
    </row>
    <row r="5942" spans="1:10" x14ac:dyDescent="0.25">
      <c r="A5942" t="s">
        <v>33013</v>
      </c>
      <c r="B5942" t="s">
        <v>33014</v>
      </c>
      <c r="C5942" t="s">
        <v>33015</v>
      </c>
      <c r="D5942" t="s">
        <v>32983</v>
      </c>
      <c r="E5942" t="s">
        <v>13</v>
      </c>
      <c r="F5942">
        <v>8140</v>
      </c>
      <c r="G5942" t="s">
        <v>33016</v>
      </c>
      <c r="H5942">
        <v>6.6853616256009998</v>
      </c>
      <c r="I5942">
        <v>53.000099553227003</v>
      </c>
      <c r="J5942" t="s">
        <v>61627</v>
      </c>
    </row>
    <row r="5943" spans="1:10" x14ac:dyDescent="0.25">
      <c r="A5943" t="s">
        <v>33009</v>
      </c>
      <c r="B5943" t="s">
        <v>33010</v>
      </c>
      <c r="C5943" t="s">
        <v>33011</v>
      </c>
      <c r="D5943" t="s">
        <v>32983</v>
      </c>
      <c r="E5943" t="s">
        <v>13</v>
      </c>
      <c r="F5943">
        <v>8139</v>
      </c>
      <c r="G5943" t="s">
        <v>33012</v>
      </c>
      <c r="H5943">
        <v>6.6672562131640003</v>
      </c>
      <c r="I5943">
        <v>53.035215922923001</v>
      </c>
      <c r="J5943" t="s">
        <v>61628</v>
      </c>
    </row>
    <row r="5944" spans="1:10" x14ac:dyDescent="0.25">
      <c r="A5944" t="s">
        <v>33005</v>
      </c>
      <c r="B5944" t="s">
        <v>33006</v>
      </c>
      <c r="C5944" t="s">
        <v>33007</v>
      </c>
      <c r="D5944" t="s">
        <v>32983</v>
      </c>
      <c r="E5944" t="s">
        <v>13</v>
      </c>
      <c r="F5944">
        <v>8138</v>
      </c>
      <c r="G5944" t="s">
        <v>33008</v>
      </c>
      <c r="H5944">
        <v>6.6636341649770001</v>
      </c>
      <c r="I5944">
        <v>53.036192084143998</v>
      </c>
      <c r="J5944" t="s">
        <v>61629</v>
      </c>
    </row>
    <row r="5945" spans="1:10" x14ac:dyDescent="0.25">
      <c r="A5945" t="s">
        <v>33001</v>
      </c>
      <c r="B5945" t="s">
        <v>33002</v>
      </c>
      <c r="C5945" t="s">
        <v>33003</v>
      </c>
      <c r="D5945" t="s">
        <v>32983</v>
      </c>
      <c r="E5945" t="s">
        <v>13</v>
      </c>
      <c r="F5945">
        <v>8137</v>
      </c>
      <c r="G5945" t="s">
        <v>33004</v>
      </c>
      <c r="H5945">
        <v>6.6998648455760001</v>
      </c>
      <c r="I5945">
        <v>53.042399644878998</v>
      </c>
      <c r="J5945" t="s">
        <v>61630</v>
      </c>
    </row>
    <row r="5946" spans="1:10" x14ac:dyDescent="0.25">
      <c r="A5946" t="s">
        <v>32997</v>
      </c>
      <c r="B5946" t="s">
        <v>32998</v>
      </c>
      <c r="C5946" t="s">
        <v>32999</v>
      </c>
      <c r="D5946" t="s">
        <v>32983</v>
      </c>
      <c r="E5946" t="s">
        <v>13</v>
      </c>
      <c r="F5946">
        <v>8136</v>
      </c>
      <c r="G5946" t="s">
        <v>33000</v>
      </c>
      <c r="H5946">
        <v>6.6997615719199999</v>
      </c>
      <c r="I5946">
        <v>53.045013742926997</v>
      </c>
      <c r="J5946" t="s">
        <v>61631</v>
      </c>
    </row>
    <row r="5947" spans="1:10" x14ac:dyDescent="0.25">
      <c r="A5947" t="s">
        <v>32993</v>
      </c>
      <c r="B5947" t="s">
        <v>32994</v>
      </c>
      <c r="C5947" t="s">
        <v>32995</v>
      </c>
      <c r="D5947" t="s">
        <v>32983</v>
      </c>
      <c r="E5947" t="s">
        <v>13</v>
      </c>
      <c r="F5947">
        <v>8135</v>
      </c>
      <c r="G5947" t="s">
        <v>32996</v>
      </c>
      <c r="H5947">
        <v>6.7324987048929996</v>
      </c>
      <c r="I5947">
        <v>53.017658823005</v>
      </c>
      <c r="J5947" t="s">
        <v>61632</v>
      </c>
    </row>
    <row r="5948" spans="1:10" x14ac:dyDescent="0.25">
      <c r="A5948" t="s">
        <v>32989</v>
      </c>
      <c r="B5948" t="s">
        <v>32990</v>
      </c>
      <c r="C5948" t="s">
        <v>32991</v>
      </c>
      <c r="D5948" t="s">
        <v>32983</v>
      </c>
      <c r="E5948" t="s">
        <v>13</v>
      </c>
      <c r="F5948">
        <v>8134</v>
      </c>
      <c r="G5948" t="s">
        <v>32992</v>
      </c>
      <c r="H5948">
        <v>6.7344434999549998</v>
      </c>
      <c r="I5948">
        <v>53.015657252106998</v>
      </c>
      <c r="J5948" t="s">
        <v>61633</v>
      </c>
    </row>
    <row r="5949" spans="1:10" x14ac:dyDescent="0.25">
      <c r="A5949" t="s">
        <v>32985</v>
      </c>
      <c r="B5949" t="s">
        <v>32986</v>
      </c>
      <c r="C5949" t="s">
        <v>32987</v>
      </c>
      <c r="D5949" t="s">
        <v>32983</v>
      </c>
      <c r="E5949" t="s">
        <v>13</v>
      </c>
      <c r="F5949">
        <v>8133</v>
      </c>
      <c r="G5949" t="s">
        <v>32988</v>
      </c>
      <c r="H5949">
        <v>6.7431746233379997</v>
      </c>
      <c r="I5949">
        <v>53.059359637237002</v>
      </c>
      <c r="J5949" t="s">
        <v>61634</v>
      </c>
    </row>
    <row r="5950" spans="1:10" x14ac:dyDescent="0.25">
      <c r="A5950" t="s">
        <v>32980</v>
      </c>
      <c r="B5950" t="s">
        <v>32981</v>
      </c>
      <c r="C5950" t="s">
        <v>32982</v>
      </c>
      <c r="D5950" t="s">
        <v>32983</v>
      </c>
      <c r="E5950" t="s">
        <v>13</v>
      </c>
      <c r="F5950">
        <v>8132</v>
      </c>
      <c r="G5950" t="s">
        <v>32984</v>
      </c>
      <c r="H5950">
        <v>6.7183862179930003</v>
      </c>
      <c r="I5950">
        <v>53.059047652026997</v>
      </c>
      <c r="J5950" t="s">
        <v>61635</v>
      </c>
    </row>
    <row r="5951" spans="1:10" x14ac:dyDescent="0.25">
      <c r="A5951" t="s">
        <v>32977</v>
      </c>
      <c r="B5951" t="s">
        <v>32978</v>
      </c>
      <c r="C5951" t="s">
        <v>25374</v>
      </c>
      <c r="D5951" t="s">
        <v>32785</v>
      </c>
      <c r="E5951" t="s">
        <v>13</v>
      </c>
      <c r="F5951">
        <v>8131</v>
      </c>
      <c r="G5951" t="s">
        <v>32979</v>
      </c>
      <c r="H5951">
        <v>3.8132854676629999</v>
      </c>
      <c r="I5951">
        <v>51.700406597064998</v>
      </c>
      <c r="J5951" t="s">
        <v>61636</v>
      </c>
    </row>
    <row r="5952" spans="1:10" x14ac:dyDescent="0.25">
      <c r="A5952" t="s">
        <v>32974</v>
      </c>
      <c r="B5952" t="s">
        <v>32975</v>
      </c>
      <c r="C5952" t="s">
        <v>25370</v>
      </c>
      <c r="D5952" t="s">
        <v>32785</v>
      </c>
      <c r="E5952" t="s">
        <v>13</v>
      </c>
      <c r="F5952">
        <v>8130</v>
      </c>
      <c r="G5952" t="s">
        <v>32976</v>
      </c>
      <c r="H5952">
        <v>3.8146811942180001</v>
      </c>
      <c r="I5952">
        <v>51.702139868404998</v>
      </c>
      <c r="J5952" t="s">
        <v>61637</v>
      </c>
    </row>
    <row r="5953" spans="1:10" x14ac:dyDescent="0.25">
      <c r="A5953" t="s">
        <v>32970</v>
      </c>
      <c r="B5953" t="s">
        <v>32971</v>
      </c>
      <c r="C5953" t="s">
        <v>32972</v>
      </c>
      <c r="D5953" t="s">
        <v>32785</v>
      </c>
      <c r="E5953" t="s">
        <v>13</v>
      </c>
      <c r="F5953">
        <v>8129</v>
      </c>
      <c r="G5953" t="s">
        <v>32973</v>
      </c>
      <c r="H5953">
        <v>3.7924805578480001</v>
      </c>
      <c r="I5953">
        <v>51.721847896633001</v>
      </c>
      <c r="J5953" t="s">
        <v>61638</v>
      </c>
    </row>
    <row r="5954" spans="1:10" x14ac:dyDescent="0.25">
      <c r="A5954" t="s">
        <v>32966</v>
      </c>
      <c r="B5954" t="s">
        <v>32967</v>
      </c>
      <c r="C5954" t="s">
        <v>32968</v>
      </c>
      <c r="D5954" t="s">
        <v>32785</v>
      </c>
      <c r="E5954" t="s">
        <v>13</v>
      </c>
      <c r="F5954">
        <v>8128</v>
      </c>
      <c r="G5954" t="s">
        <v>32969</v>
      </c>
      <c r="H5954">
        <v>3.7936547706870001</v>
      </c>
      <c r="I5954">
        <v>51.718702691571998</v>
      </c>
      <c r="J5954" t="s">
        <v>61639</v>
      </c>
    </row>
    <row r="5955" spans="1:10" x14ac:dyDescent="0.25">
      <c r="A5955" t="s">
        <v>32962</v>
      </c>
      <c r="B5955" t="s">
        <v>32963</v>
      </c>
      <c r="C5955" t="s">
        <v>32964</v>
      </c>
      <c r="D5955" t="s">
        <v>32785</v>
      </c>
      <c r="E5955" t="s">
        <v>13</v>
      </c>
      <c r="F5955">
        <v>8127</v>
      </c>
      <c r="G5955" t="s">
        <v>32965</v>
      </c>
      <c r="H5955">
        <v>3.7391855664019999</v>
      </c>
      <c r="I5955">
        <v>51.728113197006003</v>
      </c>
      <c r="J5955" t="s">
        <v>61640</v>
      </c>
    </row>
    <row r="5956" spans="1:10" x14ac:dyDescent="0.25">
      <c r="A5956" t="s">
        <v>32958</v>
      </c>
      <c r="B5956" t="s">
        <v>32959</v>
      </c>
      <c r="C5956" t="s">
        <v>32960</v>
      </c>
      <c r="D5956" t="s">
        <v>32785</v>
      </c>
      <c r="E5956" t="s">
        <v>13</v>
      </c>
      <c r="F5956">
        <v>8126</v>
      </c>
      <c r="G5956" t="s">
        <v>32961</v>
      </c>
      <c r="H5956">
        <v>3.763696623335</v>
      </c>
      <c r="I5956">
        <v>51.721267523995003</v>
      </c>
      <c r="J5956" t="s">
        <v>61641</v>
      </c>
    </row>
    <row r="5957" spans="1:10" x14ac:dyDescent="0.25">
      <c r="A5957" t="s">
        <v>32954</v>
      </c>
      <c r="B5957" t="s">
        <v>32955</v>
      </c>
      <c r="C5957" t="s">
        <v>32956</v>
      </c>
      <c r="D5957" t="s">
        <v>32785</v>
      </c>
      <c r="E5957" t="s">
        <v>13</v>
      </c>
      <c r="F5957">
        <v>8125</v>
      </c>
      <c r="G5957" t="s">
        <v>32957</v>
      </c>
      <c r="H5957">
        <v>3.7542247072369999</v>
      </c>
      <c r="I5957">
        <v>51.730075069884997</v>
      </c>
      <c r="J5957" t="s">
        <v>61642</v>
      </c>
    </row>
    <row r="5958" spans="1:10" x14ac:dyDescent="0.25">
      <c r="A5958" t="s">
        <v>32950</v>
      </c>
      <c r="B5958" t="s">
        <v>32951</v>
      </c>
      <c r="C5958" t="s">
        <v>32952</v>
      </c>
      <c r="D5958" t="s">
        <v>32785</v>
      </c>
      <c r="E5958" t="s">
        <v>13</v>
      </c>
      <c r="F5958">
        <v>8124</v>
      </c>
      <c r="G5958" t="s">
        <v>32953</v>
      </c>
      <c r="H5958">
        <v>3.7797811043429999</v>
      </c>
      <c r="I5958">
        <v>51.737436026226</v>
      </c>
      <c r="J5958" t="s">
        <v>61643</v>
      </c>
    </row>
    <row r="5959" spans="1:10" x14ac:dyDescent="0.25">
      <c r="A5959" t="s">
        <v>32946</v>
      </c>
      <c r="B5959" t="s">
        <v>32947</v>
      </c>
      <c r="C5959" t="s">
        <v>32948</v>
      </c>
      <c r="D5959" t="s">
        <v>32785</v>
      </c>
      <c r="E5959" t="s">
        <v>13</v>
      </c>
      <c r="F5959">
        <v>8123</v>
      </c>
      <c r="G5959" t="s">
        <v>32949</v>
      </c>
      <c r="H5959">
        <v>3.772110856426</v>
      </c>
      <c r="I5959">
        <v>51.730673127354002</v>
      </c>
      <c r="J5959" t="s">
        <v>61644</v>
      </c>
    </row>
    <row r="5960" spans="1:10" x14ac:dyDescent="0.25">
      <c r="A5960" t="s">
        <v>32942</v>
      </c>
      <c r="B5960" t="s">
        <v>32943</v>
      </c>
      <c r="C5960" t="s">
        <v>32944</v>
      </c>
      <c r="D5960" t="s">
        <v>32785</v>
      </c>
      <c r="E5960" t="s">
        <v>13</v>
      </c>
      <c r="F5960">
        <v>8122</v>
      </c>
      <c r="G5960" t="s">
        <v>32945</v>
      </c>
      <c r="H5960">
        <v>3.7079658775470001</v>
      </c>
      <c r="I5960">
        <v>51.703489530116997</v>
      </c>
      <c r="J5960" t="s">
        <v>61645</v>
      </c>
    </row>
    <row r="5961" spans="1:10" x14ac:dyDescent="0.25">
      <c r="A5961" t="s">
        <v>32938</v>
      </c>
      <c r="B5961" t="s">
        <v>32939</v>
      </c>
      <c r="C5961" t="s">
        <v>32940</v>
      </c>
      <c r="D5961" t="s">
        <v>32785</v>
      </c>
      <c r="E5961" t="s">
        <v>13</v>
      </c>
      <c r="F5961">
        <v>8121</v>
      </c>
      <c r="G5961" t="s">
        <v>32941</v>
      </c>
      <c r="H5961">
        <v>3.7546871685780001</v>
      </c>
      <c r="I5961">
        <v>51.689503800756</v>
      </c>
      <c r="J5961" t="s">
        <v>61646</v>
      </c>
    </row>
    <row r="5962" spans="1:10" x14ac:dyDescent="0.25">
      <c r="A5962" t="s">
        <v>32934</v>
      </c>
      <c r="B5962" t="s">
        <v>32935</v>
      </c>
      <c r="C5962" t="s">
        <v>32936</v>
      </c>
      <c r="D5962" t="s">
        <v>32785</v>
      </c>
      <c r="E5962" t="s">
        <v>13</v>
      </c>
      <c r="F5962">
        <v>8120</v>
      </c>
      <c r="G5962" t="s">
        <v>32937</v>
      </c>
      <c r="H5962">
        <v>3.7019304794029999</v>
      </c>
      <c r="I5962">
        <v>51.712515913220997</v>
      </c>
      <c r="J5962" t="s">
        <v>61647</v>
      </c>
    </row>
    <row r="5963" spans="1:10" x14ac:dyDescent="0.25">
      <c r="A5963" t="s">
        <v>32930</v>
      </c>
      <c r="B5963" t="s">
        <v>32931</v>
      </c>
      <c r="C5963" t="s">
        <v>32932</v>
      </c>
      <c r="D5963" t="s">
        <v>32785</v>
      </c>
      <c r="E5963" t="s">
        <v>13</v>
      </c>
      <c r="F5963">
        <v>8119</v>
      </c>
      <c r="G5963" t="s">
        <v>32933</v>
      </c>
      <c r="H5963">
        <v>3.7366535108250001</v>
      </c>
      <c r="I5963">
        <v>51.707199990714997</v>
      </c>
      <c r="J5963" t="s">
        <v>61648</v>
      </c>
    </row>
    <row r="5964" spans="1:10" x14ac:dyDescent="0.25">
      <c r="A5964" t="s">
        <v>32926</v>
      </c>
      <c r="B5964" t="s">
        <v>32927</v>
      </c>
      <c r="C5964" t="s">
        <v>32928</v>
      </c>
      <c r="D5964" t="s">
        <v>32785</v>
      </c>
      <c r="E5964" t="s">
        <v>13</v>
      </c>
      <c r="F5964">
        <v>8118</v>
      </c>
      <c r="G5964" t="s">
        <v>32929</v>
      </c>
      <c r="H5964">
        <v>3.7082874549840001</v>
      </c>
      <c r="I5964">
        <v>51.673131349692</v>
      </c>
      <c r="J5964" t="s">
        <v>61649</v>
      </c>
    </row>
    <row r="5965" spans="1:10" x14ac:dyDescent="0.25">
      <c r="A5965" t="s">
        <v>32923</v>
      </c>
      <c r="B5965" t="s">
        <v>32924</v>
      </c>
      <c r="C5965" t="s">
        <v>24971</v>
      </c>
      <c r="D5965" t="s">
        <v>32785</v>
      </c>
      <c r="E5965" t="s">
        <v>13</v>
      </c>
      <c r="F5965">
        <v>8117</v>
      </c>
      <c r="G5965" t="s">
        <v>32925</v>
      </c>
      <c r="H5965">
        <v>3.7224294867180001</v>
      </c>
      <c r="I5965">
        <v>51.682342042530998</v>
      </c>
      <c r="J5965" t="s">
        <v>61650</v>
      </c>
    </row>
    <row r="5966" spans="1:10" x14ac:dyDescent="0.25">
      <c r="A5966" t="s">
        <v>32919</v>
      </c>
      <c r="B5966" t="s">
        <v>32920</v>
      </c>
      <c r="C5966" t="s">
        <v>32921</v>
      </c>
      <c r="D5966" t="s">
        <v>32785</v>
      </c>
      <c r="E5966" t="s">
        <v>13</v>
      </c>
      <c r="F5966">
        <v>8116</v>
      </c>
      <c r="G5966" t="s">
        <v>32922</v>
      </c>
      <c r="H5966">
        <v>3.7341304061190002</v>
      </c>
      <c r="I5966">
        <v>51.690451745959002</v>
      </c>
      <c r="J5966" t="s">
        <v>61651</v>
      </c>
    </row>
    <row r="5967" spans="1:10" x14ac:dyDescent="0.25">
      <c r="A5967" t="s">
        <v>32915</v>
      </c>
      <c r="B5967" t="s">
        <v>32916</v>
      </c>
      <c r="C5967" t="s">
        <v>32917</v>
      </c>
      <c r="D5967" t="s">
        <v>32785</v>
      </c>
      <c r="E5967" t="s">
        <v>13</v>
      </c>
      <c r="F5967">
        <v>8115</v>
      </c>
      <c r="G5967" t="s">
        <v>32918</v>
      </c>
      <c r="H5967">
        <v>3.7434280968000002</v>
      </c>
      <c r="I5967">
        <v>51.696360155942997</v>
      </c>
      <c r="J5967" t="s">
        <v>61652</v>
      </c>
    </row>
    <row r="5968" spans="1:10" x14ac:dyDescent="0.25">
      <c r="A5968" t="s">
        <v>32911</v>
      </c>
      <c r="B5968" t="s">
        <v>32912</v>
      </c>
      <c r="C5968" t="s">
        <v>32913</v>
      </c>
      <c r="D5968" t="s">
        <v>32785</v>
      </c>
      <c r="E5968" t="s">
        <v>13</v>
      </c>
      <c r="F5968">
        <v>8114</v>
      </c>
      <c r="G5968" t="s">
        <v>32914</v>
      </c>
      <c r="H5968">
        <v>3.823290781581</v>
      </c>
      <c r="I5968">
        <v>51.716377348704</v>
      </c>
      <c r="J5968" t="s">
        <v>61653</v>
      </c>
    </row>
    <row r="5969" spans="1:10" x14ac:dyDescent="0.25">
      <c r="A5969" t="s">
        <v>32907</v>
      </c>
      <c r="B5969" t="s">
        <v>32908</v>
      </c>
      <c r="C5969" t="s">
        <v>32909</v>
      </c>
      <c r="D5969" t="s">
        <v>32785</v>
      </c>
      <c r="E5969" t="s">
        <v>13</v>
      </c>
      <c r="F5969">
        <v>8113</v>
      </c>
      <c r="G5969" t="s">
        <v>32910</v>
      </c>
      <c r="H5969">
        <v>3.8159942563849998</v>
      </c>
      <c r="I5969">
        <v>51.729478539511</v>
      </c>
      <c r="J5969" t="s">
        <v>61654</v>
      </c>
    </row>
    <row r="5970" spans="1:10" x14ac:dyDescent="0.25">
      <c r="A5970" t="s">
        <v>32903</v>
      </c>
      <c r="B5970" t="s">
        <v>32904</v>
      </c>
      <c r="C5970" t="s">
        <v>32905</v>
      </c>
      <c r="D5970" t="s">
        <v>32785</v>
      </c>
      <c r="E5970" t="s">
        <v>13</v>
      </c>
      <c r="F5970">
        <v>8112</v>
      </c>
      <c r="G5970" t="s">
        <v>32906</v>
      </c>
      <c r="H5970">
        <v>3.8813867727560001</v>
      </c>
      <c r="I5970">
        <v>51.691204547864999</v>
      </c>
      <c r="J5970" t="s">
        <v>61655</v>
      </c>
    </row>
    <row r="5971" spans="1:10" x14ac:dyDescent="0.25">
      <c r="A5971" t="s">
        <v>32899</v>
      </c>
      <c r="B5971" t="s">
        <v>32900</v>
      </c>
      <c r="C5971" t="s">
        <v>32901</v>
      </c>
      <c r="D5971" t="s">
        <v>32785</v>
      </c>
      <c r="E5971" t="s">
        <v>13</v>
      </c>
      <c r="F5971">
        <v>8111</v>
      </c>
      <c r="G5971" t="s">
        <v>32902</v>
      </c>
      <c r="H5971">
        <v>3.8989508676139999</v>
      </c>
      <c r="I5971">
        <v>51.685541536424999</v>
      </c>
      <c r="J5971" t="s">
        <v>61656</v>
      </c>
    </row>
    <row r="5972" spans="1:10" x14ac:dyDescent="0.25">
      <c r="A5972" t="s">
        <v>32895</v>
      </c>
      <c r="B5972" t="s">
        <v>32896</v>
      </c>
      <c r="C5972" t="s">
        <v>32897</v>
      </c>
      <c r="D5972" t="s">
        <v>32785</v>
      </c>
      <c r="E5972" t="s">
        <v>13</v>
      </c>
      <c r="F5972">
        <v>8110</v>
      </c>
      <c r="G5972" t="s">
        <v>32898</v>
      </c>
      <c r="H5972">
        <v>3.858482995343</v>
      </c>
      <c r="I5972">
        <v>51.725313939214999</v>
      </c>
      <c r="J5972" t="s">
        <v>61657</v>
      </c>
    </row>
    <row r="5973" spans="1:10" x14ac:dyDescent="0.25">
      <c r="A5973" t="s">
        <v>32891</v>
      </c>
      <c r="B5973" t="s">
        <v>32892</v>
      </c>
      <c r="C5973" t="s">
        <v>32893</v>
      </c>
      <c r="D5973" t="s">
        <v>32785</v>
      </c>
      <c r="E5973" t="s">
        <v>13</v>
      </c>
      <c r="F5973">
        <v>8109</v>
      </c>
      <c r="G5973" t="s">
        <v>32894</v>
      </c>
      <c r="H5973">
        <v>3.8433867484339999</v>
      </c>
      <c r="I5973">
        <v>51.735041683410003</v>
      </c>
      <c r="J5973" t="s">
        <v>61658</v>
      </c>
    </row>
    <row r="5974" spans="1:10" x14ac:dyDescent="0.25">
      <c r="A5974" t="s">
        <v>32887</v>
      </c>
      <c r="B5974" t="s">
        <v>32888</v>
      </c>
      <c r="C5974" t="s">
        <v>32889</v>
      </c>
      <c r="D5974" t="s">
        <v>32785</v>
      </c>
      <c r="E5974" t="s">
        <v>13</v>
      </c>
      <c r="F5974">
        <v>8108</v>
      </c>
      <c r="G5974" t="s">
        <v>32890</v>
      </c>
      <c r="H5974">
        <v>3.9843862044640002</v>
      </c>
      <c r="I5974">
        <v>51.627830177622002</v>
      </c>
      <c r="J5974" t="s">
        <v>61659</v>
      </c>
    </row>
    <row r="5975" spans="1:10" x14ac:dyDescent="0.25">
      <c r="A5975" t="s">
        <v>32883</v>
      </c>
      <c r="B5975" t="s">
        <v>32884</v>
      </c>
      <c r="C5975" t="s">
        <v>32885</v>
      </c>
      <c r="D5975" t="s">
        <v>32785</v>
      </c>
      <c r="E5975" t="s">
        <v>13</v>
      </c>
      <c r="F5975">
        <v>8107</v>
      </c>
      <c r="G5975" t="s">
        <v>32886</v>
      </c>
      <c r="H5975">
        <v>3.9823212182229999</v>
      </c>
      <c r="I5975">
        <v>51.625529883551003</v>
      </c>
      <c r="J5975" t="s">
        <v>61660</v>
      </c>
    </row>
    <row r="5976" spans="1:10" x14ac:dyDescent="0.25">
      <c r="A5976" t="s">
        <v>32879</v>
      </c>
      <c r="B5976" t="s">
        <v>32880</v>
      </c>
      <c r="C5976" t="s">
        <v>32881</v>
      </c>
      <c r="D5976" t="s">
        <v>32785</v>
      </c>
      <c r="E5976" t="s">
        <v>13</v>
      </c>
      <c r="F5976">
        <v>8106</v>
      </c>
      <c r="G5976" t="s">
        <v>32882</v>
      </c>
      <c r="H5976">
        <v>4.0441043653150004</v>
      </c>
      <c r="I5976">
        <v>51.647476307856003</v>
      </c>
      <c r="J5976" t="s">
        <v>61661</v>
      </c>
    </row>
    <row r="5977" spans="1:10" x14ac:dyDescent="0.25">
      <c r="A5977" t="s">
        <v>32875</v>
      </c>
      <c r="B5977" t="s">
        <v>32876</v>
      </c>
      <c r="C5977" t="s">
        <v>32877</v>
      </c>
      <c r="D5977" t="s">
        <v>32785</v>
      </c>
      <c r="E5977" t="s">
        <v>13</v>
      </c>
      <c r="F5977">
        <v>8105</v>
      </c>
      <c r="G5977" t="s">
        <v>32878</v>
      </c>
      <c r="H5977">
        <v>4.0400313412750002</v>
      </c>
      <c r="I5977">
        <v>51.674960628809004</v>
      </c>
      <c r="J5977" t="s">
        <v>61662</v>
      </c>
    </row>
    <row r="5978" spans="1:10" x14ac:dyDescent="0.25">
      <c r="A5978" t="s">
        <v>32871</v>
      </c>
      <c r="B5978" t="s">
        <v>32872</v>
      </c>
      <c r="C5978" t="s">
        <v>32873</v>
      </c>
      <c r="D5978" t="s">
        <v>32785</v>
      </c>
      <c r="E5978" t="s">
        <v>13</v>
      </c>
      <c r="F5978">
        <v>8104</v>
      </c>
      <c r="G5978" t="s">
        <v>32874</v>
      </c>
      <c r="H5978">
        <v>4.0330944323719997</v>
      </c>
      <c r="I5978">
        <v>51.67583320584</v>
      </c>
      <c r="J5978" t="s">
        <v>61663</v>
      </c>
    </row>
    <row r="5979" spans="1:10" x14ac:dyDescent="0.25">
      <c r="A5979" t="s">
        <v>32867</v>
      </c>
      <c r="B5979" t="s">
        <v>32868</v>
      </c>
      <c r="C5979" t="s">
        <v>32869</v>
      </c>
      <c r="D5979" t="s">
        <v>32785</v>
      </c>
      <c r="E5979" t="s">
        <v>13</v>
      </c>
      <c r="F5979">
        <v>8103</v>
      </c>
      <c r="G5979" t="s">
        <v>32870</v>
      </c>
      <c r="H5979">
        <v>4.0354449011989999</v>
      </c>
      <c r="I5979">
        <v>51.650479225749002</v>
      </c>
      <c r="J5979" t="s">
        <v>61664</v>
      </c>
    </row>
    <row r="5980" spans="1:10" x14ac:dyDescent="0.25">
      <c r="A5980" t="s">
        <v>32863</v>
      </c>
      <c r="B5980" t="s">
        <v>32864</v>
      </c>
      <c r="C5980" t="s">
        <v>32865</v>
      </c>
      <c r="D5980" t="s">
        <v>32785</v>
      </c>
      <c r="E5980" t="s">
        <v>13</v>
      </c>
      <c r="F5980">
        <v>8102</v>
      </c>
      <c r="G5980" t="s">
        <v>32866</v>
      </c>
      <c r="H5980">
        <v>3.9927994289790001</v>
      </c>
      <c r="I5980">
        <v>51.656298236661002</v>
      </c>
      <c r="J5980" t="s">
        <v>61665</v>
      </c>
    </row>
    <row r="5981" spans="1:10" x14ac:dyDescent="0.25">
      <c r="A5981" t="s">
        <v>32859</v>
      </c>
      <c r="B5981" t="s">
        <v>32860</v>
      </c>
      <c r="C5981" t="s">
        <v>32861</v>
      </c>
      <c r="D5981" t="s">
        <v>32785</v>
      </c>
      <c r="E5981" t="s">
        <v>13</v>
      </c>
      <c r="F5981">
        <v>8101</v>
      </c>
      <c r="G5981" t="s">
        <v>32862</v>
      </c>
      <c r="H5981">
        <v>4.0004656289879996</v>
      </c>
      <c r="I5981">
        <v>51.649063057924998</v>
      </c>
      <c r="J5981" t="s">
        <v>61666</v>
      </c>
    </row>
    <row r="5982" spans="1:10" x14ac:dyDescent="0.25">
      <c r="A5982" t="s">
        <v>32855</v>
      </c>
      <c r="B5982" t="s">
        <v>32856</v>
      </c>
      <c r="C5982" t="s">
        <v>32857</v>
      </c>
      <c r="D5982" t="s">
        <v>32785</v>
      </c>
      <c r="E5982" t="s">
        <v>13</v>
      </c>
      <c r="F5982">
        <v>8100</v>
      </c>
      <c r="G5982" t="s">
        <v>32858</v>
      </c>
      <c r="H5982">
        <v>4.0771917174660004</v>
      </c>
      <c r="I5982">
        <v>51.646945751997002</v>
      </c>
      <c r="J5982" t="s">
        <v>61667</v>
      </c>
    </row>
    <row r="5983" spans="1:10" x14ac:dyDescent="0.25">
      <c r="A5983" t="s">
        <v>32852</v>
      </c>
      <c r="B5983" t="s">
        <v>32853</v>
      </c>
      <c r="C5983" t="s">
        <v>23448</v>
      </c>
      <c r="D5983" t="s">
        <v>32785</v>
      </c>
      <c r="E5983" t="s">
        <v>13</v>
      </c>
      <c r="F5983">
        <v>8099</v>
      </c>
      <c r="G5983" t="s">
        <v>32854</v>
      </c>
      <c r="H5983">
        <v>4.1238382356610002</v>
      </c>
      <c r="I5983">
        <v>51.666322689300003</v>
      </c>
      <c r="J5983" t="s">
        <v>61668</v>
      </c>
    </row>
    <row r="5984" spans="1:10" x14ac:dyDescent="0.25">
      <c r="A5984" t="s">
        <v>32848</v>
      </c>
      <c r="B5984" t="s">
        <v>32849</v>
      </c>
      <c r="C5984" t="s">
        <v>32850</v>
      </c>
      <c r="D5984" t="s">
        <v>32785</v>
      </c>
      <c r="E5984" t="s">
        <v>13</v>
      </c>
      <c r="F5984">
        <v>8098</v>
      </c>
      <c r="G5984" t="s">
        <v>32851</v>
      </c>
      <c r="H5984">
        <v>4.0943167473860003</v>
      </c>
      <c r="I5984">
        <v>51.661267680281</v>
      </c>
      <c r="J5984" t="s">
        <v>61669</v>
      </c>
    </row>
    <row r="5985" spans="1:10" x14ac:dyDescent="0.25">
      <c r="A5985" t="s">
        <v>32844</v>
      </c>
      <c r="B5985" t="s">
        <v>32845</v>
      </c>
      <c r="C5985" t="s">
        <v>32846</v>
      </c>
      <c r="D5985" t="s">
        <v>32785</v>
      </c>
      <c r="E5985" t="s">
        <v>13</v>
      </c>
      <c r="F5985">
        <v>8097</v>
      </c>
      <c r="G5985" t="s">
        <v>32847</v>
      </c>
      <c r="H5985">
        <v>3.9419418338610002</v>
      </c>
      <c r="I5985">
        <v>51.686518309279997</v>
      </c>
      <c r="J5985" t="s">
        <v>61670</v>
      </c>
    </row>
    <row r="5986" spans="1:10" x14ac:dyDescent="0.25">
      <c r="A5986" t="s">
        <v>32840</v>
      </c>
      <c r="B5986" t="s">
        <v>32841</v>
      </c>
      <c r="C5986" t="s">
        <v>32842</v>
      </c>
      <c r="D5986" t="s">
        <v>32785</v>
      </c>
      <c r="E5986" t="s">
        <v>13</v>
      </c>
      <c r="F5986">
        <v>8096</v>
      </c>
      <c r="G5986" t="s">
        <v>32843</v>
      </c>
      <c r="H5986">
        <v>3.940531448577</v>
      </c>
      <c r="I5986">
        <v>51.678920936554</v>
      </c>
      <c r="J5986" t="s">
        <v>61671</v>
      </c>
    </row>
    <row r="5987" spans="1:10" x14ac:dyDescent="0.25">
      <c r="A5987" t="s">
        <v>32836</v>
      </c>
      <c r="B5987" t="s">
        <v>32837</v>
      </c>
      <c r="C5987" t="s">
        <v>32838</v>
      </c>
      <c r="D5987" t="s">
        <v>32785</v>
      </c>
      <c r="E5987" t="s">
        <v>13</v>
      </c>
      <c r="F5987">
        <v>8095</v>
      </c>
      <c r="G5987" t="s">
        <v>32839</v>
      </c>
      <c r="H5987">
        <v>3.934464847324</v>
      </c>
      <c r="I5987">
        <v>51.692819741210997</v>
      </c>
      <c r="J5987" t="s">
        <v>61672</v>
      </c>
    </row>
    <row r="5988" spans="1:10" x14ac:dyDescent="0.25">
      <c r="A5988" t="s">
        <v>32832</v>
      </c>
      <c r="B5988" t="s">
        <v>32833</v>
      </c>
      <c r="C5988" t="s">
        <v>32834</v>
      </c>
      <c r="D5988" t="s">
        <v>32785</v>
      </c>
      <c r="E5988" t="s">
        <v>13</v>
      </c>
      <c r="F5988">
        <v>8094</v>
      </c>
      <c r="G5988" t="s">
        <v>32835</v>
      </c>
      <c r="H5988">
        <v>3.986740856235</v>
      </c>
      <c r="I5988">
        <v>51.692599547368999</v>
      </c>
      <c r="J5988" t="s">
        <v>61673</v>
      </c>
    </row>
    <row r="5989" spans="1:10" x14ac:dyDescent="0.25">
      <c r="A5989" t="s">
        <v>32828</v>
      </c>
      <c r="B5989" t="s">
        <v>32829</v>
      </c>
      <c r="C5989" t="s">
        <v>32830</v>
      </c>
      <c r="D5989" t="s">
        <v>32785</v>
      </c>
      <c r="E5989" t="s">
        <v>13</v>
      </c>
      <c r="F5989">
        <v>8093</v>
      </c>
      <c r="G5989" t="s">
        <v>32831</v>
      </c>
      <c r="H5989">
        <v>3.9834678378469999</v>
      </c>
      <c r="I5989">
        <v>51.688213785347997</v>
      </c>
      <c r="J5989" t="s">
        <v>61674</v>
      </c>
    </row>
    <row r="5990" spans="1:10" x14ac:dyDescent="0.25">
      <c r="A5990" t="s">
        <v>32824</v>
      </c>
      <c r="B5990" t="s">
        <v>32825</v>
      </c>
      <c r="C5990" t="s">
        <v>32826</v>
      </c>
      <c r="D5990" t="s">
        <v>32785</v>
      </c>
      <c r="E5990" t="s">
        <v>13</v>
      </c>
      <c r="F5990">
        <v>8092</v>
      </c>
      <c r="G5990" t="s">
        <v>32827</v>
      </c>
      <c r="H5990">
        <v>3.9568335284609999</v>
      </c>
      <c r="I5990">
        <v>51.723214302582001</v>
      </c>
      <c r="J5990" t="s">
        <v>61675</v>
      </c>
    </row>
    <row r="5991" spans="1:10" x14ac:dyDescent="0.25">
      <c r="A5991" t="s">
        <v>32820</v>
      </c>
      <c r="B5991" t="s">
        <v>32821</v>
      </c>
      <c r="C5991" t="s">
        <v>32822</v>
      </c>
      <c r="D5991" t="s">
        <v>32785</v>
      </c>
      <c r="E5991" t="s">
        <v>13</v>
      </c>
      <c r="F5991">
        <v>8091</v>
      </c>
      <c r="G5991" t="s">
        <v>32823</v>
      </c>
      <c r="H5991">
        <v>3.9506968274530001</v>
      </c>
      <c r="I5991">
        <v>51.713164301070002</v>
      </c>
      <c r="J5991" t="s">
        <v>61676</v>
      </c>
    </row>
    <row r="5992" spans="1:10" x14ac:dyDescent="0.25">
      <c r="A5992" t="s">
        <v>32816</v>
      </c>
      <c r="B5992" t="s">
        <v>32817</v>
      </c>
      <c r="C5992" t="s">
        <v>32818</v>
      </c>
      <c r="D5992" t="s">
        <v>32785</v>
      </c>
      <c r="E5992" t="s">
        <v>13</v>
      </c>
      <c r="F5992">
        <v>8090</v>
      </c>
      <c r="G5992" t="s">
        <v>32819</v>
      </c>
      <c r="H5992">
        <v>3.9012584259760001</v>
      </c>
      <c r="I5992">
        <v>51.730156937312003</v>
      </c>
      <c r="J5992" t="s">
        <v>61677</v>
      </c>
    </row>
    <row r="5993" spans="1:10" x14ac:dyDescent="0.25">
      <c r="A5993" t="s">
        <v>32812</v>
      </c>
      <c r="B5993" t="s">
        <v>32813</v>
      </c>
      <c r="C5993" t="s">
        <v>32814</v>
      </c>
      <c r="D5993" t="s">
        <v>32785</v>
      </c>
      <c r="E5993" t="s">
        <v>13</v>
      </c>
      <c r="F5993">
        <v>8089</v>
      </c>
      <c r="G5993" t="s">
        <v>32815</v>
      </c>
      <c r="H5993">
        <v>3.912042458872</v>
      </c>
      <c r="I5993">
        <v>51.724774625819002</v>
      </c>
      <c r="J5993" t="s">
        <v>61678</v>
      </c>
    </row>
    <row r="5994" spans="1:10" x14ac:dyDescent="0.25">
      <c r="A5994" t="s">
        <v>32809</v>
      </c>
      <c r="B5994" t="s">
        <v>32810</v>
      </c>
      <c r="C5994" t="s">
        <v>23460</v>
      </c>
      <c r="D5994" t="s">
        <v>32785</v>
      </c>
      <c r="E5994" t="s">
        <v>13</v>
      </c>
      <c r="F5994">
        <v>8088</v>
      </c>
      <c r="G5994" t="s">
        <v>32811</v>
      </c>
      <c r="H5994">
        <v>3.951946422767</v>
      </c>
      <c r="I5994">
        <v>51.653375748574</v>
      </c>
      <c r="J5994" t="s">
        <v>61679</v>
      </c>
    </row>
    <row r="5995" spans="1:10" x14ac:dyDescent="0.25">
      <c r="A5995" t="s">
        <v>32806</v>
      </c>
      <c r="B5995" t="s">
        <v>32807</v>
      </c>
      <c r="C5995" t="s">
        <v>24819</v>
      </c>
      <c r="D5995" t="s">
        <v>32785</v>
      </c>
      <c r="E5995" t="s">
        <v>13</v>
      </c>
      <c r="F5995">
        <v>8087</v>
      </c>
      <c r="G5995" t="s">
        <v>32808</v>
      </c>
      <c r="H5995">
        <v>3.9212387607129999</v>
      </c>
      <c r="I5995">
        <v>51.636681061227002</v>
      </c>
      <c r="J5995" t="s">
        <v>61680</v>
      </c>
    </row>
    <row r="5996" spans="1:10" x14ac:dyDescent="0.25">
      <c r="A5996" t="s">
        <v>32802</v>
      </c>
      <c r="B5996" t="s">
        <v>32803</v>
      </c>
      <c r="C5996" t="s">
        <v>32804</v>
      </c>
      <c r="D5996" t="s">
        <v>32785</v>
      </c>
      <c r="E5996" t="s">
        <v>13</v>
      </c>
      <c r="F5996">
        <v>8086</v>
      </c>
      <c r="G5996" t="s">
        <v>32805</v>
      </c>
      <c r="H5996">
        <v>3.908035947698</v>
      </c>
      <c r="I5996">
        <v>51.660488822337001</v>
      </c>
      <c r="J5996" t="s">
        <v>61681</v>
      </c>
    </row>
    <row r="5997" spans="1:10" x14ac:dyDescent="0.25">
      <c r="A5997" t="s">
        <v>32798</v>
      </c>
      <c r="B5997" t="s">
        <v>32799</v>
      </c>
      <c r="C5997" t="s">
        <v>32800</v>
      </c>
      <c r="D5997" t="s">
        <v>32785</v>
      </c>
      <c r="E5997" t="s">
        <v>13</v>
      </c>
      <c r="F5997">
        <v>8085</v>
      </c>
      <c r="G5997" t="s">
        <v>32801</v>
      </c>
      <c r="H5997">
        <v>3.9291043673830002</v>
      </c>
      <c r="I5997">
        <v>51.656125624520001</v>
      </c>
      <c r="J5997" t="s">
        <v>61682</v>
      </c>
    </row>
    <row r="5998" spans="1:10" x14ac:dyDescent="0.25">
      <c r="A5998" t="s">
        <v>32795</v>
      </c>
      <c r="B5998" t="s">
        <v>32796</v>
      </c>
      <c r="C5998" t="s">
        <v>24045</v>
      </c>
      <c r="D5998" t="s">
        <v>32785</v>
      </c>
      <c r="E5998" t="s">
        <v>13</v>
      </c>
      <c r="F5998">
        <v>8084</v>
      </c>
      <c r="G5998" t="s">
        <v>32797</v>
      </c>
      <c r="H5998">
        <v>3.92227901023</v>
      </c>
      <c r="I5998">
        <v>51.643923126014997</v>
      </c>
      <c r="J5998" t="s">
        <v>61683</v>
      </c>
    </row>
    <row r="5999" spans="1:10" x14ac:dyDescent="0.25">
      <c r="A5999" t="s">
        <v>32791</v>
      </c>
      <c r="B5999" t="s">
        <v>32792</v>
      </c>
      <c r="C5999" t="s">
        <v>32793</v>
      </c>
      <c r="D5999" t="s">
        <v>32785</v>
      </c>
      <c r="E5999" t="s">
        <v>13</v>
      </c>
      <c r="F5999">
        <v>8083</v>
      </c>
      <c r="G5999" t="s">
        <v>32794</v>
      </c>
      <c r="H5999">
        <v>3.9053869782569999</v>
      </c>
      <c r="I5999">
        <v>51.648561660125999</v>
      </c>
      <c r="J5999" t="s">
        <v>61684</v>
      </c>
    </row>
    <row r="6000" spans="1:10" x14ac:dyDescent="0.25">
      <c r="A6000" t="s">
        <v>32787</v>
      </c>
      <c r="B6000" t="s">
        <v>32788</v>
      </c>
      <c r="C6000" t="s">
        <v>32789</v>
      </c>
      <c r="D6000" t="s">
        <v>32785</v>
      </c>
      <c r="E6000" t="s">
        <v>13</v>
      </c>
      <c r="F6000">
        <v>8082</v>
      </c>
      <c r="G6000" t="s">
        <v>32790</v>
      </c>
      <c r="H6000">
        <v>3.9296276832360002</v>
      </c>
      <c r="I6000">
        <v>51.650883895181998</v>
      </c>
      <c r="J6000" t="s">
        <v>61685</v>
      </c>
    </row>
    <row r="6001" spans="1:10" x14ac:dyDescent="0.25">
      <c r="A6001" t="s">
        <v>32782</v>
      </c>
      <c r="B6001" t="s">
        <v>32783</v>
      </c>
      <c r="C6001" t="s">
        <v>32784</v>
      </c>
      <c r="D6001" t="s">
        <v>32785</v>
      </c>
      <c r="E6001" t="s">
        <v>13</v>
      </c>
      <c r="F6001">
        <v>8081</v>
      </c>
      <c r="G6001" t="s">
        <v>32786</v>
      </c>
      <c r="H6001">
        <v>3.918638549013</v>
      </c>
      <c r="I6001">
        <v>51.650320720109001</v>
      </c>
      <c r="J6001" t="s">
        <v>61686</v>
      </c>
    </row>
    <row r="6002" spans="1:10" x14ac:dyDescent="0.25">
      <c r="A6002" t="s">
        <v>32778</v>
      </c>
      <c r="B6002" t="s">
        <v>32779</v>
      </c>
      <c r="C6002" t="s">
        <v>32780</v>
      </c>
      <c r="D6002" t="s">
        <v>32688</v>
      </c>
      <c r="E6002" t="s">
        <v>13</v>
      </c>
      <c r="F6002">
        <v>8080</v>
      </c>
      <c r="G6002" t="s">
        <v>32781</v>
      </c>
      <c r="H6002">
        <v>6.1052633866579997</v>
      </c>
      <c r="I6002">
        <v>51.145873312067998</v>
      </c>
      <c r="J6002" t="s">
        <v>61687</v>
      </c>
    </row>
    <row r="6003" spans="1:10" x14ac:dyDescent="0.25">
      <c r="A6003" t="s">
        <v>32774</v>
      </c>
      <c r="B6003" t="s">
        <v>32775</v>
      </c>
      <c r="C6003" t="s">
        <v>32776</v>
      </c>
      <c r="D6003" t="s">
        <v>32688</v>
      </c>
      <c r="E6003" t="s">
        <v>13</v>
      </c>
      <c r="F6003">
        <v>8079</v>
      </c>
      <c r="G6003" t="s">
        <v>32777</v>
      </c>
      <c r="H6003">
        <v>6.1545244148749996</v>
      </c>
      <c r="I6003">
        <v>51.156562610199003</v>
      </c>
      <c r="J6003" t="s">
        <v>61688</v>
      </c>
    </row>
    <row r="6004" spans="1:10" x14ac:dyDescent="0.25">
      <c r="A6004" t="s">
        <v>32770</v>
      </c>
      <c r="B6004" t="s">
        <v>32771</v>
      </c>
      <c r="C6004" t="s">
        <v>32772</v>
      </c>
      <c r="D6004" t="s">
        <v>32688</v>
      </c>
      <c r="E6004" t="s">
        <v>13</v>
      </c>
      <c r="F6004">
        <v>8078</v>
      </c>
      <c r="G6004" t="s">
        <v>32773</v>
      </c>
      <c r="H6004">
        <v>6.1499837452610002</v>
      </c>
      <c r="I6004">
        <v>51.151342764045999</v>
      </c>
      <c r="J6004" t="s">
        <v>61689</v>
      </c>
    </row>
    <row r="6005" spans="1:10" x14ac:dyDescent="0.25">
      <c r="A6005" t="s">
        <v>32766</v>
      </c>
      <c r="B6005" t="s">
        <v>32767</v>
      </c>
      <c r="C6005" t="s">
        <v>32768</v>
      </c>
      <c r="D6005" t="s">
        <v>32688</v>
      </c>
      <c r="E6005" t="s">
        <v>13</v>
      </c>
      <c r="F6005">
        <v>8077</v>
      </c>
      <c r="G6005" t="s">
        <v>32769</v>
      </c>
      <c r="H6005">
        <v>6.1151895952770001</v>
      </c>
      <c r="I6005">
        <v>51.140764845941</v>
      </c>
      <c r="J6005" t="s">
        <v>61690</v>
      </c>
    </row>
    <row r="6006" spans="1:10" x14ac:dyDescent="0.25">
      <c r="A6006" t="s">
        <v>32762</v>
      </c>
      <c r="B6006" t="s">
        <v>32763</v>
      </c>
      <c r="C6006" t="s">
        <v>32764</v>
      </c>
      <c r="D6006" t="s">
        <v>32688</v>
      </c>
      <c r="E6006" t="s">
        <v>13</v>
      </c>
      <c r="F6006">
        <v>8076</v>
      </c>
      <c r="G6006" t="s">
        <v>32765</v>
      </c>
      <c r="H6006">
        <v>6.0946161964080003</v>
      </c>
      <c r="I6006">
        <v>51.137995846430996</v>
      </c>
      <c r="J6006" t="s">
        <v>61691</v>
      </c>
    </row>
    <row r="6007" spans="1:10" x14ac:dyDescent="0.25">
      <c r="A6007" t="s">
        <v>32758</v>
      </c>
      <c r="B6007" t="s">
        <v>32759</v>
      </c>
      <c r="C6007" t="s">
        <v>32760</v>
      </c>
      <c r="D6007" t="s">
        <v>32688</v>
      </c>
      <c r="E6007" t="s">
        <v>13</v>
      </c>
      <c r="F6007">
        <v>8075</v>
      </c>
      <c r="G6007" t="s">
        <v>32761</v>
      </c>
      <c r="H6007">
        <v>6.073787753525</v>
      </c>
      <c r="I6007">
        <v>51.132893049076998</v>
      </c>
      <c r="J6007" t="s">
        <v>61692</v>
      </c>
    </row>
    <row r="6008" spans="1:10" x14ac:dyDescent="0.25">
      <c r="A6008" t="s">
        <v>32754</v>
      </c>
      <c r="B6008" t="s">
        <v>32755</v>
      </c>
      <c r="C6008" t="s">
        <v>32756</v>
      </c>
      <c r="D6008" t="s">
        <v>32688</v>
      </c>
      <c r="E6008" t="s">
        <v>13</v>
      </c>
      <c r="F6008">
        <v>8074</v>
      </c>
      <c r="G6008" t="s">
        <v>32757</v>
      </c>
      <c r="H6008">
        <v>6.102418428409</v>
      </c>
      <c r="I6008">
        <v>51.169082876879997</v>
      </c>
      <c r="J6008" t="s">
        <v>61693</v>
      </c>
    </row>
    <row r="6009" spans="1:10" x14ac:dyDescent="0.25">
      <c r="A6009" t="s">
        <v>32750</v>
      </c>
      <c r="B6009" t="s">
        <v>32751</v>
      </c>
      <c r="C6009" t="s">
        <v>32752</v>
      </c>
      <c r="D6009" t="s">
        <v>32688</v>
      </c>
      <c r="E6009" t="s">
        <v>13</v>
      </c>
      <c r="F6009">
        <v>8073</v>
      </c>
      <c r="G6009" t="s">
        <v>32753</v>
      </c>
      <c r="H6009">
        <v>6.0957285117889999</v>
      </c>
      <c r="I6009">
        <v>51.158558510208998</v>
      </c>
      <c r="J6009" t="s">
        <v>61694</v>
      </c>
    </row>
    <row r="6010" spans="1:10" x14ac:dyDescent="0.25">
      <c r="A6010" t="s">
        <v>32746</v>
      </c>
      <c r="B6010" t="s">
        <v>32747</v>
      </c>
      <c r="C6010" t="s">
        <v>32748</v>
      </c>
      <c r="D6010" t="s">
        <v>32688</v>
      </c>
      <c r="E6010" t="s">
        <v>13</v>
      </c>
      <c r="F6010">
        <v>8072</v>
      </c>
      <c r="G6010" t="s">
        <v>32749</v>
      </c>
      <c r="H6010">
        <v>6.0671964477160003</v>
      </c>
      <c r="I6010">
        <v>51.167438400754001</v>
      </c>
      <c r="J6010" t="s">
        <v>61695</v>
      </c>
    </row>
    <row r="6011" spans="1:10" x14ac:dyDescent="0.25">
      <c r="A6011" t="s">
        <v>32742</v>
      </c>
      <c r="B6011" t="s">
        <v>32743</v>
      </c>
      <c r="C6011" t="s">
        <v>32744</v>
      </c>
      <c r="D6011" t="s">
        <v>32688</v>
      </c>
      <c r="E6011" t="s">
        <v>13</v>
      </c>
      <c r="F6011">
        <v>8071</v>
      </c>
      <c r="G6011" t="s">
        <v>32745</v>
      </c>
      <c r="H6011">
        <v>6.0665075404040003</v>
      </c>
      <c r="I6011">
        <v>51.154639966566997</v>
      </c>
      <c r="J6011" t="s">
        <v>61696</v>
      </c>
    </row>
    <row r="6012" spans="1:10" x14ac:dyDescent="0.25">
      <c r="A6012" t="s">
        <v>32738</v>
      </c>
      <c r="B6012" t="s">
        <v>32739</v>
      </c>
      <c r="C6012" t="s">
        <v>32740</v>
      </c>
      <c r="D6012" t="s">
        <v>32688</v>
      </c>
      <c r="E6012" t="s">
        <v>13</v>
      </c>
      <c r="F6012">
        <v>8070</v>
      </c>
      <c r="G6012" t="s">
        <v>32741</v>
      </c>
      <c r="H6012">
        <v>6.0344129537900004</v>
      </c>
      <c r="I6012">
        <v>51.120616376275002</v>
      </c>
      <c r="J6012" t="s">
        <v>61697</v>
      </c>
    </row>
    <row r="6013" spans="1:10" x14ac:dyDescent="0.25">
      <c r="A6013" t="s">
        <v>32734</v>
      </c>
      <c r="B6013" t="s">
        <v>32735</v>
      </c>
      <c r="C6013" t="s">
        <v>32736</v>
      </c>
      <c r="D6013" t="s">
        <v>32688</v>
      </c>
      <c r="E6013" t="s">
        <v>13</v>
      </c>
      <c r="F6013">
        <v>8069</v>
      </c>
      <c r="G6013" t="s">
        <v>32737</v>
      </c>
      <c r="H6013">
        <v>6.0531055176470003</v>
      </c>
      <c r="I6013">
        <v>51.113933349557001</v>
      </c>
      <c r="J6013" t="s">
        <v>61698</v>
      </c>
    </row>
    <row r="6014" spans="1:10" x14ac:dyDescent="0.25">
      <c r="A6014" t="s">
        <v>32730</v>
      </c>
      <c r="B6014" t="s">
        <v>32731</v>
      </c>
      <c r="C6014" t="s">
        <v>32732</v>
      </c>
      <c r="D6014" t="s">
        <v>32688</v>
      </c>
      <c r="E6014" t="s">
        <v>13</v>
      </c>
      <c r="F6014">
        <v>8068</v>
      </c>
      <c r="G6014" t="s">
        <v>32733</v>
      </c>
      <c r="H6014">
        <v>6.0330315380970001</v>
      </c>
      <c r="I6014">
        <v>51.105933359931001</v>
      </c>
      <c r="J6014" t="s">
        <v>61699</v>
      </c>
    </row>
    <row r="6015" spans="1:10" x14ac:dyDescent="0.25">
      <c r="A6015" t="s">
        <v>32726</v>
      </c>
      <c r="B6015" t="s">
        <v>32727</v>
      </c>
      <c r="C6015" t="s">
        <v>32728</v>
      </c>
      <c r="D6015" t="s">
        <v>32688</v>
      </c>
      <c r="E6015" t="s">
        <v>13</v>
      </c>
      <c r="F6015">
        <v>8067</v>
      </c>
      <c r="G6015" t="s">
        <v>32729</v>
      </c>
      <c r="H6015">
        <v>6.0405882140539999</v>
      </c>
      <c r="I6015">
        <v>51.135300392837003</v>
      </c>
      <c r="J6015" t="s">
        <v>61700</v>
      </c>
    </row>
    <row r="6016" spans="1:10" x14ac:dyDescent="0.25">
      <c r="A6016" t="s">
        <v>32722</v>
      </c>
      <c r="B6016" t="s">
        <v>32723</v>
      </c>
      <c r="C6016" t="s">
        <v>32724</v>
      </c>
      <c r="D6016" t="s">
        <v>32688</v>
      </c>
      <c r="E6016" t="s">
        <v>13</v>
      </c>
      <c r="F6016">
        <v>8066</v>
      </c>
      <c r="G6016" t="s">
        <v>32725</v>
      </c>
      <c r="H6016">
        <v>6.0325533061709997</v>
      </c>
      <c r="I6016">
        <v>51.122943049581998</v>
      </c>
      <c r="J6016" t="s">
        <v>61701</v>
      </c>
    </row>
    <row r="6017" spans="1:10" x14ac:dyDescent="0.25">
      <c r="A6017" t="s">
        <v>32718</v>
      </c>
      <c r="B6017" t="s">
        <v>32719</v>
      </c>
      <c r="C6017" t="s">
        <v>32720</v>
      </c>
      <c r="D6017" t="s">
        <v>32688</v>
      </c>
      <c r="E6017" t="s">
        <v>13</v>
      </c>
      <c r="F6017">
        <v>8065</v>
      </c>
      <c r="G6017" t="s">
        <v>32721</v>
      </c>
      <c r="H6017">
        <v>6.0207997803610001</v>
      </c>
      <c r="I6017">
        <v>51.154356179606999</v>
      </c>
      <c r="J6017" t="s">
        <v>61702</v>
      </c>
    </row>
    <row r="6018" spans="1:10" x14ac:dyDescent="0.25">
      <c r="A6018" t="s">
        <v>32714</v>
      </c>
      <c r="B6018" t="s">
        <v>32715</v>
      </c>
      <c r="C6018" t="s">
        <v>32716</v>
      </c>
      <c r="D6018" t="s">
        <v>32688</v>
      </c>
      <c r="E6018" t="s">
        <v>13</v>
      </c>
      <c r="F6018">
        <v>8064</v>
      </c>
      <c r="G6018" t="s">
        <v>32717</v>
      </c>
      <c r="H6018">
        <v>6.01776625768</v>
      </c>
      <c r="I6018">
        <v>51.159647941172999</v>
      </c>
      <c r="J6018" t="s">
        <v>61703</v>
      </c>
    </row>
    <row r="6019" spans="1:10" x14ac:dyDescent="0.25">
      <c r="A6019" t="s">
        <v>32710</v>
      </c>
      <c r="B6019" t="s">
        <v>32711</v>
      </c>
      <c r="C6019" t="s">
        <v>32712</v>
      </c>
      <c r="D6019" t="s">
        <v>32688</v>
      </c>
      <c r="E6019" t="s">
        <v>13</v>
      </c>
      <c r="F6019">
        <v>8063</v>
      </c>
      <c r="G6019" t="s">
        <v>32713</v>
      </c>
      <c r="H6019">
        <v>5.9873902219420003</v>
      </c>
      <c r="I6019">
        <v>51.146362922438001</v>
      </c>
      <c r="J6019" t="s">
        <v>61704</v>
      </c>
    </row>
    <row r="6020" spans="1:10" x14ac:dyDescent="0.25">
      <c r="A6020" t="s">
        <v>32706</v>
      </c>
      <c r="B6020" t="s">
        <v>32707</v>
      </c>
      <c r="C6020" t="s">
        <v>32708</v>
      </c>
      <c r="D6020" t="s">
        <v>32688</v>
      </c>
      <c r="E6020" t="s">
        <v>13</v>
      </c>
      <c r="F6020">
        <v>8062</v>
      </c>
      <c r="G6020" t="s">
        <v>32709</v>
      </c>
      <c r="H6020">
        <v>6.0371547962119996</v>
      </c>
      <c r="I6020">
        <v>51.142472485515</v>
      </c>
      <c r="J6020" t="s">
        <v>61705</v>
      </c>
    </row>
    <row r="6021" spans="1:10" x14ac:dyDescent="0.25">
      <c r="A6021" t="s">
        <v>32702</v>
      </c>
      <c r="B6021" t="s">
        <v>32703</v>
      </c>
      <c r="C6021" t="s">
        <v>32704</v>
      </c>
      <c r="D6021" t="s">
        <v>32688</v>
      </c>
      <c r="E6021" t="s">
        <v>13</v>
      </c>
      <c r="F6021">
        <v>8061</v>
      </c>
      <c r="G6021" t="s">
        <v>32705</v>
      </c>
      <c r="H6021">
        <v>6.0078596159249997</v>
      </c>
      <c r="I6021">
        <v>51.128615335768998</v>
      </c>
      <c r="J6021" t="s">
        <v>61706</v>
      </c>
    </row>
    <row r="6022" spans="1:10" x14ac:dyDescent="0.25">
      <c r="A6022" t="s">
        <v>32698</v>
      </c>
      <c r="B6022" t="s">
        <v>32699</v>
      </c>
      <c r="C6022" t="s">
        <v>32700</v>
      </c>
      <c r="D6022" t="s">
        <v>32688</v>
      </c>
      <c r="E6022" t="s">
        <v>13</v>
      </c>
      <c r="F6022">
        <v>8060</v>
      </c>
      <c r="G6022" t="s">
        <v>32701</v>
      </c>
      <c r="H6022">
        <v>5.9895721154170003</v>
      </c>
      <c r="I6022">
        <v>51.167263805418003</v>
      </c>
      <c r="J6022" t="s">
        <v>61707</v>
      </c>
    </row>
    <row r="6023" spans="1:10" x14ac:dyDescent="0.25">
      <c r="A6023" t="s">
        <v>32694</v>
      </c>
      <c r="B6023" t="s">
        <v>32695</v>
      </c>
      <c r="C6023" t="s">
        <v>32696</v>
      </c>
      <c r="D6023" t="s">
        <v>32688</v>
      </c>
      <c r="E6023" t="s">
        <v>13</v>
      </c>
      <c r="F6023">
        <v>8059</v>
      </c>
      <c r="G6023" t="s">
        <v>32697</v>
      </c>
      <c r="H6023">
        <v>6.0002879778080001</v>
      </c>
      <c r="I6023">
        <v>51.142279130402002</v>
      </c>
      <c r="J6023" t="s">
        <v>61708</v>
      </c>
    </row>
    <row r="6024" spans="1:10" x14ac:dyDescent="0.25">
      <c r="A6024" t="s">
        <v>32690</v>
      </c>
      <c r="B6024" t="s">
        <v>32691</v>
      </c>
      <c r="C6024" t="s">
        <v>32692</v>
      </c>
      <c r="D6024" t="s">
        <v>32688</v>
      </c>
      <c r="E6024" t="s">
        <v>13</v>
      </c>
      <c r="F6024">
        <v>8058</v>
      </c>
      <c r="G6024" t="s">
        <v>32693</v>
      </c>
      <c r="H6024">
        <v>5.9465999637989997</v>
      </c>
      <c r="I6024">
        <v>51.128532871429002</v>
      </c>
      <c r="J6024" t="s">
        <v>61709</v>
      </c>
    </row>
    <row r="6025" spans="1:10" x14ac:dyDescent="0.25">
      <c r="A6025" t="s">
        <v>32685</v>
      </c>
      <c r="B6025" t="s">
        <v>32686</v>
      </c>
      <c r="C6025" t="s">
        <v>32687</v>
      </c>
      <c r="D6025" t="s">
        <v>32688</v>
      </c>
      <c r="E6025" t="s">
        <v>13</v>
      </c>
      <c r="F6025">
        <v>8057</v>
      </c>
      <c r="G6025" t="s">
        <v>32689</v>
      </c>
      <c r="H6025">
        <v>5.9470990539670003</v>
      </c>
      <c r="I6025">
        <v>51.127904407985</v>
      </c>
      <c r="J6025" t="s">
        <v>61710</v>
      </c>
    </row>
    <row r="6026" spans="1:10" x14ac:dyDescent="0.25">
      <c r="A6026" t="s">
        <v>32681</v>
      </c>
      <c r="B6026" t="s">
        <v>32682</v>
      </c>
      <c r="C6026" t="s">
        <v>32683</v>
      </c>
      <c r="D6026" t="s">
        <v>32643</v>
      </c>
      <c r="E6026" t="s">
        <v>13</v>
      </c>
      <c r="F6026">
        <v>8056</v>
      </c>
      <c r="G6026" t="s">
        <v>32684</v>
      </c>
      <c r="H6026">
        <v>5.1783249024869997</v>
      </c>
      <c r="I6026">
        <v>51.388019733451998</v>
      </c>
      <c r="J6026" t="s">
        <v>61711</v>
      </c>
    </row>
    <row r="6027" spans="1:10" x14ac:dyDescent="0.25">
      <c r="A6027" t="s">
        <v>32677</v>
      </c>
      <c r="B6027" t="s">
        <v>32678</v>
      </c>
      <c r="C6027" t="s">
        <v>32679</v>
      </c>
      <c r="D6027" t="s">
        <v>32643</v>
      </c>
      <c r="E6027" t="s">
        <v>13</v>
      </c>
      <c r="F6027">
        <v>8055</v>
      </c>
      <c r="G6027" t="s">
        <v>32680</v>
      </c>
      <c r="H6027">
        <v>5.1770547874270001</v>
      </c>
      <c r="I6027">
        <v>51.388496068183002</v>
      </c>
      <c r="J6027" t="s">
        <v>61712</v>
      </c>
    </row>
    <row r="6028" spans="1:10" x14ac:dyDescent="0.25">
      <c r="A6028" t="s">
        <v>32673</v>
      </c>
      <c r="B6028" t="s">
        <v>32674</v>
      </c>
      <c r="C6028" t="s">
        <v>32675</v>
      </c>
      <c r="D6028" t="s">
        <v>32643</v>
      </c>
      <c r="E6028" t="s">
        <v>13</v>
      </c>
      <c r="F6028">
        <v>8054</v>
      </c>
      <c r="G6028" t="s">
        <v>32676</v>
      </c>
      <c r="H6028">
        <v>5.1513441890960001</v>
      </c>
      <c r="I6028">
        <v>51.414777068531997</v>
      </c>
      <c r="J6028" t="s">
        <v>61713</v>
      </c>
    </row>
    <row r="6029" spans="1:10" x14ac:dyDescent="0.25">
      <c r="A6029" t="s">
        <v>32669</v>
      </c>
      <c r="B6029" t="s">
        <v>32670</v>
      </c>
      <c r="C6029" t="s">
        <v>32671</v>
      </c>
      <c r="D6029" t="s">
        <v>32643</v>
      </c>
      <c r="E6029" t="s">
        <v>13</v>
      </c>
      <c r="F6029">
        <v>8053</v>
      </c>
      <c r="G6029" t="s">
        <v>32672</v>
      </c>
      <c r="H6029">
        <v>5.1486184303140003</v>
      </c>
      <c r="I6029">
        <v>51.404103454800001</v>
      </c>
      <c r="J6029" t="s">
        <v>61714</v>
      </c>
    </row>
    <row r="6030" spans="1:10" x14ac:dyDescent="0.25">
      <c r="A6030" t="s">
        <v>32665</v>
      </c>
      <c r="B6030" t="s">
        <v>32666</v>
      </c>
      <c r="C6030" t="s">
        <v>32667</v>
      </c>
      <c r="D6030" t="s">
        <v>32643</v>
      </c>
      <c r="E6030" t="s">
        <v>13</v>
      </c>
      <c r="F6030">
        <v>8052</v>
      </c>
      <c r="G6030" t="s">
        <v>32668</v>
      </c>
      <c r="H6030">
        <v>5.1123166492249998</v>
      </c>
      <c r="I6030">
        <v>51.390423997813002</v>
      </c>
      <c r="J6030" t="s">
        <v>61715</v>
      </c>
    </row>
    <row r="6031" spans="1:10" x14ac:dyDescent="0.25">
      <c r="A6031" t="s">
        <v>32661</v>
      </c>
      <c r="B6031" t="s">
        <v>32662</v>
      </c>
      <c r="C6031" t="s">
        <v>32663</v>
      </c>
      <c r="D6031" t="s">
        <v>32643</v>
      </c>
      <c r="E6031" t="s">
        <v>13</v>
      </c>
      <c r="F6031">
        <v>8051</v>
      </c>
      <c r="G6031" t="s">
        <v>32664</v>
      </c>
      <c r="H6031">
        <v>5.1281481184280002</v>
      </c>
      <c r="I6031">
        <v>51.386561816238</v>
      </c>
      <c r="J6031" t="s">
        <v>61716</v>
      </c>
    </row>
    <row r="6032" spans="1:10" x14ac:dyDescent="0.25">
      <c r="A6032" t="s">
        <v>32657</v>
      </c>
      <c r="B6032" t="s">
        <v>32658</v>
      </c>
      <c r="C6032" t="s">
        <v>32659</v>
      </c>
      <c r="D6032" t="s">
        <v>32643</v>
      </c>
      <c r="E6032" t="s">
        <v>13</v>
      </c>
      <c r="F6032">
        <v>8050</v>
      </c>
      <c r="G6032" t="s">
        <v>32660</v>
      </c>
      <c r="H6032">
        <v>5.1669180282029998</v>
      </c>
      <c r="I6032">
        <v>51.332598821220003</v>
      </c>
      <c r="J6032" t="s">
        <v>61717</v>
      </c>
    </row>
    <row r="6033" spans="1:10" x14ac:dyDescent="0.25">
      <c r="A6033" t="s">
        <v>32653</v>
      </c>
      <c r="B6033" t="s">
        <v>32654</v>
      </c>
      <c r="C6033" t="s">
        <v>32655</v>
      </c>
      <c r="D6033" t="s">
        <v>32643</v>
      </c>
      <c r="E6033" t="s">
        <v>13</v>
      </c>
      <c r="F6033">
        <v>8049</v>
      </c>
      <c r="G6033" t="s">
        <v>32656</v>
      </c>
      <c r="H6033">
        <v>5.1547419190669999</v>
      </c>
      <c r="I6033">
        <v>51.366836533220003</v>
      </c>
      <c r="J6033" t="s">
        <v>61718</v>
      </c>
    </row>
    <row r="6034" spans="1:10" x14ac:dyDescent="0.25">
      <c r="A6034" t="s">
        <v>32649</v>
      </c>
      <c r="B6034" t="s">
        <v>32650</v>
      </c>
      <c r="C6034" t="s">
        <v>32651</v>
      </c>
      <c r="D6034" t="s">
        <v>32643</v>
      </c>
      <c r="E6034" t="s">
        <v>13</v>
      </c>
      <c r="F6034">
        <v>8048</v>
      </c>
      <c r="G6034" t="s">
        <v>32652</v>
      </c>
      <c r="H6034">
        <v>5.1454990606640001</v>
      </c>
      <c r="I6034">
        <v>51.355637175543002</v>
      </c>
      <c r="J6034" t="s">
        <v>61719</v>
      </c>
    </row>
    <row r="6035" spans="1:10" x14ac:dyDescent="0.25">
      <c r="A6035" t="s">
        <v>32645</v>
      </c>
      <c r="B6035" t="s">
        <v>32646</v>
      </c>
      <c r="C6035" t="s">
        <v>32647</v>
      </c>
      <c r="D6035" t="s">
        <v>32643</v>
      </c>
      <c r="E6035" t="s">
        <v>13</v>
      </c>
      <c r="F6035">
        <v>8047</v>
      </c>
      <c r="G6035" t="s">
        <v>32648</v>
      </c>
      <c r="H6035">
        <v>5.1663848294800001</v>
      </c>
      <c r="I6035">
        <v>51.352045860809</v>
      </c>
      <c r="J6035" t="s">
        <v>61720</v>
      </c>
    </row>
    <row r="6036" spans="1:10" x14ac:dyDescent="0.25">
      <c r="A6036" t="s">
        <v>32640</v>
      </c>
      <c r="B6036" t="s">
        <v>32641</v>
      </c>
      <c r="C6036" t="s">
        <v>32642</v>
      </c>
      <c r="D6036" t="s">
        <v>32643</v>
      </c>
      <c r="E6036" t="s">
        <v>13</v>
      </c>
      <c r="F6036">
        <v>8046</v>
      </c>
      <c r="G6036" t="s">
        <v>32644</v>
      </c>
      <c r="H6036">
        <v>5.1638616390310004</v>
      </c>
      <c r="I6036">
        <v>51.361974777157997</v>
      </c>
      <c r="J6036" t="s">
        <v>61721</v>
      </c>
    </row>
    <row r="6037" spans="1:10" x14ac:dyDescent="0.25">
      <c r="A6037" t="s">
        <v>32636</v>
      </c>
      <c r="B6037" t="s">
        <v>32637</v>
      </c>
      <c r="C6037" t="s">
        <v>32638</v>
      </c>
      <c r="D6037" t="s">
        <v>32582</v>
      </c>
      <c r="E6037" t="s">
        <v>13</v>
      </c>
      <c r="F6037">
        <v>8045</v>
      </c>
      <c r="G6037" t="s">
        <v>32639</v>
      </c>
      <c r="H6037">
        <v>5.5703858054359996</v>
      </c>
      <c r="I6037">
        <v>51.545145729048002</v>
      </c>
      <c r="J6037" t="s">
        <v>61722</v>
      </c>
    </row>
    <row r="6038" spans="1:10" x14ac:dyDescent="0.25">
      <c r="A6038" t="s">
        <v>32632</v>
      </c>
      <c r="B6038" t="s">
        <v>32633</v>
      </c>
      <c r="C6038" t="s">
        <v>32634</v>
      </c>
      <c r="D6038" t="s">
        <v>32582</v>
      </c>
      <c r="E6038" t="s">
        <v>13</v>
      </c>
      <c r="F6038">
        <v>8044</v>
      </c>
      <c r="G6038" t="s">
        <v>32635</v>
      </c>
      <c r="H6038">
        <v>5.5704107352719996</v>
      </c>
      <c r="I6038">
        <v>51.540082171305997</v>
      </c>
      <c r="J6038" t="s">
        <v>61723</v>
      </c>
    </row>
    <row r="6039" spans="1:10" x14ac:dyDescent="0.25">
      <c r="A6039" t="s">
        <v>32628</v>
      </c>
      <c r="B6039" t="s">
        <v>32629</v>
      </c>
      <c r="C6039" t="s">
        <v>32630</v>
      </c>
      <c r="D6039" t="s">
        <v>32582</v>
      </c>
      <c r="E6039" t="s">
        <v>13</v>
      </c>
      <c r="F6039">
        <v>8043</v>
      </c>
      <c r="G6039" t="s">
        <v>32631</v>
      </c>
      <c r="H6039">
        <v>5.5859732725760001</v>
      </c>
      <c r="I6039">
        <v>51.516791771040999</v>
      </c>
      <c r="J6039" t="s">
        <v>61724</v>
      </c>
    </row>
    <row r="6040" spans="1:10" x14ac:dyDescent="0.25">
      <c r="A6040" t="s">
        <v>32624</v>
      </c>
      <c r="B6040" t="s">
        <v>32625</v>
      </c>
      <c r="C6040" t="s">
        <v>32626</v>
      </c>
      <c r="D6040" t="s">
        <v>32582</v>
      </c>
      <c r="E6040" t="s">
        <v>13</v>
      </c>
      <c r="F6040">
        <v>8042</v>
      </c>
      <c r="G6040" t="s">
        <v>32627</v>
      </c>
      <c r="H6040">
        <v>5.607162212465</v>
      </c>
      <c r="I6040">
        <v>51.517150630105</v>
      </c>
      <c r="J6040" t="s">
        <v>61725</v>
      </c>
    </row>
    <row r="6041" spans="1:10" x14ac:dyDescent="0.25">
      <c r="A6041" t="s">
        <v>32620</v>
      </c>
      <c r="B6041" t="s">
        <v>32621</v>
      </c>
      <c r="C6041" t="s">
        <v>32622</v>
      </c>
      <c r="D6041" t="s">
        <v>32582</v>
      </c>
      <c r="E6041" t="s">
        <v>13</v>
      </c>
      <c r="F6041">
        <v>8041</v>
      </c>
      <c r="G6041" t="s">
        <v>32623</v>
      </c>
      <c r="H6041">
        <v>5.5928166468620004</v>
      </c>
      <c r="I6041">
        <v>51.519301557654003</v>
      </c>
      <c r="J6041" t="s">
        <v>61726</v>
      </c>
    </row>
    <row r="6042" spans="1:10" x14ac:dyDescent="0.25">
      <c r="A6042" t="s">
        <v>32616</v>
      </c>
      <c r="B6042" t="s">
        <v>32617</v>
      </c>
      <c r="C6042" t="s">
        <v>32618</v>
      </c>
      <c r="D6042" t="s">
        <v>32582</v>
      </c>
      <c r="E6042" t="s">
        <v>13</v>
      </c>
      <c r="F6042">
        <v>8040</v>
      </c>
      <c r="G6042" t="s">
        <v>32619</v>
      </c>
      <c r="H6042">
        <v>5.6660103066609997</v>
      </c>
      <c r="I6042">
        <v>51.518281045168997</v>
      </c>
      <c r="J6042" t="s">
        <v>61727</v>
      </c>
    </row>
    <row r="6043" spans="1:10" x14ac:dyDescent="0.25">
      <c r="A6043" t="s">
        <v>32612</v>
      </c>
      <c r="B6043" t="s">
        <v>32613</v>
      </c>
      <c r="C6043" t="s">
        <v>32614</v>
      </c>
      <c r="D6043" t="s">
        <v>32582</v>
      </c>
      <c r="E6043" t="s">
        <v>13</v>
      </c>
      <c r="F6043">
        <v>8039</v>
      </c>
      <c r="G6043" t="s">
        <v>32615</v>
      </c>
      <c r="H6043">
        <v>5.625199571694</v>
      </c>
      <c r="I6043">
        <v>51.507875630598001</v>
      </c>
      <c r="J6043" t="s">
        <v>61728</v>
      </c>
    </row>
    <row r="6044" spans="1:10" x14ac:dyDescent="0.25">
      <c r="A6044" t="s">
        <v>32608</v>
      </c>
      <c r="B6044" t="s">
        <v>32609</v>
      </c>
      <c r="C6044" t="s">
        <v>32610</v>
      </c>
      <c r="D6044" t="s">
        <v>32582</v>
      </c>
      <c r="E6044" t="s">
        <v>13</v>
      </c>
      <c r="F6044">
        <v>8038</v>
      </c>
      <c r="G6044" t="s">
        <v>32611</v>
      </c>
      <c r="H6044">
        <v>5.6468918671899999</v>
      </c>
      <c r="I6044">
        <v>51.505577984425003</v>
      </c>
      <c r="J6044" t="s">
        <v>61729</v>
      </c>
    </row>
    <row r="6045" spans="1:10" x14ac:dyDescent="0.25">
      <c r="A6045" t="s">
        <v>32604</v>
      </c>
      <c r="B6045" t="s">
        <v>32605</v>
      </c>
      <c r="C6045" t="s">
        <v>32606</v>
      </c>
      <c r="D6045" t="s">
        <v>32582</v>
      </c>
      <c r="E6045" t="s">
        <v>13</v>
      </c>
      <c r="F6045">
        <v>8037</v>
      </c>
      <c r="G6045" t="s">
        <v>32607</v>
      </c>
      <c r="H6045">
        <v>5.6302448952380004</v>
      </c>
      <c r="I6045">
        <v>51.510607843414</v>
      </c>
      <c r="J6045" t="s">
        <v>61730</v>
      </c>
    </row>
    <row r="6046" spans="1:10" x14ac:dyDescent="0.25">
      <c r="A6046" t="s">
        <v>32600</v>
      </c>
      <c r="B6046" t="s">
        <v>32601</v>
      </c>
      <c r="C6046" t="s">
        <v>32602</v>
      </c>
      <c r="D6046" t="s">
        <v>32582</v>
      </c>
      <c r="E6046" t="s">
        <v>13</v>
      </c>
      <c r="F6046">
        <v>8036</v>
      </c>
      <c r="G6046" t="s">
        <v>32603</v>
      </c>
      <c r="H6046">
        <v>5.6404987296440003</v>
      </c>
      <c r="I6046">
        <v>51.511025899082</v>
      </c>
      <c r="J6046" t="s">
        <v>61731</v>
      </c>
    </row>
    <row r="6047" spans="1:10" x14ac:dyDescent="0.25">
      <c r="A6047" t="s">
        <v>32596</v>
      </c>
      <c r="B6047" t="s">
        <v>32597</v>
      </c>
      <c r="C6047" t="s">
        <v>32598</v>
      </c>
      <c r="D6047" t="s">
        <v>32582</v>
      </c>
      <c r="E6047" t="s">
        <v>13</v>
      </c>
      <c r="F6047">
        <v>8035</v>
      </c>
      <c r="G6047" t="s">
        <v>32599</v>
      </c>
      <c r="H6047">
        <v>5.6331812592809998</v>
      </c>
      <c r="I6047">
        <v>51.545128811399003</v>
      </c>
      <c r="J6047" t="s">
        <v>61732</v>
      </c>
    </row>
    <row r="6048" spans="1:10" x14ac:dyDescent="0.25">
      <c r="A6048" t="s">
        <v>32592</v>
      </c>
      <c r="B6048" t="s">
        <v>32593</v>
      </c>
      <c r="C6048" t="s">
        <v>32594</v>
      </c>
      <c r="D6048" t="s">
        <v>32582</v>
      </c>
      <c r="E6048" t="s">
        <v>13</v>
      </c>
      <c r="F6048">
        <v>8034</v>
      </c>
      <c r="G6048" t="s">
        <v>32595</v>
      </c>
      <c r="H6048">
        <v>5.6328129222990002</v>
      </c>
      <c r="I6048">
        <v>51.545049095233999</v>
      </c>
      <c r="J6048" t="s">
        <v>61733</v>
      </c>
    </row>
    <row r="6049" spans="1:10" x14ac:dyDescent="0.25">
      <c r="A6049" t="s">
        <v>32588</v>
      </c>
      <c r="B6049" t="s">
        <v>32589</v>
      </c>
      <c r="C6049" t="s">
        <v>32590</v>
      </c>
      <c r="D6049" t="s">
        <v>32582</v>
      </c>
      <c r="E6049" t="s">
        <v>13</v>
      </c>
      <c r="F6049">
        <v>8033</v>
      </c>
      <c r="G6049" t="s">
        <v>32591</v>
      </c>
      <c r="H6049">
        <v>5.6425220948100003</v>
      </c>
      <c r="I6049">
        <v>51.523362421088002</v>
      </c>
      <c r="J6049" t="s">
        <v>61734</v>
      </c>
    </row>
    <row r="6050" spans="1:10" x14ac:dyDescent="0.25">
      <c r="A6050" t="s">
        <v>32584</v>
      </c>
      <c r="B6050" t="s">
        <v>32585</v>
      </c>
      <c r="C6050" t="s">
        <v>32586</v>
      </c>
      <c r="D6050" t="s">
        <v>32582</v>
      </c>
      <c r="E6050" t="s">
        <v>13</v>
      </c>
      <c r="F6050">
        <v>8032</v>
      </c>
      <c r="G6050" t="s">
        <v>32587</v>
      </c>
      <c r="H6050">
        <v>5.6265685468819999</v>
      </c>
      <c r="I6050">
        <v>51.539299703274999</v>
      </c>
      <c r="J6050" t="s">
        <v>61735</v>
      </c>
    </row>
    <row r="6051" spans="1:10" x14ac:dyDescent="0.25">
      <c r="A6051" t="s">
        <v>32580</v>
      </c>
      <c r="B6051" t="s">
        <v>32581</v>
      </c>
      <c r="C6051" t="s">
        <v>29280</v>
      </c>
      <c r="D6051" t="s">
        <v>32582</v>
      </c>
      <c r="E6051" t="s">
        <v>13</v>
      </c>
      <c r="F6051">
        <v>8031</v>
      </c>
      <c r="G6051" t="s">
        <v>32583</v>
      </c>
      <c r="H6051">
        <v>5.6291892539899999</v>
      </c>
      <c r="I6051">
        <v>51.529239718943998</v>
      </c>
      <c r="J6051" t="s">
        <v>61736</v>
      </c>
    </row>
    <row r="6052" spans="1:10" x14ac:dyDescent="0.25">
      <c r="A6052" t="s">
        <v>32576</v>
      </c>
      <c r="B6052" t="s">
        <v>32577</v>
      </c>
      <c r="C6052" t="s">
        <v>32578</v>
      </c>
      <c r="D6052" t="s">
        <v>32534</v>
      </c>
      <c r="E6052" t="s">
        <v>13</v>
      </c>
      <c r="F6052">
        <v>8030</v>
      </c>
      <c r="G6052" t="s">
        <v>32579</v>
      </c>
      <c r="H6052">
        <v>5.6299837528159999</v>
      </c>
      <c r="I6052">
        <v>51.361191984245004</v>
      </c>
      <c r="J6052" t="s">
        <v>61737</v>
      </c>
    </row>
    <row r="6053" spans="1:10" x14ac:dyDescent="0.25">
      <c r="A6053" t="s">
        <v>32572</v>
      </c>
      <c r="B6053" t="s">
        <v>32573</v>
      </c>
      <c r="C6053" t="s">
        <v>32574</v>
      </c>
      <c r="D6053" t="s">
        <v>32534</v>
      </c>
      <c r="E6053" t="s">
        <v>13</v>
      </c>
      <c r="F6053">
        <v>8029</v>
      </c>
      <c r="G6053" t="s">
        <v>32575</v>
      </c>
      <c r="H6053">
        <v>5.612636375848</v>
      </c>
      <c r="I6053">
        <v>51.337975008946998</v>
      </c>
      <c r="J6053" t="s">
        <v>61738</v>
      </c>
    </row>
    <row r="6054" spans="1:10" x14ac:dyDescent="0.25">
      <c r="A6054" t="s">
        <v>32568</v>
      </c>
      <c r="B6054" t="s">
        <v>32569</v>
      </c>
      <c r="C6054" t="s">
        <v>32570</v>
      </c>
      <c r="D6054" t="s">
        <v>32534</v>
      </c>
      <c r="E6054" t="s">
        <v>13</v>
      </c>
      <c r="F6054">
        <v>8028</v>
      </c>
      <c r="G6054" t="s">
        <v>32571</v>
      </c>
      <c r="H6054">
        <v>5.6069190221799996</v>
      </c>
      <c r="I6054">
        <v>51.351068247215998</v>
      </c>
      <c r="J6054" t="s">
        <v>61739</v>
      </c>
    </row>
    <row r="6055" spans="1:10" x14ac:dyDescent="0.25">
      <c r="A6055" t="s">
        <v>32564</v>
      </c>
      <c r="B6055" t="s">
        <v>32565</v>
      </c>
      <c r="C6055" t="s">
        <v>32566</v>
      </c>
      <c r="D6055" t="s">
        <v>32534</v>
      </c>
      <c r="E6055" t="s">
        <v>13</v>
      </c>
      <c r="F6055">
        <v>8027</v>
      </c>
      <c r="G6055" t="s">
        <v>32567</v>
      </c>
      <c r="H6055">
        <v>5.5439023482409997</v>
      </c>
      <c r="I6055">
        <v>51.321484988388001</v>
      </c>
      <c r="J6055" t="s">
        <v>61740</v>
      </c>
    </row>
    <row r="6056" spans="1:10" x14ac:dyDescent="0.25">
      <c r="A6056" t="s">
        <v>32560</v>
      </c>
      <c r="B6056" t="s">
        <v>32561</v>
      </c>
      <c r="C6056" t="s">
        <v>32562</v>
      </c>
      <c r="D6056" t="s">
        <v>32534</v>
      </c>
      <c r="E6056" t="s">
        <v>13</v>
      </c>
      <c r="F6056">
        <v>8026</v>
      </c>
      <c r="G6056" t="s">
        <v>32563</v>
      </c>
      <c r="H6056">
        <v>5.5392942055900001</v>
      </c>
      <c r="I6056">
        <v>51.334201953745001</v>
      </c>
      <c r="J6056" t="s">
        <v>61741</v>
      </c>
    </row>
    <row r="6057" spans="1:10" x14ac:dyDescent="0.25">
      <c r="A6057" t="s">
        <v>32556</v>
      </c>
      <c r="B6057" t="s">
        <v>32557</v>
      </c>
      <c r="C6057" t="s">
        <v>32558</v>
      </c>
      <c r="D6057" t="s">
        <v>32534</v>
      </c>
      <c r="E6057" t="s">
        <v>13</v>
      </c>
      <c r="F6057">
        <v>8025</v>
      </c>
      <c r="G6057" t="s">
        <v>32559</v>
      </c>
      <c r="H6057">
        <v>5.5746726516180001</v>
      </c>
      <c r="I6057">
        <v>51.338205261374</v>
      </c>
      <c r="J6057" t="s">
        <v>61742</v>
      </c>
    </row>
    <row r="6058" spans="1:10" x14ac:dyDescent="0.25">
      <c r="A6058" t="s">
        <v>32552</v>
      </c>
      <c r="B6058" t="s">
        <v>32553</v>
      </c>
      <c r="C6058" t="s">
        <v>32554</v>
      </c>
      <c r="D6058" t="s">
        <v>32534</v>
      </c>
      <c r="E6058" t="s">
        <v>13</v>
      </c>
      <c r="F6058">
        <v>8024</v>
      </c>
      <c r="G6058" t="s">
        <v>32555</v>
      </c>
      <c r="H6058">
        <v>5.5117293448959996</v>
      </c>
      <c r="I6058">
        <v>51.330403608806002</v>
      </c>
      <c r="J6058" t="s">
        <v>61743</v>
      </c>
    </row>
    <row r="6059" spans="1:10" x14ac:dyDescent="0.25">
      <c r="A6059" t="s">
        <v>32548</v>
      </c>
      <c r="B6059" t="s">
        <v>32549</v>
      </c>
      <c r="C6059" t="s">
        <v>32550</v>
      </c>
      <c r="D6059" t="s">
        <v>32534</v>
      </c>
      <c r="E6059" t="s">
        <v>13</v>
      </c>
      <c r="F6059">
        <v>8023</v>
      </c>
      <c r="G6059" t="s">
        <v>32551</v>
      </c>
      <c r="H6059">
        <v>5.5387020179400004</v>
      </c>
      <c r="I6059">
        <v>51.358223203159</v>
      </c>
      <c r="J6059" t="s">
        <v>61744</v>
      </c>
    </row>
    <row r="6060" spans="1:10" x14ac:dyDescent="0.25">
      <c r="A6060" t="s">
        <v>32544</v>
      </c>
      <c r="B6060" t="s">
        <v>32545</v>
      </c>
      <c r="C6060" t="s">
        <v>32546</v>
      </c>
      <c r="D6060" t="s">
        <v>32534</v>
      </c>
      <c r="E6060" t="s">
        <v>13</v>
      </c>
      <c r="F6060">
        <v>8022</v>
      </c>
      <c r="G6060" t="s">
        <v>32547</v>
      </c>
      <c r="H6060">
        <v>5.5559036109399997</v>
      </c>
      <c r="I6060">
        <v>51.352673092396003</v>
      </c>
      <c r="J6060" t="s">
        <v>61745</v>
      </c>
    </row>
    <row r="6061" spans="1:10" x14ac:dyDescent="0.25">
      <c r="A6061" t="s">
        <v>32540</v>
      </c>
      <c r="B6061" t="s">
        <v>32541</v>
      </c>
      <c r="C6061" t="s">
        <v>32542</v>
      </c>
      <c r="D6061" t="s">
        <v>32534</v>
      </c>
      <c r="E6061" t="s">
        <v>13</v>
      </c>
      <c r="F6061">
        <v>8021</v>
      </c>
      <c r="G6061" t="s">
        <v>32543</v>
      </c>
      <c r="H6061">
        <v>5.5769099715830004</v>
      </c>
      <c r="I6061">
        <v>51.388856759383998</v>
      </c>
      <c r="J6061" t="s">
        <v>61746</v>
      </c>
    </row>
    <row r="6062" spans="1:10" x14ac:dyDescent="0.25">
      <c r="A6062" t="s">
        <v>32536</v>
      </c>
      <c r="B6062" t="s">
        <v>32537</v>
      </c>
      <c r="C6062" t="s">
        <v>32538</v>
      </c>
      <c r="D6062" t="s">
        <v>32534</v>
      </c>
      <c r="E6062" t="s">
        <v>13</v>
      </c>
      <c r="F6062">
        <v>8020</v>
      </c>
      <c r="G6062" t="s">
        <v>32539</v>
      </c>
      <c r="H6062">
        <v>5.5840737309090001</v>
      </c>
      <c r="I6062">
        <v>51.368742842838998</v>
      </c>
      <c r="J6062" t="s">
        <v>61747</v>
      </c>
    </row>
    <row r="6063" spans="1:10" x14ac:dyDescent="0.25">
      <c r="A6063" t="s">
        <v>32531</v>
      </c>
      <c r="B6063" t="s">
        <v>32532</v>
      </c>
      <c r="C6063" t="s">
        <v>32533</v>
      </c>
      <c r="D6063" t="s">
        <v>32534</v>
      </c>
      <c r="E6063" t="s">
        <v>13</v>
      </c>
      <c r="F6063">
        <v>8019</v>
      </c>
      <c r="G6063" t="s">
        <v>32535</v>
      </c>
      <c r="H6063">
        <v>5.5727253380040001</v>
      </c>
      <c r="I6063">
        <v>51.382661831027001</v>
      </c>
      <c r="J6063" t="s">
        <v>61748</v>
      </c>
    </row>
    <row r="6064" spans="1:10" x14ac:dyDescent="0.25">
      <c r="A6064" t="s">
        <v>32527</v>
      </c>
      <c r="B6064" t="s">
        <v>32528</v>
      </c>
      <c r="C6064" t="s">
        <v>32529</v>
      </c>
      <c r="D6064" t="s">
        <v>32455</v>
      </c>
      <c r="E6064" t="s">
        <v>13</v>
      </c>
      <c r="F6064">
        <v>8018</v>
      </c>
      <c r="G6064" t="s">
        <v>32530</v>
      </c>
      <c r="H6064">
        <v>4.5490891826180002</v>
      </c>
      <c r="I6064">
        <v>51.562454748895</v>
      </c>
      <c r="J6064" t="s">
        <v>61749</v>
      </c>
    </row>
    <row r="6065" spans="1:10" x14ac:dyDescent="0.25">
      <c r="A6065" t="s">
        <v>32523</v>
      </c>
      <c r="B6065" t="s">
        <v>32524</v>
      </c>
      <c r="C6065" t="s">
        <v>32525</v>
      </c>
      <c r="D6065" t="s">
        <v>32455</v>
      </c>
      <c r="E6065" t="s">
        <v>13</v>
      </c>
      <c r="F6065">
        <v>8017</v>
      </c>
      <c r="G6065" t="s">
        <v>32526</v>
      </c>
      <c r="H6065">
        <v>4.542532254168</v>
      </c>
      <c r="I6065">
        <v>51.561452138827001</v>
      </c>
      <c r="J6065" t="s">
        <v>61750</v>
      </c>
    </row>
    <row r="6066" spans="1:10" x14ac:dyDescent="0.25">
      <c r="A6066" t="s">
        <v>32519</v>
      </c>
      <c r="B6066" t="s">
        <v>32520</v>
      </c>
      <c r="C6066" t="s">
        <v>32521</v>
      </c>
      <c r="D6066" t="s">
        <v>32455</v>
      </c>
      <c r="E6066" t="s">
        <v>13</v>
      </c>
      <c r="F6066">
        <v>8016</v>
      </c>
      <c r="G6066" t="s">
        <v>32522</v>
      </c>
      <c r="H6066">
        <v>4.5774758064589998</v>
      </c>
      <c r="I6066">
        <v>51.609531223982998</v>
      </c>
      <c r="J6066" t="s">
        <v>61751</v>
      </c>
    </row>
    <row r="6067" spans="1:10" x14ac:dyDescent="0.25">
      <c r="A6067" t="s">
        <v>32515</v>
      </c>
      <c r="B6067" t="s">
        <v>32516</v>
      </c>
      <c r="C6067" t="s">
        <v>32517</v>
      </c>
      <c r="D6067" t="s">
        <v>32455</v>
      </c>
      <c r="E6067" t="s">
        <v>13</v>
      </c>
      <c r="F6067">
        <v>8015</v>
      </c>
      <c r="G6067" t="s">
        <v>32518</v>
      </c>
      <c r="H6067">
        <v>4.5768294409130004</v>
      </c>
      <c r="I6067">
        <v>51.567168746617</v>
      </c>
      <c r="J6067" t="s">
        <v>61752</v>
      </c>
    </row>
    <row r="6068" spans="1:10" x14ac:dyDescent="0.25">
      <c r="A6068" t="s">
        <v>32512</v>
      </c>
      <c r="B6068" t="s">
        <v>32513</v>
      </c>
      <c r="C6068" t="s">
        <v>27443</v>
      </c>
      <c r="D6068" t="s">
        <v>32455</v>
      </c>
      <c r="E6068" t="s">
        <v>13</v>
      </c>
      <c r="F6068">
        <v>8014</v>
      </c>
      <c r="G6068" t="s">
        <v>32514</v>
      </c>
      <c r="H6068">
        <v>4.5651355232949999</v>
      </c>
      <c r="I6068">
        <v>51.589738072967002</v>
      </c>
      <c r="J6068" t="s">
        <v>61753</v>
      </c>
    </row>
    <row r="6069" spans="1:10" x14ac:dyDescent="0.25">
      <c r="A6069" t="s">
        <v>32508</v>
      </c>
      <c r="B6069" t="s">
        <v>32509</v>
      </c>
      <c r="C6069" t="s">
        <v>32510</v>
      </c>
      <c r="D6069" t="s">
        <v>32455</v>
      </c>
      <c r="E6069" t="s">
        <v>13</v>
      </c>
      <c r="F6069">
        <v>8013</v>
      </c>
      <c r="G6069" t="s">
        <v>32511</v>
      </c>
      <c r="H6069">
        <v>4.5643419320760001</v>
      </c>
      <c r="I6069">
        <v>51.578549860888998</v>
      </c>
      <c r="J6069" t="s">
        <v>61754</v>
      </c>
    </row>
    <row r="6070" spans="1:10" x14ac:dyDescent="0.25">
      <c r="A6070" t="s">
        <v>32505</v>
      </c>
      <c r="B6070" t="s">
        <v>32506</v>
      </c>
      <c r="C6070" t="s">
        <v>28680</v>
      </c>
      <c r="D6070" t="s">
        <v>32455</v>
      </c>
      <c r="E6070" t="s">
        <v>13</v>
      </c>
      <c r="F6070">
        <v>8012</v>
      </c>
      <c r="G6070" t="s">
        <v>32507</v>
      </c>
      <c r="H6070">
        <v>4.5866995846409999</v>
      </c>
      <c r="I6070">
        <v>51.582052091645998</v>
      </c>
      <c r="J6070" t="s">
        <v>61755</v>
      </c>
    </row>
    <row r="6071" spans="1:10" x14ac:dyDescent="0.25">
      <c r="A6071" t="s">
        <v>32501</v>
      </c>
      <c r="B6071" t="s">
        <v>32502</v>
      </c>
      <c r="C6071" t="s">
        <v>32503</v>
      </c>
      <c r="D6071" t="s">
        <v>32455</v>
      </c>
      <c r="E6071" t="s">
        <v>13</v>
      </c>
      <c r="F6071">
        <v>8011</v>
      </c>
      <c r="G6071" t="s">
        <v>32504</v>
      </c>
      <c r="H6071">
        <v>4.5348988301219997</v>
      </c>
      <c r="I6071">
        <v>51.576505006810002</v>
      </c>
      <c r="J6071" t="s">
        <v>61756</v>
      </c>
    </row>
    <row r="6072" spans="1:10" x14ac:dyDescent="0.25">
      <c r="A6072" t="s">
        <v>32497</v>
      </c>
      <c r="B6072" t="s">
        <v>32498</v>
      </c>
      <c r="C6072" t="s">
        <v>32499</v>
      </c>
      <c r="D6072" t="s">
        <v>32455</v>
      </c>
      <c r="E6072" t="s">
        <v>13</v>
      </c>
      <c r="F6072">
        <v>8010</v>
      </c>
      <c r="G6072" t="s">
        <v>32500</v>
      </c>
      <c r="H6072">
        <v>4.5349211373629998</v>
      </c>
      <c r="I6072">
        <v>51.604222166294001</v>
      </c>
      <c r="J6072" t="s">
        <v>61757</v>
      </c>
    </row>
    <row r="6073" spans="1:10" x14ac:dyDescent="0.25">
      <c r="A6073" t="s">
        <v>32493</v>
      </c>
      <c r="B6073" t="s">
        <v>32494</v>
      </c>
      <c r="C6073" t="s">
        <v>32495</v>
      </c>
      <c r="D6073" t="s">
        <v>32455</v>
      </c>
      <c r="E6073" t="s">
        <v>13</v>
      </c>
      <c r="F6073">
        <v>8009</v>
      </c>
      <c r="G6073" t="s">
        <v>32496</v>
      </c>
      <c r="H6073">
        <v>4.4993070888829996</v>
      </c>
      <c r="I6073">
        <v>51.581049629764003</v>
      </c>
      <c r="J6073" t="s">
        <v>61758</v>
      </c>
    </row>
    <row r="6074" spans="1:10" x14ac:dyDescent="0.25">
      <c r="A6074" t="s">
        <v>32489</v>
      </c>
      <c r="B6074" t="s">
        <v>32490</v>
      </c>
      <c r="C6074" t="s">
        <v>32491</v>
      </c>
      <c r="D6074" t="s">
        <v>32455</v>
      </c>
      <c r="E6074" t="s">
        <v>13</v>
      </c>
      <c r="F6074">
        <v>8008</v>
      </c>
      <c r="G6074" t="s">
        <v>32492</v>
      </c>
      <c r="H6074">
        <v>4.5344606341139997</v>
      </c>
      <c r="I6074">
        <v>51.582569950869001</v>
      </c>
      <c r="J6074" t="s">
        <v>61759</v>
      </c>
    </row>
    <row r="6075" spans="1:10" x14ac:dyDescent="0.25">
      <c r="A6075" t="s">
        <v>32485</v>
      </c>
      <c r="B6075" t="s">
        <v>32486</v>
      </c>
      <c r="C6075" t="s">
        <v>32487</v>
      </c>
      <c r="D6075" t="s">
        <v>32455</v>
      </c>
      <c r="E6075" t="s">
        <v>13</v>
      </c>
      <c r="F6075">
        <v>8007</v>
      </c>
      <c r="G6075" t="s">
        <v>32488</v>
      </c>
      <c r="H6075">
        <v>4.5210887901000003</v>
      </c>
      <c r="I6075">
        <v>51.587476681802997</v>
      </c>
      <c r="J6075" t="s">
        <v>61760</v>
      </c>
    </row>
    <row r="6076" spans="1:10" x14ac:dyDescent="0.25">
      <c r="A6076" t="s">
        <v>32481</v>
      </c>
      <c r="B6076" t="s">
        <v>32482</v>
      </c>
      <c r="C6076" t="s">
        <v>32483</v>
      </c>
      <c r="D6076" t="s">
        <v>32455</v>
      </c>
      <c r="E6076" t="s">
        <v>13</v>
      </c>
      <c r="F6076">
        <v>8006</v>
      </c>
      <c r="G6076" t="s">
        <v>32484</v>
      </c>
      <c r="H6076">
        <v>4.5500153983349998</v>
      </c>
      <c r="I6076">
        <v>51.592248034461001</v>
      </c>
      <c r="J6076" t="s">
        <v>61761</v>
      </c>
    </row>
    <row r="6077" spans="1:10" x14ac:dyDescent="0.25">
      <c r="A6077" t="s">
        <v>32477</v>
      </c>
      <c r="B6077" t="s">
        <v>32478</v>
      </c>
      <c r="C6077" t="s">
        <v>32479</v>
      </c>
      <c r="D6077" t="s">
        <v>32455</v>
      </c>
      <c r="E6077" t="s">
        <v>13</v>
      </c>
      <c r="F6077">
        <v>8005</v>
      </c>
      <c r="G6077" t="s">
        <v>32480</v>
      </c>
      <c r="H6077">
        <v>4.5423556308100004</v>
      </c>
      <c r="I6077">
        <v>51.587411175733997</v>
      </c>
      <c r="J6077" t="s">
        <v>61762</v>
      </c>
    </row>
    <row r="6078" spans="1:10" x14ac:dyDescent="0.25">
      <c r="A6078" t="s">
        <v>32473</v>
      </c>
      <c r="B6078" t="s">
        <v>32474</v>
      </c>
      <c r="C6078" t="s">
        <v>32475</v>
      </c>
      <c r="D6078" t="s">
        <v>32455</v>
      </c>
      <c r="E6078" t="s">
        <v>13</v>
      </c>
      <c r="F6078">
        <v>8004</v>
      </c>
      <c r="G6078" t="s">
        <v>32476</v>
      </c>
      <c r="H6078">
        <v>4.5288113139219996</v>
      </c>
      <c r="I6078">
        <v>51.591193347118001</v>
      </c>
      <c r="J6078" t="s">
        <v>61763</v>
      </c>
    </row>
    <row r="6079" spans="1:10" x14ac:dyDescent="0.25">
      <c r="A6079" t="s">
        <v>32469</v>
      </c>
      <c r="B6079" t="s">
        <v>32470</v>
      </c>
      <c r="C6079" t="s">
        <v>32471</v>
      </c>
      <c r="D6079" t="s">
        <v>32455</v>
      </c>
      <c r="E6079" t="s">
        <v>13</v>
      </c>
      <c r="F6079">
        <v>8003</v>
      </c>
      <c r="G6079" t="s">
        <v>32472</v>
      </c>
      <c r="H6079">
        <v>4.4444823731909997</v>
      </c>
      <c r="I6079">
        <v>51.602788987967998</v>
      </c>
      <c r="J6079" t="s">
        <v>61764</v>
      </c>
    </row>
    <row r="6080" spans="1:10" x14ac:dyDescent="0.25">
      <c r="A6080" t="s">
        <v>32465</v>
      </c>
      <c r="B6080" t="s">
        <v>32466</v>
      </c>
      <c r="C6080" t="s">
        <v>32467</v>
      </c>
      <c r="D6080" t="s">
        <v>32455</v>
      </c>
      <c r="E6080" t="s">
        <v>13</v>
      </c>
      <c r="F6080">
        <v>8002</v>
      </c>
      <c r="G6080" t="s">
        <v>32468</v>
      </c>
      <c r="H6080">
        <v>4.4418486432169999</v>
      </c>
      <c r="I6080">
        <v>51.611811590781997</v>
      </c>
      <c r="J6080" t="s">
        <v>61765</v>
      </c>
    </row>
    <row r="6081" spans="1:10" x14ac:dyDescent="0.25">
      <c r="A6081" t="s">
        <v>32461</v>
      </c>
      <c r="B6081" t="s">
        <v>32462</v>
      </c>
      <c r="C6081" t="s">
        <v>32463</v>
      </c>
      <c r="D6081" t="s">
        <v>32455</v>
      </c>
      <c r="E6081" t="s">
        <v>13</v>
      </c>
      <c r="F6081">
        <v>8001</v>
      </c>
      <c r="G6081" t="s">
        <v>32464</v>
      </c>
      <c r="H6081">
        <v>4.4688571703009998</v>
      </c>
      <c r="I6081">
        <v>51.590261002487999</v>
      </c>
      <c r="J6081" t="s">
        <v>61766</v>
      </c>
    </row>
    <row r="6082" spans="1:10" x14ac:dyDescent="0.25">
      <c r="A6082" t="s">
        <v>32457</v>
      </c>
      <c r="B6082" t="s">
        <v>32458</v>
      </c>
      <c r="C6082" t="s">
        <v>32459</v>
      </c>
      <c r="D6082" t="s">
        <v>32455</v>
      </c>
      <c r="E6082" t="s">
        <v>13</v>
      </c>
      <c r="F6082">
        <v>8000</v>
      </c>
      <c r="G6082" t="s">
        <v>32460</v>
      </c>
      <c r="H6082">
        <v>4.4721988071399998</v>
      </c>
      <c r="I6082">
        <v>51.597403942417003</v>
      </c>
      <c r="J6082" t="s">
        <v>61767</v>
      </c>
    </row>
    <row r="6083" spans="1:10" x14ac:dyDescent="0.25">
      <c r="A6083" t="s">
        <v>32452</v>
      </c>
      <c r="B6083" t="s">
        <v>32453</v>
      </c>
      <c r="C6083" t="s">
        <v>32454</v>
      </c>
      <c r="D6083" t="s">
        <v>32455</v>
      </c>
      <c r="E6083" t="s">
        <v>13</v>
      </c>
      <c r="F6083">
        <v>7999</v>
      </c>
      <c r="G6083" t="s">
        <v>32456</v>
      </c>
      <c r="H6083">
        <v>4.4579293176909998</v>
      </c>
      <c r="I6083">
        <v>51.587557134817999</v>
      </c>
      <c r="J6083" t="s">
        <v>61768</v>
      </c>
    </row>
    <row r="6084" spans="1:10" x14ac:dyDescent="0.25">
      <c r="A6084" t="s">
        <v>32448</v>
      </c>
      <c r="B6084" t="s">
        <v>32449</v>
      </c>
      <c r="C6084" t="s">
        <v>32450</v>
      </c>
      <c r="D6084" t="s">
        <v>32358</v>
      </c>
      <c r="E6084" t="s">
        <v>13</v>
      </c>
      <c r="F6084">
        <v>7998</v>
      </c>
      <c r="G6084" t="s">
        <v>32451</v>
      </c>
      <c r="H6084">
        <v>5.8077667876149999</v>
      </c>
      <c r="I6084">
        <v>51.542013655334003</v>
      </c>
      <c r="J6084" t="s">
        <v>61769</v>
      </c>
    </row>
    <row r="6085" spans="1:10" x14ac:dyDescent="0.25">
      <c r="A6085" t="s">
        <v>32444</v>
      </c>
      <c r="B6085" t="s">
        <v>32445</v>
      </c>
      <c r="C6085" t="s">
        <v>32446</v>
      </c>
      <c r="D6085" t="s">
        <v>32358</v>
      </c>
      <c r="E6085" t="s">
        <v>13</v>
      </c>
      <c r="F6085">
        <v>7997</v>
      </c>
      <c r="G6085" t="s">
        <v>32447</v>
      </c>
      <c r="H6085">
        <v>5.8116980967299998</v>
      </c>
      <c r="I6085">
        <v>51.550500282218998</v>
      </c>
      <c r="J6085" t="s">
        <v>61770</v>
      </c>
    </row>
    <row r="6086" spans="1:10" x14ac:dyDescent="0.25">
      <c r="A6086" t="s">
        <v>32440</v>
      </c>
      <c r="B6086" t="s">
        <v>32441</v>
      </c>
      <c r="C6086" t="s">
        <v>32442</v>
      </c>
      <c r="D6086" t="s">
        <v>32358</v>
      </c>
      <c r="E6086" t="s">
        <v>13</v>
      </c>
      <c r="F6086">
        <v>7996</v>
      </c>
      <c r="G6086" t="s">
        <v>32443</v>
      </c>
      <c r="H6086">
        <v>5.7728310560249998</v>
      </c>
      <c r="I6086">
        <v>51.509546711924003</v>
      </c>
      <c r="J6086" t="s">
        <v>61771</v>
      </c>
    </row>
    <row r="6087" spans="1:10" x14ac:dyDescent="0.25">
      <c r="A6087" t="s">
        <v>32436</v>
      </c>
      <c r="B6087" t="s">
        <v>32437</v>
      </c>
      <c r="C6087" t="s">
        <v>32438</v>
      </c>
      <c r="D6087" t="s">
        <v>32358</v>
      </c>
      <c r="E6087" t="s">
        <v>13</v>
      </c>
      <c r="F6087">
        <v>7995</v>
      </c>
      <c r="G6087" t="s">
        <v>32439</v>
      </c>
      <c r="H6087">
        <v>5.8195925086290003</v>
      </c>
      <c r="I6087">
        <v>51.508459786183998</v>
      </c>
      <c r="J6087" t="s">
        <v>61772</v>
      </c>
    </row>
    <row r="6088" spans="1:10" x14ac:dyDescent="0.25">
      <c r="A6088" t="s">
        <v>32432</v>
      </c>
      <c r="B6088" t="s">
        <v>32433</v>
      </c>
      <c r="C6088" t="s">
        <v>32434</v>
      </c>
      <c r="D6088" t="s">
        <v>32358</v>
      </c>
      <c r="E6088" t="s">
        <v>13</v>
      </c>
      <c r="F6088">
        <v>7994</v>
      </c>
      <c r="G6088" t="s">
        <v>32435</v>
      </c>
      <c r="H6088">
        <v>5.7811244960970001</v>
      </c>
      <c r="I6088">
        <v>51.503187392449</v>
      </c>
      <c r="J6088" t="s">
        <v>61773</v>
      </c>
    </row>
    <row r="6089" spans="1:10" x14ac:dyDescent="0.25">
      <c r="A6089" t="s">
        <v>32428</v>
      </c>
      <c r="B6089" t="s">
        <v>32429</v>
      </c>
      <c r="C6089" t="s">
        <v>32430</v>
      </c>
      <c r="D6089" t="s">
        <v>32358</v>
      </c>
      <c r="E6089" t="s">
        <v>13</v>
      </c>
      <c r="F6089">
        <v>7993</v>
      </c>
      <c r="G6089" t="s">
        <v>32431</v>
      </c>
      <c r="H6089">
        <v>5.7338602451599998</v>
      </c>
      <c r="I6089">
        <v>51.493146025967</v>
      </c>
      <c r="J6089" t="s">
        <v>61774</v>
      </c>
    </row>
    <row r="6090" spans="1:10" x14ac:dyDescent="0.25">
      <c r="A6090" t="s">
        <v>32424</v>
      </c>
      <c r="B6090" t="s">
        <v>32425</v>
      </c>
      <c r="C6090" t="s">
        <v>32426</v>
      </c>
      <c r="D6090" t="s">
        <v>32358</v>
      </c>
      <c r="E6090" t="s">
        <v>13</v>
      </c>
      <c r="F6090">
        <v>7992</v>
      </c>
      <c r="G6090" t="s">
        <v>32427</v>
      </c>
      <c r="H6090">
        <v>5.7217415418920003</v>
      </c>
      <c r="I6090">
        <v>51.517564580772998</v>
      </c>
      <c r="J6090" t="s">
        <v>61775</v>
      </c>
    </row>
    <row r="6091" spans="1:10" x14ac:dyDescent="0.25">
      <c r="A6091" t="s">
        <v>32420</v>
      </c>
      <c r="B6091" t="s">
        <v>32421</v>
      </c>
      <c r="C6091" t="s">
        <v>32422</v>
      </c>
      <c r="D6091" t="s">
        <v>32358</v>
      </c>
      <c r="E6091" t="s">
        <v>13</v>
      </c>
      <c r="F6091">
        <v>7991</v>
      </c>
      <c r="G6091" t="s">
        <v>32423</v>
      </c>
      <c r="H6091">
        <v>5.7428655769560004</v>
      </c>
      <c r="I6091">
        <v>51.503363354164001</v>
      </c>
      <c r="J6091" t="s">
        <v>61776</v>
      </c>
    </row>
    <row r="6092" spans="1:10" x14ac:dyDescent="0.25">
      <c r="A6092" t="s">
        <v>32416</v>
      </c>
      <c r="B6092" t="s">
        <v>32417</v>
      </c>
      <c r="C6092" t="s">
        <v>32418</v>
      </c>
      <c r="D6092" t="s">
        <v>32358</v>
      </c>
      <c r="E6092" t="s">
        <v>13</v>
      </c>
      <c r="F6092">
        <v>7990</v>
      </c>
      <c r="G6092" t="s">
        <v>32419</v>
      </c>
      <c r="H6092">
        <v>5.7704428682550004</v>
      </c>
      <c r="I6092">
        <v>51.574297911613002</v>
      </c>
      <c r="J6092" t="s">
        <v>61777</v>
      </c>
    </row>
    <row r="6093" spans="1:10" x14ac:dyDescent="0.25">
      <c r="A6093" t="s">
        <v>32412</v>
      </c>
      <c r="B6093" t="s">
        <v>32413</v>
      </c>
      <c r="C6093" t="s">
        <v>32414</v>
      </c>
      <c r="D6093" t="s">
        <v>32358</v>
      </c>
      <c r="E6093" t="s">
        <v>13</v>
      </c>
      <c r="F6093">
        <v>7989</v>
      </c>
      <c r="G6093" t="s">
        <v>32415</v>
      </c>
      <c r="H6093">
        <v>5.7692997655190004</v>
      </c>
      <c r="I6093">
        <v>51.580373679921998</v>
      </c>
      <c r="J6093" t="s">
        <v>61778</v>
      </c>
    </row>
    <row r="6094" spans="1:10" x14ac:dyDescent="0.25">
      <c r="A6094" t="s">
        <v>32408</v>
      </c>
      <c r="B6094" t="s">
        <v>32409</v>
      </c>
      <c r="C6094" t="s">
        <v>32410</v>
      </c>
      <c r="D6094" t="s">
        <v>32358</v>
      </c>
      <c r="E6094" t="s">
        <v>13</v>
      </c>
      <c r="F6094">
        <v>7988</v>
      </c>
      <c r="G6094" t="s">
        <v>32411</v>
      </c>
      <c r="H6094">
        <v>5.7322696515390001</v>
      </c>
      <c r="I6094">
        <v>51.543821601916001</v>
      </c>
      <c r="J6094" t="s">
        <v>61779</v>
      </c>
    </row>
    <row r="6095" spans="1:10" x14ac:dyDescent="0.25">
      <c r="A6095" t="s">
        <v>32404</v>
      </c>
      <c r="B6095" t="s">
        <v>32405</v>
      </c>
      <c r="C6095" t="s">
        <v>32406</v>
      </c>
      <c r="D6095" t="s">
        <v>32358</v>
      </c>
      <c r="E6095" t="s">
        <v>13</v>
      </c>
      <c r="F6095">
        <v>7987</v>
      </c>
      <c r="G6095" t="s">
        <v>32407</v>
      </c>
      <c r="H6095">
        <v>5.6995219087039999</v>
      </c>
      <c r="I6095">
        <v>51.532900824126997</v>
      </c>
      <c r="J6095" t="s">
        <v>61780</v>
      </c>
    </row>
    <row r="6096" spans="1:10" x14ac:dyDescent="0.25">
      <c r="A6096" t="s">
        <v>32400</v>
      </c>
      <c r="B6096" t="s">
        <v>32401</v>
      </c>
      <c r="C6096" t="s">
        <v>32402</v>
      </c>
      <c r="D6096" t="s">
        <v>32358</v>
      </c>
      <c r="E6096" t="s">
        <v>13</v>
      </c>
      <c r="F6096">
        <v>7986</v>
      </c>
      <c r="G6096" t="s">
        <v>32403</v>
      </c>
      <c r="H6096">
        <v>5.7100299397879999</v>
      </c>
      <c r="I6096">
        <v>51.539464638360997</v>
      </c>
      <c r="J6096" t="s">
        <v>61781</v>
      </c>
    </row>
    <row r="6097" spans="1:10" x14ac:dyDescent="0.25">
      <c r="A6097" t="s">
        <v>32396</v>
      </c>
      <c r="B6097" t="s">
        <v>32397</v>
      </c>
      <c r="C6097" t="s">
        <v>32398</v>
      </c>
      <c r="D6097" t="s">
        <v>32358</v>
      </c>
      <c r="E6097" t="s">
        <v>13</v>
      </c>
      <c r="F6097">
        <v>7985</v>
      </c>
      <c r="G6097" t="s">
        <v>32399</v>
      </c>
      <c r="H6097">
        <v>5.7252744413460004</v>
      </c>
      <c r="I6097">
        <v>51.579339841150002</v>
      </c>
      <c r="J6097" t="s">
        <v>61782</v>
      </c>
    </row>
    <row r="6098" spans="1:10" x14ac:dyDescent="0.25">
      <c r="A6098" t="s">
        <v>32392</v>
      </c>
      <c r="B6098" t="s">
        <v>32393</v>
      </c>
      <c r="C6098" t="s">
        <v>32394</v>
      </c>
      <c r="D6098" t="s">
        <v>32358</v>
      </c>
      <c r="E6098" t="s">
        <v>13</v>
      </c>
      <c r="F6098">
        <v>7984</v>
      </c>
      <c r="G6098" t="s">
        <v>32395</v>
      </c>
      <c r="H6098">
        <v>5.6981163160700001</v>
      </c>
      <c r="I6098">
        <v>51.577269385767003</v>
      </c>
      <c r="J6098" t="s">
        <v>61783</v>
      </c>
    </row>
    <row r="6099" spans="1:10" x14ac:dyDescent="0.25">
      <c r="A6099" t="s">
        <v>32388</v>
      </c>
      <c r="B6099" t="s">
        <v>32389</v>
      </c>
      <c r="C6099" t="s">
        <v>32390</v>
      </c>
      <c r="D6099" t="s">
        <v>32358</v>
      </c>
      <c r="E6099" t="s">
        <v>13</v>
      </c>
      <c r="F6099">
        <v>7983</v>
      </c>
      <c r="G6099" t="s">
        <v>32391</v>
      </c>
      <c r="H6099">
        <v>5.7123832117970004</v>
      </c>
      <c r="I6099">
        <v>51.579959430149003</v>
      </c>
      <c r="J6099" t="s">
        <v>61784</v>
      </c>
    </row>
    <row r="6100" spans="1:10" x14ac:dyDescent="0.25">
      <c r="A6100" t="s">
        <v>32384</v>
      </c>
      <c r="B6100" t="s">
        <v>32385</v>
      </c>
      <c r="C6100" t="s">
        <v>32386</v>
      </c>
      <c r="D6100" t="s">
        <v>32358</v>
      </c>
      <c r="E6100" t="s">
        <v>13</v>
      </c>
      <c r="F6100">
        <v>7982</v>
      </c>
      <c r="G6100" t="s">
        <v>32387</v>
      </c>
      <c r="H6100">
        <v>5.7296568148490001</v>
      </c>
      <c r="I6100">
        <v>51.563240006104998</v>
      </c>
      <c r="J6100" t="s">
        <v>61785</v>
      </c>
    </row>
    <row r="6101" spans="1:10" x14ac:dyDescent="0.25">
      <c r="A6101" t="s">
        <v>32380</v>
      </c>
      <c r="B6101" t="s">
        <v>32381</v>
      </c>
      <c r="C6101" t="s">
        <v>32382</v>
      </c>
      <c r="D6101" t="s">
        <v>32358</v>
      </c>
      <c r="E6101" t="s">
        <v>13</v>
      </c>
      <c r="F6101">
        <v>7981</v>
      </c>
      <c r="G6101" t="s">
        <v>32383</v>
      </c>
      <c r="H6101">
        <v>5.6804275412249998</v>
      </c>
      <c r="I6101">
        <v>51.542314573535002</v>
      </c>
      <c r="J6101" t="s">
        <v>61786</v>
      </c>
    </row>
    <row r="6102" spans="1:10" x14ac:dyDescent="0.25">
      <c r="A6102" t="s">
        <v>32376</v>
      </c>
      <c r="B6102" t="s">
        <v>32377</v>
      </c>
      <c r="C6102" t="s">
        <v>32378</v>
      </c>
      <c r="D6102" t="s">
        <v>32358</v>
      </c>
      <c r="E6102" t="s">
        <v>13</v>
      </c>
      <c r="F6102">
        <v>7980</v>
      </c>
      <c r="G6102" t="s">
        <v>32379</v>
      </c>
      <c r="H6102">
        <v>5.6706083160430003</v>
      </c>
      <c r="I6102">
        <v>51.569961653042</v>
      </c>
      <c r="J6102" t="s">
        <v>61787</v>
      </c>
    </row>
    <row r="6103" spans="1:10" x14ac:dyDescent="0.25">
      <c r="A6103" t="s">
        <v>32372</v>
      </c>
      <c r="B6103" t="s">
        <v>32373</v>
      </c>
      <c r="C6103" t="s">
        <v>32374</v>
      </c>
      <c r="D6103" t="s">
        <v>32358</v>
      </c>
      <c r="E6103" t="s">
        <v>13</v>
      </c>
      <c r="F6103">
        <v>7979</v>
      </c>
      <c r="G6103" t="s">
        <v>32375</v>
      </c>
      <c r="H6103">
        <v>5.6960183754690004</v>
      </c>
      <c r="I6103">
        <v>51.565904541503997</v>
      </c>
      <c r="J6103" t="s">
        <v>61788</v>
      </c>
    </row>
    <row r="6104" spans="1:10" x14ac:dyDescent="0.25">
      <c r="A6104" t="s">
        <v>32368</v>
      </c>
      <c r="B6104" t="s">
        <v>32369</v>
      </c>
      <c r="C6104" t="s">
        <v>32370</v>
      </c>
      <c r="D6104" t="s">
        <v>32358</v>
      </c>
      <c r="E6104" t="s">
        <v>13</v>
      </c>
      <c r="F6104">
        <v>7978</v>
      </c>
      <c r="G6104" t="s">
        <v>32371</v>
      </c>
      <c r="H6104">
        <v>5.7134457806569996</v>
      </c>
      <c r="I6104">
        <v>51.566064412256999</v>
      </c>
      <c r="J6104" t="s">
        <v>61789</v>
      </c>
    </row>
    <row r="6105" spans="1:10" x14ac:dyDescent="0.25">
      <c r="A6105" t="s">
        <v>32364</v>
      </c>
      <c r="B6105" t="s">
        <v>32365</v>
      </c>
      <c r="C6105" t="s">
        <v>32366</v>
      </c>
      <c r="D6105" t="s">
        <v>32358</v>
      </c>
      <c r="E6105" t="s">
        <v>13</v>
      </c>
      <c r="F6105">
        <v>7977</v>
      </c>
      <c r="G6105" t="s">
        <v>32367</v>
      </c>
      <c r="H6105">
        <v>5.6996203052679997</v>
      </c>
      <c r="I6105">
        <v>51.554580197615003</v>
      </c>
      <c r="J6105" t="s">
        <v>61790</v>
      </c>
    </row>
    <row r="6106" spans="1:10" x14ac:dyDescent="0.25">
      <c r="A6106" t="s">
        <v>32360</v>
      </c>
      <c r="B6106" t="s">
        <v>32361</v>
      </c>
      <c r="C6106" t="s">
        <v>32362</v>
      </c>
      <c r="D6106" t="s">
        <v>32358</v>
      </c>
      <c r="E6106" t="s">
        <v>13</v>
      </c>
      <c r="F6106">
        <v>7976</v>
      </c>
      <c r="G6106" t="s">
        <v>32363</v>
      </c>
      <c r="H6106">
        <v>5.6888322107600002</v>
      </c>
      <c r="I6106">
        <v>51.561586301536998</v>
      </c>
      <c r="J6106" t="s">
        <v>61791</v>
      </c>
    </row>
    <row r="6107" spans="1:10" x14ac:dyDescent="0.25">
      <c r="A6107" t="s">
        <v>32355</v>
      </c>
      <c r="B6107" t="s">
        <v>32356</v>
      </c>
      <c r="C6107" t="s">
        <v>32357</v>
      </c>
      <c r="D6107" t="s">
        <v>32358</v>
      </c>
      <c r="E6107" t="s">
        <v>13</v>
      </c>
      <c r="F6107">
        <v>7975</v>
      </c>
      <c r="G6107" t="s">
        <v>32359</v>
      </c>
      <c r="H6107">
        <v>5.6833797273510003</v>
      </c>
      <c r="I6107">
        <v>51.553370626468002</v>
      </c>
      <c r="J6107" t="s">
        <v>61792</v>
      </c>
    </row>
    <row r="6108" spans="1:10" x14ac:dyDescent="0.25">
      <c r="A6108" t="s">
        <v>32351</v>
      </c>
      <c r="B6108" t="s">
        <v>32352</v>
      </c>
      <c r="C6108" t="s">
        <v>32353</v>
      </c>
      <c r="D6108" t="s">
        <v>32293</v>
      </c>
      <c r="E6108" t="s">
        <v>13</v>
      </c>
      <c r="F6108">
        <v>7974</v>
      </c>
      <c r="G6108" t="s">
        <v>32354</v>
      </c>
      <c r="H6108">
        <v>5.8816255338229997</v>
      </c>
      <c r="I6108">
        <v>51.162824265982003</v>
      </c>
      <c r="J6108" t="s">
        <v>61793</v>
      </c>
    </row>
    <row r="6109" spans="1:10" x14ac:dyDescent="0.25">
      <c r="A6109" t="s">
        <v>32347</v>
      </c>
      <c r="B6109" t="s">
        <v>32348</v>
      </c>
      <c r="C6109" t="s">
        <v>32349</v>
      </c>
      <c r="D6109" t="s">
        <v>32293</v>
      </c>
      <c r="E6109" t="s">
        <v>13</v>
      </c>
      <c r="F6109">
        <v>7973</v>
      </c>
      <c r="G6109" t="s">
        <v>32350</v>
      </c>
      <c r="H6109">
        <v>5.9161529892800004</v>
      </c>
      <c r="I6109">
        <v>51.196597502876003</v>
      </c>
      <c r="J6109" t="s">
        <v>61794</v>
      </c>
    </row>
    <row r="6110" spans="1:10" x14ac:dyDescent="0.25">
      <c r="A6110" t="s">
        <v>32343</v>
      </c>
      <c r="B6110" t="s">
        <v>32344</v>
      </c>
      <c r="C6110" t="s">
        <v>32345</v>
      </c>
      <c r="D6110" t="s">
        <v>32293</v>
      </c>
      <c r="E6110" t="s">
        <v>13</v>
      </c>
      <c r="F6110">
        <v>7972</v>
      </c>
      <c r="G6110" t="s">
        <v>32346</v>
      </c>
      <c r="H6110">
        <v>5.8799006921270003</v>
      </c>
      <c r="I6110">
        <v>51.193766295552997</v>
      </c>
      <c r="J6110" t="s">
        <v>61795</v>
      </c>
    </row>
    <row r="6111" spans="1:10" x14ac:dyDescent="0.25">
      <c r="A6111" t="s">
        <v>32339</v>
      </c>
      <c r="B6111" t="s">
        <v>32340</v>
      </c>
      <c r="C6111" t="s">
        <v>32341</v>
      </c>
      <c r="D6111" t="s">
        <v>32293</v>
      </c>
      <c r="E6111" t="s">
        <v>13</v>
      </c>
      <c r="F6111">
        <v>7971</v>
      </c>
      <c r="G6111" t="s">
        <v>32342</v>
      </c>
      <c r="H6111">
        <v>5.8713629217359999</v>
      </c>
      <c r="I6111">
        <v>51.175269960873997</v>
      </c>
      <c r="J6111" t="s">
        <v>61796</v>
      </c>
    </row>
    <row r="6112" spans="1:10" x14ac:dyDescent="0.25">
      <c r="A6112" t="s">
        <v>32335</v>
      </c>
      <c r="B6112" t="s">
        <v>32336</v>
      </c>
      <c r="C6112" t="s">
        <v>32337</v>
      </c>
      <c r="D6112" t="s">
        <v>32293</v>
      </c>
      <c r="E6112" t="s">
        <v>13</v>
      </c>
      <c r="F6112">
        <v>7970</v>
      </c>
      <c r="G6112" t="s">
        <v>32338</v>
      </c>
      <c r="H6112">
        <v>5.900686716789</v>
      </c>
      <c r="I6112">
        <v>51.177521809904</v>
      </c>
      <c r="J6112" t="s">
        <v>61797</v>
      </c>
    </row>
    <row r="6113" spans="1:10" x14ac:dyDescent="0.25">
      <c r="A6113" t="s">
        <v>32331</v>
      </c>
      <c r="B6113" t="s">
        <v>32332</v>
      </c>
      <c r="C6113" t="s">
        <v>32333</v>
      </c>
      <c r="D6113" t="s">
        <v>32293</v>
      </c>
      <c r="E6113" t="s">
        <v>13</v>
      </c>
      <c r="F6113">
        <v>7969</v>
      </c>
      <c r="G6113" t="s">
        <v>32334</v>
      </c>
      <c r="H6113">
        <v>5.8512191231479997</v>
      </c>
      <c r="I6113">
        <v>51.163119129517</v>
      </c>
      <c r="J6113" t="s">
        <v>61798</v>
      </c>
    </row>
    <row r="6114" spans="1:10" x14ac:dyDescent="0.25">
      <c r="A6114" t="s">
        <v>32327</v>
      </c>
      <c r="B6114" t="s">
        <v>32328</v>
      </c>
      <c r="C6114" t="s">
        <v>32329</v>
      </c>
      <c r="D6114" t="s">
        <v>32293</v>
      </c>
      <c r="E6114" t="s">
        <v>13</v>
      </c>
      <c r="F6114">
        <v>7968</v>
      </c>
      <c r="G6114" t="s">
        <v>32330</v>
      </c>
      <c r="H6114">
        <v>5.8430427902269999</v>
      </c>
      <c r="I6114">
        <v>51.162154438899996</v>
      </c>
      <c r="J6114" t="s">
        <v>61799</v>
      </c>
    </row>
    <row r="6115" spans="1:10" x14ac:dyDescent="0.25">
      <c r="A6115" t="s">
        <v>32323</v>
      </c>
      <c r="B6115" t="s">
        <v>32324</v>
      </c>
      <c r="C6115" t="s">
        <v>32325</v>
      </c>
      <c r="D6115" t="s">
        <v>32293</v>
      </c>
      <c r="E6115" t="s">
        <v>13</v>
      </c>
      <c r="F6115">
        <v>7967</v>
      </c>
      <c r="G6115" t="s">
        <v>32326</v>
      </c>
      <c r="H6115">
        <v>5.8335666436020004</v>
      </c>
      <c r="I6115">
        <v>51.109338394816</v>
      </c>
      <c r="J6115" t="s">
        <v>61800</v>
      </c>
    </row>
    <row r="6116" spans="1:10" x14ac:dyDescent="0.25">
      <c r="A6116" t="s">
        <v>32319</v>
      </c>
      <c r="B6116" t="s">
        <v>32320</v>
      </c>
      <c r="C6116" t="s">
        <v>32321</v>
      </c>
      <c r="D6116" t="s">
        <v>32293</v>
      </c>
      <c r="E6116" t="s">
        <v>13</v>
      </c>
      <c r="F6116">
        <v>7966</v>
      </c>
      <c r="G6116" t="s">
        <v>32322</v>
      </c>
      <c r="H6116">
        <v>5.8203296556059998</v>
      </c>
      <c r="I6116">
        <v>51.117131030355999</v>
      </c>
      <c r="J6116" t="s">
        <v>61801</v>
      </c>
    </row>
    <row r="6117" spans="1:10" x14ac:dyDescent="0.25">
      <c r="A6117" t="s">
        <v>32315</v>
      </c>
      <c r="B6117" t="s">
        <v>32316</v>
      </c>
      <c r="C6117" t="s">
        <v>32317</v>
      </c>
      <c r="D6117" t="s">
        <v>32293</v>
      </c>
      <c r="E6117" t="s">
        <v>13</v>
      </c>
      <c r="F6117">
        <v>7965</v>
      </c>
      <c r="G6117" t="s">
        <v>32318</v>
      </c>
      <c r="H6117">
        <v>5.8589345976700002</v>
      </c>
      <c r="I6117">
        <v>51.136898692982001</v>
      </c>
      <c r="J6117" t="s">
        <v>61802</v>
      </c>
    </row>
    <row r="6118" spans="1:10" x14ac:dyDescent="0.25">
      <c r="A6118" t="s">
        <v>32311</v>
      </c>
      <c r="B6118" t="s">
        <v>32312</v>
      </c>
      <c r="C6118" t="s">
        <v>32313</v>
      </c>
      <c r="D6118" t="s">
        <v>32293</v>
      </c>
      <c r="E6118" t="s">
        <v>13</v>
      </c>
      <c r="F6118">
        <v>7964</v>
      </c>
      <c r="G6118" t="s">
        <v>32314</v>
      </c>
      <c r="H6118">
        <v>5.8447329599859996</v>
      </c>
      <c r="I6118">
        <v>51.123007637960001</v>
      </c>
      <c r="J6118" t="s">
        <v>61803</v>
      </c>
    </row>
    <row r="6119" spans="1:10" x14ac:dyDescent="0.25">
      <c r="A6119" t="s">
        <v>32307</v>
      </c>
      <c r="B6119" t="s">
        <v>32308</v>
      </c>
      <c r="C6119" t="s">
        <v>32309</v>
      </c>
      <c r="D6119" t="s">
        <v>32293</v>
      </c>
      <c r="E6119" t="s">
        <v>13</v>
      </c>
      <c r="F6119">
        <v>7963</v>
      </c>
      <c r="G6119" t="s">
        <v>32310</v>
      </c>
      <c r="H6119">
        <v>5.9248691622429996</v>
      </c>
      <c r="I6119">
        <v>51.163103217398003</v>
      </c>
      <c r="J6119" t="s">
        <v>61804</v>
      </c>
    </row>
    <row r="6120" spans="1:10" x14ac:dyDescent="0.25">
      <c r="A6120" t="s">
        <v>32303</v>
      </c>
      <c r="B6120" t="s">
        <v>32304</v>
      </c>
      <c r="C6120" t="s">
        <v>32305</v>
      </c>
      <c r="D6120" t="s">
        <v>32293</v>
      </c>
      <c r="E6120" t="s">
        <v>13</v>
      </c>
      <c r="F6120">
        <v>7962</v>
      </c>
      <c r="G6120" t="s">
        <v>32306</v>
      </c>
      <c r="H6120">
        <v>5.9360195575360004</v>
      </c>
      <c r="I6120">
        <v>51.153870907879003</v>
      </c>
      <c r="J6120" t="s">
        <v>61805</v>
      </c>
    </row>
    <row r="6121" spans="1:10" x14ac:dyDescent="0.25">
      <c r="A6121" t="s">
        <v>32299</v>
      </c>
      <c r="B6121" t="s">
        <v>32300</v>
      </c>
      <c r="C6121" t="s">
        <v>32301</v>
      </c>
      <c r="D6121" t="s">
        <v>32293</v>
      </c>
      <c r="E6121" t="s">
        <v>13</v>
      </c>
      <c r="F6121">
        <v>7961</v>
      </c>
      <c r="G6121" t="s">
        <v>32302</v>
      </c>
      <c r="H6121">
        <v>5.9098241493949999</v>
      </c>
      <c r="I6121">
        <v>51.150043133299</v>
      </c>
      <c r="J6121" t="s">
        <v>61806</v>
      </c>
    </row>
    <row r="6122" spans="1:10" x14ac:dyDescent="0.25">
      <c r="A6122" t="s">
        <v>32295</v>
      </c>
      <c r="B6122" t="s">
        <v>32296</v>
      </c>
      <c r="C6122" t="s">
        <v>32297</v>
      </c>
      <c r="D6122" t="s">
        <v>32293</v>
      </c>
      <c r="E6122" t="s">
        <v>13</v>
      </c>
      <c r="F6122">
        <v>7960</v>
      </c>
      <c r="G6122" t="s">
        <v>32298</v>
      </c>
      <c r="H6122">
        <v>5.9064435929329999</v>
      </c>
      <c r="I6122">
        <v>51.146700193987002</v>
      </c>
      <c r="J6122" t="s">
        <v>61807</v>
      </c>
    </row>
    <row r="6123" spans="1:10" x14ac:dyDescent="0.25">
      <c r="A6123" t="s">
        <v>32290</v>
      </c>
      <c r="B6123" t="s">
        <v>32291</v>
      </c>
      <c r="C6123" t="s">
        <v>32292</v>
      </c>
      <c r="D6123" t="s">
        <v>32293</v>
      </c>
      <c r="E6123" t="s">
        <v>13</v>
      </c>
      <c r="F6123">
        <v>7959</v>
      </c>
      <c r="G6123" t="s">
        <v>32294</v>
      </c>
      <c r="H6123">
        <v>5.8833133817009999</v>
      </c>
      <c r="I6123">
        <v>51.145032541520997</v>
      </c>
      <c r="J6123" t="s">
        <v>61808</v>
      </c>
    </row>
    <row r="6124" spans="1:10" x14ac:dyDescent="0.25">
      <c r="A6124" t="s">
        <v>32286</v>
      </c>
      <c r="B6124" t="s">
        <v>32287</v>
      </c>
      <c r="C6124" t="s">
        <v>32288</v>
      </c>
      <c r="D6124" t="s">
        <v>32164</v>
      </c>
      <c r="E6124" t="s">
        <v>13</v>
      </c>
      <c r="F6124">
        <v>7958</v>
      </c>
      <c r="G6124" t="s">
        <v>32289</v>
      </c>
      <c r="H6124">
        <v>5.8272957792230002</v>
      </c>
      <c r="I6124">
        <v>51.176738819908998</v>
      </c>
      <c r="J6124" t="s">
        <v>61809</v>
      </c>
    </row>
    <row r="6125" spans="1:10" x14ac:dyDescent="0.25">
      <c r="A6125" t="s">
        <v>32282</v>
      </c>
      <c r="B6125" t="s">
        <v>32283</v>
      </c>
      <c r="C6125" t="s">
        <v>32284</v>
      </c>
      <c r="D6125" t="s">
        <v>32164</v>
      </c>
      <c r="E6125" t="s">
        <v>13</v>
      </c>
      <c r="F6125">
        <v>7957</v>
      </c>
      <c r="G6125" t="s">
        <v>32285</v>
      </c>
      <c r="H6125">
        <v>5.8208794569720004</v>
      </c>
      <c r="I6125">
        <v>51.171838684331</v>
      </c>
      <c r="J6125" t="s">
        <v>61810</v>
      </c>
    </row>
    <row r="6126" spans="1:10" x14ac:dyDescent="0.25">
      <c r="A6126" t="s">
        <v>32278</v>
      </c>
      <c r="B6126" t="s">
        <v>32279</v>
      </c>
      <c r="C6126" t="s">
        <v>32280</v>
      </c>
      <c r="D6126" t="s">
        <v>32164</v>
      </c>
      <c r="E6126" t="s">
        <v>13</v>
      </c>
      <c r="F6126">
        <v>7956</v>
      </c>
      <c r="G6126" t="s">
        <v>32281</v>
      </c>
      <c r="H6126">
        <v>5.7897823594969999</v>
      </c>
      <c r="I6126">
        <v>51.164560631722999</v>
      </c>
      <c r="J6126" t="s">
        <v>61811</v>
      </c>
    </row>
    <row r="6127" spans="1:10" x14ac:dyDescent="0.25">
      <c r="A6127" t="s">
        <v>32274</v>
      </c>
      <c r="B6127" t="s">
        <v>32275</v>
      </c>
      <c r="C6127" t="s">
        <v>32276</v>
      </c>
      <c r="D6127" t="s">
        <v>32164</v>
      </c>
      <c r="E6127" t="s">
        <v>13</v>
      </c>
      <c r="F6127">
        <v>7955</v>
      </c>
      <c r="G6127" t="s">
        <v>32277</v>
      </c>
      <c r="H6127">
        <v>5.8038387792100004</v>
      </c>
      <c r="I6127">
        <v>51.164984795549003</v>
      </c>
      <c r="J6127" t="s">
        <v>61812</v>
      </c>
    </row>
    <row r="6128" spans="1:10" x14ac:dyDescent="0.25">
      <c r="A6128" t="s">
        <v>32270</v>
      </c>
      <c r="B6128" t="s">
        <v>32271</v>
      </c>
      <c r="C6128" t="s">
        <v>32272</v>
      </c>
      <c r="D6128" t="s">
        <v>32164</v>
      </c>
      <c r="E6128" t="s">
        <v>13</v>
      </c>
      <c r="F6128">
        <v>7954</v>
      </c>
      <c r="G6128" t="s">
        <v>32273</v>
      </c>
      <c r="H6128">
        <v>5.8114946537309997</v>
      </c>
      <c r="I6128">
        <v>51.187674379835997</v>
      </c>
      <c r="J6128" t="s">
        <v>61813</v>
      </c>
    </row>
    <row r="6129" spans="1:10" x14ac:dyDescent="0.25">
      <c r="A6129" t="s">
        <v>32266</v>
      </c>
      <c r="B6129" t="s">
        <v>32267</v>
      </c>
      <c r="C6129" t="s">
        <v>32268</v>
      </c>
      <c r="D6129" t="s">
        <v>32164</v>
      </c>
      <c r="E6129" t="s">
        <v>13</v>
      </c>
      <c r="F6129">
        <v>7953</v>
      </c>
      <c r="G6129" t="s">
        <v>32269</v>
      </c>
      <c r="H6129">
        <v>5.8145036356249999</v>
      </c>
      <c r="I6129">
        <v>51.189325876816</v>
      </c>
      <c r="J6129" t="s">
        <v>61814</v>
      </c>
    </row>
    <row r="6130" spans="1:10" x14ac:dyDescent="0.25">
      <c r="A6130" t="s">
        <v>32262</v>
      </c>
      <c r="B6130" t="s">
        <v>32263</v>
      </c>
      <c r="C6130" t="s">
        <v>32264</v>
      </c>
      <c r="D6130" t="s">
        <v>32164</v>
      </c>
      <c r="E6130" t="s">
        <v>13</v>
      </c>
      <c r="F6130">
        <v>7952</v>
      </c>
      <c r="G6130" t="s">
        <v>32265</v>
      </c>
      <c r="H6130">
        <v>5.7767757335010002</v>
      </c>
      <c r="I6130">
        <v>51.190930584454001</v>
      </c>
      <c r="J6130" t="s">
        <v>61815</v>
      </c>
    </row>
    <row r="6131" spans="1:10" x14ac:dyDescent="0.25">
      <c r="A6131" t="s">
        <v>32258</v>
      </c>
      <c r="B6131" t="s">
        <v>32259</v>
      </c>
      <c r="C6131" t="s">
        <v>32260</v>
      </c>
      <c r="D6131" t="s">
        <v>32164</v>
      </c>
      <c r="E6131" t="s">
        <v>13</v>
      </c>
      <c r="F6131">
        <v>7951</v>
      </c>
      <c r="G6131" t="s">
        <v>32261</v>
      </c>
      <c r="H6131">
        <v>5.7797997854909999</v>
      </c>
      <c r="I6131">
        <v>51.187692269952002</v>
      </c>
      <c r="J6131" t="s">
        <v>61816</v>
      </c>
    </row>
    <row r="6132" spans="1:10" x14ac:dyDescent="0.25">
      <c r="A6132" t="s">
        <v>32254</v>
      </c>
      <c r="B6132" t="s">
        <v>32255</v>
      </c>
      <c r="C6132" t="s">
        <v>32256</v>
      </c>
      <c r="D6132" t="s">
        <v>32164</v>
      </c>
      <c r="E6132" t="s">
        <v>13</v>
      </c>
      <c r="F6132">
        <v>7950</v>
      </c>
      <c r="G6132" t="s">
        <v>32257</v>
      </c>
      <c r="H6132">
        <v>5.7884519592129999</v>
      </c>
      <c r="I6132">
        <v>51.212612650510998</v>
      </c>
      <c r="J6132" t="s">
        <v>61817</v>
      </c>
    </row>
    <row r="6133" spans="1:10" x14ac:dyDescent="0.25">
      <c r="A6133" t="s">
        <v>32250</v>
      </c>
      <c r="B6133" t="s">
        <v>32251</v>
      </c>
      <c r="C6133" t="s">
        <v>32252</v>
      </c>
      <c r="D6133" t="s">
        <v>32164</v>
      </c>
      <c r="E6133" t="s">
        <v>13</v>
      </c>
      <c r="F6133">
        <v>7949</v>
      </c>
      <c r="G6133" t="s">
        <v>32253</v>
      </c>
      <c r="H6133">
        <v>5.7954147737790001</v>
      </c>
      <c r="I6133">
        <v>51.221237844937001</v>
      </c>
      <c r="J6133" t="s">
        <v>61818</v>
      </c>
    </row>
    <row r="6134" spans="1:10" x14ac:dyDescent="0.25">
      <c r="A6134" t="s">
        <v>32246</v>
      </c>
      <c r="B6134" t="s">
        <v>32247</v>
      </c>
      <c r="C6134" t="s">
        <v>32248</v>
      </c>
      <c r="D6134" t="s">
        <v>32164</v>
      </c>
      <c r="E6134" t="s">
        <v>13</v>
      </c>
      <c r="F6134">
        <v>7948</v>
      </c>
      <c r="G6134" t="s">
        <v>32249</v>
      </c>
      <c r="H6134">
        <v>5.856392195193</v>
      </c>
      <c r="I6134">
        <v>51.200126983349001</v>
      </c>
      <c r="J6134" t="s">
        <v>61819</v>
      </c>
    </row>
    <row r="6135" spans="1:10" x14ac:dyDescent="0.25">
      <c r="A6135" t="s">
        <v>32242</v>
      </c>
      <c r="B6135" t="s">
        <v>32243</v>
      </c>
      <c r="C6135" t="s">
        <v>32244</v>
      </c>
      <c r="D6135" t="s">
        <v>32164</v>
      </c>
      <c r="E6135" t="s">
        <v>13</v>
      </c>
      <c r="F6135">
        <v>7947</v>
      </c>
      <c r="G6135" t="s">
        <v>32245</v>
      </c>
      <c r="H6135">
        <v>5.8573005056060001</v>
      </c>
      <c r="I6135">
        <v>51.193208771622999</v>
      </c>
      <c r="J6135" t="s">
        <v>61820</v>
      </c>
    </row>
    <row r="6136" spans="1:10" x14ac:dyDescent="0.25">
      <c r="A6136" t="s">
        <v>32238</v>
      </c>
      <c r="B6136" t="s">
        <v>32239</v>
      </c>
      <c r="C6136" t="s">
        <v>32240</v>
      </c>
      <c r="D6136" t="s">
        <v>32164</v>
      </c>
      <c r="E6136" t="s">
        <v>13</v>
      </c>
      <c r="F6136">
        <v>7946</v>
      </c>
      <c r="G6136" t="s">
        <v>32241</v>
      </c>
      <c r="H6136">
        <v>5.8304529584899996</v>
      </c>
      <c r="I6136">
        <v>51.223409245871999</v>
      </c>
      <c r="J6136" t="s">
        <v>61821</v>
      </c>
    </row>
    <row r="6137" spans="1:10" x14ac:dyDescent="0.25">
      <c r="A6137" t="s">
        <v>32234</v>
      </c>
      <c r="B6137" t="s">
        <v>32235</v>
      </c>
      <c r="C6137" t="s">
        <v>32236</v>
      </c>
      <c r="D6137" t="s">
        <v>32164</v>
      </c>
      <c r="E6137" t="s">
        <v>13</v>
      </c>
      <c r="F6137">
        <v>7945</v>
      </c>
      <c r="G6137" t="s">
        <v>32237</v>
      </c>
      <c r="H6137">
        <v>5.8244020505450003</v>
      </c>
      <c r="I6137">
        <v>51.220108426572999</v>
      </c>
      <c r="J6137" t="s">
        <v>61822</v>
      </c>
    </row>
    <row r="6138" spans="1:10" x14ac:dyDescent="0.25">
      <c r="A6138" t="s">
        <v>32230</v>
      </c>
      <c r="B6138" t="s">
        <v>32231</v>
      </c>
      <c r="C6138" t="s">
        <v>32232</v>
      </c>
      <c r="D6138" t="s">
        <v>32164</v>
      </c>
      <c r="E6138" t="s">
        <v>13</v>
      </c>
      <c r="F6138">
        <v>7944</v>
      </c>
      <c r="G6138" t="s">
        <v>32233</v>
      </c>
      <c r="H6138">
        <v>5.8756322160260002</v>
      </c>
      <c r="I6138">
        <v>51.230748558164002</v>
      </c>
      <c r="J6138" t="s">
        <v>61823</v>
      </c>
    </row>
    <row r="6139" spans="1:10" x14ac:dyDescent="0.25">
      <c r="A6139" t="s">
        <v>32226</v>
      </c>
      <c r="B6139" t="s">
        <v>32227</v>
      </c>
      <c r="C6139" t="s">
        <v>32228</v>
      </c>
      <c r="D6139" t="s">
        <v>32164</v>
      </c>
      <c r="E6139" t="s">
        <v>13</v>
      </c>
      <c r="F6139">
        <v>7943</v>
      </c>
      <c r="G6139" t="s">
        <v>32229</v>
      </c>
      <c r="H6139">
        <v>5.8808542048980001</v>
      </c>
      <c r="I6139">
        <v>51.225917473401999</v>
      </c>
      <c r="J6139" t="s">
        <v>61824</v>
      </c>
    </row>
    <row r="6140" spans="1:10" x14ac:dyDescent="0.25">
      <c r="A6140" t="s">
        <v>32222</v>
      </c>
      <c r="B6140" t="s">
        <v>32223</v>
      </c>
      <c r="C6140" t="s">
        <v>32224</v>
      </c>
      <c r="D6140" t="s">
        <v>32164</v>
      </c>
      <c r="E6140" t="s">
        <v>13</v>
      </c>
      <c r="F6140">
        <v>7942</v>
      </c>
      <c r="G6140" t="s">
        <v>32225</v>
      </c>
      <c r="H6140">
        <v>5.9308063772919999</v>
      </c>
      <c r="I6140">
        <v>51.215428580667997</v>
      </c>
      <c r="J6140" t="s">
        <v>61825</v>
      </c>
    </row>
    <row r="6141" spans="1:10" x14ac:dyDescent="0.25">
      <c r="A6141" t="s">
        <v>32218</v>
      </c>
      <c r="B6141" t="s">
        <v>32219</v>
      </c>
      <c r="C6141" t="s">
        <v>32220</v>
      </c>
      <c r="D6141" t="s">
        <v>32164</v>
      </c>
      <c r="E6141" t="s">
        <v>13</v>
      </c>
      <c r="F6141">
        <v>7941</v>
      </c>
      <c r="G6141" t="s">
        <v>32221</v>
      </c>
      <c r="H6141">
        <v>5.9400515638669997</v>
      </c>
      <c r="I6141">
        <v>51.209694430801001</v>
      </c>
      <c r="J6141" t="s">
        <v>61826</v>
      </c>
    </row>
    <row r="6142" spans="1:10" x14ac:dyDescent="0.25">
      <c r="A6142" t="s">
        <v>32214</v>
      </c>
      <c r="B6142" t="s">
        <v>32215</v>
      </c>
      <c r="C6142" t="s">
        <v>32216</v>
      </c>
      <c r="D6142" t="s">
        <v>32164</v>
      </c>
      <c r="E6142" t="s">
        <v>13</v>
      </c>
      <c r="F6142">
        <v>7940</v>
      </c>
      <c r="G6142" t="s">
        <v>32217</v>
      </c>
      <c r="H6142">
        <v>5.9841917048660003</v>
      </c>
      <c r="I6142">
        <v>51.236811159003999</v>
      </c>
      <c r="J6142" t="s">
        <v>61827</v>
      </c>
    </row>
    <row r="6143" spans="1:10" x14ac:dyDescent="0.25">
      <c r="A6143" t="s">
        <v>32210</v>
      </c>
      <c r="B6143" t="s">
        <v>32211</v>
      </c>
      <c r="C6143" t="s">
        <v>32212</v>
      </c>
      <c r="D6143" t="s">
        <v>32164</v>
      </c>
      <c r="E6143" t="s">
        <v>13</v>
      </c>
      <c r="F6143">
        <v>7939</v>
      </c>
      <c r="G6143" t="s">
        <v>32213</v>
      </c>
      <c r="H6143">
        <v>5.9790701801399999</v>
      </c>
      <c r="I6143">
        <v>51.233015111664002</v>
      </c>
      <c r="J6143" t="s">
        <v>61828</v>
      </c>
    </row>
    <row r="6144" spans="1:10" x14ac:dyDescent="0.25">
      <c r="A6144" t="s">
        <v>32206</v>
      </c>
      <c r="B6144" t="s">
        <v>32207</v>
      </c>
      <c r="C6144" t="s">
        <v>32208</v>
      </c>
      <c r="D6144" t="s">
        <v>32164</v>
      </c>
      <c r="E6144" t="s">
        <v>13</v>
      </c>
      <c r="F6144">
        <v>7938</v>
      </c>
      <c r="G6144" t="s">
        <v>32209</v>
      </c>
      <c r="H6144">
        <v>5.93884369422</v>
      </c>
      <c r="I6144">
        <v>51.233930904555997</v>
      </c>
      <c r="J6144" t="s">
        <v>61829</v>
      </c>
    </row>
    <row r="6145" spans="1:10" x14ac:dyDescent="0.25">
      <c r="A6145" t="s">
        <v>32202</v>
      </c>
      <c r="B6145" t="s">
        <v>32203</v>
      </c>
      <c r="C6145" t="s">
        <v>32204</v>
      </c>
      <c r="D6145" t="s">
        <v>32164</v>
      </c>
      <c r="E6145" t="s">
        <v>13</v>
      </c>
      <c r="F6145">
        <v>7937</v>
      </c>
      <c r="G6145" t="s">
        <v>32205</v>
      </c>
      <c r="H6145">
        <v>5.9542202000459996</v>
      </c>
      <c r="I6145">
        <v>51.234405452726001</v>
      </c>
      <c r="J6145" t="s">
        <v>61830</v>
      </c>
    </row>
    <row r="6146" spans="1:10" x14ac:dyDescent="0.25">
      <c r="A6146" t="s">
        <v>32198</v>
      </c>
      <c r="B6146" t="s">
        <v>32199</v>
      </c>
      <c r="C6146" t="s">
        <v>32200</v>
      </c>
      <c r="D6146" t="s">
        <v>32164</v>
      </c>
      <c r="E6146" t="s">
        <v>13</v>
      </c>
      <c r="F6146">
        <v>7936</v>
      </c>
      <c r="G6146" t="s">
        <v>32201</v>
      </c>
      <c r="H6146">
        <v>5.957939611384</v>
      </c>
      <c r="I6146">
        <v>51.248583519596998</v>
      </c>
      <c r="J6146" t="s">
        <v>61831</v>
      </c>
    </row>
    <row r="6147" spans="1:10" x14ac:dyDescent="0.25">
      <c r="A6147" t="s">
        <v>32194</v>
      </c>
      <c r="B6147" t="s">
        <v>32195</v>
      </c>
      <c r="C6147" t="s">
        <v>32196</v>
      </c>
      <c r="D6147" t="s">
        <v>32164</v>
      </c>
      <c r="E6147" t="s">
        <v>13</v>
      </c>
      <c r="F6147">
        <v>7935</v>
      </c>
      <c r="G6147" t="s">
        <v>32197</v>
      </c>
      <c r="H6147">
        <v>5.962395922961</v>
      </c>
      <c r="I6147">
        <v>51.245240885214002</v>
      </c>
      <c r="J6147" t="s">
        <v>61832</v>
      </c>
    </row>
    <row r="6148" spans="1:10" x14ac:dyDescent="0.25">
      <c r="A6148" t="s">
        <v>32190</v>
      </c>
      <c r="B6148" t="s">
        <v>32191</v>
      </c>
      <c r="C6148" t="s">
        <v>32192</v>
      </c>
      <c r="D6148" t="s">
        <v>32164</v>
      </c>
      <c r="E6148" t="s">
        <v>13</v>
      </c>
      <c r="F6148">
        <v>7934</v>
      </c>
      <c r="G6148" t="s">
        <v>32193</v>
      </c>
      <c r="H6148">
        <v>5.9741348039720004</v>
      </c>
      <c r="I6148">
        <v>51.273439677009002</v>
      </c>
      <c r="J6148" t="s">
        <v>61833</v>
      </c>
    </row>
    <row r="6149" spans="1:10" x14ac:dyDescent="0.25">
      <c r="A6149" t="s">
        <v>32186</v>
      </c>
      <c r="B6149" t="s">
        <v>32187</v>
      </c>
      <c r="C6149" t="s">
        <v>32188</v>
      </c>
      <c r="D6149" t="s">
        <v>32164</v>
      </c>
      <c r="E6149" t="s">
        <v>13</v>
      </c>
      <c r="F6149">
        <v>7933</v>
      </c>
      <c r="G6149" t="s">
        <v>32189</v>
      </c>
      <c r="H6149">
        <v>5.9917103183840004</v>
      </c>
      <c r="I6149">
        <v>51.261000137575003</v>
      </c>
      <c r="J6149" t="s">
        <v>61834</v>
      </c>
    </row>
    <row r="6150" spans="1:10" x14ac:dyDescent="0.25">
      <c r="A6150" t="s">
        <v>32182</v>
      </c>
      <c r="B6150" t="s">
        <v>32183</v>
      </c>
      <c r="C6150" t="s">
        <v>32184</v>
      </c>
      <c r="D6150" t="s">
        <v>32164</v>
      </c>
      <c r="E6150" t="s">
        <v>13</v>
      </c>
      <c r="F6150">
        <v>7932</v>
      </c>
      <c r="G6150" t="s">
        <v>32185</v>
      </c>
      <c r="H6150">
        <v>5.9229241163430002</v>
      </c>
      <c r="I6150">
        <v>51.274346427113002</v>
      </c>
      <c r="J6150" t="s">
        <v>61835</v>
      </c>
    </row>
    <row r="6151" spans="1:10" x14ac:dyDescent="0.25">
      <c r="A6151" t="s">
        <v>32178</v>
      </c>
      <c r="B6151" t="s">
        <v>32179</v>
      </c>
      <c r="C6151" t="s">
        <v>32180</v>
      </c>
      <c r="D6151" t="s">
        <v>32164</v>
      </c>
      <c r="E6151" t="s">
        <v>13</v>
      </c>
      <c r="F6151">
        <v>7931</v>
      </c>
      <c r="G6151" t="s">
        <v>32181</v>
      </c>
      <c r="H6151">
        <v>5.9260558096820004</v>
      </c>
      <c r="I6151">
        <v>51.262770270324999</v>
      </c>
      <c r="J6151" t="s">
        <v>61836</v>
      </c>
    </row>
    <row r="6152" spans="1:10" x14ac:dyDescent="0.25">
      <c r="A6152" t="s">
        <v>32174</v>
      </c>
      <c r="B6152" t="s">
        <v>32175</v>
      </c>
      <c r="C6152" t="s">
        <v>32176</v>
      </c>
      <c r="D6152" t="s">
        <v>32164</v>
      </c>
      <c r="E6152" t="s">
        <v>13</v>
      </c>
      <c r="F6152">
        <v>7930</v>
      </c>
      <c r="G6152" t="s">
        <v>32177</v>
      </c>
      <c r="H6152">
        <v>5.9070125093970001</v>
      </c>
      <c r="I6152">
        <v>51.299033509212997</v>
      </c>
      <c r="J6152" t="s">
        <v>61837</v>
      </c>
    </row>
    <row r="6153" spans="1:10" x14ac:dyDescent="0.25">
      <c r="A6153" t="s">
        <v>32170</v>
      </c>
      <c r="B6153" t="s">
        <v>32171</v>
      </c>
      <c r="C6153" t="s">
        <v>32172</v>
      </c>
      <c r="D6153" t="s">
        <v>32164</v>
      </c>
      <c r="E6153" t="s">
        <v>13</v>
      </c>
      <c r="F6153">
        <v>7929</v>
      </c>
      <c r="G6153" t="s">
        <v>32173</v>
      </c>
      <c r="H6153">
        <v>5.8981987741130002</v>
      </c>
      <c r="I6153">
        <v>51.300608735597997</v>
      </c>
      <c r="J6153" t="s">
        <v>61838</v>
      </c>
    </row>
    <row r="6154" spans="1:10" x14ac:dyDescent="0.25">
      <c r="A6154" t="s">
        <v>32166</v>
      </c>
      <c r="B6154" t="s">
        <v>32167</v>
      </c>
      <c r="C6154" t="s">
        <v>32168</v>
      </c>
      <c r="D6154" t="s">
        <v>32164</v>
      </c>
      <c r="E6154" t="s">
        <v>13</v>
      </c>
      <c r="F6154">
        <v>7928</v>
      </c>
      <c r="G6154" t="s">
        <v>32169</v>
      </c>
      <c r="H6154">
        <v>5.8711187310669999</v>
      </c>
      <c r="I6154">
        <v>51.274533626771998</v>
      </c>
      <c r="J6154" t="s">
        <v>61839</v>
      </c>
    </row>
    <row r="6155" spans="1:10" x14ac:dyDescent="0.25">
      <c r="A6155" t="s">
        <v>32161</v>
      </c>
      <c r="B6155" t="s">
        <v>32162</v>
      </c>
      <c r="C6155" t="s">
        <v>32163</v>
      </c>
      <c r="D6155" t="s">
        <v>32164</v>
      </c>
      <c r="E6155" t="s">
        <v>13</v>
      </c>
      <c r="F6155">
        <v>7927</v>
      </c>
      <c r="G6155" t="s">
        <v>32165</v>
      </c>
      <c r="H6155">
        <v>5.896684618349</v>
      </c>
      <c r="I6155">
        <v>51.250950418156002</v>
      </c>
      <c r="J6155" t="s">
        <v>61840</v>
      </c>
    </row>
    <row r="6156" spans="1:10" x14ac:dyDescent="0.25">
      <c r="A6156" t="s">
        <v>32157</v>
      </c>
      <c r="B6156" t="s">
        <v>32158</v>
      </c>
      <c r="C6156" t="s">
        <v>32159</v>
      </c>
      <c r="D6156" t="s">
        <v>31926</v>
      </c>
      <c r="E6156" t="s">
        <v>13</v>
      </c>
      <c r="F6156">
        <v>7926</v>
      </c>
      <c r="G6156" t="s">
        <v>32160</v>
      </c>
      <c r="H6156">
        <v>4.9705059928460003</v>
      </c>
      <c r="I6156">
        <v>52.601499727385999</v>
      </c>
      <c r="J6156" t="s">
        <v>61841</v>
      </c>
    </row>
    <row r="6157" spans="1:10" x14ac:dyDescent="0.25">
      <c r="A6157" t="s">
        <v>32153</v>
      </c>
      <c r="B6157" t="s">
        <v>32154</v>
      </c>
      <c r="C6157" t="s">
        <v>32155</v>
      </c>
      <c r="D6157" t="s">
        <v>31926</v>
      </c>
      <c r="E6157" t="s">
        <v>13</v>
      </c>
      <c r="F6157">
        <v>7925</v>
      </c>
      <c r="G6157" t="s">
        <v>32156</v>
      </c>
      <c r="H6157">
        <v>4.9809259946740001</v>
      </c>
      <c r="I6157">
        <v>52.604620045308003</v>
      </c>
      <c r="J6157" t="s">
        <v>61842</v>
      </c>
    </row>
    <row r="6158" spans="1:10" x14ac:dyDescent="0.25">
      <c r="A6158" t="s">
        <v>32149</v>
      </c>
      <c r="B6158" t="s">
        <v>32150</v>
      </c>
      <c r="C6158" t="s">
        <v>32151</v>
      </c>
      <c r="D6158" t="s">
        <v>31926</v>
      </c>
      <c r="E6158" t="s">
        <v>13</v>
      </c>
      <c r="F6158">
        <v>7924</v>
      </c>
      <c r="G6158" t="s">
        <v>32152</v>
      </c>
      <c r="H6158">
        <v>5.0119199590900001</v>
      </c>
      <c r="I6158">
        <v>52.621579933950002</v>
      </c>
      <c r="J6158" t="s">
        <v>61843</v>
      </c>
    </row>
    <row r="6159" spans="1:10" x14ac:dyDescent="0.25">
      <c r="A6159" t="s">
        <v>32145</v>
      </c>
      <c r="B6159" t="s">
        <v>32146</v>
      </c>
      <c r="C6159" t="s">
        <v>32147</v>
      </c>
      <c r="D6159" t="s">
        <v>31926</v>
      </c>
      <c r="E6159" t="s">
        <v>13</v>
      </c>
      <c r="F6159">
        <v>7923</v>
      </c>
      <c r="G6159" t="s">
        <v>32148</v>
      </c>
      <c r="H6159">
        <v>5.012111009421</v>
      </c>
      <c r="I6159">
        <v>52.620019794097999</v>
      </c>
      <c r="J6159" t="s">
        <v>61844</v>
      </c>
    </row>
    <row r="6160" spans="1:10" x14ac:dyDescent="0.25">
      <c r="A6160" t="s">
        <v>32141</v>
      </c>
      <c r="B6160" t="s">
        <v>32142</v>
      </c>
      <c r="C6160" t="s">
        <v>32143</v>
      </c>
      <c r="D6160" t="s">
        <v>31926</v>
      </c>
      <c r="E6160" t="s">
        <v>13</v>
      </c>
      <c r="F6160">
        <v>7922</v>
      </c>
      <c r="G6160" t="s">
        <v>32144</v>
      </c>
      <c r="H6160">
        <v>4.9840398021260004</v>
      </c>
      <c r="I6160">
        <v>52.618683034145</v>
      </c>
      <c r="J6160" t="s">
        <v>61845</v>
      </c>
    </row>
    <row r="6161" spans="1:10" x14ac:dyDescent="0.25">
      <c r="A6161" t="s">
        <v>32137</v>
      </c>
      <c r="B6161" t="s">
        <v>32138</v>
      </c>
      <c r="C6161" t="s">
        <v>32139</v>
      </c>
      <c r="D6161" t="s">
        <v>31926</v>
      </c>
      <c r="E6161" t="s">
        <v>13</v>
      </c>
      <c r="F6161">
        <v>7921</v>
      </c>
      <c r="G6161" t="s">
        <v>32140</v>
      </c>
      <c r="H6161">
        <v>4.9599442325189997</v>
      </c>
      <c r="I6161">
        <v>52.621336747628</v>
      </c>
      <c r="J6161" t="s">
        <v>61846</v>
      </c>
    </row>
    <row r="6162" spans="1:10" x14ac:dyDescent="0.25">
      <c r="A6162" t="s">
        <v>32133</v>
      </c>
      <c r="B6162" t="s">
        <v>32134</v>
      </c>
      <c r="C6162" t="s">
        <v>32135</v>
      </c>
      <c r="D6162" t="s">
        <v>31926</v>
      </c>
      <c r="E6162" t="s">
        <v>13</v>
      </c>
      <c r="F6162">
        <v>7920</v>
      </c>
      <c r="G6162" t="s">
        <v>32136</v>
      </c>
      <c r="H6162">
        <v>4.9555744706320004</v>
      </c>
      <c r="I6162">
        <v>52.616066931352002</v>
      </c>
      <c r="J6162" t="s">
        <v>61847</v>
      </c>
    </row>
    <row r="6163" spans="1:10" x14ac:dyDescent="0.25">
      <c r="A6163" t="s">
        <v>32129</v>
      </c>
      <c r="B6163" t="s">
        <v>32130</v>
      </c>
      <c r="C6163" t="s">
        <v>32131</v>
      </c>
      <c r="D6163" t="s">
        <v>31926</v>
      </c>
      <c r="E6163" t="s">
        <v>13</v>
      </c>
      <c r="F6163">
        <v>7919</v>
      </c>
      <c r="G6163" t="s">
        <v>32132</v>
      </c>
      <c r="H6163">
        <v>4.9547874209470004</v>
      </c>
      <c r="I6163">
        <v>52.618567020461001</v>
      </c>
      <c r="J6163" t="s">
        <v>61848</v>
      </c>
    </row>
    <row r="6164" spans="1:10" x14ac:dyDescent="0.25">
      <c r="A6164" t="s">
        <v>32125</v>
      </c>
      <c r="B6164" t="s">
        <v>32126</v>
      </c>
      <c r="C6164" t="s">
        <v>32127</v>
      </c>
      <c r="D6164" t="s">
        <v>31926</v>
      </c>
      <c r="E6164" t="s">
        <v>13</v>
      </c>
      <c r="F6164">
        <v>7918</v>
      </c>
      <c r="G6164" t="s">
        <v>32128</v>
      </c>
      <c r="H6164">
        <v>4.9527588054729996</v>
      </c>
      <c r="I6164">
        <v>52.620207040312003</v>
      </c>
      <c r="J6164" t="s">
        <v>61849</v>
      </c>
    </row>
    <row r="6165" spans="1:10" x14ac:dyDescent="0.25">
      <c r="A6165" t="s">
        <v>32121</v>
      </c>
      <c r="B6165" t="s">
        <v>32122</v>
      </c>
      <c r="C6165" t="s">
        <v>32123</v>
      </c>
      <c r="D6165" t="s">
        <v>31926</v>
      </c>
      <c r="E6165" t="s">
        <v>13</v>
      </c>
      <c r="F6165">
        <v>7917</v>
      </c>
      <c r="G6165" t="s">
        <v>32124</v>
      </c>
      <c r="H6165">
        <v>4.9497746145850003</v>
      </c>
      <c r="I6165">
        <v>52.622445765729999</v>
      </c>
      <c r="J6165" t="s">
        <v>61850</v>
      </c>
    </row>
    <row r="6166" spans="1:10" x14ac:dyDescent="0.25">
      <c r="A6166" t="s">
        <v>32117</v>
      </c>
      <c r="B6166" t="s">
        <v>32118</v>
      </c>
      <c r="C6166" t="s">
        <v>32119</v>
      </c>
      <c r="D6166" t="s">
        <v>31926</v>
      </c>
      <c r="E6166" t="s">
        <v>13</v>
      </c>
      <c r="F6166">
        <v>7916</v>
      </c>
      <c r="G6166" t="s">
        <v>32120</v>
      </c>
      <c r="H6166">
        <v>4.9463366013260002</v>
      </c>
      <c r="I6166">
        <v>52.619572739364003</v>
      </c>
      <c r="J6166" t="s">
        <v>61851</v>
      </c>
    </row>
    <row r="6167" spans="1:10" x14ac:dyDescent="0.25">
      <c r="A6167" t="s">
        <v>32113</v>
      </c>
      <c r="B6167" t="s">
        <v>32114</v>
      </c>
      <c r="C6167" t="s">
        <v>32115</v>
      </c>
      <c r="D6167" t="s">
        <v>31926</v>
      </c>
      <c r="E6167" t="s">
        <v>13</v>
      </c>
      <c r="F6167">
        <v>7915</v>
      </c>
      <c r="G6167" t="s">
        <v>32116</v>
      </c>
      <c r="H6167">
        <v>4.9360038373000004</v>
      </c>
      <c r="I6167">
        <v>52.616697381690003</v>
      </c>
      <c r="J6167" t="s">
        <v>61852</v>
      </c>
    </row>
    <row r="6168" spans="1:10" x14ac:dyDescent="0.25">
      <c r="A6168" t="s">
        <v>32109</v>
      </c>
      <c r="B6168" t="s">
        <v>32110</v>
      </c>
      <c r="C6168" t="s">
        <v>32111</v>
      </c>
      <c r="D6168" t="s">
        <v>31926</v>
      </c>
      <c r="E6168" t="s">
        <v>13</v>
      </c>
      <c r="F6168">
        <v>7914</v>
      </c>
      <c r="G6168" t="s">
        <v>32112</v>
      </c>
      <c r="H6168">
        <v>4.9582903292270002</v>
      </c>
      <c r="I6168">
        <v>52.624007607556003</v>
      </c>
      <c r="J6168" t="s">
        <v>61853</v>
      </c>
    </row>
    <row r="6169" spans="1:10" x14ac:dyDescent="0.25">
      <c r="A6169" t="s">
        <v>32105</v>
      </c>
      <c r="B6169" t="s">
        <v>32106</v>
      </c>
      <c r="C6169" t="s">
        <v>32107</v>
      </c>
      <c r="D6169" t="s">
        <v>31926</v>
      </c>
      <c r="E6169" t="s">
        <v>13</v>
      </c>
      <c r="F6169">
        <v>7913</v>
      </c>
      <c r="G6169" t="s">
        <v>32108</v>
      </c>
      <c r="H6169">
        <v>4.9624883323939999</v>
      </c>
      <c r="I6169">
        <v>52.625094223775001</v>
      </c>
      <c r="J6169" t="s">
        <v>61854</v>
      </c>
    </row>
    <row r="6170" spans="1:10" x14ac:dyDescent="0.25">
      <c r="A6170" t="s">
        <v>32101</v>
      </c>
      <c r="B6170" t="s">
        <v>32102</v>
      </c>
      <c r="C6170" t="s">
        <v>32103</v>
      </c>
      <c r="D6170" t="s">
        <v>31926</v>
      </c>
      <c r="E6170" t="s">
        <v>13</v>
      </c>
      <c r="F6170">
        <v>7912</v>
      </c>
      <c r="G6170" t="s">
        <v>32104</v>
      </c>
      <c r="H6170">
        <v>4.952072802829</v>
      </c>
      <c r="I6170">
        <v>52.625490441563002</v>
      </c>
      <c r="J6170" t="s">
        <v>61855</v>
      </c>
    </row>
    <row r="6171" spans="1:10" x14ac:dyDescent="0.25">
      <c r="A6171" t="s">
        <v>32097</v>
      </c>
      <c r="B6171" t="s">
        <v>32098</v>
      </c>
      <c r="C6171" t="s">
        <v>32099</v>
      </c>
      <c r="D6171" t="s">
        <v>31926</v>
      </c>
      <c r="E6171" t="s">
        <v>13</v>
      </c>
      <c r="F6171">
        <v>7911</v>
      </c>
      <c r="G6171" t="s">
        <v>32100</v>
      </c>
      <c r="H6171">
        <v>4.9480241036220001</v>
      </c>
      <c r="I6171">
        <v>52.626487241233001</v>
      </c>
      <c r="J6171" t="s">
        <v>61856</v>
      </c>
    </row>
    <row r="6172" spans="1:10" x14ac:dyDescent="0.25">
      <c r="A6172" t="s">
        <v>32093</v>
      </c>
      <c r="B6172" t="s">
        <v>32094</v>
      </c>
      <c r="C6172" t="s">
        <v>32095</v>
      </c>
      <c r="D6172" t="s">
        <v>31926</v>
      </c>
      <c r="E6172" t="s">
        <v>13</v>
      </c>
      <c r="F6172">
        <v>7910</v>
      </c>
      <c r="G6172" t="s">
        <v>32096</v>
      </c>
      <c r="H6172">
        <v>4.9520365058950002</v>
      </c>
      <c r="I6172">
        <v>52.629516729765001</v>
      </c>
      <c r="J6172" t="s">
        <v>61857</v>
      </c>
    </row>
    <row r="6173" spans="1:10" x14ac:dyDescent="0.25">
      <c r="A6173" t="s">
        <v>32089</v>
      </c>
      <c r="B6173" t="s">
        <v>32090</v>
      </c>
      <c r="C6173" t="s">
        <v>32091</v>
      </c>
      <c r="D6173" t="s">
        <v>31926</v>
      </c>
      <c r="E6173" t="s">
        <v>13</v>
      </c>
      <c r="F6173">
        <v>7909</v>
      </c>
      <c r="G6173" t="s">
        <v>32092</v>
      </c>
      <c r="H6173">
        <v>4.9457810309249997</v>
      </c>
      <c r="I6173">
        <v>52.628686211979002</v>
      </c>
      <c r="J6173" t="s">
        <v>61858</v>
      </c>
    </row>
    <row r="6174" spans="1:10" x14ac:dyDescent="0.25">
      <c r="A6174" t="s">
        <v>32085</v>
      </c>
      <c r="B6174" t="s">
        <v>32086</v>
      </c>
      <c r="C6174" t="s">
        <v>32087</v>
      </c>
      <c r="D6174" t="s">
        <v>31926</v>
      </c>
      <c r="E6174" t="s">
        <v>13</v>
      </c>
      <c r="F6174">
        <v>7908</v>
      </c>
      <c r="G6174" t="s">
        <v>32088</v>
      </c>
      <c r="H6174">
        <v>4.943729024534</v>
      </c>
      <c r="I6174">
        <v>52.629320021661997</v>
      </c>
      <c r="J6174" t="s">
        <v>61859</v>
      </c>
    </row>
    <row r="6175" spans="1:10" x14ac:dyDescent="0.25">
      <c r="A6175" t="s">
        <v>32081</v>
      </c>
      <c r="B6175" t="s">
        <v>32082</v>
      </c>
      <c r="C6175" t="s">
        <v>32083</v>
      </c>
      <c r="D6175" t="s">
        <v>31926</v>
      </c>
      <c r="E6175" t="s">
        <v>13</v>
      </c>
      <c r="F6175">
        <v>7907</v>
      </c>
      <c r="G6175" t="s">
        <v>32084</v>
      </c>
      <c r="H6175">
        <v>4.9471243543409997</v>
      </c>
      <c r="I6175">
        <v>52.632983779751001</v>
      </c>
      <c r="J6175" t="s">
        <v>61860</v>
      </c>
    </row>
    <row r="6176" spans="1:10" x14ac:dyDescent="0.25">
      <c r="A6176" t="s">
        <v>32077</v>
      </c>
      <c r="B6176" t="s">
        <v>32078</v>
      </c>
      <c r="C6176" t="s">
        <v>32079</v>
      </c>
      <c r="D6176" t="s">
        <v>31926</v>
      </c>
      <c r="E6176" t="s">
        <v>13</v>
      </c>
      <c r="F6176">
        <v>7906</v>
      </c>
      <c r="G6176" t="s">
        <v>32080</v>
      </c>
      <c r="H6176">
        <v>4.9527345281840001</v>
      </c>
      <c r="I6176">
        <v>52.631501488112001</v>
      </c>
      <c r="J6176" t="s">
        <v>61861</v>
      </c>
    </row>
    <row r="6177" spans="1:10" x14ac:dyDescent="0.25">
      <c r="A6177" t="s">
        <v>32073</v>
      </c>
      <c r="B6177" t="s">
        <v>32074</v>
      </c>
      <c r="C6177" t="s">
        <v>32075</v>
      </c>
      <c r="D6177" t="s">
        <v>31926</v>
      </c>
      <c r="E6177" t="s">
        <v>13</v>
      </c>
      <c r="F6177">
        <v>7905</v>
      </c>
      <c r="G6177" t="s">
        <v>32076</v>
      </c>
      <c r="H6177">
        <v>4.9054261778140003</v>
      </c>
      <c r="I6177">
        <v>52.617133681637</v>
      </c>
      <c r="J6177" t="s">
        <v>61862</v>
      </c>
    </row>
    <row r="6178" spans="1:10" x14ac:dyDescent="0.25">
      <c r="A6178" t="s">
        <v>32069</v>
      </c>
      <c r="B6178" t="s">
        <v>32070</v>
      </c>
      <c r="C6178" t="s">
        <v>32071</v>
      </c>
      <c r="D6178" t="s">
        <v>31926</v>
      </c>
      <c r="E6178" t="s">
        <v>13</v>
      </c>
      <c r="F6178">
        <v>7904</v>
      </c>
      <c r="G6178" t="s">
        <v>32072</v>
      </c>
      <c r="H6178">
        <v>4.9163092427109998</v>
      </c>
      <c r="I6178">
        <v>52.625002599443</v>
      </c>
      <c r="J6178" t="s">
        <v>61863</v>
      </c>
    </row>
    <row r="6179" spans="1:10" x14ac:dyDescent="0.25">
      <c r="A6179" t="s">
        <v>32065</v>
      </c>
      <c r="B6179" t="s">
        <v>32066</v>
      </c>
      <c r="C6179" t="s">
        <v>32067</v>
      </c>
      <c r="D6179" t="s">
        <v>31926</v>
      </c>
      <c r="E6179" t="s">
        <v>13</v>
      </c>
      <c r="F6179">
        <v>7903</v>
      </c>
      <c r="G6179" t="s">
        <v>32068</v>
      </c>
      <c r="H6179">
        <v>4.897452129575</v>
      </c>
      <c r="I6179">
        <v>52.625391991203998</v>
      </c>
      <c r="J6179" t="s">
        <v>61864</v>
      </c>
    </row>
    <row r="6180" spans="1:10" x14ac:dyDescent="0.25">
      <c r="A6180" t="s">
        <v>32061</v>
      </c>
      <c r="B6180" t="s">
        <v>32062</v>
      </c>
      <c r="C6180" t="s">
        <v>32063</v>
      </c>
      <c r="D6180" t="s">
        <v>31926</v>
      </c>
      <c r="E6180" t="s">
        <v>13</v>
      </c>
      <c r="F6180">
        <v>7902</v>
      </c>
      <c r="G6180" t="s">
        <v>32064</v>
      </c>
      <c r="H6180">
        <v>4.9010354774809999</v>
      </c>
      <c r="I6180">
        <v>52.628900226098999</v>
      </c>
      <c r="J6180" t="s">
        <v>61865</v>
      </c>
    </row>
    <row r="6181" spans="1:10" x14ac:dyDescent="0.25">
      <c r="A6181" t="s">
        <v>32057</v>
      </c>
      <c r="B6181" t="s">
        <v>32058</v>
      </c>
      <c r="C6181" t="s">
        <v>32059</v>
      </c>
      <c r="D6181" t="s">
        <v>31926</v>
      </c>
      <c r="E6181" t="s">
        <v>13</v>
      </c>
      <c r="F6181">
        <v>7901</v>
      </c>
      <c r="G6181" t="s">
        <v>32060</v>
      </c>
      <c r="H6181">
        <v>4.8962580178090001</v>
      </c>
      <c r="I6181">
        <v>52.627017131479001</v>
      </c>
      <c r="J6181" t="s">
        <v>61866</v>
      </c>
    </row>
    <row r="6182" spans="1:10" x14ac:dyDescent="0.25">
      <c r="A6182" t="s">
        <v>32053</v>
      </c>
      <c r="B6182" t="s">
        <v>32054</v>
      </c>
      <c r="C6182" t="s">
        <v>32055</v>
      </c>
      <c r="D6182" t="s">
        <v>31926</v>
      </c>
      <c r="E6182" t="s">
        <v>13</v>
      </c>
      <c r="F6182">
        <v>7900</v>
      </c>
      <c r="G6182" t="s">
        <v>32056</v>
      </c>
      <c r="H6182">
        <v>4.8939299479210003</v>
      </c>
      <c r="I6182">
        <v>52.628253523529999</v>
      </c>
      <c r="J6182" t="s">
        <v>61867</v>
      </c>
    </row>
    <row r="6183" spans="1:10" x14ac:dyDescent="0.25">
      <c r="A6183" t="s">
        <v>32049</v>
      </c>
      <c r="B6183" t="s">
        <v>32050</v>
      </c>
      <c r="C6183" t="s">
        <v>32051</v>
      </c>
      <c r="D6183" t="s">
        <v>31926</v>
      </c>
      <c r="E6183" t="s">
        <v>13</v>
      </c>
      <c r="F6183">
        <v>7899</v>
      </c>
      <c r="G6183" t="s">
        <v>32052</v>
      </c>
      <c r="H6183">
        <v>4.891736763101</v>
      </c>
      <c r="I6183">
        <v>52.626260560026999</v>
      </c>
      <c r="J6183" t="s">
        <v>61868</v>
      </c>
    </row>
    <row r="6184" spans="1:10" x14ac:dyDescent="0.25">
      <c r="A6184" t="s">
        <v>32045</v>
      </c>
      <c r="B6184" t="s">
        <v>32046</v>
      </c>
      <c r="C6184" t="s">
        <v>32047</v>
      </c>
      <c r="D6184" t="s">
        <v>31926</v>
      </c>
      <c r="E6184" t="s">
        <v>13</v>
      </c>
      <c r="F6184">
        <v>7898</v>
      </c>
      <c r="G6184" t="s">
        <v>32048</v>
      </c>
      <c r="H6184">
        <v>4.8887955752190004</v>
      </c>
      <c r="I6184">
        <v>52.629064890755998</v>
      </c>
      <c r="J6184" t="s">
        <v>61869</v>
      </c>
    </row>
    <row r="6185" spans="1:10" x14ac:dyDescent="0.25">
      <c r="A6185" t="s">
        <v>32041</v>
      </c>
      <c r="B6185" t="s">
        <v>32042</v>
      </c>
      <c r="C6185" t="s">
        <v>32043</v>
      </c>
      <c r="D6185" t="s">
        <v>31926</v>
      </c>
      <c r="E6185" t="s">
        <v>13</v>
      </c>
      <c r="F6185">
        <v>7897</v>
      </c>
      <c r="G6185" t="s">
        <v>32044</v>
      </c>
      <c r="H6185">
        <v>4.9053420593770003</v>
      </c>
      <c r="I6185">
        <v>52.637178664575003</v>
      </c>
      <c r="J6185" t="s">
        <v>61870</v>
      </c>
    </row>
    <row r="6186" spans="1:10" x14ac:dyDescent="0.25">
      <c r="A6186" t="s">
        <v>32038</v>
      </c>
      <c r="B6186" t="s">
        <v>32039</v>
      </c>
      <c r="C6186" t="s">
        <v>11928</v>
      </c>
      <c r="D6186" t="s">
        <v>31926</v>
      </c>
      <c r="E6186" t="s">
        <v>13</v>
      </c>
      <c r="F6186">
        <v>7896</v>
      </c>
      <c r="G6186" t="s">
        <v>32040</v>
      </c>
      <c r="H6186">
        <v>4.8775343002250002</v>
      </c>
      <c r="I6186">
        <v>52.634797204879</v>
      </c>
      <c r="J6186" t="s">
        <v>61871</v>
      </c>
    </row>
    <row r="6187" spans="1:10" x14ac:dyDescent="0.25">
      <c r="A6187" t="s">
        <v>32034</v>
      </c>
      <c r="B6187" t="s">
        <v>32035</v>
      </c>
      <c r="C6187" t="s">
        <v>32036</v>
      </c>
      <c r="D6187" t="s">
        <v>31926</v>
      </c>
      <c r="E6187" t="s">
        <v>13</v>
      </c>
      <c r="F6187">
        <v>7895</v>
      </c>
      <c r="G6187" t="s">
        <v>32037</v>
      </c>
      <c r="H6187">
        <v>4.9913682070069996</v>
      </c>
      <c r="I6187">
        <v>52.633392462213003</v>
      </c>
      <c r="J6187" t="s">
        <v>61872</v>
      </c>
    </row>
    <row r="6188" spans="1:10" x14ac:dyDescent="0.25">
      <c r="A6188" t="s">
        <v>32031</v>
      </c>
      <c r="B6188" t="s">
        <v>32032</v>
      </c>
      <c r="C6188" t="s">
        <v>14512</v>
      </c>
      <c r="D6188" t="s">
        <v>31926</v>
      </c>
      <c r="E6188" t="s">
        <v>13</v>
      </c>
      <c r="F6188">
        <v>7894</v>
      </c>
      <c r="G6188" t="s">
        <v>32033</v>
      </c>
      <c r="H6188">
        <v>5.015555883227</v>
      </c>
      <c r="I6188">
        <v>52.641988237602</v>
      </c>
      <c r="J6188" t="s">
        <v>61873</v>
      </c>
    </row>
    <row r="6189" spans="1:10" x14ac:dyDescent="0.25">
      <c r="A6189" t="s">
        <v>32027</v>
      </c>
      <c r="B6189" t="s">
        <v>32028</v>
      </c>
      <c r="C6189" t="s">
        <v>32029</v>
      </c>
      <c r="D6189" t="s">
        <v>31926</v>
      </c>
      <c r="E6189" t="s">
        <v>13</v>
      </c>
      <c r="F6189">
        <v>7893</v>
      </c>
      <c r="G6189" t="s">
        <v>32030</v>
      </c>
      <c r="H6189">
        <v>5.0060072280170003</v>
      </c>
      <c r="I6189">
        <v>52.643171594279998</v>
      </c>
      <c r="J6189" t="s">
        <v>61874</v>
      </c>
    </row>
    <row r="6190" spans="1:10" x14ac:dyDescent="0.25">
      <c r="A6190" t="s">
        <v>32023</v>
      </c>
      <c r="B6190" t="s">
        <v>32024</v>
      </c>
      <c r="C6190" t="s">
        <v>32025</v>
      </c>
      <c r="D6190" t="s">
        <v>31926</v>
      </c>
      <c r="E6190" t="s">
        <v>13</v>
      </c>
      <c r="F6190">
        <v>7892</v>
      </c>
      <c r="G6190" t="s">
        <v>32026</v>
      </c>
      <c r="H6190">
        <v>5.0014403688150004</v>
      </c>
      <c r="I6190">
        <v>52.642596166676</v>
      </c>
      <c r="J6190" t="s">
        <v>61875</v>
      </c>
    </row>
    <row r="6191" spans="1:10" x14ac:dyDescent="0.25">
      <c r="A6191" t="s">
        <v>32019</v>
      </c>
      <c r="B6191" t="s">
        <v>32020</v>
      </c>
      <c r="C6191" t="s">
        <v>32021</v>
      </c>
      <c r="D6191" t="s">
        <v>31926</v>
      </c>
      <c r="E6191" t="s">
        <v>13</v>
      </c>
      <c r="F6191">
        <v>7891</v>
      </c>
      <c r="G6191" t="s">
        <v>32022</v>
      </c>
      <c r="H6191">
        <v>4.9939100810810002</v>
      </c>
      <c r="I6191">
        <v>52.639602989152003</v>
      </c>
      <c r="J6191" t="s">
        <v>61876</v>
      </c>
    </row>
    <row r="6192" spans="1:10" x14ac:dyDescent="0.25">
      <c r="A6192" t="s">
        <v>32016</v>
      </c>
      <c r="B6192" t="s">
        <v>32017</v>
      </c>
      <c r="C6192" t="s">
        <v>24706</v>
      </c>
      <c r="D6192" t="s">
        <v>31926</v>
      </c>
      <c r="E6192" t="s">
        <v>13</v>
      </c>
      <c r="F6192">
        <v>7890</v>
      </c>
      <c r="G6192" t="s">
        <v>32018</v>
      </c>
      <c r="H6192">
        <v>4.9682323690740002</v>
      </c>
      <c r="I6192">
        <v>52.636899801338998</v>
      </c>
      <c r="J6192" t="s">
        <v>61877</v>
      </c>
    </row>
    <row r="6193" spans="1:10" x14ac:dyDescent="0.25">
      <c r="A6193" t="s">
        <v>32012</v>
      </c>
      <c r="B6193" t="s">
        <v>32013</v>
      </c>
      <c r="C6193" t="s">
        <v>32014</v>
      </c>
      <c r="D6193" t="s">
        <v>31926</v>
      </c>
      <c r="E6193" t="s">
        <v>13</v>
      </c>
      <c r="F6193">
        <v>7889</v>
      </c>
      <c r="G6193" t="s">
        <v>32015</v>
      </c>
      <c r="H6193">
        <v>4.9995057854910003</v>
      </c>
      <c r="I6193">
        <v>52.651944150929999</v>
      </c>
      <c r="J6193" t="s">
        <v>61878</v>
      </c>
    </row>
    <row r="6194" spans="1:10" x14ac:dyDescent="0.25">
      <c r="A6194" t="s">
        <v>32008</v>
      </c>
      <c r="B6194" t="s">
        <v>32009</v>
      </c>
      <c r="C6194" t="s">
        <v>32010</v>
      </c>
      <c r="D6194" t="s">
        <v>31926</v>
      </c>
      <c r="E6194" t="s">
        <v>13</v>
      </c>
      <c r="F6194">
        <v>7888</v>
      </c>
      <c r="G6194" t="s">
        <v>32011</v>
      </c>
      <c r="H6194">
        <v>4.9896477837419999</v>
      </c>
      <c r="I6194">
        <v>52.667320938380001</v>
      </c>
      <c r="J6194" t="s">
        <v>61879</v>
      </c>
    </row>
    <row r="6195" spans="1:10" x14ac:dyDescent="0.25">
      <c r="A6195" t="s">
        <v>32004</v>
      </c>
      <c r="B6195" t="s">
        <v>32005</v>
      </c>
      <c r="C6195" t="s">
        <v>32006</v>
      </c>
      <c r="D6195" t="s">
        <v>31926</v>
      </c>
      <c r="E6195" t="s">
        <v>13</v>
      </c>
      <c r="F6195">
        <v>7887</v>
      </c>
      <c r="G6195" t="s">
        <v>32007</v>
      </c>
      <c r="H6195">
        <v>4.9750179732269997</v>
      </c>
      <c r="I6195">
        <v>52.663456426345</v>
      </c>
      <c r="J6195" t="s">
        <v>61880</v>
      </c>
    </row>
    <row r="6196" spans="1:10" x14ac:dyDescent="0.25">
      <c r="A6196" t="s">
        <v>32000</v>
      </c>
      <c r="B6196" t="s">
        <v>32001</v>
      </c>
      <c r="C6196" t="s">
        <v>32002</v>
      </c>
      <c r="D6196" t="s">
        <v>31926</v>
      </c>
      <c r="E6196" t="s">
        <v>13</v>
      </c>
      <c r="F6196">
        <v>7886</v>
      </c>
      <c r="G6196" t="s">
        <v>32003</v>
      </c>
      <c r="H6196">
        <v>4.9677303056840003</v>
      </c>
      <c r="I6196">
        <v>52.666236159995997</v>
      </c>
      <c r="J6196" t="s">
        <v>61881</v>
      </c>
    </row>
    <row r="6197" spans="1:10" x14ac:dyDescent="0.25">
      <c r="A6197" t="s">
        <v>31996</v>
      </c>
      <c r="B6197" t="s">
        <v>31997</v>
      </c>
      <c r="C6197" t="s">
        <v>31998</v>
      </c>
      <c r="D6197" t="s">
        <v>31926</v>
      </c>
      <c r="E6197" t="s">
        <v>13</v>
      </c>
      <c r="F6197">
        <v>7885</v>
      </c>
      <c r="G6197" t="s">
        <v>31999</v>
      </c>
      <c r="H6197">
        <v>4.9414159219720002</v>
      </c>
      <c r="I6197">
        <v>52.649739351851998</v>
      </c>
      <c r="J6197" t="s">
        <v>61882</v>
      </c>
    </row>
    <row r="6198" spans="1:10" x14ac:dyDescent="0.25">
      <c r="A6198" t="s">
        <v>31992</v>
      </c>
      <c r="B6198" t="s">
        <v>31993</v>
      </c>
      <c r="C6198" t="s">
        <v>31994</v>
      </c>
      <c r="D6198" t="s">
        <v>31926</v>
      </c>
      <c r="E6198" t="s">
        <v>13</v>
      </c>
      <c r="F6198">
        <v>7884</v>
      </c>
      <c r="G6198" t="s">
        <v>31995</v>
      </c>
      <c r="H6198">
        <v>4.945508571465</v>
      </c>
      <c r="I6198">
        <v>52.654160795396002</v>
      </c>
      <c r="J6198" t="s">
        <v>61883</v>
      </c>
    </row>
    <row r="6199" spans="1:10" x14ac:dyDescent="0.25">
      <c r="A6199" t="s">
        <v>31988</v>
      </c>
      <c r="B6199" t="s">
        <v>31989</v>
      </c>
      <c r="C6199" t="s">
        <v>31990</v>
      </c>
      <c r="D6199" t="s">
        <v>31926</v>
      </c>
      <c r="E6199" t="s">
        <v>13</v>
      </c>
      <c r="F6199">
        <v>7883</v>
      </c>
      <c r="G6199" t="s">
        <v>31991</v>
      </c>
      <c r="H6199">
        <v>4.9335867632910002</v>
      </c>
      <c r="I6199">
        <v>52.659742559889999</v>
      </c>
      <c r="J6199" t="s">
        <v>61884</v>
      </c>
    </row>
    <row r="6200" spans="1:10" x14ac:dyDescent="0.25">
      <c r="A6200" t="s">
        <v>31984</v>
      </c>
      <c r="B6200" t="s">
        <v>31985</v>
      </c>
      <c r="C6200" t="s">
        <v>31986</v>
      </c>
      <c r="D6200" t="s">
        <v>31926</v>
      </c>
      <c r="E6200" t="s">
        <v>13</v>
      </c>
      <c r="F6200">
        <v>7882</v>
      </c>
      <c r="G6200" t="s">
        <v>31987</v>
      </c>
      <c r="H6200">
        <v>4.91287173024</v>
      </c>
      <c r="I6200">
        <v>52.650779195066001</v>
      </c>
      <c r="J6200" t="s">
        <v>61885</v>
      </c>
    </row>
    <row r="6201" spans="1:10" x14ac:dyDescent="0.25">
      <c r="A6201" t="s">
        <v>31980</v>
      </c>
      <c r="B6201" t="s">
        <v>31981</v>
      </c>
      <c r="C6201" t="s">
        <v>31982</v>
      </c>
      <c r="D6201" t="s">
        <v>31926</v>
      </c>
      <c r="E6201" t="s">
        <v>13</v>
      </c>
      <c r="F6201">
        <v>7881</v>
      </c>
      <c r="G6201" t="s">
        <v>31983</v>
      </c>
      <c r="H6201">
        <v>4.8840135552010002</v>
      </c>
      <c r="I6201">
        <v>52.658017601760001</v>
      </c>
      <c r="J6201" t="s">
        <v>61886</v>
      </c>
    </row>
    <row r="6202" spans="1:10" x14ac:dyDescent="0.25">
      <c r="A6202" t="s">
        <v>31976</v>
      </c>
      <c r="B6202" t="s">
        <v>31977</v>
      </c>
      <c r="C6202" t="s">
        <v>31978</v>
      </c>
      <c r="D6202" t="s">
        <v>31926</v>
      </c>
      <c r="E6202" t="s">
        <v>13</v>
      </c>
      <c r="F6202">
        <v>7880</v>
      </c>
      <c r="G6202" t="s">
        <v>31979</v>
      </c>
      <c r="H6202">
        <v>4.8830300531499997</v>
      </c>
      <c r="I6202">
        <v>52.655360335108</v>
      </c>
      <c r="J6202" t="s">
        <v>61887</v>
      </c>
    </row>
    <row r="6203" spans="1:10" x14ac:dyDescent="0.25">
      <c r="A6203" t="s">
        <v>31972</v>
      </c>
      <c r="B6203" t="s">
        <v>31973</v>
      </c>
      <c r="C6203" t="s">
        <v>31974</v>
      </c>
      <c r="D6203" t="s">
        <v>31926</v>
      </c>
      <c r="E6203" t="s">
        <v>13</v>
      </c>
      <c r="F6203">
        <v>7879</v>
      </c>
      <c r="G6203" t="s">
        <v>31975</v>
      </c>
      <c r="H6203">
        <v>4.9198348077779999</v>
      </c>
      <c r="I6203">
        <v>52.671249067528002</v>
      </c>
      <c r="J6203" t="s">
        <v>61888</v>
      </c>
    </row>
    <row r="6204" spans="1:10" x14ac:dyDescent="0.25">
      <c r="A6204" t="s">
        <v>31968</v>
      </c>
      <c r="B6204" t="s">
        <v>31969</v>
      </c>
      <c r="C6204" t="s">
        <v>31970</v>
      </c>
      <c r="D6204" t="s">
        <v>31926</v>
      </c>
      <c r="E6204" t="s">
        <v>13</v>
      </c>
      <c r="F6204">
        <v>7878</v>
      </c>
      <c r="G6204" t="s">
        <v>31971</v>
      </c>
      <c r="H6204">
        <v>4.9159218249530001</v>
      </c>
      <c r="I6204">
        <v>52.671774077056</v>
      </c>
      <c r="J6204" t="s">
        <v>61889</v>
      </c>
    </row>
    <row r="6205" spans="1:10" x14ac:dyDescent="0.25">
      <c r="A6205" t="s">
        <v>31964</v>
      </c>
      <c r="B6205" t="s">
        <v>31965</v>
      </c>
      <c r="C6205" t="s">
        <v>31966</v>
      </c>
      <c r="D6205" t="s">
        <v>31926</v>
      </c>
      <c r="E6205" t="s">
        <v>13</v>
      </c>
      <c r="F6205">
        <v>7877</v>
      </c>
      <c r="G6205" t="s">
        <v>31967</v>
      </c>
      <c r="H6205">
        <v>4.9117127219409999</v>
      </c>
      <c r="I6205">
        <v>52.673812426104</v>
      </c>
      <c r="J6205" t="s">
        <v>61890</v>
      </c>
    </row>
    <row r="6206" spans="1:10" x14ac:dyDescent="0.25">
      <c r="A6206" t="s">
        <v>31960</v>
      </c>
      <c r="B6206" t="s">
        <v>31961</v>
      </c>
      <c r="C6206" t="s">
        <v>31962</v>
      </c>
      <c r="D6206" t="s">
        <v>31926</v>
      </c>
      <c r="E6206" t="s">
        <v>13</v>
      </c>
      <c r="F6206">
        <v>7876</v>
      </c>
      <c r="G6206" t="s">
        <v>31963</v>
      </c>
      <c r="H6206">
        <v>4.9066114508209999</v>
      </c>
      <c r="I6206">
        <v>52.671676382473997</v>
      </c>
      <c r="J6206" t="s">
        <v>61891</v>
      </c>
    </row>
    <row r="6207" spans="1:10" x14ac:dyDescent="0.25">
      <c r="A6207" t="s">
        <v>31956</v>
      </c>
      <c r="B6207" t="s">
        <v>31957</v>
      </c>
      <c r="C6207" t="s">
        <v>31958</v>
      </c>
      <c r="D6207" t="s">
        <v>31926</v>
      </c>
      <c r="E6207" t="s">
        <v>13</v>
      </c>
      <c r="F6207">
        <v>7875</v>
      </c>
      <c r="G6207" t="s">
        <v>31959</v>
      </c>
      <c r="H6207">
        <v>4.9098921451560003</v>
      </c>
      <c r="I6207">
        <v>52.676151857024998</v>
      </c>
      <c r="J6207" t="s">
        <v>61892</v>
      </c>
    </row>
    <row r="6208" spans="1:10" x14ac:dyDescent="0.25">
      <c r="A6208" t="s">
        <v>31952</v>
      </c>
      <c r="B6208" t="s">
        <v>31953</v>
      </c>
      <c r="C6208" t="s">
        <v>31954</v>
      </c>
      <c r="D6208" t="s">
        <v>31926</v>
      </c>
      <c r="E6208" t="s">
        <v>13</v>
      </c>
      <c r="F6208">
        <v>7874</v>
      </c>
      <c r="G6208" t="s">
        <v>31955</v>
      </c>
      <c r="H6208">
        <v>4.8934668492469999</v>
      </c>
      <c r="I6208">
        <v>52.669695157305</v>
      </c>
      <c r="J6208" t="s">
        <v>61893</v>
      </c>
    </row>
    <row r="6209" spans="1:10" x14ac:dyDescent="0.25">
      <c r="A6209" t="s">
        <v>31948</v>
      </c>
      <c r="B6209" t="s">
        <v>31949</v>
      </c>
      <c r="C6209" t="s">
        <v>31950</v>
      </c>
      <c r="D6209" t="s">
        <v>31926</v>
      </c>
      <c r="E6209" t="s">
        <v>13</v>
      </c>
      <c r="F6209">
        <v>7873</v>
      </c>
      <c r="G6209" t="s">
        <v>31951</v>
      </c>
      <c r="H6209">
        <v>4.9027497304869998</v>
      </c>
      <c r="I6209">
        <v>52.675319498519997</v>
      </c>
      <c r="J6209" t="s">
        <v>61894</v>
      </c>
    </row>
    <row r="6210" spans="1:10" x14ac:dyDescent="0.25">
      <c r="A6210" t="s">
        <v>31944</v>
      </c>
      <c r="B6210" t="s">
        <v>31945</v>
      </c>
      <c r="C6210" t="s">
        <v>31946</v>
      </c>
      <c r="D6210" t="s">
        <v>31926</v>
      </c>
      <c r="E6210" t="s">
        <v>13</v>
      </c>
      <c r="F6210">
        <v>7872</v>
      </c>
      <c r="G6210" t="s">
        <v>31947</v>
      </c>
      <c r="H6210">
        <v>4.8966736351789999</v>
      </c>
      <c r="I6210">
        <v>52.674822752855</v>
      </c>
      <c r="J6210" t="s">
        <v>61895</v>
      </c>
    </row>
    <row r="6211" spans="1:10" x14ac:dyDescent="0.25">
      <c r="A6211" t="s">
        <v>31940</v>
      </c>
      <c r="B6211" t="s">
        <v>31941</v>
      </c>
      <c r="C6211" t="s">
        <v>31942</v>
      </c>
      <c r="D6211" t="s">
        <v>31926</v>
      </c>
      <c r="E6211" t="s">
        <v>13</v>
      </c>
      <c r="F6211">
        <v>7871</v>
      </c>
      <c r="G6211" t="s">
        <v>31943</v>
      </c>
      <c r="H6211">
        <v>4.9052356787670002</v>
      </c>
      <c r="I6211">
        <v>52.677337757544002</v>
      </c>
      <c r="J6211" t="s">
        <v>61896</v>
      </c>
    </row>
    <row r="6212" spans="1:10" x14ac:dyDescent="0.25">
      <c r="A6212" t="s">
        <v>31936</v>
      </c>
      <c r="B6212" t="s">
        <v>31937</v>
      </c>
      <c r="C6212" t="s">
        <v>31938</v>
      </c>
      <c r="D6212" t="s">
        <v>31926</v>
      </c>
      <c r="E6212" t="s">
        <v>13</v>
      </c>
      <c r="F6212">
        <v>7870</v>
      </c>
      <c r="G6212" t="s">
        <v>31939</v>
      </c>
      <c r="H6212">
        <v>4.8988737777100004</v>
      </c>
      <c r="I6212">
        <v>52.677344782513003</v>
      </c>
      <c r="J6212" t="s">
        <v>61897</v>
      </c>
    </row>
    <row r="6213" spans="1:10" x14ac:dyDescent="0.25">
      <c r="A6213" t="s">
        <v>31932</v>
      </c>
      <c r="B6213" t="s">
        <v>31933</v>
      </c>
      <c r="C6213" t="s">
        <v>31934</v>
      </c>
      <c r="D6213" t="s">
        <v>31926</v>
      </c>
      <c r="E6213" t="s">
        <v>13</v>
      </c>
      <c r="F6213">
        <v>7869</v>
      </c>
      <c r="G6213" t="s">
        <v>31935</v>
      </c>
      <c r="H6213">
        <v>4.8943130838849997</v>
      </c>
      <c r="I6213">
        <v>52.677165203281</v>
      </c>
      <c r="J6213" t="s">
        <v>61898</v>
      </c>
    </row>
    <row r="6214" spans="1:10" x14ac:dyDescent="0.25">
      <c r="A6214" t="s">
        <v>31928</v>
      </c>
      <c r="B6214" t="s">
        <v>31929</v>
      </c>
      <c r="C6214" t="s">
        <v>31930</v>
      </c>
      <c r="D6214" t="s">
        <v>31926</v>
      </c>
      <c r="E6214" t="s">
        <v>13</v>
      </c>
      <c r="F6214">
        <v>7868</v>
      </c>
      <c r="G6214" t="s">
        <v>31931</v>
      </c>
      <c r="H6214">
        <v>4.8906704287469998</v>
      </c>
      <c r="I6214">
        <v>52.675860646385999</v>
      </c>
      <c r="J6214" t="s">
        <v>61899</v>
      </c>
    </row>
    <row r="6215" spans="1:10" x14ac:dyDescent="0.25">
      <c r="A6215" t="s">
        <v>31923</v>
      </c>
      <c r="B6215" t="s">
        <v>31924</v>
      </c>
      <c r="C6215" t="s">
        <v>31925</v>
      </c>
      <c r="D6215" t="s">
        <v>31926</v>
      </c>
      <c r="E6215" t="s">
        <v>13</v>
      </c>
      <c r="F6215">
        <v>7867</v>
      </c>
      <c r="G6215" t="s">
        <v>31927</v>
      </c>
      <c r="H6215">
        <v>4.8978752124040001</v>
      </c>
      <c r="I6215">
        <v>52.690447346878003</v>
      </c>
      <c r="J6215" t="s">
        <v>61900</v>
      </c>
    </row>
    <row r="6216" spans="1:10" x14ac:dyDescent="0.25">
      <c r="A6216" t="s">
        <v>31919</v>
      </c>
      <c r="B6216" t="s">
        <v>31920</v>
      </c>
      <c r="C6216" t="s">
        <v>31921</v>
      </c>
      <c r="D6216" t="s">
        <v>31764</v>
      </c>
      <c r="E6216" t="s">
        <v>13</v>
      </c>
      <c r="F6216">
        <v>7866</v>
      </c>
      <c r="G6216" t="s">
        <v>31922</v>
      </c>
      <c r="H6216">
        <v>6.4788081105049997</v>
      </c>
      <c r="I6216">
        <v>52.010352838023003</v>
      </c>
      <c r="J6216" t="s">
        <v>61901</v>
      </c>
    </row>
    <row r="6217" spans="1:10" x14ac:dyDescent="0.25">
      <c r="A6217" t="s">
        <v>31915</v>
      </c>
      <c r="B6217" t="s">
        <v>31916</v>
      </c>
      <c r="C6217" t="s">
        <v>31917</v>
      </c>
      <c r="D6217" t="s">
        <v>31764</v>
      </c>
      <c r="E6217" t="s">
        <v>13</v>
      </c>
      <c r="F6217">
        <v>7865</v>
      </c>
      <c r="G6217" t="s">
        <v>31918</v>
      </c>
      <c r="H6217">
        <v>6.4728823329120004</v>
      </c>
      <c r="I6217">
        <v>52.012699894019001</v>
      </c>
      <c r="J6217" t="s">
        <v>61902</v>
      </c>
    </row>
    <row r="6218" spans="1:10" x14ac:dyDescent="0.25">
      <c r="A6218" t="s">
        <v>31911</v>
      </c>
      <c r="B6218" t="s">
        <v>31912</v>
      </c>
      <c r="C6218" t="s">
        <v>31913</v>
      </c>
      <c r="D6218" t="s">
        <v>31764</v>
      </c>
      <c r="E6218" t="s">
        <v>13</v>
      </c>
      <c r="F6218">
        <v>7864</v>
      </c>
      <c r="G6218" t="s">
        <v>31914</v>
      </c>
      <c r="H6218">
        <v>6.6441853062809999</v>
      </c>
      <c r="I6218">
        <v>52.035623859525998</v>
      </c>
      <c r="J6218" t="s">
        <v>61903</v>
      </c>
    </row>
    <row r="6219" spans="1:10" x14ac:dyDescent="0.25">
      <c r="A6219" t="s">
        <v>31907</v>
      </c>
      <c r="B6219" t="s">
        <v>31908</v>
      </c>
      <c r="C6219" t="s">
        <v>31909</v>
      </c>
      <c r="D6219" t="s">
        <v>31764</v>
      </c>
      <c r="E6219" t="s">
        <v>13</v>
      </c>
      <c r="F6219">
        <v>7863</v>
      </c>
      <c r="G6219" t="s">
        <v>31910</v>
      </c>
      <c r="H6219">
        <v>6.6545036401240001</v>
      </c>
      <c r="I6219">
        <v>52.031162181298001</v>
      </c>
      <c r="J6219" t="s">
        <v>61904</v>
      </c>
    </row>
    <row r="6220" spans="1:10" x14ac:dyDescent="0.25">
      <c r="A6220" t="s">
        <v>31903</v>
      </c>
      <c r="B6220" t="s">
        <v>31904</v>
      </c>
      <c r="C6220" t="s">
        <v>31905</v>
      </c>
      <c r="D6220" t="s">
        <v>31764</v>
      </c>
      <c r="E6220" t="s">
        <v>13</v>
      </c>
      <c r="F6220">
        <v>7862</v>
      </c>
      <c r="G6220" t="s">
        <v>31906</v>
      </c>
      <c r="H6220">
        <v>6.6209342186400004</v>
      </c>
      <c r="I6220">
        <v>52.061012673953002</v>
      </c>
      <c r="J6220" t="s">
        <v>61905</v>
      </c>
    </row>
    <row r="6221" spans="1:10" x14ac:dyDescent="0.25">
      <c r="A6221" t="s">
        <v>31899</v>
      </c>
      <c r="B6221" t="s">
        <v>31900</v>
      </c>
      <c r="C6221" t="s">
        <v>31901</v>
      </c>
      <c r="D6221" t="s">
        <v>31764</v>
      </c>
      <c r="E6221" t="s">
        <v>13</v>
      </c>
      <c r="F6221">
        <v>7861</v>
      </c>
      <c r="G6221" t="s">
        <v>31902</v>
      </c>
      <c r="H6221">
        <v>6.6225193110780003</v>
      </c>
      <c r="I6221">
        <v>52.052468071718998</v>
      </c>
      <c r="J6221" t="s">
        <v>61906</v>
      </c>
    </row>
    <row r="6222" spans="1:10" x14ac:dyDescent="0.25">
      <c r="A6222" t="s">
        <v>31895</v>
      </c>
      <c r="B6222" t="s">
        <v>31896</v>
      </c>
      <c r="C6222" t="s">
        <v>31897</v>
      </c>
      <c r="D6222" t="s">
        <v>31764</v>
      </c>
      <c r="E6222" t="s">
        <v>13</v>
      </c>
      <c r="F6222">
        <v>7860</v>
      </c>
      <c r="G6222" t="s">
        <v>31898</v>
      </c>
      <c r="H6222">
        <v>6.6171070800339997</v>
      </c>
      <c r="I6222">
        <v>52.047277326680003</v>
      </c>
      <c r="J6222" t="s">
        <v>61907</v>
      </c>
    </row>
    <row r="6223" spans="1:10" x14ac:dyDescent="0.25">
      <c r="A6223" t="s">
        <v>31891</v>
      </c>
      <c r="B6223" t="s">
        <v>31892</v>
      </c>
      <c r="C6223" t="s">
        <v>31893</v>
      </c>
      <c r="D6223" t="s">
        <v>31764</v>
      </c>
      <c r="E6223" t="s">
        <v>13</v>
      </c>
      <c r="F6223">
        <v>7859</v>
      </c>
      <c r="G6223" t="s">
        <v>31894</v>
      </c>
      <c r="H6223">
        <v>6.6222676879259996</v>
      </c>
      <c r="I6223">
        <v>52.045140995616997</v>
      </c>
      <c r="J6223" t="s">
        <v>61908</v>
      </c>
    </row>
    <row r="6224" spans="1:10" x14ac:dyDescent="0.25">
      <c r="A6224" t="s">
        <v>31887</v>
      </c>
      <c r="B6224" t="s">
        <v>31888</v>
      </c>
      <c r="C6224" t="s">
        <v>31889</v>
      </c>
      <c r="D6224" t="s">
        <v>31764</v>
      </c>
      <c r="E6224" t="s">
        <v>13</v>
      </c>
      <c r="F6224">
        <v>7858</v>
      </c>
      <c r="G6224" t="s">
        <v>31890</v>
      </c>
      <c r="H6224">
        <v>6.6242295644329996</v>
      </c>
      <c r="I6224">
        <v>52.039604622890003</v>
      </c>
      <c r="J6224" t="s">
        <v>61909</v>
      </c>
    </row>
    <row r="6225" spans="1:10" x14ac:dyDescent="0.25">
      <c r="A6225" t="s">
        <v>31883</v>
      </c>
      <c r="B6225" t="s">
        <v>31884</v>
      </c>
      <c r="C6225" t="s">
        <v>31885</v>
      </c>
      <c r="D6225" t="s">
        <v>31764</v>
      </c>
      <c r="E6225" t="s">
        <v>13</v>
      </c>
      <c r="F6225">
        <v>7857</v>
      </c>
      <c r="G6225" t="s">
        <v>31886</v>
      </c>
      <c r="H6225">
        <v>6.6336872983869997</v>
      </c>
      <c r="I6225">
        <v>52.035544895450002</v>
      </c>
      <c r="J6225" t="s">
        <v>61910</v>
      </c>
    </row>
    <row r="6226" spans="1:10" x14ac:dyDescent="0.25">
      <c r="A6226" t="s">
        <v>31879</v>
      </c>
      <c r="B6226" t="s">
        <v>31880</v>
      </c>
      <c r="C6226" t="s">
        <v>31881</v>
      </c>
      <c r="D6226" t="s">
        <v>31764</v>
      </c>
      <c r="E6226" t="s">
        <v>13</v>
      </c>
      <c r="F6226">
        <v>7856</v>
      </c>
      <c r="G6226" t="s">
        <v>31882</v>
      </c>
      <c r="H6226">
        <v>6.6171271723259997</v>
      </c>
      <c r="I6226">
        <v>52.036205743474</v>
      </c>
      <c r="J6226" t="s">
        <v>61911</v>
      </c>
    </row>
    <row r="6227" spans="1:10" x14ac:dyDescent="0.25">
      <c r="A6227" t="s">
        <v>31875</v>
      </c>
      <c r="B6227" t="s">
        <v>31876</v>
      </c>
      <c r="C6227" t="s">
        <v>31877</v>
      </c>
      <c r="D6227" t="s">
        <v>31764</v>
      </c>
      <c r="E6227" t="s">
        <v>13</v>
      </c>
      <c r="F6227">
        <v>7855</v>
      </c>
      <c r="G6227" t="s">
        <v>31878</v>
      </c>
      <c r="H6227">
        <v>6.6090010923389997</v>
      </c>
      <c r="I6227">
        <v>52.034017660516</v>
      </c>
      <c r="J6227" t="s">
        <v>61912</v>
      </c>
    </row>
    <row r="6228" spans="1:10" x14ac:dyDescent="0.25">
      <c r="A6228" t="s">
        <v>31871</v>
      </c>
      <c r="B6228" t="s">
        <v>31872</v>
      </c>
      <c r="C6228" t="s">
        <v>31873</v>
      </c>
      <c r="D6228" t="s">
        <v>31764</v>
      </c>
      <c r="E6228" t="s">
        <v>13</v>
      </c>
      <c r="F6228">
        <v>7854</v>
      </c>
      <c r="G6228" t="s">
        <v>31874</v>
      </c>
      <c r="H6228">
        <v>6.6085089622910003</v>
      </c>
      <c r="I6228">
        <v>52.039447689878997</v>
      </c>
      <c r="J6228" t="s">
        <v>61913</v>
      </c>
    </row>
    <row r="6229" spans="1:10" x14ac:dyDescent="0.25">
      <c r="A6229" t="s">
        <v>31867</v>
      </c>
      <c r="B6229" t="s">
        <v>31868</v>
      </c>
      <c r="C6229" t="s">
        <v>31869</v>
      </c>
      <c r="D6229" t="s">
        <v>31764</v>
      </c>
      <c r="E6229" t="s">
        <v>13</v>
      </c>
      <c r="F6229">
        <v>7853</v>
      </c>
      <c r="G6229" t="s">
        <v>31870</v>
      </c>
      <c r="H6229">
        <v>6.6009524716570001</v>
      </c>
      <c r="I6229">
        <v>52.038963223023003</v>
      </c>
      <c r="J6229" t="s">
        <v>61914</v>
      </c>
    </row>
    <row r="6230" spans="1:10" x14ac:dyDescent="0.25">
      <c r="A6230" t="s">
        <v>31863</v>
      </c>
      <c r="B6230" t="s">
        <v>31864</v>
      </c>
      <c r="C6230" t="s">
        <v>31865</v>
      </c>
      <c r="D6230" t="s">
        <v>31764</v>
      </c>
      <c r="E6230" t="s">
        <v>13</v>
      </c>
      <c r="F6230">
        <v>7852</v>
      </c>
      <c r="G6230" t="s">
        <v>31866</v>
      </c>
      <c r="H6230">
        <v>6.6035013731319996</v>
      </c>
      <c r="I6230">
        <v>52.043771442550998</v>
      </c>
      <c r="J6230" t="s">
        <v>61915</v>
      </c>
    </row>
    <row r="6231" spans="1:10" x14ac:dyDescent="0.25">
      <c r="A6231" t="s">
        <v>31859</v>
      </c>
      <c r="B6231" t="s">
        <v>31860</v>
      </c>
      <c r="C6231" t="s">
        <v>31861</v>
      </c>
      <c r="D6231" t="s">
        <v>31764</v>
      </c>
      <c r="E6231" t="s">
        <v>13</v>
      </c>
      <c r="F6231">
        <v>7851</v>
      </c>
      <c r="G6231" t="s">
        <v>31862</v>
      </c>
      <c r="H6231">
        <v>6.6094695326719997</v>
      </c>
      <c r="I6231">
        <v>52.047023960075997</v>
      </c>
      <c r="J6231" t="s">
        <v>61916</v>
      </c>
    </row>
    <row r="6232" spans="1:10" x14ac:dyDescent="0.25">
      <c r="A6232" t="s">
        <v>31855</v>
      </c>
      <c r="B6232" t="s">
        <v>31856</v>
      </c>
      <c r="C6232" t="s">
        <v>31857</v>
      </c>
      <c r="D6232" t="s">
        <v>31764</v>
      </c>
      <c r="E6232" t="s">
        <v>13</v>
      </c>
      <c r="F6232">
        <v>7850</v>
      </c>
      <c r="G6232" t="s">
        <v>31858</v>
      </c>
      <c r="H6232">
        <v>6.6160186551790003</v>
      </c>
      <c r="I6232">
        <v>52.041758740264001</v>
      </c>
      <c r="J6232" t="s">
        <v>61917</v>
      </c>
    </row>
    <row r="6233" spans="1:10" x14ac:dyDescent="0.25">
      <c r="A6233" t="s">
        <v>31851</v>
      </c>
      <c r="B6233" t="s">
        <v>31852</v>
      </c>
      <c r="C6233" t="s">
        <v>31853</v>
      </c>
      <c r="D6233" t="s">
        <v>31764</v>
      </c>
      <c r="E6233" t="s">
        <v>13</v>
      </c>
      <c r="F6233">
        <v>7849</v>
      </c>
      <c r="G6233" t="s">
        <v>31854</v>
      </c>
      <c r="H6233">
        <v>6.6221076063990001</v>
      </c>
      <c r="I6233">
        <v>51.984617140512</v>
      </c>
      <c r="J6233" t="s">
        <v>61918</v>
      </c>
    </row>
    <row r="6234" spans="1:10" x14ac:dyDescent="0.25">
      <c r="A6234" t="s">
        <v>31847</v>
      </c>
      <c r="B6234" t="s">
        <v>31848</v>
      </c>
      <c r="C6234" t="s">
        <v>31849</v>
      </c>
      <c r="D6234" t="s">
        <v>31764</v>
      </c>
      <c r="E6234" t="s">
        <v>13</v>
      </c>
      <c r="F6234">
        <v>7848</v>
      </c>
      <c r="G6234" t="s">
        <v>31850</v>
      </c>
      <c r="H6234">
        <v>6.6111654699029998</v>
      </c>
      <c r="I6234">
        <v>51.986813082815999</v>
      </c>
      <c r="J6234" t="s">
        <v>61919</v>
      </c>
    </row>
    <row r="6235" spans="1:10" x14ac:dyDescent="0.25">
      <c r="A6235" t="s">
        <v>31843</v>
      </c>
      <c r="B6235" t="s">
        <v>31844</v>
      </c>
      <c r="C6235" t="s">
        <v>31845</v>
      </c>
      <c r="D6235" t="s">
        <v>31764</v>
      </c>
      <c r="E6235" t="s">
        <v>13</v>
      </c>
      <c r="F6235">
        <v>7847</v>
      </c>
      <c r="G6235" t="s">
        <v>31846</v>
      </c>
      <c r="H6235">
        <v>6.5934398027669996</v>
      </c>
      <c r="I6235">
        <v>52.015563780114</v>
      </c>
      <c r="J6235" t="s">
        <v>61920</v>
      </c>
    </row>
    <row r="6236" spans="1:10" x14ac:dyDescent="0.25">
      <c r="A6236" t="s">
        <v>31839</v>
      </c>
      <c r="B6236" t="s">
        <v>31840</v>
      </c>
      <c r="C6236" t="s">
        <v>31841</v>
      </c>
      <c r="D6236" t="s">
        <v>31764</v>
      </c>
      <c r="E6236" t="s">
        <v>13</v>
      </c>
      <c r="F6236">
        <v>7846</v>
      </c>
      <c r="G6236" t="s">
        <v>31842</v>
      </c>
      <c r="H6236">
        <v>6.5940412286469998</v>
      </c>
      <c r="I6236">
        <v>52.010501421188998</v>
      </c>
      <c r="J6236" t="s">
        <v>61921</v>
      </c>
    </row>
    <row r="6237" spans="1:10" x14ac:dyDescent="0.25">
      <c r="A6237" t="s">
        <v>31835</v>
      </c>
      <c r="B6237" t="s">
        <v>31836</v>
      </c>
      <c r="C6237" t="s">
        <v>31837</v>
      </c>
      <c r="D6237" t="s">
        <v>31764</v>
      </c>
      <c r="E6237" t="s">
        <v>13</v>
      </c>
      <c r="F6237">
        <v>7845</v>
      </c>
      <c r="G6237" t="s">
        <v>31838</v>
      </c>
      <c r="H6237">
        <v>6.5194374442939997</v>
      </c>
      <c r="I6237">
        <v>52.015206910399002</v>
      </c>
      <c r="J6237" t="s">
        <v>61922</v>
      </c>
    </row>
    <row r="6238" spans="1:10" x14ac:dyDescent="0.25">
      <c r="A6238" t="s">
        <v>31831</v>
      </c>
      <c r="B6238" t="s">
        <v>31832</v>
      </c>
      <c r="C6238" t="s">
        <v>31833</v>
      </c>
      <c r="D6238" t="s">
        <v>31764</v>
      </c>
      <c r="E6238" t="s">
        <v>13</v>
      </c>
      <c r="F6238">
        <v>7844</v>
      </c>
      <c r="G6238" t="s">
        <v>31834</v>
      </c>
      <c r="H6238">
        <v>6.518476140712</v>
      </c>
      <c r="I6238">
        <v>52.004583031764</v>
      </c>
      <c r="J6238" t="s">
        <v>61923</v>
      </c>
    </row>
    <row r="6239" spans="1:10" x14ac:dyDescent="0.25">
      <c r="A6239" t="s">
        <v>31827</v>
      </c>
      <c r="B6239" t="s">
        <v>31828</v>
      </c>
      <c r="C6239" t="s">
        <v>31829</v>
      </c>
      <c r="D6239" t="s">
        <v>31764</v>
      </c>
      <c r="E6239" t="s">
        <v>13</v>
      </c>
      <c r="F6239">
        <v>7843</v>
      </c>
      <c r="G6239" t="s">
        <v>31830</v>
      </c>
      <c r="H6239">
        <v>6.5083831117889996</v>
      </c>
      <c r="I6239">
        <v>51.981744909509999</v>
      </c>
      <c r="J6239" t="s">
        <v>61924</v>
      </c>
    </row>
    <row r="6240" spans="1:10" x14ac:dyDescent="0.25">
      <c r="A6240" t="s">
        <v>31823</v>
      </c>
      <c r="B6240" t="s">
        <v>31824</v>
      </c>
      <c r="C6240" t="s">
        <v>31825</v>
      </c>
      <c r="D6240" t="s">
        <v>31764</v>
      </c>
      <c r="E6240" t="s">
        <v>13</v>
      </c>
      <c r="F6240">
        <v>7842</v>
      </c>
      <c r="G6240" t="s">
        <v>31826</v>
      </c>
      <c r="H6240">
        <v>6.5147496569039998</v>
      </c>
      <c r="I6240">
        <v>51.978432947686997</v>
      </c>
      <c r="J6240" t="s">
        <v>61925</v>
      </c>
    </row>
    <row r="6241" spans="1:10" x14ac:dyDescent="0.25">
      <c r="A6241" t="s">
        <v>31819</v>
      </c>
      <c r="B6241" t="s">
        <v>31820</v>
      </c>
      <c r="C6241" t="s">
        <v>31821</v>
      </c>
      <c r="D6241" t="s">
        <v>31764</v>
      </c>
      <c r="E6241" t="s">
        <v>13</v>
      </c>
      <c r="F6241">
        <v>7841</v>
      </c>
      <c r="G6241" t="s">
        <v>31822</v>
      </c>
      <c r="H6241">
        <v>6.5621374000249997</v>
      </c>
      <c r="I6241">
        <v>51.991591743084001</v>
      </c>
      <c r="J6241" t="s">
        <v>61926</v>
      </c>
    </row>
    <row r="6242" spans="1:10" x14ac:dyDescent="0.25">
      <c r="A6242" t="s">
        <v>31815</v>
      </c>
      <c r="B6242" t="s">
        <v>31816</v>
      </c>
      <c r="C6242" t="s">
        <v>31817</v>
      </c>
      <c r="D6242" t="s">
        <v>31764</v>
      </c>
      <c r="E6242" t="s">
        <v>13</v>
      </c>
      <c r="F6242">
        <v>7840</v>
      </c>
      <c r="G6242" t="s">
        <v>31818</v>
      </c>
      <c r="H6242">
        <v>6.5855759135680003</v>
      </c>
      <c r="I6242">
        <v>51.984589020968002</v>
      </c>
      <c r="J6242" t="s">
        <v>61927</v>
      </c>
    </row>
    <row r="6243" spans="1:10" x14ac:dyDescent="0.25">
      <c r="A6243" t="s">
        <v>31811</v>
      </c>
      <c r="B6243" t="s">
        <v>31812</v>
      </c>
      <c r="C6243" t="s">
        <v>31813</v>
      </c>
      <c r="D6243" t="s">
        <v>31764</v>
      </c>
      <c r="E6243" t="s">
        <v>13</v>
      </c>
      <c r="F6243">
        <v>7839</v>
      </c>
      <c r="G6243" t="s">
        <v>31814</v>
      </c>
      <c r="H6243">
        <v>6.5815531331260004</v>
      </c>
      <c r="I6243">
        <v>51.989813142420999</v>
      </c>
      <c r="J6243" t="s">
        <v>61928</v>
      </c>
    </row>
    <row r="6244" spans="1:10" x14ac:dyDescent="0.25">
      <c r="A6244" t="s">
        <v>31807</v>
      </c>
      <c r="B6244" t="s">
        <v>31808</v>
      </c>
      <c r="C6244" t="s">
        <v>31809</v>
      </c>
      <c r="D6244" t="s">
        <v>31764</v>
      </c>
      <c r="E6244" t="s">
        <v>13</v>
      </c>
      <c r="F6244">
        <v>7838</v>
      </c>
      <c r="G6244" t="s">
        <v>31810</v>
      </c>
      <c r="H6244">
        <v>6.5868159361830001</v>
      </c>
      <c r="I6244">
        <v>51.997117358670003</v>
      </c>
      <c r="J6244" t="s">
        <v>61929</v>
      </c>
    </row>
    <row r="6245" spans="1:10" x14ac:dyDescent="0.25">
      <c r="A6245" t="s">
        <v>31803</v>
      </c>
      <c r="B6245" t="s">
        <v>31804</v>
      </c>
      <c r="C6245" t="s">
        <v>31805</v>
      </c>
      <c r="D6245" t="s">
        <v>31764</v>
      </c>
      <c r="E6245" t="s">
        <v>13</v>
      </c>
      <c r="F6245">
        <v>7837</v>
      </c>
      <c r="G6245" t="s">
        <v>31806</v>
      </c>
      <c r="H6245">
        <v>6.580373349217</v>
      </c>
      <c r="I6245">
        <v>51.996401673051999</v>
      </c>
      <c r="J6245" t="s">
        <v>61930</v>
      </c>
    </row>
    <row r="6246" spans="1:10" x14ac:dyDescent="0.25">
      <c r="A6246" t="s">
        <v>31799</v>
      </c>
      <c r="B6246" t="s">
        <v>31800</v>
      </c>
      <c r="C6246" t="s">
        <v>31801</v>
      </c>
      <c r="D6246" t="s">
        <v>31764</v>
      </c>
      <c r="E6246" t="s">
        <v>13</v>
      </c>
      <c r="F6246">
        <v>7836</v>
      </c>
      <c r="G6246" t="s">
        <v>31802</v>
      </c>
      <c r="H6246">
        <v>6.5516214147390004</v>
      </c>
      <c r="I6246">
        <v>51.977202820724003</v>
      </c>
      <c r="J6246" t="s">
        <v>61931</v>
      </c>
    </row>
    <row r="6247" spans="1:10" x14ac:dyDescent="0.25">
      <c r="A6247" t="s">
        <v>31796</v>
      </c>
      <c r="B6247" t="s">
        <v>31797</v>
      </c>
      <c r="C6247" t="s">
        <v>22870</v>
      </c>
      <c r="D6247" t="s">
        <v>31764</v>
      </c>
      <c r="E6247" t="s">
        <v>13</v>
      </c>
      <c r="F6247">
        <v>7835</v>
      </c>
      <c r="G6247" t="s">
        <v>31798</v>
      </c>
      <c r="H6247">
        <v>6.5479054402279999</v>
      </c>
      <c r="I6247">
        <v>51.979045415469002</v>
      </c>
      <c r="J6247" t="s">
        <v>61932</v>
      </c>
    </row>
    <row r="6248" spans="1:10" x14ac:dyDescent="0.25">
      <c r="A6248" t="s">
        <v>31793</v>
      </c>
      <c r="B6248" t="s">
        <v>31794</v>
      </c>
      <c r="C6248" t="s">
        <v>11122</v>
      </c>
      <c r="D6248" t="s">
        <v>31764</v>
      </c>
      <c r="E6248" t="s">
        <v>13</v>
      </c>
      <c r="F6248">
        <v>7834</v>
      </c>
      <c r="G6248" t="s">
        <v>31795</v>
      </c>
      <c r="H6248">
        <v>6.5582165570199997</v>
      </c>
      <c r="I6248">
        <v>51.981373847255</v>
      </c>
      <c r="J6248" t="s">
        <v>61933</v>
      </c>
    </row>
    <row r="6249" spans="1:10" x14ac:dyDescent="0.25">
      <c r="A6249" t="s">
        <v>31789</v>
      </c>
      <c r="B6249" t="s">
        <v>31790</v>
      </c>
      <c r="C6249" t="s">
        <v>31791</v>
      </c>
      <c r="D6249" t="s">
        <v>31764</v>
      </c>
      <c r="E6249" t="s">
        <v>13</v>
      </c>
      <c r="F6249">
        <v>7833</v>
      </c>
      <c r="G6249" t="s">
        <v>31792</v>
      </c>
      <c r="H6249">
        <v>6.5622707199930002</v>
      </c>
      <c r="I6249">
        <v>51.985219517060003</v>
      </c>
      <c r="J6249" t="s">
        <v>61934</v>
      </c>
    </row>
    <row r="6250" spans="1:10" x14ac:dyDescent="0.25">
      <c r="A6250" t="s">
        <v>31785</v>
      </c>
      <c r="B6250" t="s">
        <v>31786</v>
      </c>
      <c r="C6250" t="s">
        <v>31787</v>
      </c>
      <c r="D6250" t="s">
        <v>31764</v>
      </c>
      <c r="E6250" t="s">
        <v>13</v>
      </c>
      <c r="F6250">
        <v>7832</v>
      </c>
      <c r="G6250" t="s">
        <v>31788</v>
      </c>
      <c r="H6250">
        <v>6.5689457719120004</v>
      </c>
      <c r="I6250">
        <v>51.982903158082003</v>
      </c>
      <c r="J6250" t="s">
        <v>61935</v>
      </c>
    </row>
    <row r="6251" spans="1:10" x14ac:dyDescent="0.25">
      <c r="A6251" t="s">
        <v>31781</v>
      </c>
      <c r="B6251" t="s">
        <v>31782</v>
      </c>
      <c r="C6251" t="s">
        <v>31783</v>
      </c>
      <c r="D6251" t="s">
        <v>31764</v>
      </c>
      <c r="E6251" t="s">
        <v>13</v>
      </c>
      <c r="F6251">
        <v>7831</v>
      </c>
      <c r="G6251" t="s">
        <v>31784</v>
      </c>
      <c r="H6251">
        <v>6.5787081487270003</v>
      </c>
      <c r="I6251">
        <v>51.984408882507999</v>
      </c>
      <c r="J6251" t="s">
        <v>61936</v>
      </c>
    </row>
    <row r="6252" spans="1:10" x14ac:dyDescent="0.25">
      <c r="A6252" t="s">
        <v>31778</v>
      </c>
      <c r="B6252" t="s">
        <v>31779</v>
      </c>
      <c r="C6252" t="s">
        <v>129</v>
      </c>
      <c r="D6252" t="s">
        <v>31764</v>
      </c>
      <c r="E6252" t="s">
        <v>13</v>
      </c>
      <c r="F6252">
        <v>7830</v>
      </c>
      <c r="G6252" t="s">
        <v>31780</v>
      </c>
      <c r="H6252">
        <v>6.5689150916549996</v>
      </c>
      <c r="I6252">
        <v>51.987271674694</v>
      </c>
      <c r="J6252" t="s">
        <v>61937</v>
      </c>
    </row>
    <row r="6253" spans="1:10" x14ac:dyDescent="0.25">
      <c r="A6253" t="s">
        <v>31774</v>
      </c>
      <c r="B6253" t="s">
        <v>31775</v>
      </c>
      <c r="C6253" t="s">
        <v>31776</v>
      </c>
      <c r="D6253" t="s">
        <v>31764</v>
      </c>
      <c r="E6253" t="s">
        <v>13</v>
      </c>
      <c r="F6253">
        <v>7829</v>
      </c>
      <c r="G6253" t="s">
        <v>31777</v>
      </c>
      <c r="H6253">
        <v>6.5739079907090003</v>
      </c>
      <c r="I6253">
        <v>51.992555819922003</v>
      </c>
      <c r="J6253" t="s">
        <v>61938</v>
      </c>
    </row>
    <row r="6254" spans="1:10" x14ac:dyDescent="0.25">
      <c r="A6254" t="s">
        <v>31770</v>
      </c>
      <c r="B6254" t="s">
        <v>31771</v>
      </c>
      <c r="C6254" t="s">
        <v>31772</v>
      </c>
      <c r="D6254" t="s">
        <v>31764</v>
      </c>
      <c r="E6254" t="s">
        <v>13</v>
      </c>
      <c r="F6254">
        <v>7828</v>
      </c>
      <c r="G6254" t="s">
        <v>31773</v>
      </c>
      <c r="H6254">
        <v>6.5661084283740001</v>
      </c>
      <c r="I6254">
        <v>51.992376168284999</v>
      </c>
      <c r="J6254" t="s">
        <v>61939</v>
      </c>
    </row>
    <row r="6255" spans="1:10" x14ac:dyDescent="0.25">
      <c r="A6255" t="s">
        <v>31766</v>
      </c>
      <c r="B6255" t="s">
        <v>31767</v>
      </c>
      <c r="C6255" t="s">
        <v>31768</v>
      </c>
      <c r="D6255" t="s">
        <v>31764</v>
      </c>
      <c r="E6255" t="s">
        <v>13</v>
      </c>
      <c r="F6255">
        <v>7827</v>
      </c>
      <c r="G6255" t="s">
        <v>31769</v>
      </c>
      <c r="H6255">
        <v>6.5573117473169997</v>
      </c>
      <c r="I6255">
        <v>51.988287815234997</v>
      </c>
      <c r="J6255" t="s">
        <v>61940</v>
      </c>
    </row>
    <row r="6256" spans="1:10" x14ac:dyDescent="0.25">
      <c r="A6256" t="s">
        <v>31762</v>
      </c>
      <c r="B6256" t="s">
        <v>31763</v>
      </c>
      <c r="C6256" t="s">
        <v>28483</v>
      </c>
      <c r="D6256" t="s">
        <v>31764</v>
      </c>
      <c r="E6256" t="s">
        <v>13</v>
      </c>
      <c r="F6256">
        <v>7826</v>
      </c>
      <c r="G6256" t="s">
        <v>31765</v>
      </c>
      <c r="H6256">
        <v>6.5499550851599997</v>
      </c>
      <c r="I6256">
        <v>51.983591923555998</v>
      </c>
      <c r="J6256" t="s">
        <v>61941</v>
      </c>
    </row>
    <row r="6257" spans="1:10" x14ac:dyDescent="0.25">
      <c r="A6257" t="s">
        <v>31758</v>
      </c>
      <c r="B6257" t="s">
        <v>31759</v>
      </c>
      <c r="C6257" t="s">
        <v>31760</v>
      </c>
      <c r="D6257" t="s">
        <v>31636</v>
      </c>
      <c r="E6257" t="s">
        <v>13</v>
      </c>
      <c r="F6257">
        <v>7825</v>
      </c>
      <c r="G6257" t="s">
        <v>31761</v>
      </c>
      <c r="H6257">
        <v>6.4479764891469999</v>
      </c>
      <c r="I6257">
        <v>51.917370980911002</v>
      </c>
      <c r="J6257" t="s">
        <v>61942</v>
      </c>
    </row>
    <row r="6258" spans="1:10" x14ac:dyDescent="0.25">
      <c r="A6258" t="s">
        <v>31754</v>
      </c>
      <c r="B6258" t="s">
        <v>31755</v>
      </c>
      <c r="C6258" t="s">
        <v>31756</v>
      </c>
      <c r="D6258" t="s">
        <v>31636</v>
      </c>
      <c r="E6258" t="s">
        <v>13</v>
      </c>
      <c r="F6258">
        <v>7824</v>
      </c>
      <c r="G6258" t="s">
        <v>31757</v>
      </c>
      <c r="H6258">
        <v>6.4630034958570004</v>
      </c>
      <c r="I6258">
        <v>51.943432669751999</v>
      </c>
      <c r="J6258" t="s">
        <v>61943</v>
      </c>
    </row>
    <row r="6259" spans="1:10" x14ac:dyDescent="0.25">
      <c r="A6259" t="s">
        <v>31750</v>
      </c>
      <c r="B6259" t="s">
        <v>31751</v>
      </c>
      <c r="C6259" t="s">
        <v>31752</v>
      </c>
      <c r="D6259" t="s">
        <v>31636</v>
      </c>
      <c r="E6259" t="s">
        <v>13</v>
      </c>
      <c r="F6259">
        <v>7823</v>
      </c>
      <c r="G6259" t="s">
        <v>31753</v>
      </c>
      <c r="H6259">
        <v>6.4798512159730004</v>
      </c>
      <c r="I6259">
        <v>51.961851682819997</v>
      </c>
      <c r="J6259" t="s">
        <v>61944</v>
      </c>
    </row>
    <row r="6260" spans="1:10" x14ac:dyDescent="0.25">
      <c r="A6260" t="s">
        <v>31746</v>
      </c>
      <c r="B6260" t="s">
        <v>31747</v>
      </c>
      <c r="C6260" t="s">
        <v>31748</v>
      </c>
      <c r="D6260" t="s">
        <v>31636</v>
      </c>
      <c r="E6260" t="s">
        <v>13</v>
      </c>
      <c r="F6260">
        <v>7822</v>
      </c>
      <c r="G6260" t="s">
        <v>31749</v>
      </c>
      <c r="H6260">
        <v>6.4129635104720002</v>
      </c>
      <c r="I6260">
        <v>51.948082168390997</v>
      </c>
      <c r="J6260" t="s">
        <v>61945</v>
      </c>
    </row>
    <row r="6261" spans="1:10" x14ac:dyDescent="0.25">
      <c r="A6261" t="s">
        <v>31742</v>
      </c>
      <c r="B6261" t="s">
        <v>31743</v>
      </c>
      <c r="C6261" t="s">
        <v>31744</v>
      </c>
      <c r="D6261" t="s">
        <v>31636</v>
      </c>
      <c r="E6261" t="s">
        <v>13</v>
      </c>
      <c r="F6261">
        <v>7821</v>
      </c>
      <c r="G6261" t="s">
        <v>31745</v>
      </c>
      <c r="H6261">
        <v>6.4648963216939999</v>
      </c>
      <c r="I6261">
        <v>51.972270294198999</v>
      </c>
      <c r="J6261" t="s">
        <v>61946</v>
      </c>
    </row>
    <row r="6262" spans="1:10" x14ac:dyDescent="0.25">
      <c r="A6262" t="s">
        <v>31738</v>
      </c>
      <c r="B6262" t="s">
        <v>31739</v>
      </c>
      <c r="C6262" t="s">
        <v>31740</v>
      </c>
      <c r="D6262" t="s">
        <v>31636</v>
      </c>
      <c r="E6262" t="s">
        <v>13</v>
      </c>
      <c r="F6262">
        <v>7820</v>
      </c>
      <c r="G6262" t="s">
        <v>31741</v>
      </c>
      <c r="H6262">
        <v>6.461026973569</v>
      </c>
      <c r="I6262">
        <v>51.904929609850001</v>
      </c>
      <c r="J6262" t="s">
        <v>61947</v>
      </c>
    </row>
    <row r="6263" spans="1:10" x14ac:dyDescent="0.25">
      <c r="A6263" t="s">
        <v>31734</v>
      </c>
      <c r="B6263" t="s">
        <v>31735</v>
      </c>
      <c r="C6263" t="s">
        <v>31736</v>
      </c>
      <c r="D6263" t="s">
        <v>31636</v>
      </c>
      <c r="E6263" t="s">
        <v>13</v>
      </c>
      <c r="F6263">
        <v>7819</v>
      </c>
      <c r="G6263" t="s">
        <v>31737</v>
      </c>
      <c r="H6263">
        <v>6.4135012899749997</v>
      </c>
      <c r="I6263">
        <v>51.950164341524001</v>
      </c>
      <c r="J6263" t="s">
        <v>61948</v>
      </c>
    </row>
    <row r="6264" spans="1:10" x14ac:dyDescent="0.25">
      <c r="A6264" t="s">
        <v>31730</v>
      </c>
      <c r="B6264" t="s">
        <v>31731</v>
      </c>
      <c r="C6264" t="s">
        <v>31732</v>
      </c>
      <c r="D6264" t="s">
        <v>31636</v>
      </c>
      <c r="E6264" t="s">
        <v>13</v>
      </c>
      <c r="F6264">
        <v>7818</v>
      </c>
      <c r="G6264" t="s">
        <v>31733</v>
      </c>
      <c r="H6264">
        <v>6.4622172572889998</v>
      </c>
      <c r="I6264">
        <v>51.942848533572999</v>
      </c>
      <c r="J6264" t="s">
        <v>61949</v>
      </c>
    </row>
    <row r="6265" spans="1:10" x14ac:dyDescent="0.25">
      <c r="A6265" t="s">
        <v>31726</v>
      </c>
      <c r="B6265" t="s">
        <v>31727</v>
      </c>
      <c r="C6265" t="s">
        <v>31728</v>
      </c>
      <c r="D6265" t="s">
        <v>31636</v>
      </c>
      <c r="E6265" t="s">
        <v>13</v>
      </c>
      <c r="F6265">
        <v>7817</v>
      </c>
      <c r="G6265" t="s">
        <v>31729</v>
      </c>
      <c r="H6265">
        <v>6.4048138661599996</v>
      </c>
      <c r="I6265">
        <v>51.906784705089002</v>
      </c>
      <c r="J6265" t="s">
        <v>61950</v>
      </c>
    </row>
    <row r="6266" spans="1:10" x14ac:dyDescent="0.25">
      <c r="A6266" t="s">
        <v>31722</v>
      </c>
      <c r="B6266" t="s">
        <v>31723</v>
      </c>
      <c r="C6266" t="s">
        <v>31724</v>
      </c>
      <c r="D6266" t="s">
        <v>31636</v>
      </c>
      <c r="E6266" t="s">
        <v>13</v>
      </c>
      <c r="F6266">
        <v>7816</v>
      </c>
      <c r="G6266" t="s">
        <v>31725</v>
      </c>
      <c r="H6266">
        <v>6.3544758788950002</v>
      </c>
      <c r="I6266">
        <v>51.927031449250002</v>
      </c>
      <c r="J6266" t="s">
        <v>61951</v>
      </c>
    </row>
    <row r="6267" spans="1:10" x14ac:dyDescent="0.25">
      <c r="A6267" t="s">
        <v>31718</v>
      </c>
      <c r="B6267" t="s">
        <v>31719</v>
      </c>
      <c r="C6267" t="s">
        <v>31720</v>
      </c>
      <c r="D6267" t="s">
        <v>31636</v>
      </c>
      <c r="E6267" t="s">
        <v>13</v>
      </c>
      <c r="F6267">
        <v>7815</v>
      </c>
      <c r="G6267" t="s">
        <v>31721</v>
      </c>
      <c r="H6267">
        <v>6.3950591571429998</v>
      </c>
      <c r="I6267">
        <v>51.893544423366997</v>
      </c>
      <c r="J6267" t="s">
        <v>61952</v>
      </c>
    </row>
    <row r="6268" spans="1:10" x14ac:dyDescent="0.25">
      <c r="A6268" t="s">
        <v>31714</v>
      </c>
      <c r="B6268" t="s">
        <v>31715</v>
      </c>
      <c r="C6268" t="s">
        <v>31716</v>
      </c>
      <c r="D6268" t="s">
        <v>31636</v>
      </c>
      <c r="E6268" t="s">
        <v>13</v>
      </c>
      <c r="F6268">
        <v>7814</v>
      </c>
      <c r="G6268" t="s">
        <v>31717</v>
      </c>
      <c r="H6268">
        <v>6.3859497003129997</v>
      </c>
      <c r="I6268">
        <v>51.910167718617998</v>
      </c>
      <c r="J6268" t="s">
        <v>61953</v>
      </c>
    </row>
    <row r="6269" spans="1:10" x14ac:dyDescent="0.25">
      <c r="A6269" t="s">
        <v>31710</v>
      </c>
      <c r="B6269" t="s">
        <v>31711</v>
      </c>
      <c r="C6269" t="s">
        <v>31712</v>
      </c>
      <c r="D6269" t="s">
        <v>31636</v>
      </c>
      <c r="E6269" t="s">
        <v>13</v>
      </c>
      <c r="F6269">
        <v>7813</v>
      </c>
      <c r="G6269" t="s">
        <v>31713</v>
      </c>
      <c r="H6269">
        <v>6.3728534020070002</v>
      </c>
      <c r="I6269">
        <v>51.922012435420001</v>
      </c>
      <c r="J6269" t="s">
        <v>61954</v>
      </c>
    </row>
    <row r="6270" spans="1:10" x14ac:dyDescent="0.25">
      <c r="A6270" t="s">
        <v>31706</v>
      </c>
      <c r="B6270" t="s">
        <v>31707</v>
      </c>
      <c r="C6270" t="s">
        <v>31708</v>
      </c>
      <c r="D6270" t="s">
        <v>31636</v>
      </c>
      <c r="E6270" t="s">
        <v>13</v>
      </c>
      <c r="F6270">
        <v>7812</v>
      </c>
      <c r="G6270" t="s">
        <v>31709</v>
      </c>
      <c r="H6270">
        <v>6.3554249036070001</v>
      </c>
      <c r="I6270">
        <v>51.920580185703997</v>
      </c>
      <c r="J6270" t="s">
        <v>61955</v>
      </c>
    </row>
    <row r="6271" spans="1:10" x14ac:dyDescent="0.25">
      <c r="A6271" t="s">
        <v>31702</v>
      </c>
      <c r="B6271" t="s">
        <v>31703</v>
      </c>
      <c r="C6271" t="s">
        <v>31704</v>
      </c>
      <c r="D6271" t="s">
        <v>31636</v>
      </c>
      <c r="E6271" t="s">
        <v>13</v>
      </c>
      <c r="F6271">
        <v>7811</v>
      </c>
      <c r="G6271" t="s">
        <v>31705</v>
      </c>
      <c r="H6271">
        <v>6.4590152795650004</v>
      </c>
      <c r="I6271">
        <v>51.883210686067002</v>
      </c>
      <c r="J6271" t="s">
        <v>61956</v>
      </c>
    </row>
    <row r="6272" spans="1:10" x14ac:dyDescent="0.25">
      <c r="A6272" t="s">
        <v>31698</v>
      </c>
      <c r="B6272" t="s">
        <v>31699</v>
      </c>
      <c r="C6272" t="s">
        <v>31700</v>
      </c>
      <c r="D6272" t="s">
        <v>31636</v>
      </c>
      <c r="E6272" t="s">
        <v>13</v>
      </c>
      <c r="F6272">
        <v>7810</v>
      </c>
      <c r="G6272" t="s">
        <v>31701</v>
      </c>
      <c r="H6272">
        <v>6.4171111851660001</v>
      </c>
      <c r="I6272">
        <v>51.876204441174004</v>
      </c>
      <c r="J6272" t="s">
        <v>61957</v>
      </c>
    </row>
    <row r="6273" spans="1:10" x14ac:dyDescent="0.25">
      <c r="A6273" t="s">
        <v>31694</v>
      </c>
      <c r="B6273" t="s">
        <v>31695</v>
      </c>
      <c r="C6273" t="s">
        <v>31696</v>
      </c>
      <c r="D6273" t="s">
        <v>31636</v>
      </c>
      <c r="E6273" t="s">
        <v>13</v>
      </c>
      <c r="F6273">
        <v>7809</v>
      </c>
      <c r="G6273" t="s">
        <v>31697</v>
      </c>
      <c r="H6273">
        <v>6.3308746834029996</v>
      </c>
      <c r="I6273">
        <v>51.864912352261001</v>
      </c>
      <c r="J6273" t="s">
        <v>61958</v>
      </c>
    </row>
    <row r="6274" spans="1:10" x14ac:dyDescent="0.25">
      <c r="A6274" t="s">
        <v>31690</v>
      </c>
      <c r="B6274" t="s">
        <v>31691</v>
      </c>
      <c r="C6274" t="s">
        <v>31692</v>
      </c>
      <c r="D6274" t="s">
        <v>31636</v>
      </c>
      <c r="E6274" t="s">
        <v>13</v>
      </c>
      <c r="F6274">
        <v>7808</v>
      </c>
      <c r="G6274" t="s">
        <v>31693</v>
      </c>
      <c r="H6274">
        <v>6.3677457938520003</v>
      </c>
      <c r="I6274">
        <v>51.860906017348</v>
      </c>
      <c r="J6274" t="s">
        <v>61959</v>
      </c>
    </row>
    <row r="6275" spans="1:10" x14ac:dyDescent="0.25">
      <c r="A6275" t="s">
        <v>31686</v>
      </c>
      <c r="B6275" t="s">
        <v>31687</v>
      </c>
      <c r="C6275" t="s">
        <v>31688</v>
      </c>
      <c r="D6275" t="s">
        <v>31636</v>
      </c>
      <c r="E6275" t="s">
        <v>13</v>
      </c>
      <c r="F6275">
        <v>7807</v>
      </c>
      <c r="G6275" t="s">
        <v>31689</v>
      </c>
      <c r="H6275">
        <v>6.3862644287270003</v>
      </c>
      <c r="I6275">
        <v>51.843802273557998</v>
      </c>
      <c r="J6275" t="s">
        <v>61960</v>
      </c>
    </row>
    <row r="6276" spans="1:10" x14ac:dyDescent="0.25">
      <c r="A6276" t="s">
        <v>31682</v>
      </c>
      <c r="B6276" t="s">
        <v>31683</v>
      </c>
      <c r="C6276" t="s">
        <v>31684</v>
      </c>
      <c r="D6276" t="s">
        <v>31636</v>
      </c>
      <c r="E6276" t="s">
        <v>13</v>
      </c>
      <c r="F6276">
        <v>7806</v>
      </c>
      <c r="G6276" t="s">
        <v>31685</v>
      </c>
      <c r="H6276">
        <v>6.4717810030249998</v>
      </c>
      <c r="I6276">
        <v>51.873766042581998</v>
      </c>
      <c r="J6276" t="s">
        <v>61961</v>
      </c>
    </row>
    <row r="6277" spans="1:10" x14ac:dyDescent="0.25">
      <c r="A6277" t="s">
        <v>31678</v>
      </c>
      <c r="B6277" t="s">
        <v>31679</v>
      </c>
      <c r="C6277" t="s">
        <v>31680</v>
      </c>
      <c r="D6277" t="s">
        <v>31636</v>
      </c>
      <c r="E6277" t="s">
        <v>13</v>
      </c>
      <c r="F6277">
        <v>7805</v>
      </c>
      <c r="G6277" t="s">
        <v>31681</v>
      </c>
      <c r="H6277">
        <v>6.3557692635279999</v>
      </c>
      <c r="I6277">
        <v>51.872704623232003</v>
      </c>
      <c r="J6277" t="s">
        <v>61962</v>
      </c>
    </row>
    <row r="6278" spans="1:10" x14ac:dyDescent="0.25">
      <c r="A6278" t="s">
        <v>31674</v>
      </c>
      <c r="B6278" t="s">
        <v>31675</v>
      </c>
      <c r="C6278" t="s">
        <v>31676</v>
      </c>
      <c r="D6278" t="s">
        <v>31636</v>
      </c>
      <c r="E6278" t="s">
        <v>13</v>
      </c>
      <c r="F6278">
        <v>7804</v>
      </c>
      <c r="G6278" t="s">
        <v>31677</v>
      </c>
      <c r="H6278">
        <v>6.312509593973</v>
      </c>
      <c r="I6278">
        <v>51.854545347417002</v>
      </c>
      <c r="J6278" t="s">
        <v>61963</v>
      </c>
    </row>
    <row r="6279" spans="1:10" x14ac:dyDescent="0.25">
      <c r="A6279" t="s">
        <v>31670</v>
      </c>
      <c r="B6279" t="s">
        <v>31671</v>
      </c>
      <c r="C6279" t="s">
        <v>31672</v>
      </c>
      <c r="D6279" t="s">
        <v>31636</v>
      </c>
      <c r="E6279" t="s">
        <v>13</v>
      </c>
      <c r="F6279">
        <v>7803</v>
      </c>
      <c r="G6279" t="s">
        <v>31673</v>
      </c>
      <c r="H6279">
        <v>6.3928650809720002</v>
      </c>
      <c r="I6279">
        <v>51.838009174558003</v>
      </c>
      <c r="J6279" t="s">
        <v>61964</v>
      </c>
    </row>
    <row r="6280" spans="1:10" x14ac:dyDescent="0.25">
      <c r="A6280" t="s">
        <v>31666</v>
      </c>
      <c r="B6280" t="s">
        <v>31667</v>
      </c>
      <c r="C6280" t="s">
        <v>31668</v>
      </c>
      <c r="D6280" t="s">
        <v>31636</v>
      </c>
      <c r="E6280" t="s">
        <v>13</v>
      </c>
      <c r="F6280">
        <v>7802</v>
      </c>
      <c r="G6280" t="s">
        <v>31669</v>
      </c>
      <c r="H6280">
        <v>6.37843881495</v>
      </c>
      <c r="I6280">
        <v>51.872763431185</v>
      </c>
      <c r="J6280" t="s">
        <v>61965</v>
      </c>
    </row>
    <row r="6281" spans="1:10" x14ac:dyDescent="0.25">
      <c r="A6281" t="s">
        <v>31662</v>
      </c>
      <c r="B6281" t="s">
        <v>31663</v>
      </c>
      <c r="C6281" t="s">
        <v>31664</v>
      </c>
      <c r="D6281" t="s">
        <v>31636</v>
      </c>
      <c r="E6281" t="s">
        <v>13</v>
      </c>
      <c r="F6281">
        <v>7801</v>
      </c>
      <c r="G6281" t="s">
        <v>31665</v>
      </c>
      <c r="H6281">
        <v>6.3697054185350002</v>
      </c>
      <c r="I6281">
        <v>51.90209098975</v>
      </c>
      <c r="J6281" t="s">
        <v>61966</v>
      </c>
    </row>
    <row r="6282" spans="1:10" x14ac:dyDescent="0.25">
      <c r="A6282" t="s">
        <v>31658</v>
      </c>
      <c r="B6282" t="s">
        <v>31659</v>
      </c>
      <c r="C6282" t="s">
        <v>31660</v>
      </c>
      <c r="D6282" t="s">
        <v>31636</v>
      </c>
      <c r="E6282" t="s">
        <v>13</v>
      </c>
      <c r="F6282">
        <v>7800</v>
      </c>
      <c r="G6282" t="s">
        <v>31661</v>
      </c>
      <c r="H6282">
        <v>6.3262115516610002</v>
      </c>
      <c r="I6282">
        <v>51.911265034952002</v>
      </c>
      <c r="J6282" t="s">
        <v>61967</v>
      </c>
    </row>
    <row r="6283" spans="1:10" x14ac:dyDescent="0.25">
      <c r="A6283" t="s">
        <v>31654</v>
      </c>
      <c r="B6283" t="s">
        <v>31655</v>
      </c>
      <c r="C6283" t="s">
        <v>31656</v>
      </c>
      <c r="D6283" t="s">
        <v>31636</v>
      </c>
      <c r="E6283" t="s">
        <v>13</v>
      </c>
      <c r="F6283">
        <v>7799</v>
      </c>
      <c r="G6283" t="s">
        <v>31657</v>
      </c>
      <c r="H6283">
        <v>6.3553354852380002</v>
      </c>
      <c r="I6283">
        <v>51.885793073332003</v>
      </c>
      <c r="J6283" t="s">
        <v>61968</v>
      </c>
    </row>
    <row r="6284" spans="1:10" x14ac:dyDescent="0.25">
      <c r="A6284" t="s">
        <v>31650</v>
      </c>
      <c r="B6284" t="s">
        <v>31651</v>
      </c>
      <c r="C6284" t="s">
        <v>31652</v>
      </c>
      <c r="D6284" t="s">
        <v>31636</v>
      </c>
      <c r="E6284" t="s">
        <v>13</v>
      </c>
      <c r="F6284">
        <v>7798</v>
      </c>
      <c r="G6284" t="s">
        <v>31653</v>
      </c>
      <c r="H6284">
        <v>6.3542660047339998</v>
      </c>
      <c r="I6284">
        <v>51.886855885610998</v>
      </c>
      <c r="J6284" t="s">
        <v>61969</v>
      </c>
    </row>
    <row r="6285" spans="1:10" x14ac:dyDescent="0.25">
      <c r="A6285" t="s">
        <v>31646</v>
      </c>
      <c r="B6285" t="s">
        <v>31647</v>
      </c>
      <c r="C6285" t="s">
        <v>31648</v>
      </c>
      <c r="D6285" t="s">
        <v>31636</v>
      </c>
      <c r="E6285" t="s">
        <v>13</v>
      </c>
      <c r="F6285">
        <v>7797</v>
      </c>
      <c r="G6285" t="s">
        <v>31649</v>
      </c>
      <c r="H6285">
        <v>6.3380120666620003</v>
      </c>
      <c r="I6285">
        <v>51.916178566075999</v>
      </c>
      <c r="J6285" t="s">
        <v>61970</v>
      </c>
    </row>
    <row r="6286" spans="1:10" x14ac:dyDescent="0.25">
      <c r="A6286" t="s">
        <v>31642</v>
      </c>
      <c r="B6286" t="s">
        <v>31643</v>
      </c>
      <c r="C6286" t="s">
        <v>31644</v>
      </c>
      <c r="D6286" t="s">
        <v>31636</v>
      </c>
      <c r="E6286" t="s">
        <v>13</v>
      </c>
      <c r="F6286">
        <v>7796</v>
      </c>
      <c r="G6286" t="s">
        <v>31645</v>
      </c>
      <c r="H6286">
        <v>6.3734200440700004</v>
      </c>
      <c r="I6286">
        <v>51.900123343292996</v>
      </c>
      <c r="J6286" t="s">
        <v>61971</v>
      </c>
    </row>
    <row r="6287" spans="1:10" x14ac:dyDescent="0.25">
      <c r="A6287" t="s">
        <v>31638</v>
      </c>
      <c r="B6287" t="s">
        <v>31639</v>
      </c>
      <c r="C6287" t="s">
        <v>31640</v>
      </c>
      <c r="D6287" t="s">
        <v>31636</v>
      </c>
      <c r="E6287" t="s">
        <v>13</v>
      </c>
      <c r="F6287">
        <v>7795</v>
      </c>
      <c r="G6287" t="s">
        <v>31641</v>
      </c>
      <c r="H6287">
        <v>6.3738468147420004</v>
      </c>
      <c r="I6287">
        <v>51.888986438789999</v>
      </c>
      <c r="J6287" t="s">
        <v>61972</v>
      </c>
    </row>
    <row r="6288" spans="1:10" x14ac:dyDescent="0.25">
      <c r="A6288" t="s">
        <v>31633</v>
      </c>
      <c r="B6288" t="s">
        <v>31634</v>
      </c>
      <c r="C6288" t="s">
        <v>31635</v>
      </c>
      <c r="D6288" t="s">
        <v>31636</v>
      </c>
      <c r="E6288" t="s">
        <v>13</v>
      </c>
      <c r="F6288">
        <v>7794</v>
      </c>
      <c r="G6288" t="s">
        <v>31637</v>
      </c>
      <c r="H6288">
        <v>6.3853397731879999</v>
      </c>
      <c r="I6288">
        <v>51.889979239159999</v>
      </c>
      <c r="J6288" t="s">
        <v>61973</v>
      </c>
    </row>
    <row r="6289" spans="1:10" x14ac:dyDescent="0.25">
      <c r="A6289" t="s">
        <v>31629</v>
      </c>
      <c r="B6289" t="s">
        <v>31630</v>
      </c>
      <c r="C6289" t="s">
        <v>31631</v>
      </c>
      <c r="D6289" t="s">
        <v>31440</v>
      </c>
      <c r="E6289" t="s">
        <v>13</v>
      </c>
      <c r="F6289">
        <v>7793</v>
      </c>
      <c r="G6289" t="s">
        <v>31632</v>
      </c>
      <c r="H6289">
        <v>6.1200126647850004</v>
      </c>
      <c r="I6289">
        <v>51.493666487105003</v>
      </c>
      <c r="J6289" t="s">
        <v>61974</v>
      </c>
    </row>
    <row r="6290" spans="1:10" x14ac:dyDescent="0.25">
      <c r="A6290" t="s">
        <v>31625</v>
      </c>
      <c r="B6290" t="s">
        <v>31626</v>
      </c>
      <c r="C6290" t="s">
        <v>31627</v>
      </c>
      <c r="D6290" t="s">
        <v>31440</v>
      </c>
      <c r="E6290" t="s">
        <v>13</v>
      </c>
      <c r="F6290">
        <v>7792</v>
      </c>
      <c r="G6290" t="s">
        <v>31628</v>
      </c>
      <c r="H6290">
        <v>6.1186668120760004</v>
      </c>
      <c r="I6290">
        <v>51.491684892823997</v>
      </c>
      <c r="J6290" t="s">
        <v>61975</v>
      </c>
    </row>
    <row r="6291" spans="1:10" x14ac:dyDescent="0.25">
      <c r="A6291" t="s">
        <v>31621</v>
      </c>
      <c r="B6291" t="s">
        <v>31622</v>
      </c>
      <c r="C6291" t="s">
        <v>31623</v>
      </c>
      <c r="D6291" t="s">
        <v>31440</v>
      </c>
      <c r="E6291" t="s">
        <v>13</v>
      </c>
      <c r="F6291">
        <v>7791</v>
      </c>
      <c r="G6291" t="s">
        <v>31624</v>
      </c>
      <c r="H6291">
        <v>6.0862613383389998</v>
      </c>
      <c r="I6291">
        <v>51.491927748835998</v>
      </c>
      <c r="J6291" t="s">
        <v>61976</v>
      </c>
    </row>
    <row r="6292" spans="1:10" x14ac:dyDescent="0.25">
      <c r="A6292" t="s">
        <v>31617</v>
      </c>
      <c r="B6292" t="s">
        <v>31618</v>
      </c>
      <c r="C6292" t="s">
        <v>31619</v>
      </c>
      <c r="D6292" t="s">
        <v>31440</v>
      </c>
      <c r="E6292" t="s">
        <v>13</v>
      </c>
      <c r="F6292">
        <v>7790</v>
      </c>
      <c r="G6292" t="s">
        <v>31620</v>
      </c>
      <c r="H6292">
        <v>6.0950794203910004</v>
      </c>
      <c r="I6292">
        <v>51.494688366325001</v>
      </c>
      <c r="J6292" t="s">
        <v>61977</v>
      </c>
    </row>
    <row r="6293" spans="1:10" x14ac:dyDescent="0.25">
      <c r="A6293" t="s">
        <v>31613</v>
      </c>
      <c r="B6293" t="s">
        <v>31614</v>
      </c>
      <c r="C6293" t="s">
        <v>31615</v>
      </c>
      <c r="D6293" t="s">
        <v>31440</v>
      </c>
      <c r="E6293" t="s">
        <v>13</v>
      </c>
      <c r="F6293">
        <v>7789</v>
      </c>
      <c r="G6293" t="s">
        <v>31616</v>
      </c>
      <c r="H6293">
        <v>6.08746537715</v>
      </c>
      <c r="I6293">
        <v>51.511355185934001</v>
      </c>
      <c r="J6293" t="s">
        <v>61978</v>
      </c>
    </row>
    <row r="6294" spans="1:10" x14ac:dyDescent="0.25">
      <c r="A6294" t="s">
        <v>31609</v>
      </c>
      <c r="B6294" t="s">
        <v>31610</v>
      </c>
      <c r="C6294" t="s">
        <v>31611</v>
      </c>
      <c r="D6294" t="s">
        <v>31440</v>
      </c>
      <c r="E6294" t="s">
        <v>13</v>
      </c>
      <c r="F6294">
        <v>7788</v>
      </c>
      <c r="G6294" t="s">
        <v>31612</v>
      </c>
      <c r="H6294">
        <v>6.0864062497200004</v>
      </c>
      <c r="I6294">
        <v>51.511813962474001</v>
      </c>
      <c r="J6294" t="s">
        <v>61979</v>
      </c>
    </row>
    <row r="6295" spans="1:10" x14ac:dyDescent="0.25">
      <c r="A6295" t="s">
        <v>31605</v>
      </c>
      <c r="B6295" t="s">
        <v>31606</v>
      </c>
      <c r="C6295" t="s">
        <v>31607</v>
      </c>
      <c r="D6295" t="s">
        <v>31440</v>
      </c>
      <c r="E6295" t="s">
        <v>13</v>
      </c>
      <c r="F6295">
        <v>7787</v>
      </c>
      <c r="G6295" t="s">
        <v>31608</v>
      </c>
      <c r="H6295">
        <v>5.9415975838230004</v>
      </c>
      <c r="I6295">
        <v>51.401874443305999</v>
      </c>
      <c r="J6295" t="s">
        <v>61980</v>
      </c>
    </row>
    <row r="6296" spans="1:10" x14ac:dyDescent="0.25">
      <c r="A6296" t="s">
        <v>31601</v>
      </c>
      <c r="B6296" t="s">
        <v>31602</v>
      </c>
      <c r="C6296" t="s">
        <v>31603</v>
      </c>
      <c r="D6296" t="s">
        <v>31440</v>
      </c>
      <c r="E6296" t="s">
        <v>13</v>
      </c>
      <c r="F6296">
        <v>7786</v>
      </c>
      <c r="G6296" t="s">
        <v>31604</v>
      </c>
      <c r="H6296">
        <v>5.9587243936669996</v>
      </c>
      <c r="I6296">
        <v>51.404589861463002</v>
      </c>
      <c r="J6296" t="s">
        <v>61981</v>
      </c>
    </row>
    <row r="6297" spans="1:10" x14ac:dyDescent="0.25">
      <c r="A6297" t="s">
        <v>31597</v>
      </c>
      <c r="B6297" t="s">
        <v>31598</v>
      </c>
      <c r="C6297" t="s">
        <v>31599</v>
      </c>
      <c r="D6297" t="s">
        <v>31440</v>
      </c>
      <c r="E6297" t="s">
        <v>13</v>
      </c>
      <c r="F6297">
        <v>7785</v>
      </c>
      <c r="G6297" t="s">
        <v>31600</v>
      </c>
      <c r="H6297">
        <v>5.985713263988</v>
      </c>
      <c r="I6297">
        <v>51.414813663337</v>
      </c>
      <c r="J6297" t="s">
        <v>61982</v>
      </c>
    </row>
    <row r="6298" spans="1:10" x14ac:dyDescent="0.25">
      <c r="A6298" t="s">
        <v>31593</v>
      </c>
      <c r="B6298" t="s">
        <v>31594</v>
      </c>
      <c r="C6298" t="s">
        <v>31595</v>
      </c>
      <c r="D6298" t="s">
        <v>31440</v>
      </c>
      <c r="E6298" t="s">
        <v>13</v>
      </c>
      <c r="F6298">
        <v>7784</v>
      </c>
      <c r="G6298" t="s">
        <v>31596</v>
      </c>
      <c r="H6298">
        <v>6.0003528964959996</v>
      </c>
      <c r="I6298">
        <v>51.415392287921001</v>
      </c>
      <c r="J6298" t="s">
        <v>61983</v>
      </c>
    </row>
    <row r="6299" spans="1:10" x14ac:dyDescent="0.25">
      <c r="A6299" t="s">
        <v>31589</v>
      </c>
      <c r="B6299" t="s">
        <v>31590</v>
      </c>
      <c r="C6299" t="s">
        <v>31591</v>
      </c>
      <c r="D6299" t="s">
        <v>31440</v>
      </c>
      <c r="E6299" t="s">
        <v>13</v>
      </c>
      <c r="F6299">
        <v>7783</v>
      </c>
      <c r="G6299" t="s">
        <v>31592</v>
      </c>
      <c r="H6299">
        <v>6.0229019959630001</v>
      </c>
      <c r="I6299">
        <v>51.401236594613003</v>
      </c>
      <c r="J6299" t="s">
        <v>61984</v>
      </c>
    </row>
    <row r="6300" spans="1:10" x14ac:dyDescent="0.25">
      <c r="A6300" t="s">
        <v>31585</v>
      </c>
      <c r="B6300" t="s">
        <v>31586</v>
      </c>
      <c r="C6300" t="s">
        <v>31587</v>
      </c>
      <c r="D6300" t="s">
        <v>31440</v>
      </c>
      <c r="E6300" t="s">
        <v>13</v>
      </c>
      <c r="F6300">
        <v>7782</v>
      </c>
      <c r="G6300" t="s">
        <v>31588</v>
      </c>
      <c r="H6300">
        <v>5.9678823069859996</v>
      </c>
      <c r="I6300">
        <v>51.385268629827003</v>
      </c>
      <c r="J6300" t="s">
        <v>61985</v>
      </c>
    </row>
    <row r="6301" spans="1:10" x14ac:dyDescent="0.25">
      <c r="A6301" t="s">
        <v>31581</v>
      </c>
      <c r="B6301" t="s">
        <v>31582</v>
      </c>
      <c r="C6301" t="s">
        <v>31583</v>
      </c>
      <c r="D6301" t="s">
        <v>31440</v>
      </c>
      <c r="E6301" t="s">
        <v>13</v>
      </c>
      <c r="F6301">
        <v>7781</v>
      </c>
      <c r="G6301" t="s">
        <v>31584</v>
      </c>
      <c r="H6301">
        <v>6.0370517718669996</v>
      </c>
      <c r="I6301">
        <v>51.411121934969003</v>
      </c>
      <c r="J6301" t="s">
        <v>61986</v>
      </c>
    </row>
    <row r="6302" spans="1:10" x14ac:dyDescent="0.25">
      <c r="A6302" t="s">
        <v>31577</v>
      </c>
      <c r="B6302" t="s">
        <v>31578</v>
      </c>
      <c r="C6302" t="s">
        <v>31579</v>
      </c>
      <c r="D6302" t="s">
        <v>31440</v>
      </c>
      <c r="E6302" t="s">
        <v>13</v>
      </c>
      <c r="F6302">
        <v>7780</v>
      </c>
      <c r="G6302" t="s">
        <v>31580</v>
      </c>
      <c r="H6302">
        <v>6.1443588706180003</v>
      </c>
      <c r="I6302">
        <v>51.478615762132002</v>
      </c>
      <c r="J6302" t="s">
        <v>61987</v>
      </c>
    </row>
    <row r="6303" spans="1:10" x14ac:dyDescent="0.25">
      <c r="A6303" t="s">
        <v>31574</v>
      </c>
      <c r="B6303" t="s">
        <v>31575</v>
      </c>
      <c r="C6303" t="s">
        <v>7898</v>
      </c>
      <c r="D6303" t="s">
        <v>31440</v>
      </c>
      <c r="E6303" t="s">
        <v>13</v>
      </c>
      <c r="F6303">
        <v>7779</v>
      </c>
      <c r="G6303" t="s">
        <v>31576</v>
      </c>
      <c r="H6303">
        <v>6.1624964170079997</v>
      </c>
      <c r="I6303">
        <v>51.486045979433001</v>
      </c>
      <c r="J6303" t="s">
        <v>61988</v>
      </c>
    </row>
    <row r="6304" spans="1:10" x14ac:dyDescent="0.25">
      <c r="A6304" t="s">
        <v>31570</v>
      </c>
      <c r="B6304" t="s">
        <v>31571</v>
      </c>
      <c r="C6304" t="s">
        <v>31572</v>
      </c>
      <c r="D6304" t="s">
        <v>31440</v>
      </c>
      <c r="E6304" t="s">
        <v>13</v>
      </c>
      <c r="F6304">
        <v>7778</v>
      </c>
      <c r="G6304" t="s">
        <v>31573</v>
      </c>
      <c r="H6304">
        <v>6.1193459631889997</v>
      </c>
      <c r="I6304">
        <v>51.425868316881001</v>
      </c>
      <c r="J6304" t="s">
        <v>61989</v>
      </c>
    </row>
    <row r="6305" spans="1:10" x14ac:dyDescent="0.25">
      <c r="A6305" t="s">
        <v>31566</v>
      </c>
      <c r="B6305" t="s">
        <v>31567</v>
      </c>
      <c r="C6305" t="s">
        <v>31568</v>
      </c>
      <c r="D6305" t="s">
        <v>31440</v>
      </c>
      <c r="E6305" t="s">
        <v>13</v>
      </c>
      <c r="F6305">
        <v>7777</v>
      </c>
      <c r="G6305" t="s">
        <v>31569</v>
      </c>
      <c r="H6305">
        <v>6.1382261526919999</v>
      </c>
      <c r="I6305">
        <v>51.420506159637</v>
      </c>
      <c r="J6305" t="s">
        <v>61990</v>
      </c>
    </row>
    <row r="6306" spans="1:10" x14ac:dyDescent="0.25">
      <c r="A6306" t="s">
        <v>31562</v>
      </c>
      <c r="B6306" t="s">
        <v>31563</v>
      </c>
      <c r="C6306" t="s">
        <v>31564</v>
      </c>
      <c r="D6306" t="s">
        <v>31440</v>
      </c>
      <c r="E6306" t="s">
        <v>13</v>
      </c>
      <c r="F6306">
        <v>7776</v>
      </c>
      <c r="G6306" t="s">
        <v>31565</v>
      </c>
      <c r="H6306">
        <v>6.14013496881</v>
      </c>
      <c r="I6306">
        <v>51.415264613451001</v>
      </c>
      <c r="J6306" t="s">
        <v>61991</v>
      </c>
    </row>
    <row r="6307" spans="1:10" x14ac:dyDescent="0.25">
      <c r="A6307" t="s">
        <v>31558</v>
      </c>
      <c r="B6307" t="s">
        <v>31559</v>
      </c>
      <c r="C6307" t="s">
        <v>31560</v>
      </c>
      <c r="D6307" t="s">
        <v>31440</v>
      </c>
      <c r="E6307" t="s">
        <v>13</v>
      </c>
      <c r="F6307">
        <v>7775</v>
      </c>
      <c r="G6307" t="s">
        <v>31561</v>
      </c>
      <c r="H6307">
        <v>6.1451919128009997</v>
      </c>
      <c r="I6307">
        <v>51.417649486982</v>
      </c>
      <c r="J6307" t="s">
        <v>61992</v>
      </c>
    </row>
    <row r="6308" spans="1:10" x14ac:dyDescent="0.25">
      <c r="A6308" t="s">
        <v>31554</v>
      </c>
      <c r="B6308" t="s">
        <v>31555</v>
      </c>
      <c r="C6308" t="s">
        <v>31556</v>
      </c>
      <c r="D6308" t="s">
        <v>31440</v>
      </c>
      <c r="E6308" t="s">
        <v>13</v>
      </c>
      <c r="F6308">
        <v>7774</v>
      </c>
      <c r="G6308" t="s">
        <v>31557</v>
      </c>
      <c r="H6308">
        <v>6.1455665175060004</v>
      </c>
      <c r="I6308">
        <v>51.424484313523998</v>
      </c>
      <c r="J6308" t="s">
        <v>61993</v>
      </c>
    </row>
    <row r="6309" spans="1:10" x14ac:dyDescent="0.25">
      <c r="A6309" t="s">
        <v>31550</v>
      </c>
      <c r="B6309" t="s">
        <v>31551</v>
      </c>
      <c r="C6309" t="s">
        <v>31552</v>
      </c>
      <c r="D6309" t="s">
        <v>31440</v>
      </c>
      <c r="E6309" t="s">
        <v>13</v>
      </c>
      <c r="F6309">
        <v>7773</v>
      </c>
      <c r="G6309" t="s">
        <v>31553</v>
      </c>
      <c r="H6309">
        <v>6.1464454188559996</v>
      </c>
      <c r="I6309">
        <v>51.420396580000002</v>
      </c>
      <c r="J6309" t="s">
        <v>61994</v>
      </c>
    </row>
    <row r="6310" spans="1:10" x14ac:dyDescent="0.25">
      <c r="A6310" t="s">
        <v>31546</v>
      </c>
      <c r="B6310" t="s">
        <v>31547</v>
      </c>
      <c r="C6310" t="s">
        <v>31548</v>
      </c>
      <c r="D6310" t="s">
        <v>31440</v>
      </c>
      <c r="E6310" t="s">
        <v>13</v>
      </c>
      <c r="F6310">
        <v>7772</v>
      </c>
      <c r="G6310" t="s">
        <v>31549</v>
      </c>
      <c r="H6310">
        <v>6.1385965523839996</v>
      </c>
      <c r="I6310">
        <v>51.455022995317997</v>
      </c>
      <c r="J6310" t="s">
        <v>61995</v>
      </c>
    </row>
    <row r="6311" spans="1:10" x14ac:dyDescent="0.25">
      <c r="A6311" t="s">
        <v>31542</v>
      </c>
      <c r="B6311" t="s">
        <v>31543</v>
      </c>
      <c r="C6311" t="s">
        <v>31544</v>
      </c>
      <c r="D6311" t="s">
        <v>31440</v>
      </c>
      <c r="E6311" t="s">
        <v>13</v>
      </c>
      <c r="F6311">
        <v>7771</v>
      </c>
      <c r="G6311" t="s">
        <v>31545</v>
      </c>
      <c r="H6311">
        <v>6.1600407814439997</v>
      </c>
      <c r="I6311">
        <v>51.461495113955003</v>
      </c>
      <c r="J6311" t="s">
        <v>61996</v>
      </c>
    </row>
    <row r="6312" spans="1:10" x14ac:dyDescent="0.25">
      <c r="A6312" t="s">
        <v>31538</v>
      </c>
      <c r="B6312" t="s">
        <v>31539</v>
      </c>
      <c r="C6312" t="s">
        <v>31540</v>
      </c>
      <c r="D6312" t="s">
        <v>31440</v>
      </c>
      <c r="E6312" t="s">
        <v>13</v>
      </c>
      <c r="F6312">
        <v>7770</v>
      </c>
      <c r="G6312" t="s">
        <v>31541</v>
      </c>
      <c r="H6312">
        <v>6.1519643501239996</v>
      </c>
      <c r="I6312">
        <v>51.503176293929997</v>
      </c>
      <c r="J6312" t="s">
        <v>61997</v>
      </c>
    </row>
    <row r="6313" spans="1:10" x14ac:dyDescent="0.25">
      <c r="A6313" t="s">
        <v>31534</v>
      </c>
      <c r="B6313" t="s">
        <v>31535</v>
      </c>
      <c r="C6313" t="s">
        <v>31536</v>
      </c>
      <c r="D6313" t="s">
        <v>31440</v>
      </c>
      <c r="E6313" t="s">
        <v>13</v>
      </c>
      <c r="F6313">
        <v>7769</v>
      </c>
      <c r="G6313" t="s">
        <v>31537</v>
      </c>
      <c r="H6313">
        <v>6.1580559105930002</v>
      </c>
      <c r="I6313">
        <v>51.494988796489999</v>
      </c>
      <c r="J6313" t="s">
        <v>61998</v>
      </c>
    </row>
    <row r="6314" spans="1:10" x14ac:dyDescent="0.25">
      <c r="A6314" t="s">
        <v>31530</v>
      </c>
      <c r="B6314" t="s">
        <v>31531</v>
      </c>
      <c r="C6314" t="s">
        <v>31532</v>
      </c>
      <c r="D6314" t="s">
        <v>31440</v>
      </c>
      <c r="E6314" t="s">
        <v>13</v>
      </c>
      <c r="F6314">
        <v>7768</v>
      </c>
      <c r="G6314" t="s">
        <v>31533</v>
      </c>
      <c r="H6314">
        <v>6.0901208014110004</v>
      </c>
      <c r="I6314">
        <v>51.464054556073997</v>
      </c>
      <c r="J6314" t="s">
        <v>61999</v>
      </c>
    </row>
    <row r="6315" spans="1:10" x14ac:dyDescent="0.25">
      <c r="A6315" t="s">
        <v>31526</v>
      </c>
      <c r="B6315" t="s">
        <v>31527</v>
      </c>
      <c r="C6315" t="s">
        <v>31528</v>
      </c>
      <c r="D6315" t="s">
        <v>31440</v>
      </c>
      <c r="E6315" t="s">
        <v>13</v>
      </c>
      <c r="F6315">
        <v>7767</v>
      </c>
      <c r="G6315" t="s">
        <v>31529</v>
      </c>
      <c r="H6315">
        <v>6.0851296369390004</v>
      </c>
      <c r="I6315">
        <v>51.460123754337999</v>
      </c>
      <c r="J6315" t="s">
        <v>62000</v>
      </c>
    </row>
    <row r="6316" spans="1:10" x14ac:dyDescent="0.25">
      <c r="A6316" t="s">
        <v>31522</v>
      </c>
      <c r="B6316" t="s">
        <v>31523</v>
      </c>
      <c r="C6316" t="s">
        <v>31524</v>
      </c>
      <c r="D6316" t="s">
        <v>31440</v>
      </c>
      <c r="E6316" t="s">
        <v>13</v>
      </c>
      <c r="F6316">
        <v>7766</v>
      </c>
      <c r="G6316" t="s">
        <v>31525</v>
      </c>
      <c r="H6316">
        <v>6.0602400630649997</v>
      </c>
      <c r="I6316">
        <v>51.462236706779002</v>
      </c>
      <c r="J6316" t="s">
        <v>62001</v>
      </c>
    </row>
    <row r="6317" spans="1:10" x14ac:dyDescent="0.25">
      <c r="A6317" t="s">
        <v>31518</v>
      </c>
      <c r="B6317" t="s">
        <v>31519</v>
      </c>
      <c r="C6317" t="s">
        <v>31520</v>
      </c>
      <c r="D6317" t="s">
        <v>31440</v>
      </c>
      <c r="E6317" t="s">
        <v>13</v>
      </c>
      <c r="F6317">
        <v>7765</v>
      </c>
      <c r="G6317" t="s">
        <v>31521</v>
      </c>
      <c r="H6317">
        <v>6.0550990882970002</v>
      </c>
      <c r="I6317">
        <v>51.442481737843003</v>
      </c>
      <c r="J6317" t="s">
        <v>62002</v>
      </c>
    </row>
    <row r="6318" spans="1:10" x14ac:dyDescent="0.25">
      <c r="A6318" t="s">
        <v>31514</v>
      </c>
      <c r="B6318" t="s">
        <v>31515</v>
      </c>
      <c r="C6318" t="s">
        <v>31516</v>
      </c>
      <c r="D6318" t="s">
        <v>31440</v>
      </c>
      <c r="E6318" t="s">
        <v>13</v>
      </c>
      <c r="F6318">
        <v>7764</v>
      </c>
      <c r="G6318" t="s">
        <v>31517</v>
      </c>
      <c r="H6318">
        <v>6.042147831007</v>
      </c>
      <c r="I6318">
        <v>51.452387522887001</v>
      </c>
      <c r="J6318" t="s">
        <v>62003</v>
      </c>
    </row>
    <row r="6319" spans="1:10" x14ac:dyDescent="0.25">
      <c r="A6319" t="s">
        <v>31510</v>
      </c>
      <c r="B6319" t="s">
        <v>31511</v>
      </c>
      <c r="C6319" t="s">
        <v>31512</v>
      </c>
      <c r="D6319" t="s">
        <v>31440</v>
      </c>
      <c r="E6319" t="s">
        <v>13</v>
      </c>
      <c r="F6319">
        <v>7763</v>
      </c>
      <c r="G6319" t="s">
        <v>31513</v>
      </c>
      <c r="H6319">
        <v>6.0575115955439998</v>
      </c>
      <c r="I6319">
        <v>51.458426233773999</v>
      </c>
      <c r="J6319" t="s">
        <v>62004</v>
      </c>
    </row>
    <row r="6320" spans="1:10" x14ac:dyDescent="0.25">
      <c r="A6320" t="s">
        <v>31506</v>
      </c>
      <c r="B6320" t="s">
        <v>31507</v>
      </c>
      <c r="C6320" t="s">
        <v>31508</v>
      </c>
      <c r="D6320" t="s">
        <v>31440</v>
      </c>
      <c r="E6320" t="s">
        <v>13</v>
      </c>
      <c r="F6320">
        <v>7762</v>
      </c>
      <c r="G6320" t="s">
        <v>31509</v>
      </c>
      <c r="H6320">
        <v>6.0612779046789997</v>
      </c>
      <c r="I6320">
        <v>51.452592085368003</v>
      </c>
      <c r="J6320" t="s">
        <v>62005</v>
      </c>
    </row>
    <row r="6321" spans="1:10" x14ac:dyDescent="0.25">
      <c r="A6321" t="s">
        <v>31502</v>
      </c>
      <c r="B6321" t="s">
        <v>31503</v>
      </c>
      <c r="C6321" t="s">
        <v>31504</v>
      </c>
      <c r="D6321" t="s">
        <v>31440</v>
      </c>
      <c r="E6321" t="s">
        <v>13</v>
      </c>
      <c r="F6321">
        <v>7761</v>
      </c>
      <c r="G6321" t="s">
        <v>31505</v>
      </c>
      <c r="H6321">
        <v>6.0639885322989997</v>
      </c>
      <c r="I6321">
        <v>51.44893326052</v>
      </c>
      <c r="J6321" t="s">
        <v>62006</v>
      </c>
    </row>
    <row r="6322" spans="1:10" x14ac:dyDescent="0.25">
      <c r="A6322" t="s">
        <v>31498</v>
      </c>
      <c r="B6322" t="s">
        <v>31499</v>
      </c>
      <c r="C6322" t="s">
        <v>31500</v>
      </c>
      <c r="D6322" t="s">
        <v>31440</v>
      </c>
      <c r="E6322" t="s">
        <v>13</v>
      </c>
      <c r="F6322">
        <v>7760</v>
      </c>
      <c r="G6322" t="s">
        <v>31501</v>
      </c>
      <c r="H6322">
        <v>6.0575625398610002</v>
      </c>
      <c r="I6322">
        <v>51.447103523450998</v>
      </c>
      <c r="J6322" t="s">
        <v>62007</v>
      </c>
    </row>
    <row r="6323" spans="1:10" x14ac:dyDescent="0.25">
      <c r="A6323" t="s">
        <v>31494</v>
      </c>
      <c r="B6323" t="s">
        <v>31495</v>
      </c>
      <c r="C6323" t="s">
        <v>31496</v>
      </c>
      <c r="D6323" t="s">
        <v>31440</v>
      </c>
      <c r="E6323" t="s">
        <v>13</v>
      </c>
      <c r="F6323">
        <v>7759</v>
      </c>
      <c r="G6323" t="s">
        <v>31497</v>
      </c>
      <c r="H6323">
        <v>6.0503776960189999</v>
      </c>
      <c r="I6323">
        <v>51.448382724398002</v>
      </c>
      <c r="J6323" t="s">
        <v>62008</v>
      </c>
    </row>
    <row r="6324" spans="1:10" x14ac:dyDescent="0.25">
      <c r="A6324" t="s">
        <v>31490</v>
      </c>
      <c r="B6324" t="s">
        <v>31491</v>
      </c>
      <c r="C6324" t="s">
        <v>31492</v>
      </c>
      <c r="D6324" t="s">
        <v>31440</v>
      </c>
      <c r="E6324" t="s">
        <v>13</v>
      </c>
      <c r="F6324">
        <v>7758</v>
      </c>
      <c r="G6324" t="s">
        <v>31493</v>
      </c>
      <c r="H6324">
        <v>6.0483571052389999</v>
      </c>
      <c r="I6324">
        <v>51.452650677043998</v>
      </c>
      <c r="J6324" t="s">
        <v>62009</v>
      </c>
    </row>
    <row r="6325" spans="1:10" x14ac:dyDescent="0.25">
      <c r="A6325" t="s">
        <v>31486</v>
      </c>
      <c r="B6325" t="s">
        <v>31487</v>
      </c>
      <c r="C6325" t="s">
        <v>31488</v>
      </c>
      <c r="D6325" t="s">
        <v>31440</v>
      </c>
      <c r="E6325" t="s">
        <v>13</v>
      </c>
      <c r="F6325">
        <v>7757</v>
      </c>
      <c r="G6325" t="s">
        <v>31489</v>
      </c>
      <c r="H6325">
        <v>6.0485560315029998</v>
      </c>
      <c r="I6325">
        <v>51.455393324155999</v>
      </c>
      <c r="J6325" t="s">
        <v>62010</v>
      </c>
    </row>
    <row r="6326" spans="1:10" x14ac:dyDescent="0.25">
      <c r="A6326" t="s">
        <v>31482</v>
      </c>
      <c r="B6326" t="s">
        <v>31483</v>
      </c>
      <c r="C6326" t="s">
        <v>31484</v>
      </c>
      <c r="D6326" t="s">
        <v>31440</v>
      </c>
      <c r="E6326" t="s">
        <v>13</v>
      </c>
      <c r="F6326">
        <v>7756</v>
      </c>
      <c r="G6326" t="s">
        <v>31485</v>
      </c>
      <c r="H6326">
        <v>6.0486057460309999</v>
      </c>
      <c r="I6326">
        <v>51.461223345413998</v>
      </c>
      <c r="J6326" t="s">
        <v>62011</v>
      </c>
    </row>
    <row r="6327" spans="1:10" x14ac:dyDescent="0.25">
      <c r="A6327" t="s">
        <v>31478</v>
      </c>
      <c r="B6327" t="s">
        <v>31479</v>
      </c>
      <c r="C6327" t="s">
        <v>31480</v>
      </c>
      <c r="D6327" t="s">
        <v>31440</v>
      </c>
      <c r="E6327" t="s">
        <v>13</v>
      </c>
      <c r="F6327">
        <v>7755</v>
      </c>
      <c r="G6327" t="s">
        <v>31481</v>
      </c>
      <c r="H6327">
        <v>6.0537508666609998</v>
      </c>
      <c r="I6327">
        <v>51.452002970178</v>
      </c>
      <c r="J6327" t="s">
        <v>62012</v>
      </c>
    </row>
    <row r="6328" spans="1:10" x14ac:dyDescent="0.25">
      <c r="A6328" t="s">
        <v>31474</v>
      </c>
      <c r="B6328" t="s">
        <v>31475</v>
      </c>
      <c r="C6328" t="s">
        <v>31476</v>
      </c>
      <c r="D6328" t="s">
        <v>31440</v>
      </c>
      <c r="E6328" t="s">
        <v>13</v>
      </c>
      <c r="F6328">
        <v>7754</v>
      </c>
      <c r="G6328" t="s">
        <v>31477</v>
      </c>
      <c r="H6328">
        <v>6.0373833176970004</v>
      </c>
      <c r="I6328">
        <v>51.431227608694002</v>
      </c>
      <c r="J6328" t="s">
        <v>62013</v>
      </c>
    </row>
    <row r="6329" spans="1:10" x14ac:dyDescent="0.25">
      <c r="A6329" t="s">
        <v>31470</v>
      </c>
      <c r="B6329" t="s">
        <v>31471</v>
      </c>
      <c r="C6329" t="s">
        <v>31472</v>
      </c>
      <c r="D6329" t="s">
        <v>31440</v>
      </c>
      <c r="E6329" t="s">
        <v>13</v>
      </c>
      <c r="F6329">
        <v>7753</v>
      </c>
      <c r="G6329" t="s">
        <v>31473</v>
      </c>
      <c r="H6329">
        <v>6.0398874059420002</v>
      </c>
      <c r="I6329">
        <v>51.438645160930001</v>
      </c>
      <c r="J6329" t="s">
        <v>62014</v>
      </c>
    </row>
    <row r="6330" spans="1:10" x14ac:dyDescent="0.25">
      <c r="A6330" t="s">
        <v>31466</v>
      </c>
      <c r="B6330" t="s">
        <v>31467</v>
      </c>
      <c r="C6330" t="s">
        <v>31468</v>
      </c>
      <c r="D6330" t="s">
        <v>31440</v>
      </c>
      <c r="E6330" t="s">
        <v>13</v>
      </c>
      <c r="F6330">
        <v>7752</v>
      </c>
      <c r="G6330" t="s">
        <v>31469</v>
      </c>
      <c r="H6330">
        <v>6.0124525291840003</v>
      </c>
      <c r="I6330">
        <v>51.459822829309999</v>
      </c>
      <c r="J6330" t="s">
        <v>62015</v>
      </c>
    </row>
    <row r="6331" spans="1:10" x14ac:dyDescent="0.25">
      <c r="A6331" t="s">
        <v>31462</v>
      </c>
      <c r="B6331" t="s">
        <v>31463</v>
      </c>
      <c r="C6331" t="s">
        <v>31464</v>
      </c>
      <c r="D6331" t="s">
        <v>31440</v>
      </c>
      <c r="E6331" t="s">
        <v>13</v>
      </c>
      <c r="F6331">
        <v>7751</v>
      </c>
      <c r="G6331" t="s">
        <v>31465</v>
      </c>
      <c r="H6331">
        <v>6.0239240390450002</v>
      </c>
      <c r="I6331">
        <v>51.455286617253002</v>
      </c>
      <c r="J6331" t="s">
        <v>62016</v>
      </c>
    </row>
    <row r="6332" spans="1:10" x14ac:dyDescent="0.25">
      <c r="A6332" t="s">
        <v>31458</v>
      </c>
      <c r="B6332" t="s">
        <v>31459</v>
      </c>
      <c r="C6332" t="s">
        <v>31460</v>
      </c>
      <c r="D6332" t="s">
        <v>31440</v>
      </c>
      <c r="E6332" t="s">
        <v>13</v>
      </c>
      <c r="F6332">
        <v>7750</v>
      </c>
      <c r="G6332" t="s">
        <v>31461</v>
      </c>
      <c r="H6332">
        <v>5.9630188887440001</v>
      </c>
      <c r="I6332">
        <v>51.442627144764998</v>
      </c>
      <c r="J6332" t="s">
        <v>62017</v>
      </c>
    </row>
    <row r="6333" spans="1:10" x14ac:dyDescent="0.25">
      <c r="A6333" t="s">
        <v>31454</v>
      </c>
      <c r="B6333" t="s">
        <v>31455</v>
      </c>
      <c r="C6333" t="s">
        <v>31456</v>
      </c>
      <c r="D6333" t="s">
        <v>31440</v>
      </c>
      <c r="E6333" t="s">
        <v>13</v>
      </c>
      <c r="F6333">
        <v>7749</v>
      </c>
      <c r="G6333" t="s">
        <v>31457</v>
      </c>
      <c r="H6333">
        <v>5.9616590896829997</v>
      </c>
      <c r="I6333">
        <v>51.447172846763998</v>
      </c>
      <c r="J6333" t="s">
        <v>62018</v>
      </c>
    </row>
    <row r="6334" spans="1:10" x14ac:dyDescent="0.25">
      <c r="A6334" t="s">
        <v>31450</v>
      </c>
      <c r="B6334" t="s">
        <v>31451</v>
      </c>
      <c r="C6334" t="s">
        <v>31452</v>
      </c>
      <c r="D6334" t="s">
        <v>31440</v>
      </c>
      <c r="E6334" t="s">
        <v>13</v>
      </c>
      <c r="F6334">
        <v>7748</v>
      </c>
      <c r="G6334" t="s">
        <v>31453</v>
      </c>
      <c r="H6334">
        <v>5.9536350393999999</v>
      </c>
      <c r="I6334">
        <v>51.455806470372004</v>
      </c>
      <c r="J6334" t="s">
        <v>62019</v>
      </c>
    </row>
    <row r="6335" spans="1:10" x14ac:dyDescent="0.25">
      <c r="A6335" t="s">
        <v>31446</v>
      </c>
      <c r="B6335" t="s">
        <v>31447</v>
      </c>
      <c r="C6335" t="s">
        <v>31448</v>
      </c>
      <c r="D6335" t="s">
        <v>31440</v>
      </c>
      <c r="E6335" t="s">
        <v>13</v>
      </c>
      <c r="F6335">
        <v>7747</v>
      </c>
      <c r="G6335" t="s">
        <v>31449</v>
      </c>
      <c r="H6335">
        <v>5.9800805583120002</v>
      </c>
      <c r="I6335">
        <v>51.437932398438001</v>
      </c>
      <c r="J6335" t="s">
        <v>62020</v>
      </c>
    </row>
    <row r="6336" spans="1:10" x14ac:dyDescent="0.25">
      <c r="A6336" t="s">
        <v>31442</v>
      </c>
      <c r="B6336" t="s">
        <v>31443</v>
      </c>
      <c r="C6336" t="s">
        <v>31444</v>
      </c>
      <c r="D6336" t="s">
        <v>31440</v>
      </c>
      <c r="E6336" t="s">
        <v>13</v>
      </c>
      <c r="F6336">
        <v>7746</v>
      </c>
      <c r="G6336" t="s">
        <v>31445</v>
      </c>
      <c r="H6336">
        <v>5.906591850032</v>
      </c>
      <c r="I6336">
        <v>51.43608270512</v>
      </c>
      <c r="J6336" t="s">
        <v>62021</v>
      </c>
    </row>
    <row r="6337" spans="1:10" x14ac:dyDescent="0.25">
      <c r="A6337" t="s">
        <v>31437</v>
      </c>
      <c r="B6337" t="s">
        <v>31438</v>
      </c>
      <c r="C6337" t="s">
        <v>31439</v>
      </c>
      <c r="D6337" t="s">
        <v>31440</v>
      </c>
      <c r="E6337" t="s">
        <v>13</v>
      </c>
      <c r="F6337">
        <v>7745</v>
      </c>
      <c r="G6337" t="s">
        <v>31441</v>
      </c>
      <c r="H6337">
        <v>5.8848463538109996</v>
      </c>
      <c r="I6337">
        <v>51.442654526719998</v>
      </c>
      <c r="J6337" t="s">
        <v>62022</v>
      </c>
    </row>
    <row r="6338" spans="1:10" x14ac:dyDescent="0.25">
      <c r="A6338" t="s">
        <v>31433</v>
      </c>
      <c r="B6338" t="s">
        <v>31434</v>
      </c>
      <c r="C6338" t="s">
        <v>31435</v>
      </c>
      <c r="D6338" t="s">
        <v>31312</v>
      </c>
      <c r="E6338" t="s">
        <v>13</v>
      </c>
      <c r="F6338">
        <v>7744</v>
      </c>
      <c r="G6338" t="s">
        <v>31436</v>
      </c>
      <c r="H6338">
        <v>5.8670142812070001</v>
      </c>
      <c r="I6338">
        <v>50.864665693958997</v>
      </c>
      <c r="J6338" t="s">
        <v>62023</v>
      </c>
    </row>
    <row r="6339" spans="1:10" x14ac:dyDescent="0.25">
      <c r="A6339" t="s">
        <v>31429</v>
      </c>
      <c r="B6339" t="s">
        <v>31430</v>
      </c>
      <c r="C6339" t="s">
        <v>31431</v>
      </c>
      <c r="D6339" t="s">
        <v>31312</v>
      </c>
      <c r="E6339" t="s">
        <v>13</v>
      </c>
      <c r="F6339">
        <v>7743</v>
      </c>
      <c r="G6339" t="s">
        <v>31432</v>
      </c>
      <c r="H6339">
        <v>5.8069027379750002</v>
      </c>
      <c r="I6339">
        <v>50.863050583393999</v>
      </c>
      <c r="J6339" t="s">
        <v>62024</v>
      </c>
    </row>
    <row r="6340" spans="1:10" x14ac:dyDescent="0.25">
      <c r="A6340" t="s">
        <v>31425</v>
      </c>
      <c r="B6340" t="s">
        <v>31426</v>
      </c>
      <c r="C6340" t="s">
        <v>31427</v>
      </c>
      <c r="D6340" t="s">
        <v>31312</v>
      </c>
      <c r="E6340" t="s">
        <v>13</v>
      </c>
      <c r="F6340">
        <v>7742</v>
      </c>
      <c r="G6340" t="s">
        <v>31428</v>
      </c>
      <c r="H6340">
        <v>5.796297154706</v>
      </c>
      <c r="I6340">
        <v>50.864233373067002</v>
      </c>
      <c r="J6340" t="s">
        <v>62025</v>
      </c>
    </row>
    <row r="6341" spans="1:10" x14ac:dyDescent="0.25">
      <c r="A6341" t="s">
        <v>31421</v>
      </c>
      <c r="B6341" t="s">
        <v>31422</v>
      </c>
      <c r="C6341" t="s">
        <v>31423</v>
      </c>
      <c r="D6341" t="s">
        <v>31312</v>
      </c>
      <c r="E6341" t="s">
        <v>13</v>
      </c>
      <c r="F6341">
        <v>7741</v>
      </c>
      <c r="G6341" t="s">
        <v>31424</v>
      </c>
      <c r="H6341">
        <v>5.7634689317590002</v>
      </c>
      <c r="I6341">
        <v>50.859791724586003</v>
      </c>
      <c r="J6341" t="s">
        <v>62026</v>
      </c>
    </row>
    <row r="6342" spans="1:10" x14ac:dyDescent="0.25">
      <c r="A6342" t="s">
        <v>31417</v>
      </c>
      <c r="B6342" t="s">
        <v>31418</v>
      </c>
      <c r="C6342" t="s">
        <v>31419</v>
      </c>
      <c r="D6342" t="s">
        <v>31312</v>
      </c>
      <c r="E6342" t="s">
        <v>13</v>
      </c>
      <c r="F6342">
        <v>7740</v>
      </c>
      <c r="G6342" t="s">
        <v>31420</v>
      </c>
      <c r="H6342">
        <v>5.7770320775509996</v>
      </c>
      <c r="I6342">
        <v>50.868841562177998</v>
      </c>
      <c r="J6342" t="s">
        <v>62027</v>
      </c>
    </row>
    <row r="6343" spans="1:10" x14ac:dyDescent="0.25">
      <c r="A6343" t="s">
        <v>31413</v>
      </c>
      <c r="B6343" t="s">
        <v>31414</v>
      </c>
      <c r="C6343" t="s">
        <v>31415</v>
      </c>
      <c r="D6343" t="s">
        <v>31312</v>
      </c>
      <c r="E6343" t="s">
        <v>13</v>
      </c>
      <c r="F6343">
        <v>7739</v>
      </c>
      <c r="G6343" t="s">
        <v>31416</v>
      </c>
      <c r="H6343">
        <v>5.8080097162030002</v>
      </c>
      <c r="I6343">
        <v>50.856952156193998</v>
      </c>
      <c r="J6343" t="s">
        <v>62028</v>
      </c>
    </row>
    <row r="6344" spans="1:10" x14ac:dyDescent="0.25">
      <c r="A6344" t="s">
        <v>31409</v>
      </c>
      <c r="B6344" t="s">
        <v>31410</v>
      </c>
      <c r="C6344" t="s">
        <v>31411</v>
      </c>
      <c r="D6344" t="s">
        <v>31312</v>
      </c>
      <c r="E6344" t="s">
        <v>13</v>
      </c>
      <c r="F6344">
        <v>7738</v>
      </c>
      <c r="G6344" t="s">
        <v>31412</v>
      </c>
      <c r="H6344">
        <v>5.7869381305310004</v>
      </c>
      <c r="I6344">
        <v>50.854135489412997</v>
      </c>
      <c r="J6344" t="s">
        <v>62029</v>
      </c>
    </row>
    <row r="6345" spans="1:10" x14ac:dyDescent="0.25">
      <c r="A6345" t="s">
        <v>31406</v>
      </c>
      <c r="B6345" t="s">
        <v>31407</v>
      </c>
      <c r="C6345" t="s">
        <v>30468</v>
      </c>
      <c r="D6345" t="s">
        <v>31312</v>
      </c>
      <c r="E6345" t="s">
        <v>13</v>
      </c>
      <c r="F6345">
        <v>7737</v>
      </c>
      <c r="G6345" t="s">
        <v>31408</v>
      </c>
      <c r="H6345">
        <v>5.7826167303279998</v>
      </c>
      <c r="I6345">
        <v>50.862169585799002</v>
      </c>
      <c r="J6345" t="s">
        <v>62030</v>
      </c>
    </row>
    <row r="6346" spans="1:10" x14ac:dyDescent="0.25">
      <c r="A6346" t="s">
        <v>31402</v>
      </c>
      <c r="B6346" t="s">
        <v>31403</v>
      </c>
      <c r="C6346" t="s">
        <v>31404</v>
      </c>
      <c r="D6346" t="s">
        <v>31312</v>
      </c>
      <c r="E6346" t="s">
        <v>13</v>
      </c>
      <c r="F6346">
        <v>7736</v>
      </c>
      <c r="G6346" t="s">
        <v>31405</v>
      </c>
      <c r="H6346">
        <v>5.8116414422889999</v>
      </c>
      <c r="I6346">
        <v>50.849535836390999</v>
      </c>
      <c r="J6346" t="s">
        <v>62031</v>
      </c>
    </row>
    <row r="6347" spans="1:10" x14ac:dyDescent="0.25">
      <c r="A6347" t="s">
        <v>31398</v>
      </c>
      <c r="B6347" t="s">
        <v>31399</v>
      </c>
      <c r="C6347" t="s">
        <v>31400</v>
      </c>
      <c r="D6347" t="s">
        <v>31312</v>
      </c>
      <c r="E6347" t="s">
        <v>13</v>
      </c>
      <c r="F6347">
        <v>7735</v>
      </c>
      <c r="G6347" t="s">
        <v>31401</v>
      </c>
      <c r="H6347">
        <v>5.8321591013829996</v>
      </c>
      <c r="I6347">
        <v>50.836102262093</v>
      </c>
      <c r="J6347" t="s">
        <v>62032</v>
      </c>
    </row>
    <row r="6348" spans="1:10" x14ac:dyDescent="0.25">
      <c r="A6348" t="s">
        <v>31394</v>
      </c>
      <c r="B6348" t="s">
        <v>31395</v>
      </c>
      <c r="C6348" t="s">
        <v>31396</v>
      </c>
      <c r="D6348" t="s">
        <v>31312</v>
      </c>
      <c r="E6348" t="s">
        <v>13</v>
      </c>
      <c r="F6348">
        <v>7734</v>
      </c>
      <c r="G6348" t="s">
        <v>31397</v>
      </c>
      <c r="H6348">
        <v>5.8291227017920004</v>
      </c>
      <c r="I6348">
        <v>50.846513669654001</v>
      </c>
      <c r="J6348" t="s">
        <v>62033</v>
      </c>
    </row>
    <row r="6349" spans="1:10" x14ac:dyDescent="0.25">
      <c r="A6349" t="s">
        <v>31390</v>
      </c>
      <c r="B6349" t="s">
        <v>31391</v>
      </c>
      <c r="C6349" t="s">
        <v>31392</v>
      </c>
      <c r="D6349" t="s">
        <v>31312</v>
      </c>
      <c r="E6349" t="s">
        <v>13</v>
      </c>
      <c r="F6349">
        <v>7733</v>
      </c>
      <c r="G6349" t="s">
        <v>31393</v>
      </c>
      <c r="H6349">
        <v>5.8588821078800004</v>
      </c>
      <c r="I6349">
        <v>50.860687655347</v>
      </c>
      <c r="J6349" t="s">
        <v>62034</v>
      </c>
    </row>
    <row r="6350" spans="1:10" x14ac:dyDescent="0.25">
      <c r="A6350" t="s">
        <v>31386</v>
      </c>
      <c r="B6350" t="s">
        <v>31387</v>
      </c>
      <c r="C6350" t="s">
        <v>31388</v>
      </c>
      <c r="D6350" t="s">
        <v>31312</v>
      </c>
      <c r="E6350" t="s">
        <v>13</v>
      </c>
      <c r="F6350">
        <v>7732</v>
      </c>
      <c r="G6350" t="s">
        <v>31389</v>
      </c>
      <c r="H6350">
        <v>5.8714861879400004</v>
      </c>
      <c r="I6350">
        <v>50.843294643290001</v>
      </c>
      <c r="J6350" t="s">
        <v>62035</v>
      </c>
    </row>
    <row r="6351" spans="1:10" x14ac:dyDescent="0.25">
      <c r="A6351" t="s">
        <v>31382</v>
      </c>
      <c r="B6351" t="s">
        <v>31383</v>
      </c>
      <c r="C6351" t="s">
        <v>31384</v>
      </c>
      <c r="D6351" t="s">
        <v>31312</v>
      </c>
      <c r="E6351" t="s">
        <v>13</v>
      </c>
      <c r="F6351">
        <v>7731</v>
      </c>
      <c r="G6351" t="s">
        <v>31385</v>
      </c>
      <c r="H6351">
        <v>5.8547923357840004</v>
      </c>
      <c r="I6351">
        <v>50.842541623400002</v>
      </c>
      <c r="J6351" t="s">
        <v>62036</v>
      </c>
    </row>
    <row r="6352" spans="1:10" x14ac:dyDescent="0.25">
      <c r="A6352" t="s">
        <v>31378</v>
      </c>
      <c r="B6352" t="s">
        <v>31379</v>
      </c>
      <c r="C6352" t="s">
        <v>31380</v>
      </c>
      <c r="D6352" t="s">
        <v>31312</v>
      </c>
      <c r="E6352" t="s">
        <v>13</v>
      </c>
      <c r="F6352">
        <v>7730</v>
      </c>
      <c r="G6352" t="s">
        <v>31381</v>
      </c>
      <c r="H6352">
        <v>5.8648292441969998</v>
      </c>
      <c r="I6352">
        <v>50.851122200102999</v>
      </c>
      <c r="J6352" t="s">
        <v>62037</v>
      </c>
    </row>
    <row r="6353" spans="1:10" x14ac:dyDescent="0.25">
      <c r="A6353" t="s">
        <v>31374</v>
      </c>
      <c r="B6353" t="s">
        <v>31375</v>
      </c>
      <c r="C6353" t="s">
        <v>31376</v>
      </c>
      <c r="D6353" t="s">
        <v>31312</v>
      </c>
      <c r="E6353" t="s">
        <v>13</v>
      </c>
      <c r="F6353">
        <v>7729</v>
      </c>
      <c r="G6353" t="s">
        <v>31377</v>
      </c>
      <c r="H6353">
        <v>5.8512600772359997</v>
      </c>
      <c r="I6353">
        <v>50.855322193142001</v>
      </c>
      <c r="J6353" t="s">
        <v>62038</v>
      </c>
    </row>
    <row r="6354" spans="1:10" x14ac:dyDescent="0.25">
      <c r="A6354" t="s">
        <v>31370</v>
      </c>
      <c r="B6354" t="s">
        <v>31371</v>
      </c>
      <c r="C6354" t="s">
        <v>31372</v>
      </c>
      <c r="D6354" t="s">
        <v>31312</v>
      </c>
      <c r="E6354" t="s">
        <v>13</v>
      </c>
      <c r="F6354">
        <v>7728</v>
      </c>
      <c r="G6354" t="s">
        <v>31373</v>
      </c>
      <c r="H6354">
        <v>5.8800727687869996</v>
      </c>
      <c r="I6354">
        <v>50.850020258824003</v>
      </c>
      <c r="J6354" t="s">
        <v>62039</v>
      </c>
    </row>
    <row r="6355" spans="1:10" x14ac:dyDescent="0.25">
      <c r="A6355" t="s">
        <v>31366</v>
      </c>
      <c r="B6355" t="s">
        <v>31367</v>
      </c>
      <c r="C6355" t="s">
        <v>31368</v>
      </c>
      <c r="D6355" t="s">
        <v>31312</v>
      </c>
      <c r="E6355" t="s">
        <v>13</v>
      </c>
      <c r="F6355">
        <v>7727</v>
      </c>
      <c r="G6355" t="s">
        <v>31369</v>
      </c>
      <c r="H6355">
        <v>5.8695733965999999</v>
      </c>
      <c r="I6355">
        <v>50.853801558565998</v>
      </c>
      <c r="J6355" t="s">
        <v>62040</v>
      </c>
    </row>
    <row r="6356" spans="1:10" x14ac:dyDescent="0.25">
      <c r="A6356" t="s">
        <v>31362</v>
      </c>
      <c r="B6356" t="s">
        <v>31363</v>
      </c>
      <c r="C6356" t="s">
        <v>31364</v>
      </c>
      <c r="D6356" t="s">
        <v>31312</v>
      </c>
      <c r="E6356" t="s">
        <v>13</v>
      </c>
      <c r="F6356">
        <v>7726</v>
      </c>
      <c r="G6356" t="s">
        <v>31365</v>
      </c>
      <c r="H6356">
        <v>5.8252501548720002</v>
      </c>
      <c r="I6356">
        <v>50.882348040636998</v>
      </c>
      <c r="J6356" t="s">
        <v>62041</v>
      </c>
    </row>
    <row r="6357" spans="1:10" x14ac:dyDescent="0.25">
      <c r="A6357" t="s">
        <v>31358</v>
      </c>
      <c r="B6357" t="s">
        <v>31359</v>
      </c>
      <c r="C6357" t="s">
        <v>31360</v>
      </c>
      <c r="D6357" t="s">
        <v>31312</v>
      </c>
      <c r="E6357" t="s">
        <v>13</v>
      </c>
      <c r="F6357">
        <v>7725</v>
      </c>
      <c r="G6357" t="s">
        <v>31361</v>
      </c>
      <c r="H6357">
        <v>5.7987095570219997</v>
      </c>
      <c r="I6357">
        <v>50.880567101916</v>
      </c>
      <c r="J6357" t="s">
        <v>62042</v>
      </c>
    </row>
    <row r="6358" spans="1:10" x14ac:dyDescent="0.25">
      <c r="A6358" t="s">
        <v>31354</v>
      </c>
      <c r="B6358" t="s">
        <v>31355</v>
      </c>
      <c r="C6358" t="s">
        <v>31356</v>
      </c>
      <c r="D6358" t="s">
        <v>31312</v>
      </c>
      <c r="E6358" t="s">
        <v>13</v>
      </c>
      <c r="F6358">
        <v>7724</v>
      </c>
      <c r="G6358" t="s">
        <v>31357</v>
      </c>
      <c r="H6358">
        <v>5.8081413919170002</v>
      </c>
      <c r="I6358">
        <v>50.872454217291001</v>
      </c>
      <c r="J6358" t="s">
        <v>62043</v>
      </c>
    </row>
    <row r="6359" spans="1:10" x14ac:dyDescent="0.25">
      <c r="A6359" t="s">
        <v>31350</v>
      </c>
      <c r="B6359" t="s">
        <v>31351</v>
      </c>
      <c r="C6359" t="s">
        <v>31352</v>
      </c>
      <c r="D6359" t="s">
        <v>31312</v>
      </c>
      <c r="E6359" t="s">
        <v>13</v>
      </c>
      <c r="F6359">
        <v>7723</v>
      </c>
      <c r="G6359" t="s">
        <v>31353</v>
      </c>
      <c r="H6359">
        <v>5.7823978805999996</v>
      </c>
      <c r="I6359">
        <v>50.873898387676</v>
      </c>
      <c r="J6359" t="s">
        <v>62044</v>
      </c>
    </row>
    <row r="6360" spans="1:10" x14ac:dyDescent="0.25">
      <c r="A6360" t="s">
        <v>31346</v>
      </c>
      <c r="B6360" t="s">
        <v>31347</v>
      </c>
      <c r="C6360" t="s">
        <v>31348</v>
      </c>
      <c r="D6360" t="s">
        <v>31312</v>
      </c>
      <c r="E6360" t="s">
        <v>13</v>
      </c>
      <c r="F6360">
        <v>7722</v>
      </c>
      <c r="G6360" t="s">
        <v>31349</v>
      </c>
      <c r="H6360">
        <v>5.7988340036589996</v>
      </c>
      <c r="I6360">
        <v>50.870537950112002</v>
      </c>
      <c r="J6360" t="s">
        <v>62045</v>
      </c>
    </row>
    <row r="6361" spans="1:10" x14ac:dyDescent="0.25">
      <c r="A6361" t="s">
        <v>31342</v>
      </c>
      <c r="B6361" t="s">
        <v>31343</v>
      </c>
      <c r="C6361" t="s">
        <v>31344</v>
      </c>
      <c r="D6361" t="s">
        <v>31312</v>
      </c>
      <c r="E6361" t="s">
        <v>13</v>
      </c>
      <c r="F6361">
        <v>7721</v>
      </c>
      <c r="G6361" t="s">
        <v>31345</v>
      </c>
      <c r="H6361">
        <v>5.8514799170740002</v>
      </c>
      <c r="I6361">
        <v>50.864838071733999</v>
      </c>
      <c r="J6361" t="s">
        <v>62046</v>
      </c>
    </row>
    <row r="6362" spans="1:10" x14ac:dyDescent="0.25">
      <c r="A6362" t="s">
        <v>31338</v>
      </c>
      <c r="B6362" t="s">
        <v>31339</v>
      </c>
      <c r="C6362" t="s">
        <v>31340</v>
      </c>
      <c r="D6362" t="s">
        <v>31312</v>
      </c>
      <c r="E6362" t="s">
        <v>13</v>
      </c>
      <c r="F6362">
        <v>7720</v>
      </c>
      <c r="G6362" t="s">
        <v>31341</v>
      </c>
      <c r="H6362">
        <v>5.8189297680459999</v>
      </c>
      <c r="I6362">
        <v>50.864370482433003</v>
      </c>
      <c r="J6362" t="s">
        <v>62047</v>
      </c>
    </row>
    <row r="6363" spans="1:10" x14ac:dyDescent="0.25">
      <c r="A6363" t="s">
        <v>31334</v>
      </c>
      <c r="B6363" t="s">
        <v>31335</v>
      </c>
      <c r="C6363" t="s">
        <v>31336</v>
      </c>
      <c r="D6363" t="s">
        <v>31312</v>
      </c>
      <c r="E6363" t="s">
        <v>13</v>
      </c>
      <c r="F6363">
        <v>7719</v>
      </c>
      <c r="G6363" t="s">
        <v>31337</v>
      </c>
      <c r="H6363">
        <v>5.8415314584100004</v>
      </c>
      <c r="I6363">
        <v>50.869183027435</v>
      </c>
      <c r="J6363" t="s">
        <v>62048</v>
      </c>
    </row>
    <row r="6364" spans="1:10" x14ac:dyDescent="0.25">
      <c r="A6364" t="s">
        <v>31330</v>
      </c>
      <c r="B6364" t="s">
        <v>31331</v>
      </c>
      <c r="C6364" t="s">
        <v>31332</v>
      </c>
      <c r="D6364" t="s">
        <v>31312</v>
      </c>
      <c r="E6364" t="s">
        <v>13</v>
      </c>
      <c r="F6364">
        <v>7718</v>
      </c>
      <c r="G6364" t="s">
        <v>31333</v>
      </c>
      <c r="H6364">
        <v>5.8195502949089999</v>
      </c>
      <c r="I6364">
        <v>50.873856482487</v>
      </c>
      <c r="J6364" t="s">
        <v>62049</v>
      </c>
    </row>
    <row r="6365" spans="1:10" x14ac:dyDescent="0.25">
      <c r="A6365" t="s">
        <v>31326</v>
      </c>
      <c r="B6365" t="s">
        <v>31327</v>
      </c>
      <c r="C6365" t="s">
        <v>31328</v>
      </c>
      <c r="D6365" t="s">
        <v>31312</v>
      </c>
      <c r="E6365" t="s">
        <v>13</v>
      </c>
      <c r="F6365">
        <v>7717</v>
      </c>
      <c r="G6365" t="s">
        <v>31329</v>
      </c>
      <c r="H6365">
        <v>5.857244245125</v>
      </c>
      <c r="I6365">
        <v>50.874585105964002</v>
      </c>
      <c r="J6365" t="s">
        <v>62050</v>
      </c>
    </row>
    <row r="6366" spans="1:10" x14ac:dyDescent="0.25">
      <c r="A6366" t="s">
        <v>31322</v>
      </c>
      <c r="B6366" t="s">
        <v>31323</v>
      </c>
      <c r="C6366" t="s">
        <v>31324</v>
      </c>
      <c r="D6366" t="s">
        <v>31312</v>
      </c>
      <c r="E6366" t="s">
        <v>13</v>
      </c>
      <c r="F6366">
        <v>7716</v>
      </c>
      <c r="G6366" t="s">
        <v>31325</v>
      </c>
      <c r="H6366">
        <v>5.8445191771219998</v>
      </c>
      <c r="I6366">
        <v>50.877619801614998</v>
      </c>
      <c r="J6366" t="s">
        <v>62051</v>
      </c>
    </row>
    <row r="6367" spans="1:10" x14ac:dyDescent="0.25">
      <c r="A6367" t="s">
        <v>31318</v>
      </c>
      <c r="B6367" t="s">
        <v>31319</v>
      </c>
      <c r="C6367" t="s">
        <v>31320</v>
      </c>
      <c r="D6367" t="s">
        <v>31312</v>
      </c>
      <c r="E6367" t="s">
        <v>13</v>
      </c>
      <c r="F6367">
        <v>7715</v>
      </c>
      <c r="G6367" t="s">
        <v>31321</v>
      </c>
      <c r="H6367">
        <v>5.8326210504259999</v>
      </c>
      <c r="I6367">
        <v>50.874836019009003</v>
      </c>
      <c r="J6367" t="s">
        <v>62052</v>
      </c>
    </row>
    <row r="6368" spans="1:10" x14ac:dyDescent="0.25">
      <c r="A6368" t="s">
        <v>31314</v>
      </c>
      <c r="B6368" t="s">
        <v>31315</v>
      </c>
      <c r="C6368" t="s">
        <v>31316</v>
      </c>
      <c r="D6368" t="s">
        <v>31312</v>
      </c>
      <c r="E6368" t="s">
        <v>13</v>
      </c>
      <c r="F6368">
        <v>7714</v>
      </c>
      <c r="G6368" t="s">
        <v>31317</v>
      </c>
      <c r="H6368">
        <v>5.8219058165059998</v>
      </c>
      <c r="I6368">
        <v>50.869987560350999</v>
      </c>
      <c r="J6368" t="s">
        <v>62053</v>
      </c>
    </row>
    <row r="6369" spans="1:10" x14ac:dyDescent="0.25">
      <c r="A6369" t="s">
        <v>31310</v>
      </c>
      <c r="B6369" t="s">
        <v>31311</v>
      </c>
      <c r="C6369" t="s">
        <v>14825</v>
      </c>
      <c r="D6369" t="s">
        <v>31312</v>
      </c>
      <c r="E6369" t="s">
        <v>13</v>
      </c>
      <c r="F6369">
        <v>7713</v>
      </c>
      <c r="G6369" t="s">
        <v>31313</v>
      </c>
      <c r="H6369">
        <v>5.8322719125780003</v>
      </c>
      <c r="I6369">
        <v>50.859692224408001</v>
      </c>
      <c r="J6369" t="s">
        <v>62054</v>
      </c>
    </row>
    <row r="6370" spans="1:10" x14ac:dyDescent="0.25">
      <c r="A6370" t="s">
        <v>31306</v>
      </c>
      <c r="B6370" t="s">
        <v>31307</v>
      </c>
      <c r="C6370" t="s">
        <v>31308</v>
      </c>
      <c r="D6370" t="s">
        <v>31161</v>
      </c>
      <c r="E6370" t="s">
        <v>13</v>
      </c>
      <c r="F6370">
        <v>7712</v>
      </c>
      <c r="G6370" t="s">
        <v>31309</v>
      </c>
      <c r="H6370">
        <v>5.7059749337380001</v>
      </c>
      <c r="I6370">
        <v>51.193095857152997</v>
      </c>
      <c r="J6370" t="s">
        <v>62055</v>
      </c>
    </row>
    <row r="6371" spans="1:10" x14ac:dyDescent="0.25">
      <c r="A6371" t="s">
        <v>31302</v>
      </c>
      <c r="B6371" t="s">
        <v>31303</v>
      </c>
      <c r="C6371" t="s">
        <v>31304</v>
      </c>
      <c r="D6371" t="s">
        <v>31161</v>
      </c>
      <c r="E6371" t="s">
        <v>13</v>
      </c>
      <c r="F6371">
        <v>7711</v>
      </c>
      <c r="G6371" t="s">
        <v>31305</v>
      </c>
      <c r="H6371">
        <v>5.7174000271940004</v>
      </c>
      <c r="I6371">
        <v>51.195770062800001</v>
      </c>
      <c r="J6371" t="s">
        <v>62056</v>
      </c>
    </row>
    <row r="6372" spans="1:10" x14ac:dyDescent="0.25">
      <c r="A6372" t="s">
        <v>31298</v>
      </c>
      <c r="B6372" t="s">
        <v>31299</v>
      </c>
      <c r="C6372" t="s">
        <v>31300</v>
      </c>
      <c r="D6372" t="s">
        <v>31161</v>
      </c>
      <c r="E6372" t="s">
        <v>13</v>
      </c>
      <c r="F6372">
        <v>7710</v>
      </c>
      <c r="G6372" t="s">
        <v>31301</v>
      </c>
      <c r="H6372">
        <v>5.7690292018590004</v>
      </c>
      <c r="I6372">
        <v>51.232624181624999</v>
      </c>
      <c r="J6372" t="s">
        <v>62057</v>
      </c>
    </row>
    <row r="6373" spans="1:10" x14ac:dyDescent="0.25">
      <c r="A6373" t="s">
        <v>31294</v>
      </c>
      <c r="B6373" t="s">
        <v>31295</v>
      </c>
      <c r="C6373" t="s">
        <v>31296</v>
      </c>
      <c r="D6373" t="s">
        <v>31161</v>
      </c>
      <c r="E6373" t="s">
        <v>13</v>
      </c>
      <c r="F6373">
        <v>7709</v>
      </c>
      <c r="G6373" t="s">
        <v>31297</v>
      </c>
      <c r="H6373">
        <v>5.7725241373990004</v>
      </c>
      <c r="I6373">
        <v>51.230856962407003</v>
      </c>
      <c r="J6373" t="s">
        <v>62058</v>
      </c>
    </row>
    <row r="6374" spans="1:10" x14ac:dyDescent="0.25">
      <c r="A6374" t="s">
        <v>31290</v>
      </c>
      <c r="B6374" t="s">
        <v>31291</v>
      </c>
      <c r="C6374" t="s">
        <v>31292</v>
      </c>
      <c r="D6374" t="s">
        <v>31161</v>
      </c>
      <c r="E6374" t="s">
        <v>13</v>
      </c>
      <c r="F6374">
        <v>7708</v>
      </c>
      <c r="G6374" t="s">
        <v>31293</v>
      </c>
      <c r="H6374">
        <v>5.7341305685170001</v>
      </c>
      <c r="I6374">
        <v>51.218254418933</v>
      </c>
      <c r="J6374" t="s">
        <v>62059</v>
      </c>
    </row>
    <row r="6375" spans="1:10" x14ac:dyDescent="0.25">
      <c r="A6375" t="s">
        <v>31286</v>
      </c>
      <c r="B6375" t="s">
        <v>31287</v>
      </c>
      <c r="C6375" t="s">
        <v>31288</v>
      </c>
      <c r="D6375" t="s">
        <v>31161</v>
      </c>
      <c r="E6375" t="s">
        <v>13</v>
      </c>
      <c r="F6375">
        <v>7707</v>
      </c>
      <c r="G6375" t="s">
        <v>31289</v>
      </c>
      <c r="H6375">
        <v>5.7310646700239998</v>
      </c>
      <c r="I6375">
        <v>51.211767276415998</v>
      </c>
      <c r="J6375" t="s">
        <v>62060</v>
      </c>
    </row>
    <row r="6376" spans="1:10" x14ac:dyDescent="0.25">
      <c r="A6376" t="s">
        <v>31282</v>
      </c>
      <c r="B6376" t="s">
        <v>31283</v>
      </c>
      <c r="C6376" t="s">
        <v>31284</v>
      </c>
      <c r="D6376" t="s">
        <v>31161</v>
      </c>
      <c r="E6376" t="s">
        <v>13</v>
      </c>
      <c r="F6376">
        <v>7706</v>
      </c>
      <c r="G6376" t="s">
        <v>31285</v>
      </c>
      <c r="H6376">
        <v>5.6581520502369997</v>
      </c>
      <c r="I6376">
        <v>51.217100872963996</v>
      </c>
      <c r="J6376" t="s">
        <v>62061</v>
      </c>
    </row>
    <row r="6377" spans="1:10" x14ac:dyDescent="0.25">
      <c r="A6377" t="s">
        <v>31278</v>
      </c>
      <c r="B6377" t="s">
        <v>31279</v>
      </c>
      <c r="C6377" t="s">
        <v>31280</v>
      </c>
      <c r="D6377" t="s">
        <v>31161</v>
      </c>
      <c r="E6377" t="s">
        <v>13</v>
      </c>
      <c r="F6377">
        <v>7705</v>
      </c>
      <c r="G6377" t="s">
        <v>31281</v>
      </c>
      <c r="H6377">
        <v>5.6805028157560002</v>
      </c>
      <c r="I6377">
        <v>51.220565393306998</v>
      </c>
      <c r="J6377" t="s">
        <v>62062</v>
      </c>
    </row>
    <row r="6378" spans="1:10" x14ac:dyDescent="0.25">
      <c r="A6378" t="s">
        <v>31274</v>
      </c>
      <c r="B6378" t="s">
        <v>31275</v>
      </c>
      <c r="C6378" t="s">
        <v>31276</v>
      </c>
      <c r="D6378" t="s">
        <v>31161</v>
      </c>
      <c r="E6378" t="s">
        <v>13</v>
      </c>
      <c r="F6378">
        <v>7704</v>
      </c>
      <c r="G6378" t="s">
        <v>31277</v>
      </c>
      <c r="H6378">
        <v>5.6712687217889997</v>
      </c>
      <c r="I6378">
        <v>51.244828465744</v>
      </c>
      <c r="J6378" t="s">
        <v>62063</v>
      </c>
    </row>
    <row r="6379" spans="1:10" x14ac:dyDescent="0.25">
      <c r="A6379" t="s">
        <v>31270</v>
      </c>
      <c r="B6379" t="s">
        <v>31271</v>
      </c>
      <c r="C6379" t="s">
        <v>31272</v>
      </c>
      <c r="D6379" t="s">
        <v>31161</v>
      </c>
      <c r="E6379" t="s">
        <v>13</v>
      </c>
      <c r="F6379">
        <v>7703</v>
      </c>
      <c r="G6379" t="s">
        <v>31273</v>
      </c>
      <c r="H6379">
        <v>5.6818364431450004</v>
      </c>
      <c r="I6379">
        <v>51.239969719085003</v>
      </c>
      <c r="J6379" t="s">
        <v>62064</v>
      </c>
    </row>
    <row r="6380" spans="1:10" x14ac:dyDescent="0.25">
      <c r="A6380" t="s">
        <v>31266</v>
      </c>
      <c r="B6380" t="s">
        <v>31267</v>
      </c>
      <c r="C6380" t="s">
        <v>31268</v>
      </c>
      <c r="D6380" t="s">
        <v>31161</v>
      </c>
      <c r="E6380" t="s">
        <v>13</v>
      </c>
      <c r="F6380">
        <v>7702</v>
      </c>
      <c r="G6380" t="s">
        <v>31269</v>
      </c>
      <c r="H6380">
        <v>5.7576067093720003</v>
      </c>
      <c r="I6380">
        <v>51.252384793597002</v>
      </c>
      <c r="J6380" t="s">
        <v>62065</v>
      </c>
    </row>
    <row r="6381" spans="1:10" x14ac:dyDescent="0.25">
      <c r="A6381" t="s">
        <v>31262</v>
      </c>
      <c r="B6381" t="s">
        <v>31263</v>
      </c>
      <c r="C6381" t="s">
        <v>31264</v>
      </c>
      <c r="D6381" t="s">
        <v>31161</v>
      </c>
      <c r="E6381" t="s">
        <v>13</v>
      </c>
      <c r="F6381">
        <v>7701</v>
      </c>
      <c r="G6381" t="s">
        <v>31265</v>
      </c>
      <c r="H6381">
        <v>5.7317972446100001</v>
      </c>
      <c r="I6381">
        <v>51.263826404489002</v>
      </c>
      <c r="J6381" t="s">
        <v>62066</v>
      </c>
    </row>
    <row r="6382" spans="1:10" x14ac:dyDescent="0.25">
      <c r="A6382" t="s">
        <v>31258</v>
      </c>
      <c r="B6382" t="s">
        <v>31259</v>
      </c>
      <c r="C6382" t="s">
        <v>31260</v>
      </c>
      <c r="D6382" t="s">
        <v>31161</v>
      </c>
      <c r="E6382" t="s">
        <v>13</v>
      </c>
      <c r="F6382">
        <v>7700</v>
      </c>
      <c r="G6382" t="s">
        <v>31261</v>
      </c>
      <c r="H6382">
        <v>5.7355638314609996</v>
      </c>
      <c r="I6382">
        <v>51.252184996989001</v>
      </c>
      <c r="J6382" t="s">
        <v>62067</v>
      </c>
    </row>
    <row r="6383" spans="1:10" x14ac:dyDescent="0.25">
      <c r="A6383" t="s">
        <v>31254</v>
      </c>
      <c r="B6383" t="s">
        <v>31255</v>
      </c>
      <c r="C6383" t="s">
        <v>31256</v>
      </c>
      <c r="D6383" t="s">
        <v>31161</v>
      </c>
      <c r="E6383" t="s">
        <v>13</v>
      </c>
      <c r="F6383">
        <v>7699</v>
      </c>
      <c r="G6383" t="s">
        <v>31257</v>
      </c>
      <c r="H6383">
        <v>5.7211959976960003</v>
      </c>
      <c r="I6383">
        <v>51.243834223511001</v>
      </c>
      <c r="J6383" t="s">
        <v>62068</v>
      </c>
    </row>
    <row r="6384" spans="1:10" x14ac:dyDescent="0.25">
      <c r="A6384" t="s">
        <v>31250</v>
      </c>
      <c r="B6384" t="s">
        <v>31251</v>
      </c>
      <c r="C6384" t="s">
        <v>31252</v>
      </c>
      <c r="D6384" t="s">
        <v>31161</v>
      </c>
      <c r="E6384" t="s">
        <v>13</v>
      </c>
      <c r="F6384">
        <v>7698</v>
      </c>
      <c r="G6384" t="s">
        <v>31253</v>
      </c>
      <c r="H6384">
        <v>5.7296699468350001</v>
      </c>
      <c r="I6384">
        <v>51.236002826076998</v>
      </c>
      <c r="J6384" t="s">
        <v>62069</v>
      </c>
    </row>
    <row r="6385" spans="1:10" x14ac:dyDescent="0.25">
      <c r="A6385" t="s">
        <v>31246</v>
      </c>
      <c r="B6385" t="s">
        <v>31247</v>
      </c>
      <c r="C6385" t="s">
        <v>31248</v>
      </c>
      <c r="D6385" t="s">
        <v>31161</v>
      </c>
      <c r="E6385" t="s">
        <v>13</v>
      </c>
      <c r="F6385">
        <v>7697</v>
      </c>
      <c r="G6385" t="s">
        <v>31249</v>
      </c>
      <c r="H6385">
        <v>5.7106787262180001</v>
      </c>
      <c r="I6385">
        <v>51.243957612355999</v>
      </c>
      <c r="J6385" t="s">
        <v>62070</v>
      </c>
    </row>
    <row r="6386" spans="1:10" x14ac:dyDescent="0.25">
      <c r="A6386" t="s">
        <v>31242</v>
      </c>
      <c r="B6386" t="s">
        <v>31243</v>
      </c>
      <c r="C6386" t="s">
        <v>31244</v>
      </c>
      <c r="D6386" t="s">
        <v>31161</v>
      </c>
      <c r="E6386" t="s">
        <v>13</v>
      </c>
      <c r="F6386">
        <v>7696</v>
      </c>
      <c r="G6386" t="s">
        <v>31245</v>
      </c>
      <c r="H6386">
        <v>5.7065327670580004</v>
      </c>
      <c r="I6386">
        <v>51.232925633039997</v>
      </c>
      <c r="J6386" t="s">
        <v>62071</v>
      </c>
    </row>
    <row r="6387" spans="1:10" x14ac:dyDescent="0.25">
      <c r="A6387" t="s">
        <v>31238</v>
      </c>
      <c r="B6387" t="s">
        <v>31239</v>
      </c>
      <c r="C6387" t="s">
        <v>31240</v>
      </c>
      <c r="D6387" t="s">
        <v>31161</v>
      </c>
      <c r="E6387" t="s">
        <v>13</v>
      </c>
      <c r="F6387">
        <v>7695</v>
      </c>
      <c r="G6387" t="s">
        <v>31241</v>
      </c>
      <c r="H6387">
        <v>5.6997473500659996</v>
      </c>
      <c r="I6387">
        <v>51.244069564569003</v>
      </c>
      <c r="J6387" t="s">
        <v>62072</v>
      </c>
    </row>
    <row r="6388" spans="1:10" x14ac:dyDescent="0.25">
      <c r="A6388" t="s">
        <v>31234</v>
      </c>
      <c r="B6388" t="s">
        <v>31235</v>
      </c>
      <c r="C6388" t="s">
        <v>31236</v>
      </c>
      <c r="D6388" t="s">
        <v>31161</v>
      </c>
      <c r="E6388" t="s">
        <v>13</v>
      </c>
      <c r="F6388">
        <v>7694</v>
      </c>
      <c r="G6388" t="s">
        <v>31237</v>
      </c>
      <c r="H6388">
        <v>5.6908190933640004</v>
      </c>
      <c r="I6388">
        <v>51.251449702866999</v>
      </c>
      <c r="J6388" t="s">
        <v>62073</v>
      </c>
    </row>
    <row r="6389" spans="1:10" x14ac:dyDescent="0.25">
      <c r="A6389" t="s">
        <v>31230</v>
      </c>
      <c r="B6389" t="s">
        <v>31231</v>
      </c>
      <c r="C6389" t="s">
        <v>31232</v>
      </c>
      <c r="D6389" t="s">
        <v>31161</v>
      </c>
      <c r="E6389" t="s">
        <v>13</v>
      </c>
      <c r="F6389">
        <v>7693</v>
      </c>
      <c r="G6389" t="s">
        <v>31233</v>
      </c>
      <c r="H6389">
        <v>5.6992005512609998</v>
      </c>
      <c r="I6389">
        <v>51.252402301872998</v>
      </c>
      <c r="J6389" t="s">
        <v>62074</v>
      </c>
    </row>
    <row r="6390" spans="1:10" x14ac:dyDescent="0.25">
      <c r="A6390" t="s">
        <v>31226</v>
      </c>
      <c r="B6390" t="s">
        <v>31227</v>
      </c>
      <c r="C6390" t="s">
        <v>31228</v>
      </c>
      <c r="D6390" t="s">
        <v>31161</v>
      </c>
      <c r="E6390" t="s">
        <v>13</v>
      </c>
      <c r="F6390">
        <v>7692</v>
      </c>
      <c r="G6390" t="s">
        <v>31229</v>
      </c>
      <c r="H6390">
        <v>5.7209859514370001</v>
      </c>
      <c r="I6390">
        <v>51.250580557079999</v>
      </c>
      <c r="J6390" t="s">
        <v>62075</v>
      </c>
    </row>
    <row r="6391" spans="1:10" x14ac:dyDescent="0.25">
      <c r="A6391" t="s">
        <v>31222</v>
      </c>
      <c r="B6391" t="s">
        <v>31223</v>
      </c>
      <c r="C6391" t="s">
        <v>31224</v>
      </c>
      <c r="D6391" t="s">
        <v>31161</v>
      </c>
      <c r="E6391" t="s">
        <v>13</v>
      </c>
      <c r="F6391">
        <v>7691</v>
      </c>
      <c r="G6391" t="s">
        <v>31225</v>
      </c>
      <c r="H6391">
        <v>5.724929060449</v>
      </c>
      <c r="I6391">
        <v>51.256378681969998</v>
      </c>
      <c r="J6391" t="s">
        <v>62076</v>
      </c>
    </row>
    <row r="6392" spans="1:10" x14ac:dyDescent="0.25">
      <c r="A6392" t="s">
        <v>31218</v>
      </c>
      <c r="B6392" t="s">
        <v>31219</v>
      </c>
      <c r="C6392" t="s">
        <v>31220</v>
      </c>
      <c r="D6392" t="s">
        <v>31161</v>
      </c>
      <c r="E6392" t="s">
        <v>13</v>
      </c>
      <c r="F6392">
        <v>7690</v>
      </c>
      <c r="G6392" t="s">
        <v>31221</v>
      </c>
      <c r="H6392">
        <v>5.715568346994</v>
      </c>
      <c r="I6392">
        <v>51.258093449929</v>
      </c>
      <c r="J6392" t="s">
        <v>62077</v>
      </c>
    </row>
    <row r="6393" spans="1:10" x14ac:dyDescent="0.25">
      <c r="A6393" t="s">
        <v>31214</v>
      </c>
      <c r="B6393" t="s">
        <v>31215</v>
      </c>
      <c r="C6393" t="s">
        <v>31216</v>
      </c>
      <c r="D6393" t="s">
        <v>31161</v>
      </c>
      <c r="E6393" t="s">
        <v>13</v>
      </c>
      <c r="F6393">
        <v>7689</v>
      </c>
      <c r="G6393" t="s">
        <v>31217</v>
      </c>
      <c r="H6393">
        <v>5.7113993087950004</v>
      </c>
      <c r="I6393">
        <v>51.251762585568002</v>
      </c>
      <c r="J6393" t="s">
        <v>62078</v>
      </c>
    </row>
    <row r="6394" spans="1:10" x14ac:dyDescent="0.25">
      <c r="A6394" t="s">
        <v>31210</v>
      </c>
      <c r="B6394" t="s">
        <v>31211</v>
      </c>
      <c r="C6394" t="s">
        <v>31212</v>
      </c>
      <c r="D6394" t="s">
        <v>31161</v>
      </c>
      <c r="E6394" t="s">
        <v>13</v>
      </c>
      <c r="F6394">
        <v>7688</v>
      </c>
      <c r="G6394" t="s">
        <v>31213</v>
      </c>
      <c r="H6394">
        <v>5.7053362707969999</v>
      </c>
      <c r="I6394">
        <v>51.253958132115002</v>
      </c>
      <c r="J6394" t="s">
        <v>62079</v>
      </c>
    </row>
    <row r="6395" spans="1:10" x14ac:dyDescent="0.25">
      <c r="A6395" t="s">
        <v>31206</v>
      </c>
      <c r="B6395" t="s">
        <v>31207</v>
      </c>
      <c r="C6395" t="s">
        <v>31208</v>
      </c>
      <c r="D6395" t="s">
        <v>31161</v>
      </c>
      <c r="E6395" t="s">
        <v>13</v>
      </c>
      <c r="F6395">
        <v>7687</v>
      </c>
      <c r="G6395" t="s">
        <v>31209</v>
      </c>
      <c r="H6395">
        <v>5.7255646029419998</v>
      </c>
      <c r="I6395">
        <v>51.275161998066999</v>
      </c>
      <c r="J6395" t="s">
        <v>62080</v>
      </c>
    </row>
    <row r="6396" spans="1:10" x14ac:dyDescent="0.25">
      <c r="A6396" t="s">
        <v>31202</v>
      </c>
      <c r="B6396" t="s">
        <v>31203</v>
      </c>
      <c r="C6396" t="s">
        <v>31204</v>
      </c>
      <c r="D6396" t="s">
        <v>31161</v>
      </c>
      <c r="E6396" t="s">
        <v>13</v>
      </c>
      <c r="F6396">
        <v>7686</v>
      </c>
      <c r="G6396" t="s">
        <v>31205</v>
      </c>
      <c r="H6396">
        <v>5.7295030040999997</v>
      </c>
      <c r="I6396">
        <v>51.270241499941001</v>
      </c>
      <c r="J6396" t="s">
        <v>62081</v>
      </c>
    </row>
    <row r="6397" spans="1:10" x14ac:dyDescent="0.25">
      <c r="A6397" t="s">
        <v>31198</v>
      </c>
      <c r="B6397" t="s">
        <v>31199</v>
      </c>
      <c r="C6397" t="s">
        <v>31200</v>
      </c>
      <c r="D6397" t="s">
        <v>31161</v>
      </c>
      <c r="E6397" t="s">
        <v>13</v>
      </c>
      <c r="F6397">
        <v>7685</v>
      </c>
      <c r="G6397" t="s">
        <v>31201</v>
      </c>
      <c r="H6397">
        <v>5.7109448285440001</v>
      </c>
      <c r="I6397">
        <v>51.263734306574001</v>
      </c>
      <c r="J6397" t="s">
        <v>62082</v>
      </c>
    </row>
    <row r="6398" spans="1:10" x14ac:dyDescent="0.25">
      <c r="A6398" t="s">
        <v>31194</v>
      </c>
      <c r="B6398" t="s">
        <v>31195</v>
      </c>
      <c r="C6398" t="s">
        <v>31196</v>
      </c>
      <c r="D6398" t="s">
        <v>31161</v>
      </c>
      <c r="E6398" t="s">
        <v>13</v>
      </c>
      <c r="F6398">
        <v>7684</v>
      </c>
      <c r="G6398" t="s">
        <v>31197</v>
      </c>
      <c r="H6398">
        <v>5.7021158775040002</v>
      </c>
      <c r="I6398">
        <v>51.266986809723001</v>
      </c>
      <c r="J6398" t="s">
        <v>62083</v>
      </c>
    </row>
    <row r="6399" spans="1:10" x14ac:dyDescent="0.25">
      <c r="A6399" t="s">
        <v>31190</v>
      </c>
      <c r="B6399" t="s">
        <v>31191</v>
      </c>
      <c r="C6399" t="s">
        <v>31192</v>
      </c>
      <c r="D6399" t="s">
        <v>31161</v>
      </c>
      <c r="E6399" t="s">
        <v>13</v>
      </c>
      <c r="F6399">
        <v>7683</v>
      </c>
      <c r="G6399" t="s">
        <v>31193</v>
      </c>
      <c r="H6399">
        <v>5.6830793310940004</v>
      </c>
      <c r="I6399">
        <v>51.272929515003</v>
      </c>
      <c r="J6399" t="s">
        <v>62084</v>
      </c>
    </row>
    <row r="6400" spans="1:10" x14ac:dyDescent="0.25">
      <c r="A6400" t="s">
        <v>31186</v>
      </c>
      <c r="B6400" t="s">
        <v>31187</v>
      </c>
      <c r="C6400" t="s">
        <v>31188</v>
      </c>
      <c r="D6400" t="s">
        <v>31161</v>
      </c>
      <c r="E6400" t="s">
        <v>13</v>
      </c>
      <c r="F6400">
        <v>7682</v>
      </c>
      <c r="G6400" t="s">
        <v>31189</v>
      </c>
      <c r="H6400">
        <v>5.7073329231230003</v>
      </c>
      <c r="I6400">
        <v>51.277675807641998</v>
      </c>
      <c r="J6400" t="s">
        <v>62085</v>
      </c>
    </row>
    <row r="6401" spans="1:10" x14ac:dyDescent="0.25">
      <c r="A6401" t="s">
        <v>31182</v>
      </c>
      <c r="B6401" t="s">
        <v>31183</v>
      </c>
      <c r="C6401" t="s">
        <v>31184</v>
      </c>
      <c r="D6401" t="s">
        <v>31161</v>
      </c>
      <c r="E6401" t="s">
        <v>13</v>
      </c>
      <c r="F6401">
        <v>7681</v>
      </c>
      <c r="G6401" t="s">
        <v>31185</v>
      </c>
      <c r="H6401">
        <v>5.6943994948409999</v>
      </c>
      <c r="I6401">
        <v>51.263722727865002</v>
      </c>
      <c r="J6401" t="s">
        <v>62086</v>
      </c>
    </row>
    <row r="6402" spans="1:10" x14ac:dyDescent="0.25">
      <c r="A6402" t="s">
        <v>31178</v>
      </c>
      <c r="B6402" t="s">
        <v>31179</v>
      </c>
      <c r="C6402" t="s">
        <v>31180</v>
      </c>
      <c r="D6402" t="s">
        <v>31161</v>
      </c>
      <c r="E6402" t="s">
        <v>13</v>
      </c>
      <c r="F6402">
        <v>7680</v>
      </c>
      <c r="G6402" t="s">
        <v>31181</v>
      </c>
      <c r="H6402">
        <v>5.7055733812309999</v>
      </c>
      <c r="I6402">
        <v>51.274774841048</v>
      </c>
      <c r="J6402" t="s">
        <v>62087</v>
      </c>
    </row>
    <row r="6403" spans="1:10" x14ac:dyDescent="0.25">
      <c r="A6403" t="s">
        <v>31174</v>
      </c>
      <c r="B6403" t="s">
        <v>31175</v>
      </c>
      <c r="C6403" t="s">
        <v>31176</v>
      </c>
      <c r="D6403" t="s">
        <v>31161</v>
      </c>
      <c r="E6403" t="s">
        <v>13</v>
      </c>
      <c r="F6403">
        <v>7679</v>
      </c>
      <c r="G6403" t="s">
        <v>31177</v>
      </c>
      <c r="H6403">
        <v>5.6282365806349999</v>
      </c>
      <c r="I6403">
        <v>51.237556580259003</v>
      </c>
      <c r="J6403" t="s">
        <v>62088</v>
      </c>
    </row>
    <row r="6404" spans="1:10" x14ac:dyDescent="0.25">
      <c r="A6404" t="s">
        <v>31170</v>
      </c>
      <c r="B6404" t="s">
        <v>31171</v>
      </c>
      <c r="C6404" t="s">
        <v>31172</v>
      </c>
      <c r="D6404" t="s">
        <v>31161</v>
      </c>
      <c r="E6404" t="s">
        <v>13</v>
      </c>
      <c r="F6404">
        <v>7678</v>
      </c>
      <c r="G6404" t="s">
        <v>31173</v>
      </c>
      <c r="H6404">
        <v>5.6481828034830004</v>
      </c>
      <c r="I6404">
        <v>51.265583139096002</v>
      </c>
      <c r="J6404" t="s">
        <v>62089</v>
      </c>
    </row>
    <row r="6405" spans="1:10" x14ac:dyDescent="0.25">
      <c r="A6405" t="s">
        <v>31167</v>
      </c>
      <c r="B6405" t="s">
        <v>31168</v>
      </c>
      <c r="C6405" t="s">
        <v>17028</v>
      </c>
      <c r="D6405" t="s">
        <v>31161</v>
      </c>
      <c r="E6405" t="s">
        <v>13</v>
      </c>
      <c r="F6405">
        <v>7677</v>
      </c>
      <c r="G6405" t="s">
        <v>31169</v>
      </c>
      <c r="H6405">
        <v>5.694257515086</v>
      </c>
      <c r="I6405">
        <v>51.256815228382003</v>
      </c>
      <c r="J6405" t="s">
        <v>62090</v>
      </c>
    </row>
    <row r="6406" spans="1:10" x14ac:dyDescent="0.25">
      <c r="A6406" t="s">
        <v>31163</v>
      </c>
      <c r="B6406" t="s">
        <v>31164</v>
      </c>
      <c r="C6406" t="s">
        <v>31165</v>
      </c>
      <c r="D6406" t="s">
        <v>31161</v>
      </c>
      <c r="E6406" t="s">
        <v>13</v>
      </c>
      <c r="F6406">
        <v>7676</v>
      </c>
      <c r="G6406" t="s">
        <v>31166</v>
      </c>
      <c r="H6406">
        <v>5.675189034243</v>
      </c>
      <c r="I6406">
        <v>51.255975531765003</v>
      </c>
      <c r="J6406" t="s">
        <v>62091</v>
      </c>
    </row>
    <row r="6407" spans="1:10" x14ac:dyDescent="0.25">
      <c r="A6407" t="s">
        <v>31158</v>
      </c>
      <c r="B6407" t="s">
        <v>31159</v>
      </c>
      <c r="C6407" t="s">
        <v>31160</v>
      </c>
      <c r="D6407" t="s">
        <v>31161</v>
      </c>
      <c r="E6407" t="s">
        <v>13</v>
      </c>
      <c r="F6407">
        <v>7675</v>
      </c>
      <c r="G6407" t="s">
        <v>31162</v>
      </c>
      <c r="H6407">
        <v>5.6852435551429998</v>
      </c>
      <c r="I6407">
        <v>51.261184445657001</v>
      </c>
      <c r="J6407" t="s">
        <v>62092</v>
      </c>
    </row>
    <row r="6408" spans="1:10" x14ac:dyDescent="0.25">
      <c r="A6408" t="s">
        <v>31154</v>
      </c>
      <c r="B6408" t="s">
        <v>31155</v>
      </c>
      <c r="C6408" t="s">
        <v>31156</v>
      </c>
      <c r="D6408" t="s">
        <v>31096</v>
      </c>
      <c r="E6408" t="s">
        <v>13</v>
      </c>
      <c r="F6408">
        <v>7674</v>
      </c>
      <c r="G6408" t="s">
        <v>31157</v>
      </c>
      <c r="H6408">
        <v>5.9164923590610004</v>
      </c>
      <c r="I6408">
        <v>50.868665320056003</v>
      </c>
      <c r="J6408" t="s">
        <v>62093</v>
      </c>
    </row>
    <row r="6409" spans="1:10" x14ac:dyDescent="0.25">
      <c r="A6409" t="s">
        <v>31150</v>
      </c>
      <c r="B6409" t="s">
        <v>31151</v>
      </c>
      <c r="C6409" t="s">
        <v>31152</v>
      </c>
      <c r="D6409" t="s">
        <v>31096</v>
      </c>
      <c r="E6409" t="s">
        <v>13</v>
      </c>
      <c r="F6409">
        <v>7673</v>
      </c>
      <c r="G6409" t="s">
        <v>31153</v>
      </c>
      <c r="H6409">
        <v>5.8937794710529996</v>
      </c>
      <c r="I6409">
        <v>50.864405320075001</v>
      </c>
      <c r="J6409" t="s">
        <v>62094</v>
      </c>
    </row>
    <row r="6410" spans="1:10" x14ac:dyDescent="0.25">
      <c r="A6410" t="s">
        <v>31146</v>
      </c>
      <c r="B6410" t="s">
        <v>31147</v>
      </c>
      <c r="C6410" t="s">
        <v>31148</v>
      </c>
      <c r="D6410" t="s">
        <v>31096</v>
      </c>
      <c r="E6410" t="s">
        <v>13</v>
      </c>
      <c r="F6410">
        <v>7672</v>
      </c>
      <c r="G6410" t="s">
        <v>31149</v>
      </c>
      <c r="H6410">
        <v>5.9148742134169998</v>
      </c>
      <c r="I6410">
        <v>50.899349707497002</v>
      </c>
      <c r="J6410" t="s">
        <v>62095</v>
      </c>
    </row>
    <row r="6411" spans="1:10" x14ac:dyDescent="0.25">
      <c r="A6411" t="s">
        <v>31142</v>
      </c>
      <c r="B6411" t="s">
        <v>31143</v>
      </c>
      <c r="C6411" t="s">
        <v>31144</v>
      </c>
      <c r="D6411" t="s">
        <v>31096</v>
      </c>
      <c r="E6411" t="s">
        <v>13</v>
      </c>
      <c r="F6411">
        <v>7671</v>
      </c>
      <c r="G6411" t="s">
        <v>31145</v>
      </c>
      <c r="H6411">
        <v>5.8854371300709998</v>
      </c>
      <c r="I6411">
        <v>50.868813323196001</v>
      </c>
      <c r="J6411" t="s">
        <v>62096</v>
      </c>
    </row>
    <row r="6412" spans="1:10" x14ac:dyDescent="0.25">
      <c r="A6412" t="s">
        <v>31138</v>
      </c>
      <c r="B6412" t="s">
        <v>31139</v>
      </c>
      <c r="C6412" t="s">
        <v>31140</v>
      </c>
      <c r="D6412" t="s">
        <v>31096</v>
      </c>
      <c r="E6412" t="s">
        <v>13</v>
      </c>
      <c r="F6412">
        <v>7670</v>
      </c>
      <c r="G6412" t="s">
        <v>31141</v>
      </c>
      <c r="H6412">
        <v>5.9165195469949996</v>
      </c>
      <c r="I6412">
        <v>50.892796450543997</v>
      </c>
      <c r="J6412" t="s">
        <v>62097</v>
      </c>
    </row>
    <row r="6413" spans="1:10" x14ac:dyDescent="0.25">
      <c r="A6413" t="s">
        <v>31134</v>
      </c>
      <c r="B6413" t="s">
        <v>31135</v>
      </c>
      <c r="C6413" t="s">
        <v>31136</v>
      </c>
      <c r="D6413" t="s">
        <v>31096</v>
      </c>
      <c r="E6413" t="s">
        <v>13</v>
      </c>
      <c r="F6413">
        <v>7669</v>
      </c>
      <c r="G6413" t="s">
        <v>31137</v>
      </c>
      <c r="H6413">
        <v>5.864530114381</v>
      </c>
      <c r="I6413">
        <v>50.880093529234003</v>
      </c>
      <c r="J6413" t="s">
        <v>62098</v>
      </c>
    </row>
    <row r="6414" spans="1:10" x14ac:dyDescent="0.25">
      <c r="A6414" t="s">
        <v>31130</v>
      </c>
      <c r="B6414" t="s">
        <v>31131</v>
      </c>
      <c r="C6414" t="s">
        <v>31132</v>
      </c>
      <c r="D6414" t="s">
        <v>31096</v>
      </c>
      <c r="E6414" t="s">
        <v>13</v>
      </c>
      <c r="F6414">
        <v>7668</v>
      </c>
      <c r="G6414" t="s">
        <v>31133</v>
      </c>
      <c r="H6414">
        <v>5.8953993337639998</v>
      </c>
      <c r="I6414">
        <v>50.877299635599002</v>
      </c>
      <c r="J6414" t="s">
        <v>62099</v>
      </c>
    </row>
    <row r="6415" spans="1:10" x14ac:dyDescent="0.25">
      <c r="A6415" t="s">
        <v>31126</v>
      </c>
      <c r="B6415" t="s">
        <v>31127</v>
      </c>
      <c r="C6415" t="s">
        <v>31128</v>
      </c>
      <c r="D6415" t="s">
        <v>31096</v>
      </c>
      <c r="E6415" t="s">
        <v>13</v>
      </c>
      <c r="F6415">
        <v>7667</v>
      </c>
      <c r="G6415" t="s">
        <v>31129</v>
      </c>
      <c r="H6415">
        <v>5.8805882328759997</v>
      </c>
      <c r="I6415">
        <v>50.876759839065002</v>
      </c>
      <c r="J6415" t="s">
        <v>62100</v>
      </c>
    </row>
    <row r="6416" spans="1:10" x14ac:dyDescent="0.25">
      <c r="A6416" t="s">
        <v>31122</v>
      </c>
      <c r="B6416" t="s">
        <v>31123</v>
      </c>
      <c r="C6416" t="s">
        <v>31124</v>
      </c>
      <c r="D6416" t="s">
        <v>31096</v>
      </c>
      <c r="E6416" t="s">
        <v>13</v>
      </c>
      <c r="F6416">
        <v>7666</v>
      </c>
      <c r="G6416" t="s">
        <v>31125</v>
      </c>
      <c r="H6416">
        <v>5.9468195429459998</v>
      </c>
      <c r="I6416">
        <v>50.845594557559998</v>
      </c>
      <c r="J6416" t="s">
        <v>62101</v>
      </c>
    </row>
    <row r="6417" spans="1:10" x14ac:dyDescent="0.25">
      <c r="A6417" t="s">
        <v>31118</v>
      </c>
      <c r="B6417" t="s">
        <v>31119</v>
      </c>
      <c r="C6417" t="s">
        <v>31120</v>
      </c>
      <c r="D6417" t="s">
        <v>31096</v>
      </c>
      <c r="E6417" t="s">
        <v>13</v>
      </c>
      <c r="F6417">
        <v>7665</v>
      </c>
      <c r="G6417" t="s">
        <v>31121</v>
      </c>
      <c r="H6417">
        <v>5.933678258744</v>
      </c>
      <c r="I6417">
        <v>50.852304215994998</v>
      </c>
      <c r="J6417" t="s">
        <v>62102</v>
      </c>
    </row>
    <row r="6418" spans="1:10" x14ac:dyDescent="0.25">
      <c r="A6418" t="s">
        <v>31114</v>
      </c>
      <c r="B6418" t="s">
        <v>31115</v>
      </c>
      <c r="C6418" t="s">
        <v>31116</v>
      </c>
      <c r="D6418" t="s">
        <v>31096</v>
      </c>
      <c r="E6418" t="s">
        <v>13</v>
      </c>
      <c r="F6418">
        <v>7664</v>
      </c>
      <c r="G6418" t="s">
        <v>31117</v>
      </c>
      <c r="H6418">
        <v>5.9480187535300004</v>
      </c>
      <c r="I6418">
        <v>50.853679888294998</v>
      </c>
      <c r="J6418" t="s">
        <v>62103</v>
      </c>
    </row>
    <row r="6419" spans="1:10" x14ac:dyDescent="0.25">
      <c r="A6419" t="s">
        <v>31110</v>
      </c>
      <c r="B6419" t="s">
        <v>31111</v>
      </c>
      <c r="C6419" t="s">
        <v>31112</v>
      </c>
      <c r="D6419" t="s">
        <v>31096</v>
      </c>
      <c r="E6419" t="s">
        <v>13</v>
      </c>
      <c r="F6419">
        <v>7663</v>
      </c>
      <c r="G6419" t="s">
        <v>31113</v>
      </c>
      <c r="H6419">
        <v>5.9318684533879997</v>
      </c>
      <c r="I6419">
        <v>50.862842381829999</v>
      </c>
      <c r="J6419" t="s">
        <v>62104</v>
      </c>
    </row>
    <row r="6420" spans="1:10" x14ac:dyDescent="0.25">
      <c r="A6420" t="s">
        <v>31106</v>
      </c>
      <c r="B6420" t="s">
        <v>31107</v>
      </c>
      <c r="C6420" t="s">
        <v>31108</v>
      </c>
      <c r="D6420" t="s">
        <v>31096</v>
      </c>
      <c r="E6420" t="s">
        <v>13</v>
      </c>
      <c r="F6420">
        <v>7662</v>
      </c>
      <c r="G6420" t="s">
        <v>31109</v>
      </c>
      <c r="H6420">
        <v>5.9463950272970001</v>
      </c>
      <c r="I6420">
        <v>50.871072061779998</v>
      </c>
      <c r="J6420" t="s">
        <v>62105</v>
      </c>
    </row>
    <row r="6421" spans="1:10" x14ac:dyDescent="0.25">
      <c r="A6421" t="s">
        <v>31102</v>
      </c>
      <c r="B6421" t="s">
        <v>31103</v>
      </c>
      <c r="C6421" t="s">
        <v>31104</v>
      </c>
      <c r="D6421" t="s">
        <v>31096</v>
      </c>
      <c r="E6421" t="s">
        <v>13</v>
      </c>
      <c r="F6421">
        <v>7661</v>
      </c>
      <c r="G6421" t="s">
        <v>31105</v>
      </c>
      <c r="H6421">
        <v>5.9347422048030003</v>
      </c>
      <c r="I6421">
        <v>50.876023458013002</v>
      </c>
      <c r="J6421" t="s">
        <v>62106</v>
      </c>
    </row>
    <row r="6422" spans="1:10" x14ac:dyDescent="0.25">
      <c r="A6422" t="s">
        <v>31098</v>
      </c>
      <c r="B6422" t="s">
        <v>31099</v>
      </c>
      <c r="C6422" t="s">
        <v>31100</v>
      </c>
      <c r="D6422" t="s">
        <v>31096</v>
      </c>
      <c r="E6422" t="s">
        <v>13</v>
      </c>
      <c r="F6422">
        <v>7660</v>
      </c>
      <c r="G6422" t="s">
        <v>31101</v>
      </c>
      <c r="H6422">
        <v>5.8911488570000001</v>
      </c>
      <c r="I6422">
        <v>50.844828638225003</v>
      </c>
      <c r="J6422" t="s">
        <v>62107</v>
      </c>
    </row>
    <row r="6423" spans="1:10" x14ac:dyDescent="0.25">
      <c r="A6423" t="s">
        <v>31093</v>
      </c>
      <c r="B6423" t="s">
        <v>31094</v>
      </c>
      <c r="C6423" t="s">
        <v>31095</v>
      </c>
      <c r="D6423" t="s">
        <v>31096</v>
      </c>
      <c r="E6423" t="s">
        <v>13</v>
      </c>
      <c r="F6423">
        <v>7659</v>
      </c>
      <c r="G6423" t="s">
        <v>31097</v>
      </c>
      <c r="H6423">
        <v>5.926755643551</v>
      </c>
      <c r="I6423">
        <v>50.881437829416001</v>
      </c>
      <c r="J6423" t="s">
        <v>62108</v>
      </c>
    </row>
    <row r="6424" spans="1:10" x14ac:dyDescent="0.25">
      <c r="A6424" t="s">
        <v>31089</v>
      </c>
      <c r="B6424" t="s">
        <v>31090</v>
      </c>
      <c r="C6424" t="s">
        <v>31091</v>
      </c>
      <c r="D6424" t="s">
        <v>30970</v>
      </c>
      <c r="E6424" t="s">
        <v>13</v>
      </c>
      <c r="F6424">
        <v>7658</v>
      </c>
      <c r="G6424" t="s">
        <v>31092</v>
      </c>
      <c r="H6424">
        <v>6.1140027996819999</v>
      </c>
      <c r="I6424">
        <v>51.526727568055001</v>
      </c>
      <c r="J6424" t="s">
        <v>62109</v>
      </c>
    </row>
    <row r="6425" spans="1:10" x14ac:dyDescent="0.25">
      <c r="A6425" t="s">
        <v>31085</v>
      </c>
      <c r="B6425" t="s">
        <v>31086</v>
      </c>
      <c r="C6425" t="s">
        <v>31087</v>
      </c>
      <c r="D6425" t="s">
        <v>30970</v>
      </c>
      <c r="E6425" t="s">
        <v>13</v>
      </c>
      <c r="F6425">
        <v>7657</v>
      </c>
      <c r="G6425" t="s">
        <v>31088</v>
      </c>
      <c r="H6425">
        <v>6.0508024063269996</v>
      </c>
      <c r="I6425">
        <v>51.547376787276001</v>
      </c>
      <c r="J6425" t="s">
        <v>62110</v>
      </c>
    </row>
    <row r="6426" spans="1:10" x14ac:dyDescent="0.25">
      <c r="A6426" t="s">
        <v>31081</v>
      </c>
      <c r="B6426" t="s">
        <v>31082</v>
      </c>
      <c r="C6426" t="s">
        <v>31083</v>
      </c>
      <c r="D6426" t="s">
        <v>30970</v>
      </c>
      <c r="E6426" t="s">
        <v>13</v>
      </c>
      <c r="F6426">
        <v>7656</v>
      </c>
      <c r="G6426" t="s">
        <v>31084</v>
      </c>
      <c r="H6426">
        <v>6.0788504574719999</v>
      </c>
      <c r="I6426">
        <v>51.536163947977002</v>
      </c>
      <c r="J6426" t="s">
        <v>62111</v>
      </c>
    </row>
    <row r="6427" spans="1:10" x14ac:dyDescent="0.25">
      <c r="A6427" t="s">
        <v>31077</v>
      </c>
      <c r="B6427" t="s">
        <v>31078</v>
      </c>
      <c r="C6427" t="s">
        <v>31079</v>
      </c>
      <c r="D6427" t="s">
        <v>30970</v>
      </c>
      <c r="E6427" t="s">
        <v>13</v>
      </c>
      <c r="F6427">
        <v>7655</v>
      </c>
      <c r="G6427" t="s">
        <v>31080</v>
      </c>
      <c r="H6427">
        <v>5.9912890761139996</v>
      </c>
      <c r="I6427">
        <v>51.526237681281003</v>
      </c>
      <c r="J6427" t="s">
        <v>62112</v>
      </c>
    </row>
    <row r="6428" spans="1:10" x14ac:dyDescent="0.25">
      <c r="A6428" t="s">
        <v>31073</v>
      </c>
      <c r="B6428" t="s">
        <v>31074</v>
      </c>
      <c r="C6428" t="s">
        <v>31075</v>
      </c>
      <c r="D6428" t="s">
        <v>30970</v>
      </c>
      <c r="E6428" t="s">
        <v>13</v>
      </c>
      <c r="F6428">
        <v>7654</v>
      </c>
      <c r="G6428" t="s">
        <v>31076</v>
      </c>
      <c r="H6428">
        <v>5.9635723796980002</v>
      </c>
      <c r="I6428">
        <v>51.547099119424999</v>
      </c>
      <c r="J6428" t="s">
        <v>62113</v>
      </c>
    </row>
    <row r="6429" spans="1:10" x14ac:dyDescent="0.25">
      <c r="A6429" t="s">
        <v>31069</v>
      </c>
      <c r="B6429" t="s">
        <v>31070</v>
      </c>
      <c r="C6429" t="s">
        <v>31071</v>
      </c>
      <c r="D6429" t="s">
        <v>30970</v>
      </c>
      <c r="E6429" t="s">
        <v>13</v>
      </c>
      <c r="F6429">
        <v>7653</v>
      </c>
      <c r="G6429" t="s">
        <v>31072</v>
      </c>
      <c r="H6429">
        <v>5.9808760351850001</v>
      </c>
      <c r="I6429">
        <v>51.543134643895002</v>
      </c>
      <c r="J6429" t="s">
        <v>62114</v>
      </c>
    </row>
    <row r="6430" spans="1:10" x14ac:dyDescent="0.25">
      <c r="A6430" t="s">
        <v>31065</v>
      </c>
      <c r="B6430" t="s">
        <v>31066</v>
      </c>
      <c r="C6430" t="s">
        <v>31067</v>
      </c>
      <c r="D6430" t="s">
        <v>30970</v>
      </c>
      <c r="E6430" t="s">
        <v>13</v>
      </c>
      <c r="F6430">
        <v>7652</v>
      </c>
      <c r="G6430" t="s">
        <v>31068</v>
      </c>
      <c r="H6430">
        <v>5.9921492620899999</v>
      </c>
      <c r="I6430">
        <v>51.540613315271997</v>
      </c>
      <c r="J6430" t="s">
        <v>62115</v>
      </c>
    </row>
    <row r="6431" spans="1:10" x14ac:dyDescent="0.25">
      <c r="A6431" t="s">
        <v>31061</v>
      </c>
      <c r="B6431" t="s">
        <v>31062</v>
      </c>
      <c r="C6431" t="s">
        <v>31063</v>
      </c>
      <c r="D6431" t="s">
        <v>30970</v>
      </c>
      <c r="E6431" t="s">
        <v>13</v>
      </c>
      <c r="F6431">
        <v>7651</v>
      </c>
      <c r="G6431" t="s">
        <v>31064</v>
      </c>
      <c r="H6431">
        <v>5.9918209346299998</v>
      </c>
      <c r="I6431">
        <v>51.535930389378997</v>
      </c>
      <c r="J6431" t="s">
        <v>62116</v>
      </c>
    </row>
    <row r="6432" spans="1:10" x14ac:dyDescent="0.25">
      <c r="A6432" t="s">
        <v>31057</v>
      </c>
      <c r="B6432" t="s">
        <v>31058</v>
      </c>
      <c r="C6432" t="s">
        <v>31059</v>
      </c>
      <c r="D6432" t="s">
        <v>30970</v>
      </c>
      <c r="E6432" t="s">
        <v>13</v>
      </c>
      <c r="F6432">
        <v>7650</v>
      </c>
      <c r="G6432" t="s">
        <v>31060</v>
      </c>
      <c r="H6432">
        <v>5.9954950238910003</v>
      </c>
      <c r="I6432">
        <v>51.531841784801998</v>
      </c>
      <c r="J6432" t="s">
        <v>62117</v>
      </c>
    </row>
    <row r="6433" spans="1:10" x14ac:dyDescent="0.25">
      <c r="A6433" t="s">
        <v>31053</v>
      </c>
      <c r="B6433" t="s">
        <v>31054</v>
      </c>
      <c r="C6433" t="s">
        <v>31055</v>
      </c>
      <c r="D6433" t="s">
        <v>30970</v>
      </c>
      <c r="E6433" t="s">
        <v>13</v>
      </c>
      <c r="F6433">
        <v>7649</v>
      </c>
      <c r="G6433" t="s">
        <v>31056</v>
      </c>
      <c r="H6433">
        <v>5.9869593555409999</v>
      </c>
      <c r="I6433">
        <v>51.531783607441</v>
      </c>
      <c r="J6433" t="s">
        <v>62118</v>
      </c>
    </row>
    <row r="6434" spans="1:10" x14ac:dyDescent="0.25">
      <c r="A6434" t="s">
        <v>31049</v>
      </c>
      <c r="B6434" t="s">
        <v>31050</v>
      </c>
      <c r="C6434" t="s">
        <v>31051</v>
      </c>
      <c r="D6434" t="s">
        <v>30970</v>
      </c>
      <c r="E6434" t="s">
        <v>13</v>
      </c>
      <c r="F6434">
        <v>7648</v>
      </c>
      <c r="G6434" t="s">
        <v>31052</v>
      </c>
      <c r="H6434">
        <v>5.9963999876080001</v>
      </c>
      <c r="I6434">
        <v>51.521999908764997</v>
      </c>
      <c r="J6434" t="s">
        <v>62119</v>
      </c>
    </row>
    <row r="6435" spans="1:10" x14ac:dyDescent="0.25">
      <c r="A6435" t="s">
        <v>31045</v>
      </c>
      <c r="B6435" t="s">
        <v>31046</v>
      </c>
      <c r="C6435" t="s">
        <v>31047</v>
      </c>
      <c r="D6435" t="s">
        <v>30970</v>
      </c>
      <c r="E6435" t="s">
        <v>13</v>
      </c>
      <c r="F6435">
        <v>7647</v>
      </c>
      <c r="G6435" t="s">
        <v>31048</v>
      </c>
      <c r="H6435">
        <v>5.9862900635500003</v>
      </c>
      <c r="I6435">
        <v>51.519475398160999</v>
      </c>
      <c r="J6435" t="s">
        <v>62120</v>
      </c>
    </row>
    <row r="6436" spans="1:10" x14ac:dyDescent="0.25">
      <c r="A6436" t="s">
        <v>31041</v>
      </c>
      <c r="B6436" t="s">
        <v>31042</v>
      </c>
      <c r="C6436" t="s">
        <v>31043</v>
      </c>
      <c r="D6436" t="s">
        <v>30970</v>
      </c>
      <c r="E6436" t="s">
        <v>13</v>
      </c>
      <c r="F6436">
        <v>7646</v>
      </c>
      <c r="G6436" t="s">
        <v>31044</v>
      </c>
      <c r="H6436">
        <v>5.9540538524690003</v>
      </c>
      <c r="I6436">
        <v>51.516502330247</v>
      </c>
      <c r="J6436" t="s">
        <v>62121</v>
      </c>
    </row>
    <row r="6437" spans="1:10" x14ac:dyDescent="0.25">
      <c r="A6437" t="s">
        <v>31037</v>
      </c>
      <c r="B6437" t="s">
        <v>31038</v>
      </c>
      <c r="C6437" t="s">
        <v>31039</v>
      </c>
      <c r="D6437" t="s">
        <v>30970</v>
      </c>
      <c r="E6437" t="s">
        <v>13</v>
      </c>
      <c r="F6437">
        <v>7645</v>
      </c>
      <c r="G6437" t="s">
        <v>31040</v>
      </c>
      <c r="H6437">
        <v>5.9656193960749997</v>
      </c>
      <c r="I6437">
        <v>51.518470342649998</v>
      </c>
      <c r="J6437" t="s">
        <v>62122</v>
      </c>
    </row>
    <row r="6438" spans="1:10" x14ac:dyDescent="0.25">
      <c r="A6438" t="s">
        <v>31033</v>
      </c>
      <c r="B6438" t="s">
        <v>31034</v>
      </c>
      <c r="C6438" t="s">
        <v>31035</v>
      </c>
      <c r="D6438" t="s">
        <v>30970</v>
      </c>
      <c r="E6438" t="s">
        <v>13</v>
      </c>
      <c r="F6438">
        <v>7644</v>
      </c>
      <c r="G6438" t="s">
        <v>31036</v>
      </c>
      <c r="H6438">
        <v>5.9536630715839998</v>
      </c>
      <c r="I6438">
        <v>51.527453802815998</v>
      </c>
      <c r="J6438" t="s">
        <v>62123</v>
      </c>
    </row>
    <row r="6439" spans="1:10" x14ac:dyDescent="0.25">
      <c r="A6439" t="s">
        <v>31029</v>
      </c>
      <c r="B6439" t="s">
        <v>31030</v>
      </c>
      <c r="C6439" t="s">
        <v>31031</v>
      </c>
      <c r="D6439" t="s">
        <v>30970</v>
      </c>
      <c r="E6439" t="s">
        <v>13</v>
      </c>
      <c r="F6439">
        <v>7643</v>
      </c>
      <c r="G6439" t="s">
        <v>31032</v>
      </c>
      <c r="H6439">
        <v>5.9749620203339999</v>
      </c>
      <c r="I6439">
        <v>51.518017791531001</v>
      </c>
      <c r="J6439" t="s">
        <v>62124</v>
      </c>
    </row>
    <row r="6440" spans="1:10" x14ac:dyDescent="0.25">
      <c r="A6440" t="s">
        <v>31025</v>
      </c>
      <c r="B6440" t="s">
        <v>31026</v>
      </c>
      <c r="C6440" t="s">
        <v>31027</v>
      </c>
      <c r="D6440" t="s">
        <v>30970</v>
      </c>
      <c r="E6440" t="s">
        <v>13</v>
      </c>
      <c r="F6440">
        <v>7642</v>
      </c>
      <c r="G6440" t="s">
        <v>31028</v>
      </c>
      <c r="H6440">
        <v>5.9691839975000001</v>
      </c>
      <c r="I6440">
        <v>51.522999997516003</v>
      </c>
      <c r="J6440" t="s">
        <v>62125</v>
      </c>
    </row>
    <row r="6441" spans="1:10" x14ac:dyDescent="0.25">
      <c r="A6441" t="s">
        <v>31021</v>
      </c>
      <c r="B6441" t="s">
        <v>31022</v>
      </c>
      <c r="C6441" t="s">
        <v>31023</v>
      </c>
      <c r="D6441" t="s">
        <v>30970</v>
      </c>
      <c r="E6441" t="s">
        <v>13</v>
      </c>
      <c r="F6441">
        <v>7641</v>
      </c>
      <c r="G6441" t="s">
        <v>31024</v>
      </c>
      <c r="H6441">
        <v>5.9688347830269999</v>
      </c>
      <c r="I6441">
        <v>51.529154617932001</v>
      </c>
      <c r="J6441" t="s">
        <v>62126</v>
      </c>
    </row>
    <row r="6442" spans="1:10" x14ac:dyDescent="0.25">
      <c r="A6442" t="s">
        <v>31018</v>
      </c>
      <c r="B6442" t="s">
        <v>31019</v>
      </c>
      <c r="C6442" t="s">
        <v>6548</v>
      </c>
      <c r="D6442" t="s">
        <v>30970</v>
      </c>
      <c r="E6442" t="s">
        <v>13</v>
      </c>
      <c r="F6442">
        <v>7640</v>
      </c>
      <c r="G6442" t="s">
        <v>31020</v>
      </c>
      <c r="H6442">
        <v>5.9807182944469996</v>
      </c>
      <c r="I6442">
        <v>51.521562816688999</v>
      </c>
      <c r="J6442" t="s">
        <v>62127</v>
      </c>
    </row>
    <row r="6443" spans="1:10" x14ac:dyDescent="0.25">
      <c r="A6443" t="s">
        <v>31015</v>
      </c>
      <c r="B6443" t="s">
        <v>31016</v>
      </c>
      <c r="C6443" t="s">
        <v>97</v>
      </c>
      <c r="D6443" t="s">
        <v>30970</v>
      </c>
      <c r="E6443" t="s">
        <v>13</v>
      </c>
      <c r="F6443">
        <v>7639</v>
      </c>
      <c r="G6443" t="s">
        <v>31017</v>
      </c>
      <c r="H6443">
        <v>5.9806662699329998</v>
      </c>
      <c r="I6443">
        <v>51.525717924703997</v>
      </c>
      <c r="J6443" t="s">
        <v>62128</v>
      </c>
    </row>
    <row r="6444" spans="1:10" x14ac:dyDescent="0.25">
      <c r="A6444" t="s">
        <v>31011</v>
      </c>
      <c r="B6444" t="s">
        <v>31012</v>
      </c>
      <c r="C6444" t="s">
        <v>31013</v>
      </c>
      <c r="D6444" t="s">
        <v>30970</v>
      </c>
      <c r="E6444" t="s">
        <v>13</v>
      </c>
      <c r="F6444">
        <v>7638</v>
      </c>
      <c r="G6444" t="s">
        <v>31014</v>
      </c>
      <c r="H6444">
        <v>5.9807326142160004</v>
      </c>
      <c r="I6444">
        <v>51.530291277776001</v>
      </c>
      <c r="J6444" t="s">
        <v>62129</v>
      </c>
    </row>
    <row r="6445" spans="1:10" x14ac:dyDescent="0.25">
      <c r="A6445" t="s">
        <v>31008</v>
      </c>
      <c r="B6445" t="s">
        <v>31009</v>
      </c>
      <c r="C6445" t="s">
        <v>129</v>
      </c>
      <c r="D6445" t="s">
        <v>30970</v>
      </c>
      <c r="E6445" t="s">
        <v>13</v>
      </c>
      <c r="F6445">
        <v>7637</v>
      </c>
      <c r="G6445" t="s">
        <v>31010</v>
      </c>
      <c r="H6445">
        <v>5.9743104153350002</v>
      </c>
      <c r="I6445">
        <v>51.526952888212001</v>
      </c>
      <c r="J6445" t="s">
        <v>62130</v>
      </c>
    </row>
    <row r="6446" spans="1:10" x14ac:dyDescent="0.25">
      <c r="A6446" t="s">
        <v>31004</v>
      </c>
      <c r="B6446" t="s">
        <v>31005</v>
      </c>
      <c r="C6446" t="s">
        <v>31006</v>
      </c>
      <c r="D6446" t="s">
        <v>30970</v>
      </c>
      <c r="E6446" t="s">
        <v>13</v>
      </c>
      <c r="F6446">
        <v>7636</v>
      </c>
      <c r="G6446" t="s">
        <v>31007</v>
      </c>
      <c r="H6446">
        <v>5.9841930191459998</v>
      </c>
      <c r="I6446">
        <v>51.500328934080997</v>
      </c>
      <c r="J6446" t="s">
        <v>62131</v>
      </c>
    </row>
    <row r="6447" spans="1:10" x14ac:dyDescent="0.25">
      <c r="A6447" t="s">
        <v>31000</v>
      </c>
      <c r="B6447" t="s">
        <v>31001</v>
      </c>
      <c r="C6447" t="s">
        <v>31002</v>
      </c>
      <c r="D6447" t="s">
        <v>30970</v>
      </c>
      <c r="E6447" t="s">
        <v>13</v>
      </c>
      <c r="F6447">
        <v>7635</v>
      </c>
      <c r="G6447" t="s">
        <v>31003</v>
      </c>
      <c r="H6447">
        <v>5.9560401793180002</v>
      </c>
      <c r="I6447">
        <v>51.478765631456</v>
      </c>
      <c r="J6447" t="s">
        <v>62132</v>
      </c>
    </row>
    <row r="6448" spans="1:10" x14ac:dyDescent="0.25">
      <c r="A6448" t="s">
        <v>30996</v>
      </c>
      <c r="B6448" t="s">
        <v>30997</v>
      </c>
      <c r="C6448" t="s">
        <v>30998</v>
      </c>
      <c r="D6448" t="s">
        <v>30970</v>
      </c>
      <c r="E6448" t="s">
        <v>13</v>
      </c>
      <c r="F6448">
        <v>7634</v>
      </c>
      <c r="G6448" t="s">
        <v>30999</v>
      </c>
      <c r="H6448">
        <v>6.03004922495</v>
      </c>
      <c r="I6448">
        <v>51.490617485590001</v>
      </c>
      <c r="J6448" t="s">
        <v>62133</v>
      </c>
    </row>
    <row r="6449" spans="1:10" x14ac:dyDescent="0.25">
      <c r="A6449" t="s">
        <v>30992</v>
      </c>
      <c r="B6449" t="s">
        <v>30993</v>
      </c>
      <c r="C6449" t="s">
        <v>30994</v>
      </c>
      <c r="D6449" t="s">
        <v>30970</v>
      </c>
      <c r="E6449" t="s">
        <v>13</v>
      </c>
      <c r="F6449">
        <v>7633</v>
      </c>
      <c r="G6449" t="s">
        <v>30995</v>
      </c>
      <c r="H6449">
        <v>6.0369562775479997</v>
      </c>
      <c r="I6449">
        <v>51.509229047795998</v>
      </c>
      <c r="J6449" t="s">
        <v>62134</v>
      </c>
    </row>
    <row r="6450" spans="1:10" x14ac:dyDescent="0.25">
      <c r="A6450" t="s">
        <v>30988</v>
      </c>
      <c r="B6450" t="s">
        <v>30989</v>
      </c>
      <c r="C6450" t="s">
        <v>30990</v>
      </c>
      <c r="D6450" t="s">
        <v>30970</v>
      </c>
      <c r="E6450" t="s">
        <v>13</v>
      </c>
      <c r="F6450">
        <v>7632</v>
      </c>
      <c r="G6450" t="s">
        <v>30991</v>
      </c>
      <c r="H6450">
        <v>6.0230154151399997</v>
      </c>
      <c r="I6450">
        <v>51.530318284688001</v>
      </c>
      <c r="J6450" t="s">
        <v>62135</v>
      </c>
    </row>
    <row r="6451" spans="1:10" x14ac:dyDescent="0.25">
      <c r="A6451" t="s">
        <v>30984</v>
      </c>
      <c r="B6451" t="s">
        <v>30985</v>
      </c>
      <c r="C6451" t="s">
        <v>30986</v>
      </c>
      <c r="D6451" t="s">
        <v>30970</v>
      </c>
      <c r="E6451" t="s">
        <v>13</v>
      </c>
      <c r="F6451">
        <v>7631</v>
      </c>
      <c r="G6451" t="s">
        <v>30987</v>
      </c>
      <c r="H6451">
        <v>6.0060340466930002</v>
      </c>
      <c r="I6451">
        <v>51.556080889124999</v>
      </c>
      <c r="J6451" t="s">
        <v>62136</v>
      </c>
    </row>
    <row r="6452" spans="1:10" x14ac:dyDescent="0.25">
      <c r="A6452" t="s">
        <v>30980</v>
      </c>
      <c r="B6452" t="s">
        <v>30981</v>
      </c>
      <c r="C6452" t="s">
        <v>30982</v>
      </c>
      <c r="D6452" t="s">
        <v>30970</v>
      </c>
      <c r="E6452" t="s">
        <v>13</v>
      </c>
      <c r="F6452">
        <v>7630</v>
      </c>
      <c r="G6452" t="s">
        <v>30983</v>
      </c>
      <c r="H6452">
        <v>5.870520403425</v>
      </c>
      <c r="I6452">
        <v>51.542740336091001</v>
      </c>
      <c r="J6452" t="s">
        <v>62137</v>
      </c>
    </row>
    <row r="6453" spans="1:10" x14ac:dyDescent="0.25">
      <c r="A6453" t="s">
        <v>30976</v>
      </c>
      <c r="B6453" t="s">
        <v>30977</v>
      </c>
      <c r="C6453" t="s">
        <v>30978</v>
      </c>
      <c r="D6453" t="s">
        <v>30970</v>
      </c>
      <c r="E6453" t="s">
        <v>13</v>
      </c>
      <c r="F6453">
        <v>7629</v>
      </c>
      <c r="G6453" t="s">
        <v>30979</v>
      </c>
      <c r="H6453">
        <v>5.9211864883259997</v>
      </c>
      <c r="I6453">
        <v>51.531617223479998</v>
      </c>
      <c r="J6453" t="s">
        <v>62138</v>
      </c>
    </row>
    <row r="6454" spans="1:10" x14ac:dyDescent="0.25">
      <c r="A6454" t="s">
        <v>30972</v>
      </c>
      <c r="B6454" t="s">
        <v>30973</v>
      </c>
      <c r="C6454" t="s">
        <v>30974</v>
      </c>
      <c r="D6454" t="s">
        <v>30970</v>
      </c>
      <c r="E6454" t="s">
        <v>13</v>
      </c>
      <c r="F6454">
        <v>7628</v>
      </c>
      <c r="G6454" t="s">
        <v>30975</v>
      </c>
      <c r="H6454">
        <v>5.8942242867169998</v>
      </c>
      <c r="I6454">
        <v>51.485108536505003</v>
      </c>
      <c r="J6454" t="s">
        <v>62139</v>
      </c>
    </row>
    <row r="6455" spans="1:10" x14ac:dyDescent="0.25">
      <c r="A6455" t="s">
        <v>30968</v>
      </c>
      <c r="B6455" t="s">
        <v>30969</v>
      </c>
      <c r="C6455" t="s">
        <v>30373</v>
      </c>
      <c r="D6455" t="s">
        <v>30970</v>
      </c>
      <c r="E6455" t="s">
        <v>13</v>
      </c>
      <c r="F6455">
        <v>7627</v>
      </c>
      <c r="G6455" t="s">
        <v>30971</v>
      </c>
      <c r="H6455">
        <v>5.9428494031410004</v>
      </c>
      <c r="I6455">
        <v>51.502857154010002</v>
      </c>
      <c r="J6455" t="s">
        <v>62140</v>
      </c>
    </row>
    <row r="6456" spans="1:10" x14ac:dyDescent="0.25">
      <c r="A6456" t="s">
        <v>30964</v>
      </c>
      <c r="B6456" t="s">
        <v>30965</v>
      </c>
      <c r="C6456" t="s">
        <v>30966</v>
      </c>
      <c r="D6456" t="s">
        <v>30521</v>
      </c>
      <c r="E6456" t="s">
        <v>13</v>
      </c>
      <c r="F6456">
        <v>7626</v>
      </c>
      <c r="G6456" t="s">
        <v>30967</v>
      </c>
      <c r="H6456">
        <v>6.1286754870809999</v>
      </c>
      <c r="I6456">
        <v>51.301848065239</v>
      </c>
      <c r="J6456" t="s">
        <v>62141</v>
      </c>
    </row>
    <row r="6457" spans="1:10" x14ac:dyDescent="0.25">
      <c r="A6457" t="s">
        <v>30960</v>
      </c>
      <c r="B6457" t="s">
        <v>30961</v>
      </c>
      <c r="C6457" t="s">
        <v>30962</v>
      </c>
      <c r="D6457" t="s">
        <v>30521</v>
      </c>
      <c r="E6457" t="s">
        <v>13</v>
      </c>
      <c r="F6457">
        <v>7625</v>
      </c>
      <c r="G6457" t="s">
        <v>30963</v>
      </c>
      <c r="H6457">
        <v>6.1326892147669998</v>
      </c>
      <c r="I6457">
        <v>51.322872332236003</v>
      </c>
      <c r="J6457" t="s">
        <v>62142</v>
      </c>
    </row>
    <row r="6458" spans="1:10" x14ac:dyDescent="0.25">
      <c r="A6458" t="s">
        <v>30956</v>
      </c>
      <c r="B6458" t="s">
        <v>30957</v>
      </c>
      <c r="C6458" t="s">
        <v>30958</v>
      </c>
      <c r="D6458" t="s">
        <v>30521</v>
      </c>
      <c r="E6458" t="s">
        <v>13</v>
      </c>
      <c r="F6458">
        <v>7624</v>
      </c>
      <c r="G6458" t="s">
        <v>30959</v>
      </c>
      <c r="H6458">
        <v>6.1236227418159999</v>
      </c>
      <c r="I6458">
        <v>51.320042935092999</v>
      </c>
      <c r="J6458" t="s">
        <v>62143</v>
      </c>
    </row>
    <row r="6459" spans="1:10" x14ac:dyDescent="0.25">
      <c r="A6459" t="s">
        <v>30952</v>
      </c>
      <c r="B6459" t="s">
        <v>30953</v>
      </c>
      <c r="C6459" t="s">
        <v>30954</v>
      </c>
      <c r="D6459" t="s">
        <v>30521</v>
      </c>
      <c r="E6459" t="s">
        <v>13</v>
      </c>
      <c r="F6459">
        <v>7623</v>
      </c>
      <c r="G6459" t="s">
        <v>30955</v>
      </c>
      <c r="H6459">
        <v>6.1171750738370001</v>
      </c>
      <c r="I6459">
        <v>51.318461480107999</v>
      </c>
      <c r="J6459" t="s">
        <v>62144</v>
      </c>
    </row>
    <row r="6460" spans="1:10" x14ac:dyDescent="0.25">
      <c r="A6460" t="s">
        <v>30948</v>
      </c>
      <c r="B6460" t="s">
        <v>30949</v>
      </c>
      <c r="C6460" t="s">
        <v>30950</v>
      </c>
      <c r="D6460" t="s">
        <v>30521</v>
      </c>
      <c r="E6460" t="s">
        <v>13</v>
      </c>
      <c r="F6460">
        <v>7622</v>
      </c>
      <c r="G6460" t="s">
        <v>30951</v>
      </c>
      <c r="H6460">
        <v>6.1183338485789998</v>
      </c>
      <c r="I6460">
        <v>51.322320844049997</v>
      </c>
      <c r="J6460" t="s">
        <v>62145</v>
      </c>
    </row>
    <row r="6461" spans="1:10" x14ac:dyDescent="0.25">
      <c r="A6461" t="s">
        <v>30944</v>
      </c>
      <c r="B6461" t="s">
        <v>30945</v>
      </c>
      <c r="C6461" t="s">
        <v>30946</v>
      </c>
      <c r="D6461" t="s">
        <v>30521</v>
      </c>
      <c r="E6461" t="s">
        <v>13</v>
      </c>
      <c r="F6461">
        <v>7621</v>
      </c>
      <c r="G6461" t="s">
        <v>30947</v>
      </c>
      <c r="H6461">
        <v>6.1088626195469997</v>
      </c>
      <c r="I6461">
        <v>51.307534083794003</v>
      </c>
      <c r="J6461" t="s">
        <v>62146</v>
      </c>
    </row>
    <row r="6462" spans="1:10" x14ac:dyDescent="0.25">
      <c r="A6462" t="s">
        <v>30940</v>
      </c>
      <c r="B6462" t="s">
        <v>30941</v>
      </c>
      <c r="C6462" t="s">
        <v>30942</v>
      </c>
      <c r="D6462" t="s">
        <v>30521</v>
      </c>
      <c r="E6462" t="s">
        <v>13</v>
      </c>
      <c r="F6462">
        <v>7620</v>
      </c>
      <c r="G6462" t="s">
        <v>30943</v>
      </c>
      <c r="H6462">
        <v>6.097282578512</v>
      </c>
      <c r="I6462">
        <v>51.302566573847997</v>
      </c>
      <c r="J6462" t="s">
        <v>62147</v>
      </c>
    </row>
    <row r="6463" spans="1:10" x14ac:dyDescent="0.25">
      <c r="A6463" t="s">
        <v>30936</v>
      </c>
      <c r="B6463" t="s">
        <v>30937</v>
      </c>
      <c r="C6463" t="s">
        <v>30938</v>
      </c>
      <c r="D6463" t="s">
        <v>30521</v>
      </c>
      <c r="E6463" t="s">
        <v>13</v>
      </c>
      <c r="F6463">
        <v>7619</v>
      </c>
      <c r="G6463" t="s">
        <v>30939</v>
      </c>
      <c r="H6463">
        <v>6.1200574914840002</v>
      </c>
      <c r="I6463">
        <v>51.311262721733002</v>
      </c>
      <c r="J6463" t="s">
        <v>62148</v>
      </c>
    </row>
    <row r="6464" spans="1:10" x14ac:dyDescent="0.25">
      <c r="A6464" t="s">
        <v>30932</v>
      </c>
      <c r="B6464" t="s">
        <v>30933</v>
      </c>
      <c r="C6464" t="s">
        <v>30934</v>
      </c>
      <c r="D6464" t="s">
        <v>30521</v>
      </c>
      <c r="E6464" t="s">
        <v>13</v>
      </c>
      <c r="F6464">
        <v>7618</v>
      </c>
      <c r="G6464" t="s">
        <v>30935</v>
      </c>
      <c r="H6464">
        <v>6.1957520377000002</v>
      </c>
      <c r="I6464">
        <v>51.485992798816</v>
      </c>
      <c r="J6464" t="s">
        <v>62149</v>
      </c>
    </row>
    <row r="6465" spans="1:10" x14ac:dyDescent="0.25">
      <c r="A6465" t="s">
        <v>30928</v>
      </c>
      <c r="B6465" t="s">
        <v>30929</v>
      </c>
      <c r="C6465" t="s">
        <v>30930</v>
      </c>
      <c r="D6465" t="s">
        <v>30521</v>
      </c>
      <c r="E6465" t="s">
        <v>13</v>
      </c>
      <c r="F6465">
        <v>7617</v>
      </c>
      <c r="G6465" t="s">
        <v>30931</v>
      </c>
      <c r="H6465">
        <v>6.1845256549360004</v>
      </c>
      <c r="I6465">
        <v>51.484223036464002</v>
      </c>
      <c r="J6465" t="s">
        <v>62150</v>
      </c>
    </row>
    <row r="6466" spans="1:10" x14ac:dyDescent="0.25">
      <c r="A6466" t="s">
        <v>30924</v>
      </c>
      <c r="B6466" t="s">
        <v>30925</v>
      </c>
      <c r="C6466" t="s">
        <v>30926</v>
      </c>
      <c r="D6466" t="s">
        <v>30521</v>
      </c>
      <c r="E6466" t="s">
        <v>13</v>
      </c>
      <c r="F6466">
        <v>7616</v>
      </c>
      <c r="G6466" t="s">
        <v>30927</v>
      </c>
      <c r="H6466">
        <v>6.2106900249630002</v>
      </c>
      <c r="I6466">
        <v>51.476353397559002</v>
      </c>
      <c r="J6466" t="s">
        <v>62151</v>
      </c>
    </row>
    <row r="6467" spans="1:10" x14ac:dyDescent="0.25">
      <c r="A6467" t="s">
        <v>30920</v>
      </c>
      <c r="B6467" t="s">
        <v>30921</v>
      </c>
      <c r="C6467" t="s">
        <v>30922</v>
      </c>
      <c r="D6467" t="s">
        <v>30521</v>
      </c>
      <c r="E6467" t="s">
        <v>13</v>
      </c>
      <c r="F6467">
        <v>7615</v>
      </c>
      <c r="G6467" t="s">
        <v>30923</v>
      </c>
      <c r="H6467">
        <v>6.1820717749550003</v>
      </c>
      <c r="I6467">
        <v>51.475172073575997</v>
      </c>
      <c r="J6467" t="s">
        <v>62152</v>
      </c>
    </row>
    <row r="6468" spans="1:10" x14ac:dyDescent="0.25">
      <c r="A6468" t="s">
        <v>30916</v>
      </c>
      <c r="B6468" t="s">
        <v>30917</v>
      </c>
      <c r="C6468" t="s">
        <v>30918</v>
      </c>
      <c r="D6468" t="s">
        <v>30521</v>
      </c>
      <c r="E6468" t="s">
        <v>13</v>
      </c>
      <c r="F6468">
        <v>7614</v>
      </c>
      <c r="G6468" t="s">
        <v>30919</v>
      </c>
      <c r="H6468">
        <v>6.1920835797939997</v>
      </c>
      <c r="I6468">
        <v>51.452034306694003</v>
      </c>
      <c r="J6468" t="s">
        <v>62153</v>
      </c>
    </row>
    <row r="6469" spans="1:10" x14ac:dyDescent="0.25">
      <c r="A6469" t="s">
        <v>30912</v>
      </c>
      <c r="B6469" t="s">
        <v>30913</v>
      </c>
      <c r="C6469" t="s">
        <v>30914</v>
      </c>
      <c r="D6469" t="s">
        <v>30521</v>
      </c>
      <c r="E6469" t="s">
        <v>13</v>
      </c>
      <c r="F6469">
        <v>7613</v>
      </c>
      <c r="G6469" t="s">
        <v>30915</v>
      </c>
      <c r="H6469">
        <v>6.1777499541759999</v>
      </c>
      <c r="I6469">
        <v>51.446854393362003</v>
      </c>
      <c r="J6469" t="s">
        <v>62154</v>
      </c>
    </row>
    <row r="6470" spans="1:10" x14ac:dyDescent="0.25">
      <c r="A6470" t="s">
        <v>30908</v>
      </c>
      <c r="B6470" t="s">
        <v>30909</v>
      </c>
      <c r="C6470" t="s">
        <v>30910</v>
      </c>
      <c r="D6470" t="s">
        <v>30521</v>
      </c>
      <c r="E6470" t="s">
        <v>13</v>
      </c>
      <c r="F6470">
        <v>7612</v>
      </c>
      <c r="G6470" t="s">
        <v>30911</v>
      </c>
      <c r="H6470">
        <v>6.1712093273660003</v>
      </c>
      <c r="I6470">
        <v>51.447576065215003</v>
      </c>
      <c r="J6470" t="s">
        <v>62155</v>
      </c>
    </row>
    <row r="6471" spans="1:10" x14ac:dyDescent="0.25">
      <c r="A6471" t="s">
        <v>30904</v>
      </c>
      <c r="B6471" t="s">
        <v>30905</v>
      </c>
      <c r="C6471" t="s">
        <v>30906</v>
      </c>
      <c r="D6471" t="s">
        <v>30521</v>
      </c>
      <c r="E6471" t="s">
        <v>13</v>
      </c>
      <c r="F6471">
        <v>7611</v>
      </c>
      <c r="G6471" t="s">
        <v>30907</v>
      </c>
      <c r="H6471">
        <v>6.1935515514580004</v>
      </c>
      <c r="I6471">
        <v>51.422552115630999</v>
      </c>
      <c r="J6471" t="s">
        <v>62156</v>
      </c>
    </row>
    <row r="6472" spans="1:10" x14ac:dyDescent="0.25">
      <c r="A6472" t="s">
        <v>30900</v>
      </c>
      <c r="B6472" t="s">
        <v>30901</v>
      </c>
      <c r="C6472" t="s">
        <v>30902</v>
      </c>
      <c r="D6472" t="s">
        <v>30521</v>
      </c>
      <c r="E6472" t="s">
        <v>13</v>
      </c>
      <c r="F6472">
        <v>7610</v>
      </c>
      <c r="G6472" t="s">
        <v>30903</v>
      </c>
      <c r="H6472">
        <v>6.1690195025749999</v>
      </c>
      <c r="I6472">
        <v>51.398827178514999</v>
      </c>
      <c r="J6472" t="s">
        <v>62157</v>
      </c>
    </row>
    <row r="6473" spans="1:10" x14ac:dyDescent="0.25">
      <c r="A6473" t="s">
        <v>30896</v>
      </c>
      <c r="B6473" t="s">
        <v>30897</v>
      </c>
      <c r="C6473" t="s">
        <v>30898</v>
      </c>
      <c r="D6473" t="s">
        <v>30521</v>
      </c>
      <c r="E6473" t="s">
        <v>13</v>
      </c>
      <c r="F6473">
        <v>7609</v>
      </c>
      <c r="G6473" t="s">
        <v>30899</v>
      </c>
      <c r="H6473">
        <v>6.1604331538170003</v>
      </c>
      <c r="I6473">
        <v>51.415338103273001</v>
      </c>
      <c r="J6473" t="s">
        <v>62158</v>
      </c>
    </row>
    <row r="6474" spans="1:10" x14ac:dyDescent="0.25">
      <c r="A6474" t="s">
        <v>30892</v>
      </c>
      <c r="B6474" t="s">
        <v>30893</v>
      </c>
      <c r="C6474" t="s">
        <v>30894</v>
      </c>
      <c r="D6474" t="s">
        <v>30521</v>
      </c>
      <c r="E6474" t="s">
        <v>13</v>
      </c>
      <c r="F6474">
        <v>7608</v>
      </c>
      <c r="G6474" t="s">
        <v>30895</v>
      </c>
      <c r="H6474">
        <v>6.1851441606310003</v>
      </c>
      <c r="I6474">
        <v>51.423233022154001</v>
      </c>
      <c r="J6474" t="s">
        <v>62159</v>
      </c>
    </row>
    <row r="6475" spans="1:10" x14ac:dyDescent="0.25">
      <c r="A6475" t="s">
        <v>30888</v>
      </c>
      <c r="B6475" t="s">
        <v>30889</v>
      </c>
      <c r="C6475" t="s">
        <v>30890</v>
      </c>
      <c r="D6475" t="s">
        <v>30521</v>
      </c>
      <c r="E6475" t="s">
        <v>13</v>
      </c>
      <c r="F6475">
        <v>7607</v>
      </c>
      <c r="G6475" t="s">
        <v>30891</v>
      </c>
      <c r="H6475">
        <v>6.1730664310750001</v>
      </c>
      <c r="I6475">
        <v>51.424398970546001</v>
      </c>
      <c r="J6475" t="s">
        <v>62160</v>
      </c>
    </row>
    <row r="6476" spans="1:10" x14ac:dyDescent="0.25">
      <c r="A6476" t="s">
        <v>30884</v>
      </c>
      <c r="B6476" t="s">
        <v>30885</v>
      </c>
      <c r="C6476" t="s">
        <v>30886</v>
      </c>
      <c r="D6476" t="s">
        <v>30521</v>
      </c>
      <c r="E6476" t="s">
        <v>13</v>
      </c>
      <c r="F6476">
        <v>7606</v>
      </c>
      <c r="G6476" t="s">
        <v>30887</v>
      </c>
      <c r="H6476">
        <v>6.1708173243140001</v>
      </c>
      <c r="I6476">
        <v>51.414807710894003</v>
      </c>
      <c r="J6476" t="s">
        <v>62161</v>
      </c>
    </row>
    <row r="6477" spans="1:10" x14ac:dyDescent="0.25">
      <c r="A6477" t="s">
        <v>30880</v>
      </c>
      <c r="B6477" t="s">
        <v>30881</v>
      </c>
      <c r="C6477" t="s">
        <v>30882</v>
      </c>
      <c r="D6477" t="s">
        <v>30521</v>
      </c>
      <c r="E6477" t="s">
        <v>13</v>
      </c>
      <c r="F6477">
        <v>7605</v>
      </c>
      <c r="G6477" t="s">
        <v>30883</v>
      </c>
      <c r="H6477">
        <v>6.1641375302060002</v>
      </c>
      <c r="I6477">
        <v>51.414355736368002</v>
      </c>
      <c r="J6477" t="s">
        <v>62162</v>
      </c>
    </row>
    <row r="6478" spans="1:10" x14ac:dyDescent="0.25">
      <c r="A6478" t="s">
        <v>30876</v>
      </c>
      <c r="B6478" t="s">
        <v>30877</v>
      </c>
      <c r="C6478" t="s">
        <v>30878</v>
      </c>
      <c r="D6478" t="s">
        <v>30521</v>
      </c>
      <c r="E6478" t="s">
        <v>13</v>
      </c>
      <c r="F6478">
        <v>7604</v>
      </c>
      <c r="G6478" t="s">
        <v>30879</v>
      </c>
      <c r="H6478">
        <v>6.129769694727</v>
      </c>
      <c r="I6478">
        <v>51.332258737083997</v>
      </c>
      <c r="J6478" t="s">
        <v>62163</v>
      </c>
    </row>
    <row r="6479" spans="1:10" x14ac:dyDescent="0.25">
      <c r="A6479" t="s">
        <v>30872</v>
      </c>
      <c r="B6479" t="s">
        <v>30873</v>
      </c>
      <c r="C6479" t="s">
        <v>30874</v>
      </c>
      <c r="D6479" t="s">
        <v>30521</v>
      </c>
      <c r="E6479" t="s">
        <v>13</v>
      </c>
      <c r="F6479">
        <v>7603</v>
      </c>
      <c r="G6479" t="s">
        <v>30875</v>
      </c>
      <c r="H6479">
        <v>6.1225964216869997</v>
      </c>
      <c r="I6479">
        <v>51.335526505898002</v>
      </c>
      <c r="J6479" t="s">
        <v>62164</v>
      </c>
    </row>
    <row r="6480" spans="1:10" x14ac:dyDescent="0.25">
      <c r="A6480" t="s">
        <v>30868</v>
      </c>
      <c r="B6480" t="s">
        <v>30869</v>
      </c>
      <c r="C6480" t="s">
        <v>30870</v>
      </c>
      <c r="D6480" t="s">
        <v>30521</v>
      </c>
      <c r="E6480" t="s">
        <v>13</v>
      </c>
      <c r="F6480">
        <v>7602</v>
      </c>
      <c r="G6480" t="s">
        <v>30871</v>
      </c>
      <c r="H6480">
        <v>6.1544087959559999</v>
      </c>
      <c r="I6480">
        <v>51.325069980762997</v>
      </c>
      <c r="J6480" t="s">
        <v>62165</v>
      </c>
    </row>
    <row r="6481" spans="1:10" x14ac:dyDescent="0.25">
      <c r="A6481" t="s">
        <v>30864</v>
      </c>
      <c r="B6481" t="s">
        <v>30865</v>
      </c>
      <c r="C6481" t="s">
        <v>30866</v>
      </c>
      <c r="D6481" t="s">
        <v>30521</v>
      </c>
      <c r="E6481" t="s">
        <v>13</v>
      </c>
      <c r="F6481">
        <v>7601</v>
      </c>
      <c r="G6481" t="s">
        <v>30867</v>
      </c>
      <c r="H6481">
        <v>6.1689593464219996</v>
      </c>
      <c r="I6481">
        <v>51.339192720027</v>
      </c>
      <c r="J6481" t="s">
        <v>62166</v>
      </c>
    </row>
    <row r="6482" spans="1:10" x14ac:dyDescent="0.25">
      <c r="A6482" t="s">
        <v>30860</v>
      </c>
      <c r="B6482" t="s">
        <v>30861</v>
      </c>
      <c r="C6482" t="s">
        <v>30862</v>
      </c>
      <c r="D6482" t="s">
        <v>30521</v>
      </c>
      <c r="E6482" t="s">
        <v>13</v>
      </c>
      <c r="F6482">
        <v>7600</v>
      </c>
      <c r="G6482" t="s">
        <v>30863</v>
      </c>
      <c r="H6482">
        <v>6.1604034520409998</v>
      </c>
      <c r="I6482">
        <v>51.336502324405998</v>
      </c>
      <c r="J6482" t="s">
        <v>62167</v>
      </c>
    </row>
    <row r="6483" spans="1:10" x14ac:dyDescent="0.25">
      <c r="A6483" t="s">
        <v>30856</v>
      </c>
      <c r="B6483" t="s">
        <v>30857</v>
      </c>
      <c r="C6483" t="s">
        <v>30858</v>
      </c>
      <c r="D6483" t="s">
        <v>30521</v>
      </c>
      <c r="E6483" t="s">
        <v>13</v>
      </c>
      <c r="F6483">
        <v>7599</v>
      </c>
      <c r="G6483" t="s">
        <v>30859</v>
      </c>
      <c r="H6483">
        <v>6.1538274170329998</v>
      </c>
      <c r="I6483">
        <v>51.332763190941002</v>
      </c>
      <c r="J6483" t="s">
        <v>62168</v>
      </c>
    </row>
    <row r="6484" spans="1:10" x14ac:dyDescent="0.25">
      <c r="A6484" t="s">
        <v>30852</v>
      </c>
      <c r="B6484" t="s">
        <v>30853</v>
      </c>
      <c r="C6484" t="s">
        <v>30854</v>
      </c>
      <c r="D6484" t="s">
        <v>30521</v>
      </c>
      <c r="E6484" t="s">
        <v>13</v>
      </c>
      <c r="F6484">
        <v>7598</v>
      </c>
      <c r="G6484" t="s">
        <v>30855</v>
      </c>
      <c r="H6484">
        <v>6.1522000688430003</v>
      </c>
      <c r="I6484">
        <v>51.341599458334997</v>
      </c>
      <c r="J6484" t="s">
        <v>62169</v>
      </c>
    </row>
    <row r="6485" spans="1:10" x14ac:dyDescent="0.25">
      <c r="A6485" t="s">
        <v>30848</v>
      </c>
      <c r="B6485" t="s">
        <v>30849</v>
      </c>
      <c r="C6485" t="s">
        <v>30850</v>
      </c>
      <c r="D6485" t="s">
        <v>30521</v>
      </c>
      <c r="E6485" t="s">
        <v>13</v>
      </c>
      <c r="F6485">
        <v>7597</v>
      </c>
      <c r="G6485" t="s">
        <v>30851</v>
      </c>
      <c r="H6485">
        <v>6.140388170964</v>
      </c>
      <c r="I6485">
        <v>51.335277877518003</v>
      </c>
      <c r="J6485" t="s">
        <v>62170</v>
      </c>
    </row>
    <row r="6486" spans="1:10" x14ac:dyDescent="0.25">
      <c r="A6486" t="s">
        <v>30844</v>
      </c>
      <c r="B6486" t="s">
        <v>30845</v>
      </c>
      <c r="C6486" t="s">
        <v>30846</v>
      </c>
      <c r="D6486" t="s">
        <v>30521</v>
      </c>
      <c r="E6486" t="s">
        <v>13</v>
      </c>
      <c r="F6486">
        <v>7596</v>
      </c>
      <c r="G6486" t="s">
        <v>30847</v>
      </c>
      <c r="H6486">
        <v>6.1404171452999998</v>
      </c>
      <c r="I6486">
        <v>51.331538434179002</v>
      </c>
      <c r="J6486" t="s">
        <v>62171</v>
      </c>
    </row>
    <row r="6487" spans="1:10" x14ac:dyDescent="0.25">
      <c r="A6487" t="s">
        <v>30840</v>
      </c>
      <c r="B6487" t="s">
        <v>30841</v>
      </c>
      <c r="C6487" t="s">
        <v>30842</v>
      </c>
      <c r="D6487" t="s">
        <v>30521</v>
      </c>
      <c r="E6487" t="s">
        <v>13</v>
      </c>
      <c r="F6487">
        <v>7595</v>
      </c>
      <c r="G6487" t="s">
        <v>30843</v>
      </c>
      <c r="H6487">
        <v>6.1369110049740003</v>
      </c>
      <c r="I6487">
        <v>51.348546722073003</v>
      </c>
      <c r="J6487" t="s">
        <v>62172</v>
      </c>
    </row>
    <row r="6488" spans="1:10" x14ac:dyDescent="0.25">
      <c r="A6488" t="s">
        <v>30836</v>
      </c>
      <c r="B6488" t="s">
        <v>30837</v>
      </c>
      <c r="C6488" t="s">
        <v>30838</v>
      </c>
      <c r="D6488" t="s">
        <v>30521</v>
      </c>
      <c r="E6488" t="s">
        <v>13</v>
      </c>
      <c r="F6488">
        <v>7594</v>
      </c>
      <c r="G6488" t="s">
        <v>30839</v>
      </c>
      <c r="H6488">
        <v>6.1284311036829999</v>
      </c>
      <c r="I6488">
        <v>51.344043037311998</v>
      </c>
      <c r="J6488" t="s">
        <v>62173</v>
      </c>
    </row>
    <row r="6489" spans="1:10" x14ac:dyDescent="0.25">
      <c r="A6489" t="s">
        <v>30832</v>
      </c>
      <c r="B6489" t="s">
        <v>30833</v>
      </c>
      <c r="C6489" t="s">
        <v>30834</v>
      </c>
      <c r="D6489" t="s">
        <v>30521</v>
      </c>
      <c r="E6489" t="s">
        <v>13</v>
      </c>
      <c r="F6489">
        <v>7593</v>
      </c>
      <c r="G6489" t="s">
        <v>30835</v>
      </c>
      <c r="H6489">
        <v>6.1365825556909996</v>
      </c>
      <c r="I6489">
        <v>51.336171128308997</v>
      </c>
      <c r="J6489" t="s">
        <v>62174</v>
      </c>
    </row>
    <row r="6490" spans="1:10" x14ac:dyDescent="0.25">
      <c r="A6490" t="s">
        <v>30828</v>
      </c>
      <c r="B6490" t="s">
        <v>30829</v>
      </c>
      <c r="C6490" t="s">
        <v>30830</v>
      </c>
      <c r="D6490" t="s">
        <v>30521</v>
      </c>
      <c r="E6490" t="s">
        <v>13</v>
      </c>
      <c r="F6490">
        <v>7592</v>
      </c>
      <c r="G6490" t="s">
        <v>30831</v>
      </c>
      <c r="H6490">
        <v>6.1362582005019997</v>
      </c>
      <c r="I6490">
        <v>51.341110968152996</v>
      </c>
      <c r="J6490" t="s">
        <v>62175</v>
      </c>
    </row>
    <row r="6491" spans="1:10" x14ac:dyDescent="0.25">
      <c r="A6491" t="s">
        <v>30824</v>
      </c>
      <c r="B6491" t="s">
        <v>30825</v>
      </c>
      <c r="C6491" t="s">
        <v>30826</v>
      </c>
      <c r="D6491" t="s">
        <v>30521</v>
      </c>
      <c r="E6491" t="s">
        <v>13</v>
      </c>
      <c r="F6491">
        <v>7591</v>
      </c>
      <c r="G6491" t="s">
        <v>30827</v>
      </c>
      <c r="H6491">
        <v>6.1479333405460004</v>
      </c>
      <c r="I6491">
        <v>51.347895471187002</v>
      </c>
      <c r="J6491" t="s">
        <v>62176</v>
      </c>
    </row>
    <row r="6492" spans="1:10" x14ac:dyDescent="0.25">
      <c r="A6492" t="s">
        <v>30820</v>
      </c>
      <c r="B6492" t="s">
        <v>30821</v>
      </c>
      <c r="C6492" t="s">
        <v>30822</v>
      </c>
      <c r="D6492" t="s">
        <v>30521</v>
      </c>
      <c r="E6492" t="s">
        <v>13</v>
      </c>
      <c r="F6492">
        <v>7590</v>
      </c>
      <c r="G6492" t="s">
        <v>30823</v>
      </c>
      <c r="H6492">
        <v>6.1051845997500003</v>
      </c>
      <c r="I6492">
        <v>51.408188235319997</v>
      </c>
      <c r="J6492" t="s">
        <v>62177</v>
      </c>
    </row>
    <row r="6493" spans="1:10" x14ac:dyDescent="0.25">
      <c r="A6493" t="s">
        <v>30816</v>
      </c>
      <c r="B6493" t="s">
        <v>30817</v>
      </c>
      <c r="C6493" t="s">
        <v>30818</v>
      </c>
      <c r="D6493" t="s">
        <v>30521</v>
      </c>
      <c r="E6493" t="s">
        <v>13</v>
      </c>
      <c r="F6493">
        <v>7589</v>
      </c>
      <c r="G6493" t="s">
        <v>30819</v>
      </c>
      <c r="H6493">
        <v>6.1192554432020003</v>
      </c>
      <c r="I6493">
        <v>51.406655516482999</v>
      </c>
      <c r="J6493" t="s">
        <v>62178</v>
      </c>
    </row>
    <row r="6494" spans="1:10" x14ac:dyDescent="0.25">
      <c r="A6494" t="s">
        <v>30812</v>
      </c>
      <c r="B6494" t="s">
        <v>30813</v>
      </c>
      <c r="C6494" t="s">
        <v>30814</v>
      </c>
      <c r="D6494" t="s">
        <v>30521</v>
      </c>
      <c r="E6494" t="s">
        <v>13</v>
      </c>
      <c r="F6494">
        <v>7588</v>
      </c>
      <c r="G6494" t="s">
        <v>30815</v>
      </c>
      <c r="H6494">
        <v>6.0909251354159997</v>
      </c>
      <c r="I6494">
        <v>51.410614694168999</v>
      </c>
      <c r="J6494" t="s">
        <v>62179</v>
      </c>
    </row>
    <row r="6495" spans="1:10" x14ac:dyDescent="0.25">
      <c r="A6495" t="s">
        <v>30808</v>
      </c>
      <c r="B6495" t="s">
        <v>30809</v>
      </c>
      <c r="C6495" t="s">
        <v>30810</v>
      </c>
      <c r="D6495" t="s">
        <v>30521</v>
      </c>
      <c r="E6495" t="s">
        <v>13</v>
      </c>
      <c r="F6495">
        <v>7587</v>
      </c>
      <c r="G6495" t="s">
        <v>30811</v>
      </c>
      <c r="H6495">
        <v>6.1315096547249999</v>
      </c>
      <c r="I6495">
        <v>51.398303887296002</v>
      </c>
      <c r="J6495" t="s">
        <v>62180</v>
      </c>
    </row>
    <row r="6496" spans="1:10" x14ac:dyDescent="0.25">
      <c r="A6496" t="s">
        <v>30804</v>
      </c>
      <c r="B6496" t="s">
        <v>30805</v>
      </c>
      <c r="C6496" t="s">
        <v>30806</v>
      </c>
      <c r="D6496" t="s">
        <v>30521</v>
      </c>
      <c r="E6496" t="s">
        <v>13</v>
      </c>
      <c r="F6496">
        <v>7586</v>
      </c>
      <c r="G6496" t="s">
        <v>30807</v>
      </c>
      <c r="H6496">
        <v>6.1322197659990003</v>
      </c>
      <c r="I6496">
        <v>51.407315801959001</v>
      </c>
      <c r="J6496" t="s">
        <v>62181</v>
      </c>
    </row>
    <row r="6497" spans="1:10" x14ac:dyDescent="0.25">
      <c r="A6497" t="s">
        <v>30800</v>
      </c>
      <c r="B6497" t="s">
        <v>30801</v>
      </c>
      <c r="C6497" t="s">
        <v>30802</v>
      </c>
      <c r="D6497" t="s">
        <v>30521</v>
      </c>
      <c r="E6497" t="s">
        <v>13</v>
      </c>
      <c r="F6497">
        <v>7585</v>
      </c>
      <c r="G6497" t="s">
        <v>30803</v>
      </c>
      <c r="H6497">
        <v>6.0852297137960001</v>
      </c>
      <c r="I6497">
        <v>51.399705711822001</v>
      </c>
      <c r="J6497" t="s">
        <v>62182</v>
      </c>
    </row>
    <row r="6498" spans="1:10" x14ac:dyDescent="0.25">
      <c r="A6498" t="s">
        <v>30796</v>
      </c>
      <c r="B6498" t="s">
        <v>30797</v>
      </c>
      <c r="C6498" t="s">
        <v>30798</v>
      </c>
      <c r="D6498" t="s">
        <v>30521</v>
      </c>
      <c r="E6498" t="s">
        <v>13</v>
      </c>
      <c r="F6498">
        <v>7584</v>
      </c>
      <c r="G6498" t="s">
        <v>30799</v>
      </c>
      <c r="H6498">
        <v>6.1051649205159997</v>
      </c>
      <c r="I6498">
        <v>51.391659962441999</v>
      </c>
      <c r="J6498" t="s">
        <v>62183</v>
      </c>
    </row>
    <row r="6499" spans="1:10" x14ac:dyDescent="0.25">
      <c r="A6499" t="s">
        <v>30792</v>
      </c>
      <c r="B6499" t="s">
        <v>30793</v>
      </c>
      <c r="C6499" t="s">
        <v>30794</v>
      </c>
      <c r="D6499" t="s">
        <v>30521</v>
      </c>
      <c r="E6499" t="s">
        <v>13</v>
      </c>
      <c r="F6499">
        <v>7583</v>
      </c>
      <c r="G6499" t="s">
        <v>30795</v>
      </c>
      <c r="H6499">
        <v>6.1505586236129997</v>
      </c>
      <c r="I6499">
        <v>51.388861964810999</v>
      </c>
      <c r="J6499" t="s">
        <v>62184</v>
      </c>
    </row>
    <row r="6500" spans="1:10" x14ac:dyDescent="0.25">
      <c r="A6500" t="s">
        <v>30788</v>
      </c>
      <c r="B6500" t="s">
        <v>30789</v>
      </c>
      <c r="C6500" t="s">
        <v>30790</v>
      </c>
      <c r="D6500" t="s">
        <v>30521</v>
      </c>
      <c r="E6500" t="s">
        <v>13</v>
      </c>
      <c r="F6500">
        <v>7582</v>
      </c>
      <c r="G6500" t="s">
        <v>30791</v>
      </c>
      <c r="H6500">
        <v>6.1360393864710003</v>
      </c>
      <c r="I6500">
        <v>51.387635540142</v>
      </c>
      <c r="J6500" t="s">
        <v>62185</v>
      </c>
    </row>
    <row r="6501" spans="1:10" x14ac:dyDescent="0.25">
      <c r="A6501" t="s">
        <v>30784</v>
      </c>
      <c r="B6501" t="s">
        <v>30785</v>
      </c>
      <c r="C6501" t="s">
        <v>30786</v>
      </c>
      <c r="D6501" t="s">
        <v>30521</v>
      </c>
      <c r="E6501" t="s">
        <v>13</v>
      </c>
      <c r="F6501">
        <v>7581</v>
      </c>
      <c r="G6501" t="s">
        <v>30787</v>
      </c>
      <c r="H6501">
        <v>6.1584287759749996</v>
      </c>
      <c r="I6501">
        <v>51.379721104284997</v>
      </c>
      <c r="J6501" t="s">
        <v>62186</v>
      </c>
    </row>
    <row r="6502" spans="1:10" x14ac:dyDescent="0.25">
      <c r="A6502" t="s">
        <v>30781</v>
      </c>
      <c r="B6502" t="s">
        <v>30782</v>
      </c>
      <c r="C6502" t="s">
        <v>6691</v>
      </c>
      <c r="D6502" t="s">
        <v>30521</v>
      </c>
      <c r="E6502" t="s">
        <v>13</v>
      </c>
      <c r="F6502">
        <v>7580</v>
      </c>
      <c r="G6502" t="s">
        <v>30783</v>
      </c>
      <c r="H6502">
        <v>6.1614077059880001</v>
      </c>
      <c r="I6502">
        <v>51.373030646849003</v>
      </c>
      <c r="J6502" t="s">
        <v>62187</v>
      </c>
    </row>
    <row r="6503" spans="1:10" x14ac:dyDescent="0.25">
      <c r="A6503" t="s">
        <v>30777</v>
      </c>
      <c r="B6503" t="s">
        <v>30778</v>
      </c>
      <c r="C6503" t="s">
        <v>30779</v>
      </c>
      <c r="D6503" t="s">
        <v>30521</v>
      </c>
      <c r="E6503" t="s">
        <v>13</v>
      </c>
      <c r="F6503">
        <v>7579</v>
      </c>
      <c r="G6503" t="s">
        <v>30780</v>
      </c>
      <c r="H6503">
        <v>6.149817835206</v>
      </c>
      <c r="I6503">
        <v>51.377830833146</v>
      </c>
      <c r="J6503" t="s">
        <v>62188</v>
      </c>
    </row>
    <row r="6504" spans="1:10" x14ac:dyDescent="0.25">
      <c r="A6504" t="s">
        <v>30773</v>
      </c>
      <c r="B6504" t="s">
        <v>30774</v>
      </c>
      <c r="C6504" t="s">
        <v>30775</v>
      </c>
      <c r="D6504" t="s">
        <v>30521</v>
      </c>
      <c r="E6504" t="s">
        <v>13</v>
      </c>
      <c r="F6504">
        <v>7578</v>
      </c>
      <c r="G6504" t="s">
        <v>30776</v>
      </c>
      <c r="H6504">
        <v>6.104180222429</v>
      </c>
      <c r="I6504">
        <v>51.377532983633003</v>
      </c>
      <c r="J6504" t="s">
        <v>62189</v>
      </c>
    </row>
    <row r="6505" spans="1:10" x14ac:dyDescent="0.25">
      <c r="A6505" t="s">
        <v>30769</v>
      </c>
      <c r="B6505" t="s">
        <v>30770</v>
      </c>
      <c r="C6505" t="s">
        <v>30771</v>
      </c>
      <c r="D6505" t="s">
        <v>30521</v>
      </c>
      <c r="E6505" t="s">
        <v>13</v>
      </c>
      <c r="F6505">
        <v>7577</v>
      </c>
      <c r="G6505" t="s">
        <v>30772</v>
      </c>
      <c r="H6505">
        <v>6.1194461462519998</v>
      </c>
      <c r="I6505">
        <v>51.376417847641001</v>
      </c>
      <c r="J6505" t="s">
        <v>62190</v>
      </c>
    </row>
    <row r="6506" spans="1:10" x14ac:dyDescent="0.25">
      <c r="A6506" t="s">
        <v>30765</v>
      </c>
      <c r="B6506" t="s">
        <v>30766</v>
      </c>
      <c r="C6506" t="s">
        <v>30767</v>
      </c>
      <c r="D6506" t="s">
        <v>30521</v>
      </c>
      <c r="E6506" t="s">
        <v>13</v>
      </c>
      <c r="F6506">
        <v>7576</v>
      </c>
      <c r="G6506" t="s">
        <v>30768</v>
      </c>
      <c r="H6506">
        <v>6.1379927479400003</v>
      </c>
      <c r="I6506">
        <v>51.355609254884001</v>
      </c>
      <c r="J6506" t="s">
        <v>62191</v>
      </c>
    </row>
    <row r="6507" spans="1:10" x14ac:dyDescent="0.25">
      <c r="A6507" t="s">
        <v>30761</v>
      </c>
      <c r="B6507" t="s">
        <v>30762</v>
      </c>
      <c r="C6507" t="s">
        <v>30763</v>
      </c>
      <c r="D6507" t="s">
        <v>30521</v>
      </c>
      <c r="E6507" t="s">
        <v>13</v>
      </c>
      <c r="F6507">
        <v>7575</v>
      </c>
      <c r="G6507" t="s">
        <v>30764</v>
      </c>
      <c r="H6507">
        <v>6.116356158166</v>
      </c>
      <c r="I6507">
        <v>51.356182229890997</v>
      </c>
      <c r="J6507" t="s">
        <v>62192</v>
      </c>
    </row>
    <row r="6508" spans="1:10" x14ac:dyDescent="0.25">
      <c r="A6508" t="s">
        <v>30757</v>
      </c>
      <c r="B6508" t="s">
        <v>30758</v>
      </c>
      <c r="C6508" t="s">
        <v>30759</v>
      </c>
      <c r="D6508" t="s">
        <v>30521</v>
      </c>
      <c r="E6508" t="s">
        <v>13</v>
      </c>
      <c r="F6508">
        <v>7574</v>
      </c>
      <c r="G6508" t="s">
        <v>30760</v>
      </c>
      <c r="H6508">
        <v>6.1281210647820004</v>
      </c>
      <c r="I6508">
        <v>51.359460207432001</v>
      </c>
      <c r="J6508" t="s">
        <v>62193</v>
      </c>
    </row>
    <row r="6509" spans="1:10" x14ac:dyDescent="0.25">
      <c r="A6509" t="s">
        <v>30753</v>
      </c>
      <c r="B6509" t="s">
        <v>30754</v>
      </c>
      <c r="C6509" t="s">
        <v>30755</v>
      </c>
      <c r="D6509" t="s">
        <v>30521</v>
      </c>
      <c r="E6509" t="s">
        <v>13</v>
      </c>
      <c r="F6509">
        <v>7573</v>
      </c>
      <c r="G6509" t="s">
        <v>30756</v>
      </c>
      <c r="H6509">
        <v>6.1300505185449996</v>
      </c>
      <c r="I6509">
        <v>51.379868188784997</v>
      </c>
      <c r="J6509" t="s">
        <v>62194</v>
      </c>
    </row>
    <row r="6510" spans="1:10" x14ac:dyDescent="0.25">
      <c r="A6510" t="s">
        <v>30749</v>
      </c>
      <c r="B6510" t="s">
        <v>30750</v>
      </c>
      <c r="C6510" t="s">
        <v>30751</v>
      </c>
      <c r="D6510" t="s">
        <v>30521</v>
      </c>
      <c r="E6510" t="s">
        <v>13</v>
      </c>
      <c r="F6510">
        <v>7572</v>
      </c>
      <c r="G6510" t="s">
        <v>30752</v>
      </c>
      <c r="H6510">
        <v>6.1299306268139997</v>
      </c>
      <c r="I6510">
        <v>51.374079655712997</v>
      </c>
      <c r="J6510" t="s">
        <v>62195</v>
      </c>
    </row>
    <row r="6511" spans="1:10" x14ac:dyDescent="0.25">
      <c r="A6511" t="s">
        <v>30745</v>
      </c>
      <c r="B6511" t="s">
        <v>30746</v>
      </c>
      <c r="C6511" t="s">
        <v>30747</v>
      </c>
      <c r="D6511" t="s">
        <v>30521</v>
      </c>
      <c r="E6511" t="s">
        <v>13</v>
      </c>
      <c r="F6511">
        <v>7571</v>
      </c>
      <c r="G6511" t="s">
        <v>30748</v>
      </c>
      <c r="H6511">
        <v>6.1309437685630002</v>
      </c>
      <c r="I6511">
        <v>51.363970333240999</v>
      </c>
      <c r="J6511" t="s">
        <v>62196</v>
      </c>
    </row>
    <row r="6512" spans="1:10" x14ac:dyDescent="0.25">
      <c r="A6512" t="s">
        <v>30741</v>
      </c>
      <c r="B6512" t="s">
        <v>30742</v>
      </c>
      <c r="C6512" t="s">
        <v>30743</v>
      </c>
      <c r="D6512" t="s">
        <v>30521</v>
      </c>
      <c r="E6512" t="s">
        <v>13</v>
      </c>
      <c r="F6512">
        <v>7570</v>
      </c>
      <c r="G6512" t="s">
        <v>30744</v>
      </c>
      <c r="H6512">
        <v>6.1273497888269999</v>
      </c>
      <c r="I6512">
        <v>51.367749433311999</v>
      </c>
      <c r="J6512" t="s">
        <v>62197</v>
      </c>
    </row>
    <row r="6513" spans="1:10" x14ac:dyDescent="0.25">
      <c r="A6513" t="s">
        <v>30737</v>
      </c>
      <c r="B6513" t="s">
        <v>30738</v>
      </c>
      <c r="C6513" t="s">
        <v>30739</v>
      </c>
      <c r="D6513" t="s">
        <v>30521</v>
      </c>
      <c r="E6513" t="s">
        <v>13</v>
      </c>
      <c r="F6513">
        <v>7569</v>
      </c>
      <c r="G6513" t="s">
        <v>30740</v>
      </c>
      <c r="H6513">
        <v>6.134011941622</v>
      </c>
      <c r="I6513">
        <v>51.369860450403998</v>
      </c>
      <c r="J6513" t="s">
        <v>62198</v>
      </c>
    </row>
    <row r="6514" spans="1:10" x14ac:dyDescent="0.25">
      <c r="A6514" t="s">
        <v>30733</v>
      </c>
      <c r="B6514" t="s">
        <v>30734</v>
      </c>
      <c r="C6514" t="s">
        <v>30735</v>
      </c>
      <c r="D6514" t="s">
        <v>30521</v>
      </c>
      <c r="E6514" t="s">
        <v>13</v>
      </c>
      <c r="F6514">
        <v>7568</v>
      </c>
      <c r="G6514" t="s">
        <v>30736</v>
      </c>
      <c r="H6514">
        <v>6.1319334594460004</v>
      </c>
      <c r="I6514">
        <v>51.366940022370997</v>
      </c>
      <c r="J6514" t="s">
        <v>62199</v>
      </c>
    </row>
    <row r="6515" spans="1:10" x14ac:dyDescent="0.25">
      <c r="A6515" t="s">
        <v>30730</v>
      </c>
      <c r="B6515" t="s">
        <v>30731</v>
      </c>
      <c r="C6515" t="s">
        <v>21055</v>
      </c>
      <c r="D6515" t="s">
        <v>30521</v>
      </c>
      <c r="E6515" t="s">
        <v>13</v>
      </c>
      <c r="F6515">
        <v>7567</v>
      </c>
      <c r="G6515" t="s">
        <v>30732</v>
      </c>
      <c r="H6515">
        <v>6.1357767889890003</v>
      </c>
      <c r="I6515">
        <v>51.363704979956999</v>
      </c>
      <c r="J6515" t="s">
        <v>62200</v>
      </c>
    </row>
    <row r="6516" spans="1:10" x14ac:dyDescent="0.25">
      <c r="A6516" t="s">
        <v>30726</v>
      </c>
      <c r="B6516" t="s">
        <v>30727</v>
      </c>
      <c r="C6516" t="s">
        <v>30728</v>
      </c>
      <c r="D6516" t="s">
        <v>30521</v>
      </c>
      <c r="E6516" t="s">
        <v>13</v>
      </c>
      <c r="F6516">
        <v>7566</v>
      </c>
      <c r="G6516" t="s">
        <v>30729</v>
      </c>
      <c r="H6516">
        <v>6.136542639889</v>
      </c>
      <c r="I6516">
        <v>51.361391109140001</v>
      </c>
      <c r="J6516" t="s">
        <v>62201</v>
      </c>
    </row>
    <row r="6517" spans="1:10" x14ac:dyDescent="0.25">
      <c r="A6517" t="s">
        <v>30722</v>
      </c>
      <c r="B6517" t="s">
        <v>30723</v>
      </c>
      <c r="C6517" t="s">
        <v>30724</v>
      </c>
      <c r="D6517" t="s">
        <v>30521</v>
      </c>
      <c r="E6517" t="s">
        <v>13</v>
      </c>
      <c r="F6517">
        <v>7565</v>
      </c>
      <c r="G6517" t="s">
        <v>30725</v>
      </c>
      <c r="H6517">
        <v>6.1421755284339996</v>
      </c>
      <c r="I6517">
        <v>51.361640958472002</v>
      </c>
      <c r="J6517" t="s">
        <v>62202</v>
      </c>
    </row>
    <row r="6518" spans="1:10" x14ac:dyDescent="0.25">
      <c r="A6518" t="s">
        <v>30718</v>
      </c>
      <c r="B6518" t="s">
        <v>30719</v>
      </c>
      <c r="C6518" t="s">
        <v>30720</v>
      </c>
      <c r="D6518" t="s">
        <v>30521</v>
      </c>
      <c r="E6518" t="s">
        <v>13</v>
      </c>
      <c r="F6518">
        <v>7564</v>
      </c>
      <c r="G6518" t="s">
        <v>30721</v>
      </c>
      <c r="H6518">
        <v>6.1472163192149996</v>
      </c>
      <c r="I6518">
        <v>51.359104415323003</v>
      </c>
      <c r="J6518" t="s">
        <v>62203</v>
      </c>
    </row>
    <row r="6519" spans="1:10" x14ac:dyDescent="0.25">
      <c r="A6519" t="s">
        <v>30714</v>
      </c>
      <c r="B6519" t="s">
        <v>30715</v>
      </c>
      <c r="C6519" t="s">
        <v>30716</v>
      </c>
      <c r="D6519" t="s">
        <v>30521</v>
      </c>
      <c r="E6519" t="s">
        <v>13</v>
      </c>
      <c r="F6519">
        <v>7563</v>
      </c>
      <c r="G6519" t="s">
        <v>30717</v>
      </c>
      <c r="H6519">
        <v>6.1418633728190004</v>
      </c>
      <c r="I6519">
        <v>51.372232777077997</v>
      </c>
      <c r="J6519" t="s">
        <v>62204</v>
      </c>
    </row>
    <row r="6520" spans="1:10" x14ac:dyDescent="0.25">
      <c r="A6520" t="s">
        <v>30710</v>
      </c>
      <c r="B6520" t="s">
        <v>30711</v>
      </c>
      <c r="C6520" t="s">
        <v>30712</v>
      </c>
      <c r="D6520" t="s">
        <v>30521</v>
      </c>
      <c r="E6520" t="s">
        <v>13</v>
      </c>
      <c r="F6520">
        <v>7562</v>
      </c>
      <c r="G6520" t="s">
        <v>30713</v>
      </c>
      <c r="H6520">
        <v>6.1405353600039998</v>
      </c>
      <c r="I6520">
        <v>51.376357979352001</v>
      </c>
      <c r="J6520" t="s">
        <v>62205</v>
      </c>
    </row>
    <row r="6521" spans="1:10" x14ac:dyDescent="0.25">
      <c r="A6521" t="s">
        <v>30706</v>
      </c>
      <c r="B6521" t="s">
        <v>30707</v>
      </c>
      <c r="C6521" t="s">
        <v>30708</v>
      </c>
      <c r="D6521" t="s">
        <v>30521</v>
      </c>
      <c r="E6521" t="s">
        <v>13</v>
      </c>
      <c r="F6521">
        <v>7561</v>
      </c>
      <c r="G6521" t="s">
        <v>30709</v>
      </c>
      <c r="H6521">
        <v>6.1509453617950003</v>
      </c>
      <c r="I6521">
        <v>51.373007593605003</v>
      </c>
      <c r="J6521" t="s">
        <v>62206</v>
      </c>
    </row>
    <row r="6522" spans="1:10" x14ac:dyDescent="0.25">
      <c r="A6522" t="s">
        <v>30702</v>
      </c>
      <c r="B6522" t="s">
        <v>30703</v>
      </c>
      <c r="C6522" t="s">
        <v>30704</v>
      </c>
      <c r="D6522" t="s">
        <v>30521</v>
      </c>
      <c r="E6522" t="s">
        <v>13</v>
      </c>
      <c r="F6522">
        <v>7560</v>
      </c>
      <c r="G6522" t="s">
        <v>30705</v>
      </c>
      <c r="H6522">
        <v>6.1416800770610003</v>
      </c>
      <c r="I6522">
        <v>51.367133808157</v>
      </c>
      <c r="J6522" t="s">
        <v>62207</v>
      </c>
    </row>
    <row r="6523" spans="1:10" x14ac:dyDescent="0.25">
      <c r="A6523" t="s">
        <v>30698</v>
      </c>
      <c r="B6523" t="s">
        <v>30699</v>
      </c>
      <c r="C6523" t="s">
        <v>30700</v>
      </c>
      <c r="D6523" t="s">
        <v>30521</v>
      </c>
      <c r="E6523" t="s">
        <v>13</v>
      </c>
      <c r="F6523">
        <v>7559</v>
      </c>
      <c r="G6523" t="s">
        <v>30701</v>
      </c>
      <c r="H6523">
        <v>6.1528974241179997</v>
      </c>
      <c r="I6523">
        <v>51.366879576110001</v>
      </c>
      <c r="J6523" t="s">
        <v>62208</v>
      </c>
    </row>
    <row r="6524" spans="1:10" x14ac:dyDescent="0.25">
      <c r="A6524" t="s">
        <v>30695</v>
      </c>
      <c r="B6524" t="s">
        <v>30696</v>
      </c>
      <c r="C6524" t="s">
        <v>12828</v>
      </c>
      <c r="D6524" t="s">
        <v>30521</v>
      </c>
      <c r="E6524" t="s">
        <v>13</v>
      </c>
      <c r="F6524">
        <v>7558</v>
      </c>
      <c r="G6524" t="s">
        <v>30697</v>
      </c>
      <c r="H6524">
        <v>6.2000112501849998</v>
      </c>
      <c r="I6524">
        <v>51.394337167396003</v>
      </c>
      <c r="J6524" t="s">
        <v>62209</v>
      </c>
    </row>
    <row r="6525" spans="1:10" x14ac:dyDescent="0.25">
      <c r="A6525" t="s">
        <v>30691</v>
      </c>
      <c r="B6525" t="s">
        <v>30692</v>
      </c>
      <c r="C6525" t="s">
        <v>30693</v>
      </c>
      <c r="D6525" t="s">
        <v>30521</v>
      </c>
      <c r="E6525" t="s">
        <v>13</v>
      </c>
      <c r="F6525">
        <v>7557</v>
      </c>
      <c r="G6525" t="s">
        <v>30694</v>
      </c>
      <c r="H6525">
        <v>6.2021314910319996</v>
      </c>
      <c r="I6525">
        <v>51.395683435685001</v>
      </c>
      <c r="J6525" t="s">
        <v>62210</v>
      </c>
    </row>
    <row r="6526" spans="1:10" x14ac:dyDescent="0.25">
      <c r="A6526" t="s">
        <v>30687</v>
      </c>
      <c r="B6526" t="s">
        <v>30688</v>
      </c>
      <c r="C6526" t="s">
        <v>30689</v>
      </c>
      <c r="D6526" t="s">
        <v>30521</v>
      </c>
      <c r="E6526" t="s">
        <v>13</v>
      </c>
      <c r="F6526">
        <v>7556</v>
      </c>
      <c r="G6526" t="s">
        <v>30690</v>
      </c>
      <c r="H6526">
        <v>6.176344827046</v>
      </c>
      <c r="I6526">
        <v>51.393833076836003</v>
      </c>
      <c r="J6526" t="s">
        <v>62211</v>
      </c>
    </row>
    <row r="6527" spans="1:10" x14ac:dyDescent="0.25">
      <c r="A6527" t="s">
        <v>30683</v>
      </c>
      <c r="B6527" t="s">
        <v>30684</v>
      </c>
      <c r="C6527" t="s">
        <v>30685</v>
      </c>
      <c r="D6527" t="s">
        <v>30521</v>
      </c>
      <c r="E6527" t="s">
        <v>13</v>
      </c>
      <c r="F6527">
        <v>7555</v>
      </c>
      <c r="G6527" t="s">
        <v>30686</v>
      </c>
      <c r="H6527">
        <v>6.1828626583419997</v>
      </c>
      <c r="I6527">
        <v>51.388587995785997</v>
      </c>
      <c r="J6527" t="s">
        <v>62212</v>
      </c>
    </row>
    <row r="6528" spans="1:10" x14ac:dyDescent="0.25">
      <c r="A6528" t="s">
        <v>30679</v>
      </c>
      <c r="B6528" t="s">
        <v>30680</v>
      </c>
      <c r="C6528" t="s">
        <v>30681</v>
      </c>
      <c r="D6528" t="s">
        <v>30521</v>
      </c>
      <c r="E6528" t="s">
        <v>13</v>
      </c>
      <c r="F6528">
        <v>7554</v>
      </c>
      <c r="G6528" t="s">
        <v>30682</v>
      </c>
      <c r="H6528">
        <v>6.2117754859060001</v>
      </c>
      <c r="I6528">
        <v>51.378794165480997</v>
      </c>
      <c r="J6528" t="s">
        <v>62213</v>
      </c>
    </row>
    <row r="6529" spans="1:10" x14ac:dyDescent="0.25">
      <c r="A6529" t="s">
        <v>30675</v>
      </c>
      <c r="B6529" t="s">
        <v>30676</v>
      </c>
      <c r="C6529" t="s">
        <v>30677</v>
      </c>
      <c r="D6529" t="s">
        <v>30521</v>
      </c>
      <c r="E6529" t="s">
        <v>13</v>
      </c>
      <c r="F6529">
        <v>7553</v>
      </c>
      <c r="G6529" t="s">
        <v>30678</v>
      </c>
      <c r="H6529">
        <v>6.1996511130489997</v>
      </c>
      <c r="I6529">
        <v>51.381923140665002</v>
      </c>
      <c r="J6529" t="s">
        <v>62214</v>
      </c>
    </row>
    <row r="6530" spans="1:10" x14ac:dyDescent="0.25">
      <c r="A6530" t="s">
        <v>30671</v>
      </c>
      <c r="B6530" t="s">
        <v>30672</v>
      </c>
      <c r="C6530" t="s">
        <v>30673</v>
      </c>
      <c r="D6530" t="s">
        <v>30521</v>
      </c>
      <c r="E6530" t="s">
        <v>13</v>
      </c>
      <c r="F6530">
        <v>7552</v>
      </c>
      <c r="G6530" t="s">
        <v>30674</v>
      </c>
      <c r="H6530">
        <v>6.1917026489040001</v>
      </c>
      <c r="I6530">
        <v>51.385764450967002</v>
      </c>
      <c r="J6530" t="s">
        <v>62215</v>
      </c>
    </row>
    <row r="6531" spans="1:10" x14ac:dyDescent="0.25">
      <c r="A6531" t="s">
        <v>30667</v>
      </c>
      <c r="B6531" t="s">
        <v>30668</v>
      </c>
      <c r="C6531" t="s">
        <v>30669</v>
      </c>
      <c r="D6531" t="s">
        <v>30521</v>
      </c>
      <c r="E6531" t="s">
        <v>13</v>
      </c>
      <c r="F6531">
        <v>7551</v>
      </c>
      <c r="G6531" t="s">
        <v>30670</v>
      </c>
      <c r="H6531">
        <v>6.1848480064549998</v>
      </c>
      <c r="I6531">
        <v>51.338749795338998</v>
      </c>
      <c r="J6531" t="s">
        <v>62216</v>
      </c>
    </row>
    <row r="6532" spans="1:10" x14ac:dyDescent="0.25">
      <c r="A6532" t="s">
        <v>30663</v>
      </c>
      <c r="B6532" t="s">
        <v>30664</v>
      </c>
      <c r="C6532" t="s">
        <v>30665</v>
      </c>
      <c r="D6532" t="s">
        <v>30521</v>
      </c>
      <c r="E6532" t="s">
        <v>13</v>
      </c>
      <c r="F6532">
        <v>7550</v>
      </c>
      <c r="G6532" t="s">
        <v>30666</v>
      </c>
      <c r="H6532">
        <v>6.1902900578360001</v>
      </c>
      <c r="I6532">
        <v>51.344784362917999</v>
      </c>
      <c r="J6532" t="s">
        <v>62217</v>
      </c>
    </row>
    <row r="6533" spans="1:10" x14ac:dyDescent="0.25">
      <c r="A6533" t="s">
        <v>30659</v>
      </c>
      <c r="B6533" t="s">
        <v>30660</v>
      </c>
      <c r="C6533" t="s">
        <v>30661</v>
      </c>
      <c r="D6533" t="s">
        <v>30521</v>
      </c>
      <c r="E6533" t="s">
        <v>13</v>
      </c>
      <c r="F6533">
        <v>7549</v>
      </c>
      <c r="G6533" t="s">
        <v>30662</v>
      </c>
      <c r="H6533">
        <v>6.2027343918530002</v>
      </c>
      <c r="I6533">
        <v>51.354014610280998</v>
      </c>
      <c r="J6533" t="s">
        <v>62218</v>
      </c>
    </row>
    <row r="6534" spans="1:10" x14ac:dyDescent="0.25">
      <c r="A6534" t="s">
        <v>30655</v>
      </c>
      <c r="B6534" t="s">
        <v>30656</v>
      </c>
      <c r="C6534" t="s">
        <v>30657</v>
      </c>
      <c r="D6534" t="s">
        <v>30521</v>
      </c>
      <c r="E6534" t="s">
        <v>13</v>
      </c>
      <c r="F6534">
        <v>7548</v>
      </c>
      <c r="G6534" t="s">
        <v>30658</v>
      </c>
      <c r="H6534">
        <v>6.2020303998550004</v>
      </c>
      <c r="I6534">
        <v>51.362700940457003</v>
      </c>
      <c r="J6534" t="s">
        <v>62219</v>
      </c>
    </row>
    <row r="6535" spans="1:10" x14ac:dyDescent="0.25">
      <c r="A6535" t="s">
        <v>30651</v>
      </c>
      <c r="B6535" t="s">
        <v>30652</v>
      </c>
      <c r="C6535" t="s">
        <v>30653</v>
      </c>
      <c r="D6535" t="s">
        <v>30521</v>
      </c>
      <c r="E6535" t="s">
        <v>13</v>
      </c>
      <c r="F6535">
        <v>7547</v>
      </c>
      <c r="G6535" t="s">
        <v>30654</v>
      </c>
      <c r="H6535">
        <v>6.1934266813979999</v>
      </c>
      <c r="I6535">
        <v>51.362690591979998</v>
      </c>
      <c r="J6535" t="s">
        <v>62220</v>
      </c>
    </row>
    <row r="6536" spans="1:10" x14ac:dyDescent="0.25">
      <c r="A6536" t="s">
        <v>30647</v>
      </c>
      <c r="B6536" t="s">
        <v>30648</v>
      </c>
      <c r="C6536" t="s">
        <v>30649</v>
      </c>
      <c r="D6536" t="s">
        <v>30521</v>
      </c>
      <c r="E6536" t="s">
        <v>13</v>
      </c>
      <c r="F6536">
        <v>7546</v>
      </c>
      <c r="G6536" t="s">
        <v>30650</v>
      </c>
      <c r="H6536">
        <v>6.1956029353300002</v>
      </c>
      <c r="I6536">
        <v>51.359907020271997</v>
      </c>
      <c r="J6536" t="s">
        <v>62221</v>
      </c>
    </row>
    <row r="6537" spans="1:10" x14ac:dyDescent="0.25">
      <c r="A6537" t="s">
        <v>30643</v>
      </c>
      <c r="B6537" t="s">
        <v>30644</v>
      </c>
      <c r="C6537" t="s">
        <v>30645</v>
      </c>
      <c r="D6537" t="s">
        <v>30521</v>
      </c>
      <c r="E6537" t="s">
        <v>13</v>
      </c>
      <c r="F6537">
        <v>7545</v>
      </c>
      <c r="G6537" t="s">
        <v>30646</v>
      </c>
      <c r="H6537">
        <v>6.1891012518270001</v>
      </c>
      <c r="I6537">
        <v>51.360621647527999</v>
      </c>
      <c r="J6537" t="s">
        <v>62222</v>
      </c>
    </row>
    <row r="6538" spans="1:10" x14ac:dyDescent="0.25">
      <c r="A6538" t="s">
        <v>30640</v>
      </c>
      <c r="B6538" t="s">
        <v>30641</v>
      </c>
      <c r="C6538" t="s">
        <v>479</v>
      </c>
      <c r="D6538" t="s">
        <v>30521</v>
      </c>
      <c r="E6538" t="s">
        <v>13</v>
      </c>
      <c r="F6538">
        <v>7544</v>
      </c>
      <c r="G6538" t="s">
        <v>30642</v>
      </c>
      <c r="H6538">
        <v>6.191303469837</v>
      </c>
      <c r="I6538">
        <v>51.357817039955002</v>
      </c>
      <c r="J6538" t="s">
        <v>62223</v>
      </c>
    </row>
    <row r="6539" spans="1:10" x14ac:dyDescent="0.25">
      <c r="A6539" t="s">
        <v>30637</v>
      </c>
      <c r="B6539" t="s">
        <v>30638</v>
      </c>
      <c r="C6539" t="s">
        <v>37</v>
      </c>
      <c r="D6539" t="s">
        <v>30521</v>
      </c>
      <c r="E6539" t="s">
        <v>13</v>
      </c>
      <c r="F6539">
        <v>7543</v>
      </c>
      <c r="G6539" t="s">
        <v>30639</v>
      </c>
      <c r="H6539">
        <v>6.1833276068060004</v>
      </c>
      <c r="I6539">
        <v>51.352412183584001</v>
      </c>
      <c r="J6539" t="s">
        <v>62224</v>
      </c>
    </row>
    <row r="6540" spans="1:10" x14ac:dyDescent="0.25">
      <c r="A6540" t="s">
        <v>30633</v>
      </c>
      <c r="B6540" t="s">
        <v>30634</v>
      </c>
      <c r="C6540" t="s">
        <v>30635</v>
      </c>
      <c r="D6540" t="s">
        <v>30521</v>
      </c>
      <c r="E6540" t="s">
        <v>13</v>
      </c>
      <c r="F6540">
        <v>7542</v>
      </c>
      <c r="G6540" t="s">
        <v>30636</v>
      </c>
      <c r="H6540">
        <v>6.1854298003119998</v>
      </c>
      <c r="I6540">
        <v>51.359206130179999</v>
      </c>
      <c r="J6540" t="s">
        <v>62225</v>
      </c>
    </row>
    <row r="6541" spans="1:10" x14ac:dyDescent="0.25">
      <c r="A6541" t="s">
        <v>30629</v>
      </c>
      <c r="B6541" t="s">
        <v>30630</v>
      </c>
      <c r="C6541" t="s">
        <v>30631</v>
      </c>
      <c r="D6541" t="s">
        <v>30521</v>
      </c>
      <c r="E6541" t="s">
        <v>13</v>
      </c>
      <c r="F6541">
        <v>7541</v>
      </c>
      <c r="G6541" t="s">
        <v>30632</v>
      </c>
      <c r="H6541">
        <v>6.1809072317940004</v>
      </c>
      <c r="I6541">
        <v>51.357818929905001</v>
      </c>
      <c r="J6541" t="s">
        <v>62226</v>
      </c>
    </row>
    <row r="6542" spans="1:10" x14ac:dyDescent="0.25">
      <c r="A6542" t="s">
        <v>30625</v>
      </c>
      <c r="B6542" t="s">
        <v>30626</v>
      </c>
      <c r="C6542" t="s">
        <v>30627</v>
      </c>
      <c r="D6542" t="s">
        <v>30521</v>
      </c>
      <c r="E6542" t="s">
        <v>13</v>
      </c>
      <c r="F6542">
        <v>7540</v>
      </c>
      <c r="G6542" t="s">
        <v>30628</v>
      </c>
      <c r="H6542">
        <v>6.1781749540849997</v>
      </c>
      <c r="I6542">
        <v>51.355250984721998</v>
      </c>
      <c r="J6542" t="s">
        <v>62227</v>
      </c>
    </row>
    <row r="6543" spans="1:10" x14ac:dyDescent="0.25">
      <c r="A6543" t="s">
        <v>30621</v>
      </c>
      <c r="B6543" t="s">
        <v>30622</v>
      </c>
      <c r="C6543" t="s">
        <v>30623</v>
      </c>
      <c r="D6543" t="s">
        <v>30521</v>
      </c>
      <c r="E6543" t="s">
        <v>13</v>
      </c>
      <c r="F6543">
        <v>7539</v>
      </c>
      <c r="G6543" t="s">
        <v>30624</v>
      </c>
      <c r="H6543">
        <v>6.1620880887759997</v>
      </c>
      <c r="I6543">
        <v>51.389716403125</v>
      </c>
      <c r="J6543" t="s">
        <v>62228</v>
      </c>
    </row>
    <row r="6544" spans="1:10" x14ac:dyDescent="0.25">
      <c r="A6544" t="s">
        <v>30617</v>
      </c>
      <c r="B6544" t="s">
        <v>30618</v>
      </c>
      <c r="C6544" t="s">
        <v>30619</v>
      </c>
      <c r="D6544" t="s">
        <v>30521</v>
      </c>
      <c r="E6544" t="s">
        <v>13</v>
      </c>
      <c r="F6544">
        <v>7538</v>
      </c>
      <c r="G6544" t="s">
        <v>30620</v>
      </c>
      <c r="H6544">
        <v>6.1697874989499999</v>
      </c>
      <c r="I6544">
        <v>51.390093353140003</v>
      </c>
      <c r="J6544" t="s">
        <v>62229</v>
      </c>
    </row>
    <row r="6545" spans="1:10" x14ac:dyDescent="0.25">
      <c r="A6545" t="s">
        <v>30614</v>
      </c>
      <c r="B6545" t="s">
        <v>30615</v>
      </c>
      <c r="C6545" t="s">
        <v>28483</v>
      </c>
      <c r="D6545" t="s">
        <v>30521</v>
      </c>
      <c r="E6545" t="s">
        <v>13</v>
      </c>
      <c r="F6545">
        <v>7537</v>
      </c>
      <c r="G6545" t="s">
        <v>30616</v>
      </c>
      <c r="H6545">
        <v>6.1740072539820003</v>
      </c>
      <c r="I6545">
        <v>51.383645952285001</v>
      </c>
      <c r="J6545" t="s">
        <v>62230</v>
      </c>
    </row>
    <row r="6546" spans="1:10" x14ac:dyDescent="0.25">
      <c r="A6546" t="s">
        <v>30610</v>
      </c>
      <c r="B6546" t="s">
        <v>30611</v>
      </c>
      <c r="C6546" t="s">
        <v>30612</v>
      </c>
      <c r="D6546" t="s">
        <v>30521</v>
      </c>
      <c r="E6546" t="s">
        <v>13</v>
      </c>
      <c r="F6546">
        <v>7536</v>
      </c>
      <c r="G6546" t="s">
        <v>30613</v>
      </c>
      <c r="H6546">
        <v>6.1805174312039997</v>
      </c>
      <c r="I6546">
        <v>51.379385147729003</v>
      </c>
      <c r="J6546" t="s">
        <v>62231</v>
      </c>
    </row>
    <row r="6547" spans="1:10" x14ac:dyDescent="0.25">
      <c r="A6547" t="s">
        <v>30606</v>
      </c>
      <c r="B6547" t="s">
        <v>30607</v>
      </c>
      <c r="C6547" t="s">
        <v>30608</v>
      </c>
      <c r="D6547" t="s">
        <v>30521</v>
      </c>
      <c r="E6547" t="s">
        <v>13</v>
      </c>
      <c r="F6547">
        <v>7535</v>
      </c>
      <c r="G6547" t="s">
        <v>30609</v>
      </c>
      <c r="H6547">
        <v>6.1749723682809998</v>
      </c>
      <c r="I6547">
        <v>51.377102541519001</v>
      </c>
      <c r="J6547" t="s">
        <v>62232</v>
      </c>
    </row>
    <row r="6548" spans="1:10" x14ac:dyDescent="0.25">
      <c r="A6548" t="s">
        <v>30602</v>
      </c>
      <c r="B6548" t="s">
        <v>30603</v>
      </c>
      <c r="C6548" t="s">
        <v>30604</v>
      </c>
      <c r="D6548" t="s">
        <v>30521</v>
      </c>
      <c r="E6548" t="s">
        <v>13</v>
      </c>
      <c r="F6548">
        <v>7534</v>
      </c>
      <c r="G6548" t="s">
        <v>30605</v>
      </c>
      <c r="H6548">
        <v>6.2092436072039998</v>
      </c>
      <c r="I6548">
        <v>51.368481655513001</v>
      </c>
      <c r="J6548" t="s">
        <v>62233</v>
      </c>
    </row>
    <row r="6549" spans="1:10" x14ac:dyDescent="0.25">
      <c r="A6549" t="s">
        <v>30598</v>
      </c>
      <c r="B6549" t="s">
        <v>30599</v>
      </c>
      <c r="C6549" t="s">
        <v>30600</v>
      </c>
      <c r="D6549" t="s">
        <v>30521</v>
      </c>
      <c r="E6549" t="s">
        <v>13</v>
      </c>
      <c r="F6549">
        <v>7533</v>
      </c>
      <c r="G6549" t="s">
        <v>30601</v>
      </c>
      <c r="H6549">
        <v>6.1769747691500001</v>
      </c>
      <c r="I6549">
        <v>51.365440426844003</v>
      </c>
      <c r="J6549" t="s">
        <v>62234</v>
      </c>
    </row>
    <row r="6550" spans="1:10" x14ac:dyDescent="0.25">
      <c r="A6550" t="s">
        <v>30594</v>
      </c>
      <c r="B6550" t="s">
        <v>30595</v>
      </c>
      <c r="C6550" t="s">
        <v>30596</v>
      </c>
      <c r="D6550" t="s">
        <v>30521</v>
      </c>
      <c r="E6550" t="s">
        <v>13</v>
      </c>
      <c r="F6550">
        <v>7532</v>
      </c>
      <c r="G6550" t="s">
        <v>30597</v>
      </c>
      <c r="H6550">
        <v>6.1834119735669999</v>
      </c>
      <c r="I6550">
        <v>51.363287307824002</v>
      </c>
      <c r="J6550" t="s">
        <v>62235</v>
      </c>
    </row>
    <row r="6551" spans="1:10" x14ac:dyDescent="0.25">
      <c r="A6551" t="s">
        <v>30590</v>
      </c>
      <c r="B6551" t="s">
        <v>30591</v>
      </c>
      <c r="C6551" t="s">
        <v>30592</v>
      </c>
      <c r="D6551" t="s">
        <v>30521</v>
      </c>
      <c r="E6551" t="s">
        <v>13</v>
      </c>
      <c r="F6551">
        <v>7531</v>
      </c>
      <c r="G6551" t="s">
        <v>30593</v>
      </c>
      <c r="H6551">
        <v>6.1853949345029999</v>
      </c>
      <c r="I6551">
        <v>51.367445964382</v>
      </c>
      <c r="J6551" t="s">
        <v>62236</v>
      </c>
    </row>
    <row r="6552" spans="1:10" x14ac:dyDescent="0.25">
      <c r="A6552" t="s">
        <v>30586</v>
      </c>
      <c r="B6552" t="s">
        <v>30587</v>
      </c>
      <c r="C6552" t="s">
        <v>30588</v>
      </c>
      <c r="D6552" t="s">
        <v>30521</v>
      </c>
      <c r="E6552" t="s">
        <v>13</v>
      </c>
      <c r="F6552">
        <v>7530</v>
      </c>
      <c r="G6552" t="s">
        <v>30589</v>
      </c>
      <c r="H6552">
        <v>6.1900638255690001</v>
      </c>
      <c r="I6552">
        <v>51.366769913645001</v>
      </c>
      <c r="J6552" t="s">
        <v>62237</v>
      </c>
    </row>
    <row r="6553" spans="1:10" x14ac:dyDescent="0.25">
      <c r="A6553" t="s">
        <v>30582</v>
      </c>
      <c r="B6553" t="s">
        <v>30583</v>
      </c>
      <c r="C6553" t="s">
        <v>30584</v>
      </c>
      <c r="D6553" t="s">
        <v>30521</v>
      </c>
      <c r="E6553" t="s">
        <v>13</v>
      </c>
      <c r="F6553">
        <v>7529</v>
      </c>
      <c r="G6553" t="s">
        <v>30585</v>
      </c>
      <c r="H6553">
        <v>6.1929507134139996</v>
      </c>
      <c r="I6553">
        <v>51.369797539773998</v>
      </c>
      <c r="J6553" t="s">
        <v>62238</v>
      </c>
    </row>
    <row r="6554" spans="1:10" x14ac:dyDescent="0.25">
      <c r="A6554" t="s">
        <v>30578</v>
      </c>
      <c r="B6554" t="s">
        <v>30579</v>
      </c>
      <c r="C6554" t="s">
        <v>30580</v>
      </c>
      <c r="D6554" t="s">
        <v>30521</v>
      </c>
      <c r="E6554" t="s">
        <v>13</v>
      </c>
      <c r="F6554">
        <v>7528</v>
      </c>
      <c r="G6554" t="s">
        <v>30581</v>
      </c>
      <c r="H6554">
        <v>6.1872224597849996</v>
      </c>
      <c r="I6554">
        <v>51.371410925703003</v>
      </c>
      <c r="J6554" t="s">
        <v>62239</v>
      </c>
    </row>
    <row r="6555" spans="1:10" x14ac:dyDescent="0.25">
      <c r="A6555" t="s">
        <v>30574</v>
      </c>
      <c r="B6555" t="s">
        <v>30575</v>
      </c>
      <c r="C6555" t="s">
        <v>30576</v>
      </c>
      <c r="D6555" t="s">
        <v>30521</v>
      </c>
      <c r="E6555" t="s">
        <v>13</v>
      </c>
      <c r="F6555">
        <v>7527</v>
      </c>
      <c r="G6555" t="s">
        <v>30577</v>
      </c>
      <c r="H6555">
        <v>6.1876045931619998</v>
      </c>
      <c r="I6555">
        <v>51.375344499303999</v>
      </c>
      <c r="J6555" t="s">
        <v>62240</v>
      </c>
    </row>
    <row r="6556" spans="1:10" x14ac:dyDescent="0.25">
      <c r="A6556" t="s">
        <v>30570</v>
      </c>
      <c r="B6556" t="s">
        <v>30571</v>
      </c>
      <c r="C6556" t="s">
        <v>30572</v>
      </c>
      <c r="D6556" t="s">
        <v>30521</v>
      </c>
      <c r="E6556" t="s">
        <v>13</v>
      </c>
      <c r="F6556">
        <v>7526</v>
      </c>
      <c r="G6556" t="s">
        <v>30573</v>
      </c>
      <c r="H6556">
        <v>6.1712569074149997</v>
      </c>
      <c r="I6556">
        <v>51.360289845554</v>
      </c>
      <c r="J6556" t="s">
        <v>62241</v>
      </c>
    </row>
    <row r="6557" spans="1:10" x14ac:dyDescent="0.25">
      <c r="A6557" t="s">
        <v>30566</v>
      </c>
      <c r="B6557" t="s">
        <v>30567</v>
      </c>
      <c r="C6557" t="s">
        <v>30568</v>
      </c>
      <c r="D6557" t="s">
        <v>30521</v>
      </c>
      <c r="E6557" t="s">
        <v>13</v>
      </c>
      <c r="F6557">
        <v>7525</v>
      </c>
      <c r="G6557" t="s">
        <v>30569</v>
      </c>
      <c r="H6557">
        <v>6.1728456772709999</v>
      </c>
      <c r="I6557">
        <v>51.346830234850003</v>
      </c>
      <c r="J6557" t="s">
        <v>62242</v>
      </c>
    </row>
    <row r="6558" spans="1:10" x14ac:dyDescent="0.25">
      <c r="A6558" t="s">
        <v>30562</v>
      </c>
      <c r="B6558" t="s">
        <v>30563</v>
      </c>
      <c r="C6558" t="s">
        <v>30564</v>
      </c>
      <c r="D6558" t="s">
        <v>30521</v>
      </c>
      <c r="E6558" t="s">
        <v>13</v>
      </c>
      <c r="F6558">
        <v>7524</v>
      </c>
      <c r="G6558" t="s">
        <v>30565</v>
      </c>
      <c r="H6558">
        <v>6.159658778581</v>
      </c>
      <c r="I6558">
        <v>51.355738095920998</v>
      </c>
      <c r="J6558" t="s">
        <v>62243</v>
      </c>
    </row>
    <row r="6559" spans="1:10" x14ac:dyDescent="0.25">
      <c r="A6559" t="s">
        <v>30558</v>
      </c>
      <c r="B6559" t="s">
        <v>30559</v>
      </c>
      <c r="C6559" t="s">
        <v>30560</v>
      </c>
      <c r="D6559" t="s">
        <v>30521</v>
      </c>
      <c r="E6559" t="s">
        <v>13</v>
      </c>
      <c r="F6559">
        <v>7523</v>
      </c>
      <c r="G6559" t="s">
        <v>30561</v>
      </c>
      <c r="H6559">
        <v>6.1572981726549996</v>
      </c>
      <c r="I6559">
        <v>51.354199242661998</v>
      </c>
      <c r="J6559" t="s">
        <v>62244</v>
      </c>
    </row>
    <row r="6560" spans="1:10" x14ac:dyDescent="0.25">
      <c r="A6560" t="s">
        <v>30554</v>
      </c>
      <c r="B6560" t="s">
        <v>30555</v>
      </c>
      <c r="C6560" t="s">
        <v>30556</v>
      </c>
      <c r="D6560" t="s">
        <v>30521</v>
      </c>
      <c r="E6560" t="s">
        <v>13</v>
      </c>
      <c r="F6560">
        <v>7522</v>
      </c>
      <c r="G6560" t="s">
        <v>30557</v>
      </c>
      <c r="H6560">
        <v>6.1588577247570004</v>
      </c>
      <c r="I6560">
        <v>51.361547220703002</v>
      </c>
      <c r="J6560" t="s">
        <v>62245</v>
      </c>
    </row>
    <row r="6561" spans="1:10" x14ac:dyDescent="0.25">
      <c r="A6561" t="s">
        <v>30550</v>
      </c>
      <c r="B6561" t="s">
        <v>30551</v>
      </c>
      <c r="C6561" t="s">
        <v>30552</v>
      </c>
      <c r="D6561" t="s">
        <v>30521</v>
      </c>
      <c r="E6561" t="s">
        <v>13</v>
      </c>
      <c r="F6561">
        <v>7521</v>
      </c>
      <c r="G6561" t="s">
        <v>30553</v>
      </c>
      <c r="H6561">
        <v>6.1644775956439997</v>
      </c>
      <c r="I6561">
        <v>51.358461969097</v>
      </c>
      <c r="J6561" t="s">
        <v>62246</v>
      </c>
    </row>
    <row r="6562" spans="1:10" x14ac:dyDescent="0.25">
      <c r="A6562" t="s">
        <v>30546</v>
      </c>
      <c r="B6562" t="s">
        <v>30547</v>
      </c>
      <c r="C6562" t="s">
        <v>30548</v>
      </c>
      <c r="D6562" t="s">
        <v>30521</v>
      </c>
      <c r="E6562" t="s">
        <v>13</v>
      </c>
      <c r="F6562">
        <v>7520</v>
      </c>
      <c r="G6562" t="s">
        <v>30549</v>
      </c>
      <c r="H6562">
        <v>6.172257089945</v>
      </c>
      <c r="I6562">
        <v>51.356192577186</v>
      </c>
      <c r="J6562" t="s">
        <v>62247</v>
      </c>
    </row>
    <row r="6563" spans="1:10" x14ac:dyDescent="0.25">
      <c r="A6563" t="s">
        <v>30542</v>
      </c>
      <c r="B6563" t="s">
        <v>30543</v>
      </c>
      <c r="C6563" t="s">
        <v>30544</v>
      </c>
      <c r="D6563" t="s">
        <v>30521</v>
      </c>
      <c r="E6563" t="s">
        <v>13</v>
      </c>
      <c r="F6563">
        <v>7519</v>
      </c>
      <c r="G6563" t="s">
        <v>30545</v>
      </c>
      <c r="H6563">
        <v>6.1699413301629997</v>
      </c>
      <c r="I6563">
        <v>51.363982113254998</v>
      </c>
      <c r="J6563" t="s">
        <v>62248</v>
      </c>
    </row>
    <row r="6564" spans="1:10" x14ac:dyDescent="0.25">
      <c r="A6564" t="s">
        <v>30538</v>
      </c>
      <c r="B6564" t="s">
        <v>30539</v>
      </c>
      <c r="C6564" t="s">
        <v>30540</v>
      </c>
      <c r="D6564" t="s">
        <v>30521</v>
      </c>
      <c r="E6564" t="s">
        <v>13</v>
      </c>
      <c r="F6564">
        <v>7518</v>
      </c>
      <c r="G6564" t="s">
        <v>30541</v>
      </c>
      <c r="H6564">
        <v>6.1618583706930004</v>
      </c>
      <c r="I6564">
        <v>51.366405520691004</v>
      </c>
      <c r="J6564" t="s">
        <v>62249</v>
      </c>
    </row>
    <row r="6565" spans="1:10" x14ac:dyDescent="0.25">
      <c r="A6565" t="s">
        <v>30534</v>
      </c>
      <c r="B6565" t="s">
        <v>30535</v>
      </c>
      <c r="C6565" t="s">
        <v>30536</v>
      </c>
      <c r="D6565" t="s">
        <v>30521</v>
      </c>
      <c r="E6565" t="s">
        <v>13</v>
      </c>
      <c r="F6565">
        <v>7517</v>
      </c>
      <c r="G6565" t="s">
        <v>30537</v>
      </c>
      <c r="H6565">
        <v>6.1660295228180004</v>
      </c>
      <c r="I6565">
        <v>51.362668169164998</v>
      </c>
      <c r="J6565" t="s">
        <v>62250</v>
      </c>
    </row>
    <row r="6566" spans="1:10" x14ac:dyDescent="0.25">
      <c r="A6566" t="s">
        <v>30531</v>
      </c>
      <c r="B6566" t="s">
        <v>30532</v>
      </c>
      <c r="C6566" t="s">
        <v>10141</v>
      </c>
      <c r="D6566" t="s">
        <v>30521</v>
      </c>
      <c r="E6566" t="s">
        <v>13</v>
      </c>
      <c r="F6566">
        <v>7516</v>
      </c>
      <c r="G6566" t="s">
        <v>30533</v>
      </c>
      <c r="H6566">
        <v>6.1743299899549999</v>
      </c>
      <c r="I6566">
        <v>51.374394558527001</v>
      </c>
      <c r="J6566" t="s">
        <v>62251</v>
      </c>
    </row>
    <row r="6567" spans="1:10" x14ac:dyDescent="0.25">
      <c r="A6567" t="s">
        <v>30527</v>
      </c>
      <c r="B6567" t="s">
        <v>30528</v>
      </c>
      <c r="C6567" t="s">
        <v>30529</v>
      </c>
      <c r="D6567" t="s">
        <v>30521</v>
      </c>
      <c r="E6567" t="s">
        <v>13</v>
      </c>
      <c r="F6567">
        <v>7515</v>
      </c>
      <c r="G6567" t="s">
        <v>30530</v>
      </c>
      <c r="H6567">
        <v>6.1743270575810003</v>
      </c>
      <c r="I6567">
        <v>51.370057154276999</v>
      </c>
      <c r="J6567" t="s">
        <v>62252</v>
      </c>
    </row>
    <row r="6568" spans="1:10" x14ac:dyDescent="0.25">
      <c r="A6568" t="s">
        <v>30523</v>
      </c>
      <c r="B6568" t="s">
        <v>30524</v>
      </c>
      <c r="C6568" t="s">
        <v>30525</v>
      </c>
      <c r="D6568" t="s">
        <v>30521</v>
      </c>
      <c r="E6568" t="s">
        <v>13</v>
      </c>
      <c r="F6568">
        <v>7514</v>
      </c>
      <c r="G6568" t="s">
        <v>30526</v>
      </c>
      <c r="H6568">
        <v>6.169150233891</v>
      </c>
      <c r="I6568">
        <v>51.372671198631998</v>
      </c>
      <c r="J6568" t="s">
        <v>62253</v>
      </c>
    </row>
    <row r="6569" spans="1:10" x14ac:dyDescent="0.25">
      <c r="A6569" t="s">
        <v>30519</v>
      </c>
      <c r="B6569" t="s">
        <v>30520</v>
      </c>
      <c r="C6569" t="s">
        <v>3334</v>
      </c>
      <c r="D6569" t="s">
        <v>30521</v>
      </c>
      <c r="E6569" t="s">
        <v>13</v>
      </c>
      <c r="F6569">
        <v>7513</v>
      </c>
      <c r="G6569" t="s">
        <v>30522</v>
      </c>
      <c r="H6569">
        <v>6.1683523459279996</v>
      </c>
      <c r="I6569">
        <v>51.368886973324003</v>
      </c>
      <c r="J6569" t="s">
        <v>62254</v>
      </c>
    </row>
    <row r="6570" spans="1:10" x14ac:dyDescent="0.25">
      <c r="A6570" t="s">
        <v>30515</v>
      </c>
      <c r="B6570" t="s">
        <v>30516</v>
      </c>
      <c r="C6570" t="s">
        <v>30517</v>
      </c>
      <c r="D6570" t="s">
        <v>30485</v>
      </c>
      <c r="E6570" t="s">
        <v>13</v>
      </c>
      <c r="F6570">
        <v>7512</v>
      </c>
      <c r="G6570" t="s">
        <v>30518</v>
      </c>
      <c r="H6570">
        <v>6.0138290040050002</v>
      </c>
      <c r="I6570">
        <v>50.771675902521999</v>
      </c>
      <c r="J6570" t="s">
        <v>62255</v>
      </c>
    </row>
    <row r="6571" spans="1:10" x14ac:dyDescent="0.25">
      <c r="A6571" t="s">
        <v>30511</v>
      </c>
      <c r="B6571" t="s">
        <v>30512</v>
      </c>
      <c r="C6571" t="s">
        <v>30513</v>
      </c>
      <c r="D6571" t="s">
        <v>30485</v>
      </c>
      <c r="E6571" t="s">
        <v>13</v>
      </c>
      <c r="F6571">
        <v>7511</v>
      </c>
      <c r="G6571" t="s">
        <v>30514</v>
      </c>
      <c r="H6571">
        <v>5.9484370379240001</v>
      </c>
      <c r="I6571">
        <v>50.769227376273001</v>
      </c>
      <c r="J6571" t="s">
        <v>62256</v>
      </c>
    </row>
    <row r="6572" spans="1:10" x14ac:dyDescent="0.25">
      <c r="A6572" t="s">
        <v>30507</v>
      </c>
      <c r="B6572" t="s">
        <v>30508</v>
      </c>
      <c r="C6572" t="s">
        <v>30509</v>
      </c>
      <c r="D6572" t="s">
        <v>30485</v>
      </c>
      <c r="E6572" t="s">
        <v>13</v>
      </c>
      <c r="F6572">
        <v>7510</v>
      </c>
      <c r="G6572" t="s">
        <v>30510</v>
      </c>
      <c r="H6572">
        <v>6.0058199395529996</v>
      </c>
      <c r="I6572">
        <v>50.760029154984998</v>
      </c>
      <c r="J6572" t="s">
        <v>62257</v>
      </c>
    </row>
    <row r="6573" spans="1:10" x14ac:dyDescent="0.25">
      <c r="A6573" t="s">
        <v>30503</v>
      </c>
      <c r="B6573" t="s">
        <v>30504</v>
      </c>
      <c r="C6573" t="s">
        <v>30505</v>
      </c>
      <c r="D6573" t="s">
        <v>30485</v>
      </c>
      <c r="E6573" t="s">
        <v>13</v>
      </c>
      <c r="F6573">
        <v>7509</v>
      </c>
      <c r="G6573" t="s">
        <v>30506</v>
      </c>
      <c r="H6573">
        <v>5.9907075653159998</v>
      </c>
      <c r="I6573">
        <v>50.763389860989001</v>
      </c>
      <c r="J6573" t="s">
        <v>62258</v>
      </c>
    </row>
    <row r="6574" spans="1:10" x14ac:dyDescent="0.25">
      <c r="A6574" t="s">
        <v>30499</v>
      </c>
      <c r="B6574" t="s">
        <v>30500</v>
      </c>
      <c r="C6574" t="s">
        <v>30501</v>
      </c>
      <c r="D6574" t="s">
        <v>30485</v>
      </c>
      <c r="E6574" t="s">
        <v>13</v>
      </c>
      <c r="F6574">
        <v>7508</v>
      </c>
      <c r="G6574" t="s">
        <v>30502</v>
      </c>
      <c r="H6574">
        <v>5.9825469450200002</v>
      </c>
      <c r="I6574">
        <v>50.771745364874</v>
      </c>
      <c r="J6574" t="s">
        <v>62259</v>
      </c>
    </row>
    <row r="6575" spans="1:10" x14ac:dyDescent="0.25">
      <c r="A6575" t="s">
        <v>30495</v>
      </c>
      <c r="B6575" t="s">
        <v>30496</v>
      </c>
      <c r="C6575" t="s">
        <v>30497</v>
      </c>
      <c r="D6575" t="s">
        <v>30485</v>
      </c>
      <c r="E6575" t="s">
        <v>13</v>
      </c>
      <c r="F6575">
        <v>7507</v>
      </c>
      <c r="G6575" t="s">
        <v>30498</v>
      </c>
      <c r="H6575">
        <v>5.9876131723529999</v>
      </c>
      <c r="I6575">
        <v>50.787675133439002</v>
      </c>
      <c r="J6575" t="s">
        <v>62260</v>
      </c>
    </row>
    <row r="6576" spans="1:10" x14ac:dyDescent="0.25">
      <c r="A6576" t="s">
        <v>30491</v>
      </c>
      <c r="B6576" t="s">
        <v>30492</v>
      </c>
      <c r="C6576" t="s">
        <v>30493</v>
      </c>
      <c r="D6576" t="s">
        <v>30485</v>
      </c>
      <c r="E6576" t="s">
        <v>13</v>
      </c>
      <c r="F6576">
        <v>7506</v>
      </c>
      <c r="G6576" t="s">
        <v>30494</v>
      </c>
      <c r="H6576">
        <v>5.9774736400080002</v>
      </c>
      <c r="I6576">
        <v>50.780525141741002</v>
      </c>
      <c r="J6576" t="s">
        <v>62261</v>
      </c>
    </row>
    <row r="6577" spans="1:10" x14ac:dyDescent="0.25">
      <c r="A6577" t="s">
        <v>30487</v>
      </c>
      <c r="B6577" t="s">
        <v>30488</v>
      </c>
      <c r="C6577" t="s">
        <v>30489</v>
      </c>
      <c r="D6577" t="s">
        <v>30485</v>
      </c>
      <c r="E6577" t="s">
        <v>13</v>
      </c>
      <c r="F6577">
        <v>7505</v>
      </c>
      <c r="G6577" t="s">
        <v>30490</v>
      </c>
      <c r="H6577">
        <v>5.9721088552330004</v>
      </c>
      <c r="I6577">
        <v>50.797604843136</v>
      </c>
      <c r="J6577" t="s">
        <v>62262</v>
      </c>
    </row>
    <row r="6578" spans="1:10" x14ac:dyDescent="0.25">
      <c r="A6578" t="s">
        <v>30482</v>
      </c>
      <c r="B6578" t="s">
        <v>30483</v>
      </c>
      <c r="C6578" t="s">
        <v>30484</v>
      </c>
      <c r="D6578" t="s">
        <v>30485</v>
      </c>
      <c r="E6578" t="s">
        <v>13</v>
      </c>
      <c r="F6578">
        <v>7504</v>
      </c>
      <c r="G6578" t="s">
        <v>30486</v>
      </c>
      <c r="H6578">
        <v>5.9584982166030001</v>
      </c>
      <c r="I6578">
        <v>50.787992818287996</v>
      </c>
      <c r="J6578" t="s">
        <v>62263</v>
      </c>
    </row>
    <row r="6579" spans="1:10" x14ac:dyDescent="0.25">
      <c r="A6579" t="s">
        <v>30478</v>
      </c>
      <c r="B6579" t="s">
        <v>30479</v>
      </c>
      <c r="C6579" t="s">
        <v>30480</v>
      </c>
      <c r="D6579" t="s">
        <v>30434</v>
      </c>
      <c r="E6579" t="s">
        <v>13</v>
      </c>
      <c r="F6579">
        <v>7503</v>
      </c>
      <c r="G6579" t="s">
        <v>30481</v>
      </c>
      <c r="H6579">
        <v>5.7758992260259996</v>
      </c>
      <c r="I6579">
        <v>51.014352603558002</v>
      </c>
      <c r="J6579" t="s">
        <v>62264</v>
      </c>
    </row>
    <row r="6580" spans="1:10" x14ac:dyDescent="0.25">
      <c r="A6580" t="s">
        <v>30474</v>
      </c>
      <c r="B6580" t="s">
        <v>30475</v>
      </c>
      <c r="C6580" t="s">
        <v>30476</v>
      </c>
      <c r="D6580" t="s">
        <v>30434</v>
      </c>
      <c r="E6580" t="s">
        <v>13</v>
      </c>
      <c r="F6580">
        <v>7502</v>
      </c>
      <c r="G6580" t="s">
        <v>30477</v>
      </c>
      <c r="H6580">
        <v>5.7773374119660001</v>
      </c>
      <c r="I6580">
        <v>50.991643267241997</v>
      </c>
      <c r="J6580" t="s">
        <v>62265</v>
      </c>
    </row>
    <row r="6581" spans="1:10" x14ac:dyDescent="0.25">
      <c r="A6581" t="s">
        <v>30470</v>
      </c>
      <c r="B6581" t="s">
        <v>30471</v>
      </c>
      <c r="C6581" t="s">
        <v>30472</v>
      </c>
      <c r="D6581" t="s">
        <v>30434</v>
      </c>
      <c r="E6581" t="s">
        <v>13</v>
      </c>
      <c r="F6581">
        <v>7501</v>
      </c>
      <c r="G6581" t="s">
        <v>30473</v>
      </c>
      <c r="H6581">
        <v>5.7657798527060002</v>
      </c>
      <c r="I6581">
        <v>50.992786437961001</v>
      </c>
      <c r="J6581" t="s">
        <v>62266</v>
      </c>
    </row>
    <row r="6582" spans="1:10" x14ac:dyDescent="0.25">
      <c r="A6582" t="s">
        <v>30466</v>
      </c>
      <c r="B6582" t="s">
        <v>30467</v>
      </c>
      <c r="C6582" t="s">
        <v>30468</v>
      </c>
      <c r="D6582" t="s">
        <v>30434</v>
      </c>
      <c r="E6582" t="s">
        <v>13</v>
      </c>
      <c r="F6582">
        <v>7500</v>
      </c>
      <c r="G6582" t="s">
        <v>30469</v>
      </c>
      <c r="H6582">
        <v>5.7726115113620002</v>
      </c>
      <c r="I6582">
        <v>51.003995169596003</v>
      </c>
      <c r="J6582" t="s">
        <v>62267</v>
      </c>
    </row>
    <row r="6583" spans="1:10" x14ac:dyDescent="0.25">
      <c r="A6583" t="s">
        <v>30462</v>
      </c>
      <c r="B6583" t="s">
        <v>30463</v>
      </c>
      <c r="C6583" t="s">
        <v>30464</v>
      </c>
      <c r="D6583" t="s">
        <v>30434</v>
      </c>
      <c r="E6583" t="s">
        <v>13</v>
      </c>
      <c r="F6583">
        <v>7499</v>
      </c>
      <c r="G6583" t="s">
        <v>30465</v>
      </c>
      <c r="H6583">
        <v>5.7675935139209997</v>
      </c>
      <c r="I6583">
        <v>50.937075023871998</v>
      </c>
      <c r="J6583" t="s">
        <v>62268</v>
      </c>
    </row>
    <row r="6584" spans="1:10" x14ac:dyDescent="0.25">
      <c r="A6584" t="s">
        <v>30458</v>
      </c>
      <c r="B6584" t="s">
        <v>30459</v>
      </c>
      <c r="C6584" t="s">
        <v>30460</v>
      </c>
      <c r="D6584" t="s">
        <v>30434</v>
      </c>
      <c r="E6584" t="s">
        <v>13</v>
      </c>
      <c r="F6584">
        <v>7498</v>
      </c>
      <c r="G6584" t="s">
        <v>30461</v>
      </c>
      <c r="H6584">
        <v>5.7334476047559999</v>
      </c>
      <c r="I6584">
        <v>50.962521842708</v>
      </c>
      <c r="J6584" t="s">
        <v>62269</v>
      </c>
    </row>
    <row r="6585" spans="1:10" x14ac:dyDescent="0.25">
      <c r="A6585" t="s">
        <v>30455</v>
      </c>
      <c r="B6585" t="s">
        <v>30456</v>
      </c>
      <c r="C6585" t="s">
        <v>5477</v>
      </c>
      <c r="D6585" t="s">
        <v>30434</v>
      </c>
      <c r="E6585" t="s">
        <v>13</v>
      </c>
      <c r="F6585">
        <v>7497</v>
      </c>
      <c r="G6585" t="s">
        <v>30457</v>
      </c>
      <c r="H6585">
        <v>5.7670271651979998</v>
      </c>
      <c r="I6585">
        <v>50.948698832380998</v>
      </c>
      <c r="J6585" t="s">
        <v>62270</v>
      </c>
    </row>
    <row r="6586" spans="1:10" x14ac:dyDescent="0.25">
      <c r="A6586" t="s">
        <v>30452</v>
      </c>
      <c r="B6586" t="s">
        <v>30453</v>
      </c>
      <c r="C6586" t="s">
        <v>129</v>
      </c>
      <c r="D6586" t="s">
        <v>30434</v>
      </c>
      <c r="E6586" t="s">
        <v>13</v>
      </c>
      <c r="F6586">
        <v>7496</v>
      </c>
      <c r="G6586" t="s">
        <v>30454</v>
      </c>
      <c r="H6586">
        <v>5.7754094305420001</v>
      </c>
      <c r="I6586">
        <v>50.969355060447</v>
      </c>
      <c r="J6586" t="s">
        <v>62271</v>
      </c>
    </row>
    <row r="6587" spans="1:10" x14ac:dyDescent="0.25">
      <c r="A6587" t="s">
        <v>30448</v>
      </c>
      <c r="B6587" t="s">
        <v>30449</v>
      </c>
      <c r="C6587" t="s">
        <v>30450</v>
      </c>
      <c r="D6587" t="s">
        <v>30434</v>
      </c>
      <c r="E6587" t="s">
        <v>13</v>
      </c>
      <c r="F6587">
        <v>7495</v>
      </c>
      <c r="G6587" t="s">
        <v>30451</v>
      </c>
      <c r="H6587">
        <v>5.750064697639</v>
      </c>
      <c r="I6587">
        <v>50.978726746885002</v>
      </c>
      <c r="J6587" t="s">
        <v>62272</v>
      </c>
    </row>
    <row r="6588" spans="1:10" x14ac:dyDescent="0.25">
      <c r="A6588" t="s">
        <v>30444</v>
      </c>
      <c r="B6588" t="s">
        <v>30445</v>
      </c>
      <c r="C6588" t="s">
        <v>30446</v>
      </c>
      <c r="D6588" t="s">
        <v>30434</v>
      </c>
      <c r="E6588" t="s">
        <v>13</v>
      </c>
      <c r="F6588">
        <v>7494</v>
      </c>
      <c r="G6588" t="s">
        <v>30447</v>
      </c>
      <c r="H6588">
        <v>5.7442459018239997</v>
      </c>
      <c r="I6588">
        <v>50.966941224651997</v>
      </c>
      <c r="J6588" t="s">
        <v>62273</v>
      </c>
    </row>
    <row r="6589" spans="1:10" x14ac:dyDescent="0.25">
      <c r="A6589" t="s">
        <v>30440</v>
      </c>
      <c r="B6589" t="s">
        <v>30441</v>
      </c>
      <c r="C6589" t="s">
        <v>30442</v>
      </c>
      <c r="D6589" t="s">
        <v>30434</v>
      </c>
      <c r="E6589" t="s">
        <v>13</v>
      </c>
      <c r="F6589">
        <v>7493</v>
      </c>
      <c r="G6589" t="s">
        <v>30443</v>
      </c>
      <c r="H6589">
        <v>5.7738370657509996</v>
      </c>
      <c r="I6589">
        <v>50.961000230936001</v>
      </c>
      <c r="J6589" t="s">
        <v>62274</v>
      </c>
    </row>
    <row r="6590" spans="1:10" x14ac:dyDescent="0.25">
      <c r="A6590" t="s">
        <v>30436</v>
      </c>
      <c r="B6590" t="s">
        <v>30437</v>
      </c>
      <c r="C6590" t="s">
        <v>30438</v>
      </c>
      <c r="D6590" t="s">
        <v>30434</v>
      </c>
      <c r="E6590" t="s">
        <v>13</v>
      </c>
      <c r="F6590">
        <v>7492</v>
      </c>
      <c r="G6590" t="s">
        <v>30439</v>
      </c>
      <c r="H6590">
        <v>5.7750615398310003</v>
      </c>
      <c r="I6590">
        <v>50.977228128271001</v>
      </c>
      <c r="J6590" t="s">
        <v>62275</v>
      </c>
    </row>
    <row r="6591" spans="1:10" x14ac:dyDescent="0.25">
      <c r="A6591" t="s">
        <v>30431</v>
      </c>
      <c r="B6591" t="s">
        <v>30432</v>
      </c>
      <c r="C6591" t="s">
        <v>30433</v>
      </c>
      <c r="D6591" t="s">
        <v>30434</v>
      </c>
      <c r="E6591" t="s">
        <v>13</v>
      </c>
      <c r="F6591">
        <v>7491</v>
      </c>
      <c r="G6591" t="s">
        <v>30435</v>
      </c>
      <c r="H6591">
        <v>5.7593722966799996</v>
      </c>
      <c r="I6591">
        <v>50.970281359086997</v>
      </c>
      <c r="J6591" t="s">
        <v>62276</v>
      </c>
    </row>
    <row r="6592" spans="1:10" x14ac:dyDescent="0.25">
      <c r="A6592" t="s">
        <v>30427</v>
      </c>
      <c r="B6592" t="s">
        <v>30428</v>
      </c>
      <c r="C6592" t="s">
        <v>30429</v>
      </c>
      <c r="D6592" t="s">
        <v>30398</v>
      </c>
      <c r="E6592" t="s">
        <v>13</v>
      </c>
      <c r="F6592">
        <v>7490</v>
      </c>
      <c r="G6592" t="s">
        <v>30430</v>
      </c>
      <c r="H6592">
        <v>5.9759742176269999</v>
      </c>
      <c r="I6592">
        <v>50.817890050313999</v>
      </c>
      <c r="J6592" t="s">
        <v>62277</v>
      </c>
    </row>
    <row r="6593" spans="1:10" x14ac:dyDescent="0.25">
      <c r="A6593" t="s">
        <v>30423</v>
      </c>
      <c r="B6593" t="s">
        <v>30424</v>
      </c>
      <c r="C6593" t="s">
        <v>30425</v>
      </c>
      <c r="D6593" t="s">
        <v>30398</v>
      </c>
      <c r="E6593" t="s">
        <v>13</v>
      </c>
      <c r="F6593">
        <v>7489</v>
      </c>
      <c r="G6593" t="s">
        <v>30426</v>
      </c>
      <c r="H6593">
        <v>6.0030538696309996</v>
      </c>
      <c r="I6593">
        <v>50.827398062062997</v>
      </c>
      <c r="J6593" t="s">
        <v>62278</v>
      </c>
    </row>
    <row r="6594" spans="1:10" x14ac:dyDescent="0.25">
      <c r="A6594" t="s">
        <v>30419</v>
      </c>
      <c r="B6594" t="s">
        <v>30420</v>
      </c>
      <c r="C6594" t="s">
        <v>30421</v>
      </c>
      <c r="D6594" t="s">
        <v>30398</v>
      </c>
      <c r="E6594" t="s">
        <v>13</v>
      </c>
      <c r="F6594">
        <v>7488</v>
      </c>
      <c r="G6594" t="s">
        <v>30422</v>
      </c>
      <c r="H6594">
        <v>5.9882078175859998</v>
      </c>
      <c r="I6594">
        <v>50.819303085618998</v>
      </c>
      <c r="J6594" t="s">
        <v>62279</v>
      </c>
    </row>
    <row r="6595" spans="1:10" x14ac:dyDescent="0.25">
      <c r="A6595" t="s">
        <v>30415</v>
      </c>
      <c r="B6595" t="s">
        <v>30416</v>
      </c>
      <c r="C6595" t="s">
        <v>30417</v>
      </c>
      <c r="D6595" t="s">
        <v>30398</v>
      </c>
      <c r="E6595" t="s">
        <v>13</v>
      </c>
      <c r="F6595">
        <v>7487</v>
      </c>
      <c r="G6595" t="s">
        <v>30418</v>
      </c>
      <c r="H6595">
        <v>6.0067447240889997</v>
      </c>
      <c r="I6595">
        <v>50.813721088541001</v>
      </c>
      <c r="J6595" t="s">
        <v>62280</v>
      </c>
    </row>
    <row r="6596" spans="1:10" x14ac:dyDescent="0.25">
      <c r="A6596" t="s">
        <v>30412</v>
      </c>
      <c r="B6596" t="s">
        <v>30413</v>
      </c>
      <c r="C6596" t="s">
        <v>5274</v>
      </c>
      <c r="D6596" t="s">
        <v>30398</v>
      </c>
      <c r="E6596" t="s">
        <v>13</v>
      </c>
      <c r="F6596">
        <v>7486</v>
      </c>
      <c r="G6596" t="s">
        <v>30414</v>
      </c>
      <c r="H6596">
        <v>5.971861343764</v>
      </c>
      <c r="I6596">
        <v>50.839288147601998</v>
      </c>
      <c r="J6596" t="s">
        <v>62281</v>
      </c>
    </row>
    <row r="6597" spans="1:10" x14ac:dyDescent="0.25">
      <c r="A6597" t="s">
        <v>30408</v>
      </c>
      <c r="B6597" t="s">
        <v>30409</v>
      </c>
      <c r="C6597" t="s">
        <v>30410</v>
      </c>
      <c r="D6597" t="s">
        <v>30398</v>
      </c>
      <c r="E6597" t="s">
        <v>13</v>
      </c>
      <c r="F6597">
        <v>7485</v>
      </c>
      <c r="G6597" t="s">
        <v>30411</v>
      </c>
      <c r="H6597">
        <v>5.9913865947760003</v>
      </c>
      <c r="I6597">
        <v>50.838508782635003</v>
      </c>
      <c r="J6597" t="s">
        <v>62282</v>
      </c>
    </row>
    <row r="6598" spans="1:10" x14ac:dyDescent="0.25">
      <c r="A6598" t="s">
        <v>30404</v>
      </c>
      <c r="B6598" t="s">
        <v>30405</v>
      </c>
      <c r="C6598" t="s">
        <v>30406</v>
      </c>
      <c r="D6598" t="s">
        <v>30398</v>
      </c>
      <c r="E6598" t="s">
        <v>13</v>
      </c>
      <c r="F6598">
        <v>7484</v>
      </c>
      <c r="G6598" t="s">
        <v>30407</v>
      </c>
      <c r="H6598">
        <v>5.9706982121480001</v>
      </c>
      <c r="I6598">
        <v>50.843487744896997</v>
      </c>
      <c r="J6598" t="s">
        <v>62283</v>
      </c>
    </row>
    <row r="6599" spans="1:10" x14ac:dyDescent="0.25">
      <c r="A6599" t="s">
        <v>30400</v>
      </c>
      <c r="B6599" t="s">
        <v>30401</v>
      </c>
      <c r="C6599" t="s">
        <v>30402</v>
      </c>
      <c r="D6599" t="s">
        <v>30398</v>
      </c>
      <c r="E6599" t="s">
        <v>13</v>
      </c>
      <c r="F6599">
        <v>7483</v>
      </c>
      <c r="G6599" t="s">
        <v>30403</v>
      </c>
      <c r="H6599">
        <v>5.9749744352020002</v>
      </c>
      <c r="I6599">
        <v>50.838347012265999</v>
      </c>
      <c r="J6599" t="s">
        <v>62284</v>
      </c>
    </row>
    <row r="6600" spans="1:10" x14ac:dyDescent="0.25">
      <c r="A6600" t="s">
        <v>30395</v>
      </c>
      <c r="B6600" t="s">
        <v>30396</v>
      </c>
      <c r="C6600" t="s">
        <v>30397</v>
      </c>
      <c r="D6600" t="s">
        <v>30398</v>
      </c>
      <c r="E6600" t="s">
        <v>13</v>
      </c>
      <c r="F6600">
        <v>7482</v>
      </c>
      <c r="G6600" t="s">
        <v>30399</v>
      </c>
      <c r="H6600">
        <v>5.9807271406650004</v>
      </c>
      <c r="I6600">
        <v>50.832765399384002</v>
      </c>
      <c r="J6600" t="s">
        <v>62285</v>
      </c>
    </row>
    <row r="6601" spans="1:10" x14ac:dyDescent="0.25">
      <c r="A6601" t="s">
        <v>30391</v>
      </c>
      <c r="B6601" t="s">
        <v>30392</v>
      </c>
      <c r="C6601" t="s">
        <v>30393</v>
      </c>
      <c r="D6601" t="s">
        <v>30257</v>
      </c>
      <c r="E6601" t="s">
        <v>13</v>
      </c>
      <c r="F6601">
        <v>7481</v>
      </c>
      <c r="G6601" t="s">
        <v>30394</v>
      </c>
      <c r="H6601">
        <v>5.9665185769709996</v>
      </c>
      <c r="I6601">
        <v>51.198487593246</v>
      </c>
      <c r="J6601" t="s">
        <v>62286</v>
      </c>
    </row>
    <row r="6602" spans="1:10" x14ac:dyDescent="0.25">
      <c r="A6602" t="s">
        <v>30387</v>
      </c>
      <c r="B6602" t="s">
        <v>30388</v>
      </c>
      <c r="C6602" t="s">
        <v>30389</v>
      </c>
      <c r="D6602" t="s">
        <v>30257</v>
      </c>
      <c r="E6602" t="s">
        <v>13</v>
      </c>
      <c r="F6602">
        <v>7480</v>
      </c>
      <c r="G6602" t="s">
        <v>30390</v>
      </c>
      <c r="H6602">
        <v>6.044991410163</v>
      </c>
      <c r="I6602">
        <v>51.225936495688998</v>
      </c>
      <c r="J6602" t="s">
        <v>62287</v>
      </c>
    </row>
    <row r="6603" spans="1:10" x14ac:dyDescent="0.25">
      <c r="A6603" t="s">
        <v>30383</v>
      </c>
      <c r="B6603" t="s">
        <v>30384</v>
      </c>
      <c r="C6603" t="s">
        <v>30385</v>
      </c>
      <c r="D6603" t="s">
        <v>30257</v>
      </c>
      <c r="E6603" t="s">
        <v>13</v>
      </c>
      <c r="F6603">
        <v>7479</v>
      </c>
      <c r="G6603" t="s">
        <v>30386</v>
      </c>
      <c r="H6603">
        <v>6.0461252243050003</v>
      </c>
      <c r="I6603">
        <v>51.212205674071001</v>
      </c>
      <c r="J6603" t="s">
        <v>62288</v>
      </c>
    </row>
    <row r="6604" spans="1:10" x14ac:dyDescent="0.25">
      <c r="A6604" t="s">
        <v>30379</v>
      </c>
      <c r="B6604" t="s">
        <v>30380</v>
      </c>
      <c r="C6604" t="s">
        <v>30381</v>
      </c>
      <c r="D6604" t="s">
        <v>30257</v>
      </c>
      <c r="E6604" t="s">
        <v>13</v>
      </c>
      <c r="F6604">
        <v>7478</v>
      </c>
      <c r="G6604" t="s">
        <v>30382</v>
      </c>
      <c r="H6604">
        <v>6.0529028542630003</v>
      </c>
      <c r="I6604">
        <v>51.236342391336997</v>
      </c>
      <c r="J6604" t="s">
        <v>62289</v>
      </c>
    </row>
    <row r="6605" spans="1:10" x14ac:dyDescent="0.25">
      <c r="A6605" t="s">
        <v>30375</v>
      </c>
      <c r="B6605" t="s">
        <v>30376</v>
      </c>
      <c r="C6605" t="s">
        <v>30377</v>
      </c>
      <c r="D6605" t="s">
        <v>30257</v>
      </c>
      <c r="E6605" t="s">
        <v>13</v>
      </c>
      <c r="F6605">
        <v>7477</v>
      </c>
      <c r="G6605" t="s">
        <v>30378</v>
      </c>
      <c r="H6605">
        <v>6.0154425250130004</v>
      </c>
      <c r="I6605">
        <v>51.227513681334997</v>
      </c>
      <c r="J6605" t="s">
        <v>62290</v>
      </c>
    </row>
    <row r="6606" spans="1:10" x14ac:dyDescent="0.25">
      <c r="A6606" t="s">
        <v>30371</v>
      </c>
      <c r="B6606" t="s">
        <v>30372</v>
      </c>
      <c r="C6606" t="s">
        <v>30373</v>
      </c>
      <c r="D6606" t="s">
        <v>30257</v>
      </c>
      <c r="E6606" t="s">
        <v>13</v>
      </c>
      <c r="F6606">
        <v>7476</v>
      </c>
      <c r="G6606" t="s">
        <v>30374</v>
      </c>
      <c r="H6606">
        <v>6.0496157082590001</v>
      </c>
      <c r="I6606">
        <v>51.242799850235002</v>
      </c>
      <c r="J6606" t="s">
        <v>62291</v>
      </c>
    </row>
    <row r="6607" spans="1:10" x14ac:dyDescent="0.25">
      <c r="A6607" t="s">
        <v>30367</v>
      </c>
      <c r="B6607" t="s">
        <v>30368</v>
      </c>
      <c r="C6607" t="s">
        <v>30369</v>
      </c>
      <c r="D6607" t="s">
        <v>30257</v>
      </c>
      <c r="E6607" t="s">
        <v>13</v>
      </c>
      <c r="F6607">
        <v>7475</v>
      </c>
      <c r="G6607" t="s">
        <v>30370</v>
      </c>
      <c r="H6607">
        <v>6.0437149763980003</v>
      </c>
      <c r="I6607">
        <v>51.227387813074003</v>
      </c>
      <c r="J6607" t="s">
        <v>62292</v>
      </c>
    </row>
    <row r="6608" spans="1:10" x14ac:dyDescent="0.25">
      <c r="A6608" t="s">
        <v>30363</v>
      </c>
      <c r="B6608" t="s">
        <v>30364</v>
      </c>
      <c r="C6608" t="s">
        <v>30365</v>
      </c>
      <c r="D6608" t="s">
        <v>30257</v>
      </c>
      <c r="E6608" t="s">
        <v>13</v>
      </c>
      <c r="F6608">
        <v>7474</v>
      </c>
      <c r="G6608" t="s">
        <v>30366</v>
      </c>
      <c r="H6608">
        <v>6.0323749064829997</v>
      </c>
      <c r="I6608">
        <v>51.229352857640997</v>
      </c>
      <c r="J6608" t="s">
        <v>62293</v>
      </c>
    </row>
    <row r="6609" spans="1:10" x14ac:dyDescent="0.25">
      <c r="A6609" t="s">
        <v>30359</v>
      </c>
      <c r="B6609" t="s">
        <v>30360</v>
      </c>
      <c r="C6609" t="s">
        <v>30361</v>
      </c>
      <c r="D6609" t="s">
        <v>30257</v>
      </c>
      <c r="E6609" t="s">
        <v>13</v>
      </c>
      <c r="F6609">
        <v>7473</v>
      </c>
      <c r="G6609" t="s">
        <v>30362</v>
      </c>
      <c r="H6609">
        <v>5.9570441130220004</v>
      </c>
      <c r="I6609">
        <v>51.178438624896998</v>
      </c>
      <c r="J6609" t="s">
        <v>62294</v>
      </c>
    </row>
    <row r="6610" spans="1:10" x14ac:dyDescent="0.25">
      <c r="A6610" t="s">
        <v>30355</v>
      </c>
      <c r="B6610" t="s">
        <v>30356</v>
      </c>
      <c r="C6610" t="s">
        <v>30357</v>
      </c>
      <c r="D6610" t="s">
        <v>30257</v>
      </c>
      <c r="E6610" t="s">
        <v>13</v>
      </c>
      <c r="F6610">
        <v>7472</v>
      </c>
      <c r="G6610" t="s">
        <v>30358</v>
      </c>
      <c r="H6610">
        <v>5.9607301292630002</v>
      </c>
      <c r="I6610">
        <v>51.168651033384997</v>
      </c>
      <c r="J6610" t="s">
        <v>62295</v>
      </c>
    </row>
    <row r="6611" spans="1:10" x14ac:dyDescent="0.25">
      <c r="A6611" t="s">
        <v>30351</v>
      </c>
      <c r="B6611" t="s">
        <v>30352</v>
      </c>
      <c r="C6611" t="s">
        <v>30353</v>
      </c>
      <c r="D6611" t="s">
        <v>30257</v>
      </c>
      <c r="E6611" t="s">
        <v>13</v>
      </c>
      <c r="F6611">
        <v>7471</v>
      </c>
      <c r="G6611" t="s">
        <v>30354</v>
      </c>
      <c r="H6611">
        <v>5.9668895054690001</v>
      </c>
      <c r="I6611">
        <v>51.181242960985998</v>
      </c>
      <c r="J6611" t="s">
        <v>62296</v>
      </c>
    </row>
    <row r="6612" spans="1:10" x14ac:dyDescent="0.25">
      <c r="A6612" t="s">
        <v>30347</v>
      </c>
      <c r="B6612" t="s">
        <v>30348</v>
      </c>
      <c r="C6612" t="s">
        <v>30349</v>
      </c>
      <c r="D6612" t="s">
        <v>30257</v>
      </c>
      <c r="E6612" t="s">
        <v>13</v>
      </c>
      <c r="F6612">
        <v>7470</v>
      </c>
      <c r="G6612" t="s">
        <v>30350</v>
      </c>
      <c r="H6612">
        <v>5.9532667537729997</v>
      </c>
      <c r="I6612">
        <v>51.186551361543998</v>
      </c>
      <c r="J6612" t="s">
        <v>62297</v>
      </c>
    </row>
    <row r="6613" spans="1:10" x14ac:dyDescent="0.25">
      <c r="A6613" t="s">
        <v>30343</v>
      </c>
      <c r="B6613" t="s">
        <v>30344</v>
      </c>
      <c r="C6613" t="s">
        <v>30345</v>
      </c>
      <c r="D6613" t="s">
        <v>30257</v>
      </c>
      <c r="E6613" t="s">
        <v>13</v>
      </c>
      <c r="F6613">
        <v>7469</v>
      </c>
      <c r="G6613" t="s">
        <v>30346</v>
      </c>
      <c r="H6613">
        <v>6.0463235953429999</v>
      </c>
      <c r="I6613">
        <v>51.194106685027997</v>
      </c>
      <c r="J6613" t="s">
        <v>62298</v>
      </c>
    </row>
    <row r="6614" spans="1:10" x14ac:dyDescent="0.25">
      <c r="A6614" t="s">
        <v>30339</v>
      </c>
      <c r="B6614" t="s">
        <v>30340</v>
      </c>
      <c r="C6614" t="s">
        <v>30341</v>
      </c>
      <c r="D6614" t="s">
        <v>30257</v>
      </c>
      <c r="E6614" t="s">
        <v>13</v>
      </c>
      <c r="F6614">
        <v>7468</v>
      </c>
      <c r="G6614" t="s">
        <v>30342</v>
      </c>
      <c r="H6614">
        <v>6.0446226139999997</v>
      </c>
      <c r="I6614">
        <v>51.186675951173001</v>
      </c>
      <c r="J6614" t="s">
        <v>62299</v>
      </c>
    </row>
    <row r="6615" spans="1:10" x14ac:dyDescent="0.25">
      <c r="A6615" t="s">
        <v>30335</v>
      </c>
      <c r="B6615" t="s">
        <v>30336</v>
      </c>
      <c r="C6615" t="s">
        <v>30337</v>
      </c>
      <c r="D6615" t="s">
        <v>30257</v>
      </c>
      <c r="E6615" t="s">
        <v>13</v>
      </c>
      <c r="F6615">
        <v>7467</v>
      </c>
      <c r="G6615" t="s">
        <v>30338</v>
      </c>
      <c r="H6615">
        <v>6.0214214288879999</v>
      </c>
      <c r="I6615">
        <v>51.188166503992001</v>
      </c>
      <c r="J6615" t="s">
        <v>62300</v>
      </c>
    </row>
    <row r="6616" spans="1:10" x14ac:dyDescent="0.25">
      <c r="A6616" t="s">
        <v>30332</v>
      </c>
      <c r="B6616" t="s">
        <v>30333</v>
      </c>
      <c r="C6616" t="s">
        <v>3429</v>
      </c>
      <c r="D6616" t="s">
        <v>30257</v>
      </c>
      <c r="E6616" t="s">
        <v>13</v>
      </c>
      <c r="F6616">
        <v>7466</v>
      </c>
      <c r="G6616" t="s">
        <v>30334</v>
      </c>
      <c r="H6616">
        <v>6.0139920111779999</v>
      </c>
      <c r="I6616">
        <v>51.187750453604998</v>
      </c>
      <c r="J6616" t="s">
        <v>62301</v>
      </c>
    </row>
    <row r="6617" spans="1:10" x14ac:dyDescent="0.25">
      <c r="A6617" t="s">
        <v>30329</v>
      </c>
      <c r="B6617" t="s">
        <v>30330</v>
      </c>
      <c r="C6617" t="s">
        <v>14674</v>
      </c>
      <c r="D6617" t="s">
        <v>30257</v>
      </c>
      <c r="E6617" t="s">
        <v>13</v>
      </c>
      <c r="F6617">
        <v>7465</v>
      </c>
      <c r="G6617" t="s">
        <v>30331</v>
      </c>
      <c r="H6617">
        <v>6.0077763189000004</v>
      </c>
      <c r="I6617">
        <v>51.188335788301998</v>
      </c>
      <c r="J6617" t="s">
        <v>62302</v>
      </c>
    </row>
    <row r="6618" spans="1:10" x14ac:dyDescent="0.25">
      <c r="A6618" t="s">
        <v>30326</v>
      </c>
      <c r="B6618" t="s">
        <v>30327</v>
      </c>
      <c r="C6618" t="s">
        <v>22504</v>
      </c>
      <c r="D6618" t="s">
        <v>30257</v>
      </c>
      <c r="E6618" t="s">
        <v>13</v>
      </c>
      <c r="F6618">
        <v>7464</v>
      </c>
      <c r="G6618" t="s">
        <v>30328</v>
      </c>
      <c r="H6618">
        <v>6.0066783001150004</v>
      </c>
      <c r="I6618">
        <v>51.182706165839001</v>
      </c>
      <c r="J6618" t="s">
        <v>62303</v>
      </c>
    </row>
    <row r="6619" spans="1:10" x14ac:dyDescent="0.25">
      <c r="A6619" t="s">
        <v>30323</v>
      </c>
      <c r="B6619" t="s">
        <v>30324</v>
      </c>
      <c r="C6619" t="s">
        <v>17501</v>
      </c>
      <c r="D6619" t="s">
        <v>30257</v>
      </c>
      <c r="E6619" t="s">
        <v>13</v>
      </c>
      <c r="F6619">
        <v>7463</v>
      </c>
      <c r="G6619" t="s">
        <v>30325</v>
      </c>
      <c r="H6619">
        <v>6.0125014947770001</v>
      </c>
      <c r="I6619">
        <v>51.181238905298002</v>
      </c>
      <c r="J6619" t="s">
        <v>62304</v>
      </c>
    </row>
    <row r="6620" spans="1:10" x14ac:dyDescent="0.25">
      <c r="A6620" t="s">
        <v>30319</v>
      </c>
      <c r="B6620" t="s">
        <v>30320</v>
      </c>
      <c r="C6620" t="s">
        <v>30321</v>
      </c>
      <c r="D6620" t="s">
        <v>30257</v>
      </c>
      <c r="E6620" t="s">
        <v>13</v>
      </c>
      <c r="F6620">
        <v>7462</v>
      </c>
      <c r="G6620" t="s">
        <v>30322</v>
      </c>
      <c r="H6620">
        <v>6.0211018286259996</v>
      </c>
      <c r="I6620">
        <v>51.204415595759002</v>
      </c>
      <c r="J6620" t="s">
        <v>62305</v>
      </c>
    </row>
    <row r="6621" spans="1:10" x14ac:dyDescent="0.25">
      <c r="A6621" t="s">
        <v>30315</v>
      </c>
      <c r="B6621" t="s">
        <v>30316</v>
      </c>
      <c r="C6621" t="s">
        <v>30317</v>
      </c>
      <c r="D6621" t="s">
        <v>30257</v>
      </c>
      <c r="E6621" t="s">
        <v>13</v>
      </c>
      <c r="F6621">
        <v>7461</v>
      </c>
      <c r="G6621" t="s">
        <v>30318</v>
      </c>
      <c r="H6621">
        <v>6.0210398948570001</v>
      </c>
      <c r="I6621">
        <v>51.19684034342</v>
      </c>
      <c r="J6621" t="s">
        <v>62306</v>
      </c>
    </row>
    <row r="6622" spans="1:10" x14ac:dyDescent="0.25">
      <c r="A6622" t="s">
        <v>30311</v>
      </c>
      <c r="B6622" t="s">
        <v>30312</v>
      </c>
      <c r="C6622" t="s">
        <v>30313</v>
      </c>
      <c r="D6622" t="s">
        <v>30257</v>
      </c>
      <c r="E6622" t="s">
        <v>13</v>
      </c>
      <c r="F6622">
        <v>7460</v>
      </c>
      <c r="G6622" t="s">
        <v>30314</v>
      </c>
      <c r="H6622">
        <v>6.0151413286570001</v>
      </c>
      <c r="I6622">
        <v>51.204414871056002</v>
      </c>
      <c r="J6622" t="s">
        <v>62307</v>
      </c>
    </row>
    <row r="6623" spans="1:10" x14ac:dyDescent="0.25">
      <c r="A6623" t="s">
        <v>30307</v>
      </c>
      <c r="B6623" t="s">
        <v>30308</v>
      </c>
      <c r="C6623" t="s">
        <v>30309</v>
      </c>
      <c r="D6623" t="s">
        <v>30257</v>
      </c>
      <c r="E6623" t="s">
        <v>13</v>
      </c>
      <c r="F6623">
        <v>7459</v>
      </c>
      <c r="G6623" t="s">
        <v>30310</v>
      </c>
      <c r="H6623">
        <v>5.9995983249930003</v>
      </c>
      <c r="I6623">
        <v>51.211712693697002</v>
      </c>
      <c r="J6623" t="s">
        <v>62308</v>
      </c>
    </row>
    <row r="6624" spans="1:10" x14ac:dyDescent="0.25">
      <c r="A6624" t="s">
        <v>30303</v>
      </c>
      <c r="B6624" t="s">
        <v>30304</v>
      </c>
      <c r="C6624" t="s">
        <v>30305</v>
      </c>
      <c r="D6624" t="s">
        <v>30257</v>
      </c>
      <c r="E6624" t="s">
        <v>13</v>
      </c>
      <c r="F6624">
        <v>7458</v>
      </c>
      <c r="G6624" t="s">
        <v>30306</v>
      </c>
      <c r="H6624">
        <v>6.0090417202859996</v>
      </c>
      <c r="I6624">
        <v>51.198283211876998</v>
      </c>
      <c r="J6624" t="s">
        <v>62309</v>
      </c>
    </row>
    <row r="6625" spans="1:10" x14ac:dyDescent="0.25">
      <c r="A6625" t="s">
        <v>30299</v>
      </c>
      <c r="B6625" t="s">
        <v>30300</v>
      </c>
      <c r="C6625" t="s">
        <v>30301</v>
      </c>
      <c r="D6625" t="s">
        <v>30257</v>
      </c>
      <c r="E6625" t="s">
        <v>13</v>
      </c>
      <c r="F6625">
        <v>7457</v>
      </c>
      <c r="G6625" t="s">
        <v>30302</v>
      </c>
      <c r="H6625">
        <v>6.0155941941900002</v>
      </c>
      <c r="I6625">
        <v>51.175957388035997</v>
      </c>
      <c r="J6625" t="s">
        <v>62310</v>
      </c>
    </row>
    <row r="6626" spans="1:10" x14ac:dyDescent="0.25">
      <c r="A6626" t="s">
        <v>30295</v>
      </c>
      <c r="B6626" t="s">
        <v>30296</v>
      </c>
      <c r="C6626" t="s">
        <v>30297</v>
      </c>
      <c r="D6626" t="s">
        <v>30257</v>
      </c>
      <c r="E6626" t="s">
        <v>13</v>
      </c>
      <c r="F6626">
        <v>7456</v>
      </c>
      <c r="G6626" t="s">
        <v>30298</v>
      </c>
      <c r="H6626">
        <v>6.0030391089509996</v>
      </c>
      <c r="I6626">
        <v>51.170036143885</v>
      </c>
      <c r="J6626" t="s">
        <v>62311</v>
      </c>
    </row>
    <row r="6627" spans="1:10" x14ac:dyDescent="0.25">
      <c r="A6627" t="s">
        <v>30291</v>
      </c>
      <c r="B6627" t="s">
        <v>30292</v>
      </c>
      <c r="C6627" t="s">
        <v>30293</v>
      </c>
      <c r="D6627" t="s">
        <v>30257</v>
      </c>
      <c r="E6627" t="s">
        <v>13</v>
      </c>
      <c r="F6627">
        <v>7455</v>
      </c>
      <c r="G6627" t="s">
        <v>30294</v>
      </c>
      <c r="H6627">
        <v>6.0374949142530001</v>
      </c>
      <c r="I6627">
        <v>51.167922887144996</v>
      </c>
      <c r="J6627" t="s">
        <v>62312</v>
      </c>
    </row>
    <row r="6628" spans="1:10" x14ac:dyDescent="0.25">
      <c r="A6628" t="s">
        <v>30287</v>
      </c>
      <c r="B6628" t="s">
        <v>30288</v>
      </c>
      <c r="C6628" t="s">
        <v>30289</v>
      </c>
      <c r="D6628" t="s">
        <v>30257</v>
      </c>
      <c r="E6628" t="s">
        <v>13</v>
      </c>
      <c r="F6628">
        <v>7454</v>
      </c>
      <c r="G6628" t="s">
        <v>30290</v>
      </c>
      <c r="H6628">
        <v>6.0055313350519999</v>
      </c>
      <c r="I6628">
        <v>51.177614349347003</v>
      </c>
      <c r="J6628" t="s">
        <v>62313</v>
      </c>
    </row>
    <row r="6629" spans="1:10" x14ac:dyDescent="0.25">
      <c r="A6629" t="s">
        <v>30283</v>
      </c>
      <c r="B6629" t="s">
        <v>30284</v>
      </c>
      <c r="C6629" t="s">
        <v>30285</v>
      </c>
      <c r="D6629" t="s">
        <v>30257</v>
      </c>
      <c r="E6629" t="s">
        <v>13</v>
      </c>
      <c r="F6629">
        <v>7453</v>
      </c>
      <c r="G6629" t="s">
        <v>30286</v>
      </c>
      <c r="H6629">
        <v>5.9937110112239997</v>
      </c>
      <c r="I6629">
        <v>51.179562161295998</v>
      </c>
      <c r="J6629" t="s">
        <v>62314</v>
      </c>
    </row>
    <row r="6630" spans="1:10" x14ac:dyDescent="0.25">
      <c r="A6630" t="s">
        <v>30279</v>
      </c>
      <c r="B6630" t="s">
        <v>30280</v>
      </c>
      <c r="C6630" t="s">
        <v>30281</v>
      </c>
      <c r="D6630" t="s">
        <v>30257</v>
      </c>
      <c r="E6630" t="s">
        <v>13</v>
      </c>
      <c r="F6630">
        <v>7452</v>
      </c>
      <c r="G6630" t="s">
        <v>30282</v>
      </c>
      <c r="H6630">
        <v>6.0002457818119996</v>
      </c>
      <c r="I6630">
        <v>51.196320471109999</v>
      </c>
      <c r="J6630" t="s">
        <v>62315</v>
      </c>
    </row>
    <row r="6631" spans="1:10" x14ac:dyDescent="0.25">
      <c r="A6631" t="s">
        <v>30275</v>
      </c>
      <c r="B6631" t="s">
        <v>30276</v>
      </c>
      <c r="C6631" t="s">
        <v>30277</v>
      </c>
      <c r="D6631" t="s">
        <v>30257</v>
      </c>
      <c r="E6631" t="s">
        <v>13</v>
      </c>
      <c r="F6631">
        <v>7451</v>
      </c>
      <c r="G6631" t="s">
        <v>30278</v>
      </c>
      <c r="H6631">
        <v>5.9991054080220003</v>
      </c>
      <c r="I6631">
        <v>51.187886183045002</v>
      </c>
      <c r="J6631" t="s">
        <v>62316</v>
      </c>
    </row>
    <row r="6632" spans="1:10" x14ac:dyDescent="0.25">
      <c r="A6632" t="s">
        <v>30271</v>
      </c>
      <c r="B6632" t="s">
        <v>30272</v>
      </c>
      <c r="C6632" t="s">
        <v>30273</v>
      </c>
      <c r="D6632" t="s">
        <v>30257</v>
      </c>
      <c r="E6632" t="s">
        <v>13</v>
      </c>
      <c r="F6632">
        <v>7450</v>
      </c>
      <c r="G6632" t="s">
        <v>30274</v>
      </c>
      <c r="H6632">
        <v>5.9944558234979999</v>
      </c>
      <c r="I6632">
        <v>51.203956975555997</v>
      </c>
      <c r="J6632" t="s">
        <v>62317</v>
      </c>
    </row>
    <row r="6633" spans="1:10" x14ac:dyDescent="0.25">
      <c r="A6633" t="s">
        <v>30267</v>
      </c>
      <c r="B6633" t="s">
        <v>30268</v>
      </c>
      <c r="C6633" t="s">
        <v>30269</v>
      </c>
      <c r="D6633" t="s">
        <v>30257</v>
      </c>
      <c r="E6633" t="s">
        <v>13</v>
      </c>
      <c r="F6633">
        <v>7449</v>
      </c>
      <c r="G6633" t="s">
        <v>30270</v>
      </c>
      <c r="H6633">
        <v>5.9859776175650001</v>
      </c>
      <c r="I6633">
        <v>51.187433794229001</v>
      </c>
      <c r="J6633" t="s">
        <v>62318</v>
      </c>
    </row>
    <row r="6634" spans="1:10" x14ac:dyDescent="0.25">
      <c r="A6634" t="s">
        <v>30263</v>
      </c>
      <c r="B6634" t="s">
        <v>30264</v>
      </c>
      <c r="C6634" t="s">
        <v>30265</v>
      </c>
      <c r="D6634" t="s">
        <v>30257</v>
      </c>
      <c r="E6634" t="s">
        <v>13</v>
      </c>
      <c r="F6634">
        <v>7448</v>
      </c>
      <c r="G6634" t="s">
        <v>30266</v>
      </c>
      <c r="H6634">
        <v>5.9798141057620002</v>
      </c>
      <c r="I6634">
        <v>51.180219486054</v>
      </c>
      <c r="J6634" t="s">
        <v>62319</v>
      </c>
    </row>
    <row r="6635" spans="1:10" x14ac:dyDescent="0.25">
      <c r="A6635" t="s">
        <v>30259</v>
      </c>
      <c r="B6635" t="s">
        <v>30260</v>
      </c>
      <c r="C6635" t="s">
        <v>30261</v>
      </c>
      <c r="D6635" t="s">
        <v>30257</v>
      </c>
      <c r="E6635" t="s">
        <v>13</v>
      </c>
      <c r="F6635">
        <v>7447</v>
      </c>
      <c r="G6635" t="s">
        <v>30262</v>
      </c>
      <c r="H6635">
        <v>5.9785443713459996</v>
      </c>
      <c r="I6635">
        <v>51.190610492205003</v>
      </c>
      <c r="J6635" t="s">
        <v>62320</v>
      </c>
    </row>
    <row r="6636" spans="1:10" x14ac:dyDescent="0.25">
      <c r="A6636" t="s">
        <v>30255</v>
      </c>
      <c r="B6636" t="s">
        <v>30256</v>
      </c>
      <c r="C6636" t="s">
        <v>2874</v>
      </c>
      <c r="D6636" t="s">
        <v>30257</v>
      </c>
      <c r="E6636" t="s">
        <v>13</v>
      </c>
      <c r="F6636">
        <v>7446</v>
      </c>
      <c r="G6636" t="s">
        <v>30258</v>
      </c>
      <c r="H6636">
        <v>5.9900868489630001</v>
      </c>
      <c r="I6636">
        <v>51.195791236714001</v>
      </c>
      <c r="J6636" t="s">
        <v>62321</v>
      </c>
    </row>
    <row r="6637" spans="1:10" x14ac:dyDescent="0.25">
      <c r="A6637" t="s">
        <v>30251</v>
      </c>
      <c r="B6637" t="s">
        <v>30252</v>
      </c>
      <c r="C6637" t="s">
        <v>30253</v>
      </c>
      <c r="D6637" t="s">
        <v>30197</v>
      </c>
      <c r="E6637" t="s">
        <v>13</v>
      </c>
      <c r="F6637">
        <v>7445</v>
      </c>
      <c r="G6637" t="s">
        <v>30254</v>
      </c>
      <c r="H6637">
        <v>5.821695669935</v>
      </c>
      <c r="I6637">
        <v>51.255884187252001</v>
      </c>
      <c r="J6637" t="s">
        <v>62322</v>
      </c>
    </row>
    <row r="6638" spans="1:10" x14ac:dyDescent="0.25">
      <c r="A6638" t="s">
        <v>30247</v>
      </c>
      <c r="B6638" t="s">
        <v>30248</v>
      </c>
      <c r="C6638" t="s">
        <v>30249</v>
      </c>
      <c r="D6638" t="s">
        <v>30197</v>
      </c>
      <c r="E6638" t="s">
        <v>13</v>
      </c>
      <c r="F6638">
        <v>7444</v>
      </c>
      <c r="G6638" t="s">
        <v>30250</v>
      </c>
      <c r="H6638">
        <v>5.8439876093110001</v>
      </c>
      <c r="I6638">
        <v>51.252611920725002</v>
      </c>
      <c r="J6638" t="s">
        <v>62323</v>
      </c>
    </row>
    <row r="6639" spans="1:10" x14ac:dyDescent="0.25">
      <c r="A6639" t="s">
        <v>30243</v>
      </c>
      <c r="B6639" t="s">
        <v>30244</v>
      </c>
      <c r="C6639" t="s">
        <v>30245</v>
      </c>
      <c r="D6639" t="s">
        <v>30197</v>
      </c>
      <c r="E6639" t="s">
        <v>13</v>
      </c>
      <c r="F6639">
        <v>7443</v>
      </c>
      <c r="G6639" t="s">
        <v>30246</v>
      </c>
      <c r="H6639">
        <v>5.8134118091709999</v>
      </c>
      <c r="I6639">
        <v>51.278583858165</v>
      </c>
      <c r="J6639" t="s">
        <v>62324</v>
      </c>
    </row>
    <row r="6640" spans="1:10" x14ac:dyDescent="0.25">
      <c r="A6640" t="s">
        <v>30239</v>
      </c>
      <c r="B6640" t="s">
        <v>30240</v>
      </c>
      <c r="C6640" t="s">
        <v>30241</v>
      </c>
      <c r="D6640" t="s">
        <v>30197</v>
      </c>
      <c r="E6640" t="s">
        <v>13</v>
      </c>
      <c r="F6640">
        <v>7442</v>
      </c>
      <c r="G6640" t="s">
        <v>30242</v>
      </c>
      <c r="H6640">
        <v>5.7761477063070004</v>
      </c>
      <c r="I6640">
        <v>51.275250404605998</v>
      </c>
      <c r="J6640" t="s">
        <v>62325</v>
      </c>
    </row>
    <row r="6641" spans="1:10" x14ac:dyDescent="0.25">
      <c r="A6641" t="s">
        <v>30235</v>
      </c>
      <c r="B6641" t="s">
        <v>30236</v>
      </c>
      <c r="C6641" t="s">
        <v>30237</v>
      </c>
      <c r="D6641" t="s">
        <v>30197</v>
      </c>
      <c r="E6641" t="s">
        <v>13</v>
      </c>
      <c r="F6641">
        <v>7441</v>
      </c>
      <c r="G6641" t="s">
        <v>30238</v>
      </c>
      <c r="H6641">
        <v>5.8216883429469997</v>
      </c>
      <c r="I6641">
        <v>51.324085972505003</v>
      </c>
      <c r="J6641" t="s">
        <v>62326</v>
      </c>
    </row>
    <row r="6642" spans="1:10" x14ac:dyDescent="0.25">
      <c r="A6642" t="s">
        <v>30231</v>
      </c>
      <c r="B6642" t="s">
        <v>30232</v>
      </c>
      <c r="C6642" t="s">
        <v>30233</v>
      </c>
      <c r="D6642" t="s">
        <v>30197</v>
      </c>
      <c r="E6642" t="s">
        <v>13</v>
      </c>
      <c r="F6642">
        <v>7440</v>
      </c>
      <c r="G6642" t="s">
        <v>30234</v>
      </c>
      <c r="H6642">
        <v>5.8041237002089998</v>
      </c>
      <c r="I6642">
        <v>51.298118389396997</v>
      </c>
      <c r="J6642" t="s">
        <v>62327</v>
      </c>
    </row>
    <row r="6643" spans="1:10" x14ac:dyDescent="0.25">
      <c r="A6643" t="s">
        <v>30227</v>
      </c>
      <c r="B6643" t="s">
        <v>30228</v>
      </c>
      <c r="C6643" t="s">
        <v>30229</v>
      </c>
      <c r="D6643" t="s">
        <v>30197</v>
      </c>
      <c r="E6643" t="s">
        <v>13</v>
      </c>
      <c r="F6643">
        <v>7439</v>
      </c>
      <c r="G6643" t="s">
        <v>30230</v>
      </c>
      <c r="H6643">
        <v>5.7789798231439997</v>
      </c>
      <c r="I6643">
        <v>51.313898062428997</v>
      </c>
      <c r="J6643" t="s">
        <v>62328</v>
      </c>
    </row>
    <row r="6644" spans="1:10" x14ac:dyDescent="0.25">
      <c r="A6644" t="s">
        <v>30223</v>
      </c>
      <c r="B6644" t="s">
        <v>30224</v>
      </c>
      <c r="C6644" t="s">
        <v>30225</v>
      </c>
      <c r="D6644" t="s">
        <v>30197</v>
      </c>
      <c r="E6644" t="s">
        <v>13</v>
      </c>
      <c r="F6644">
        <v>7438</v>
      </c>
      <c r="G6644" t="s">
        <v>30226</v>
      </c>
      <c r="H6644">
        <v>5.8152268830210003</v>
      </c>
      <c r="I6644">
        <v>51.319577601692998</v>
      </c>
      <c r="J6644" t="s">
        <v>62329</v>
      </c>
    </row>
    <row r="6645" spans="1:10" x14ac:dyDescent="0.25">
      <c r="A6645" t="s">
        <v>30219</v>
      </c>
      <c r="B6645" t="s">
        <v>30220</v>
      </c>
      <c r="C6645" t="s">
        <v>30221</v>
      </c>
      <c r="D6645" t="s">
        <v>30197</v>
      </c>
      <c r="E6645" t="s">
        <v>13</v>
      </c>
      <c r="F6645">
        <v>7437</v>
      </c>
      <c r="G6645" t="s">
        <v>30222</v>
      </c>
      <c r="H6645">
        <v>5.7812972800929998</v>
      </c>
      <c r="I6645">
        <v>51.298053334024999</v>
      </c>
      <c r="J6645" t="s">
        <v>62330</v>
      </c>
    </row>
    <row r="6646" spans="1:10" x14ac:dyDescent="0.25">
      <c r="A6646" t="s">
        <v>30215</v>
      </c>
      <c r="B6646" t="s">
        <v>30216</v>
      </c>
      <c r="C6646" t="s">
        <v>30217</v>
      </c>
      <c r="D6646" t="s">
        <v>30197</v>
      </c>
      <c r="E6646" t="s">
        <v>13</v>
      </c>
      <c r="F6646">
        <v>7436</v>
      </c>
      <c r="G6646" t="s">
        <v>30218</v>
      </c>
      <c r="H6646">
        <v>5.758060570394</v>
      </c>
      <c r="I6646">
        <v>51.313501559732003</v>
      </c>
      <c r="J6646" t="s">
        <v>62331</v>
      </c>
    </row>
    <row r="6647" spans="1:10" x14ac:dyDescent="0.25">
      <c r="A6647" t="s">
        <v>30211</v>
      </c>
      <c r="B6647" t="s">
        <v>30212</v>
      </c>
      <c r="C6647" t="s">
        <v>30213</v>
      </c>
      <c r="D6647" t="s">
        <v>30197</v>
      </c>
      <c r="E6647" t="s">
        <v>13</v>
      </c>
      <c r="F6647">
        <v>7435</v>
      </c>
      <c r="G6647" t="s">
        <v>30214</v>
      </c>
      <c r="H6647">
        <v>5.764580864149</v>
      </c>
      <c r="I6647">
        <v>51.285078908294999</v>
      </c>
      <c r="J6647" t="s">
        <v>62332</v>
      </c>
    </row>
    <row r="6648" spans="1:10" x14ac:dyDescent="0.25">
      <c r="A6648" t="s">
        <v>30207</v>
      </c>
      <c r="B6648" t="s">
        <v>30208</v>
      </c>
      <c r="C6648" t="s">
        <v>30209</v>
      </c>
      <c r="D6648" t="s">
        <v>30197</v>
      </c>
      <c r="E6648" t="s">
        <v>13</v>
      </c>
      <c r="F6648">
        <v>7434</v>
      </c>
      <c r="G6648" t="s">
        <v>30210</v>
      </c>
      <c r="H6648">
        <v>5.7706938473670002</v>
      </c>
      <c r="I6648">
        <v>51.257638753317003</v>
      </c>
      <c r="J6648" t="s">
        <v>62333</v>
      </c>
    </row>
    <row r="6649" spans="1:10" x14ac:dyDescent="0.25">
      <c r="A6649" t="s">
        <v>30203</v>
      </c>
      <c r="B6649" t="s">
        <v>30204</v>
      </c>
      <c r="C6649" t="s">
        <v>30205</v>
      </c>
      <c r="D6649" t="s">
        <v>30197</v>
      </c>
      <c r="E6649" t="s">
        <v>13</v>
      </c>
      <c r="F6649">
        <v>7433</v>
      </c>
      <c r="G6649" t="s">
        <v>30206</v>
      </c>
      <c r="H6649">
        <v>5.7335566127639996</v>
      </c>
      <c r="I6649">
        <v>51.312526067010999</v>
      </c>
      <c r="J6649" t="s">
        <v>62334</v>
      </c>
    </row>
    <row r="6650" spans="1:10" x14ac:dyDescent="0.25">
      <c r="A6650" t="s">
        <v>30199</v>
      </c>
      <c r="B6650" t="s">
        <v>30200</v>
      </c>
      <c r="C6650" t="s">
        <v>30201</v>
      </c>
      <c r="D6650" t="s">
        <v>30197</v>
      </c>
      <c r="E6650" t="s">
        <v>13</v>
      </c>
      <c r="F6650">
        <v>7432</v>
      </c>
      <c r="G6650" t="s">
        <v>30202</v>
      </c>
      <c r="H6650">
        <v>5.6907921737149998</v>
      </c>
      <c r="I6650">
        <v>51.296908491827999</v>
      </c>
      <c r="J6650" t="s">
        <v>62335</v>
      </c>
    </row>
    <row r="6651" spans="1:10" x14ac:dyDescent="0.25">
      <c r="A6651" t="s">
        <v>30194</v>
      </c>
      <c r="B6651" t="s">
        <v>30195</v>
      </c>
      <c r="C6651" t="s">
        <v>30196</v>
      </c>
      <c r="D6651" t="s">
        <v>30197</v>
      </c>
      <c r="E6651" t="s">
        <v>13</v>
      </c>
      <c r="F6651">
        <v>7431</v>
      </c>
      <c r="G6651" t="s">
        <v>30198</v>
      </c>
      <c r="H6651">
        <v>5.7450698461230001</v>
      </c>
      <c r="I6651">
        <v>51.282769459866003</v>
      </c>
      <c r="J6651" t="s">
        <v>62336</v>
      </c>
    </row>
    <row r="6652" spans="1:10" x14ac:dyDescent="0.25">
      <c r="A6652" t="s">
        <v>30190</v>
      </c>
      <c r="B6652" t="s">
        <v>30191</v>
      </c>
      <c r="C6652" t="s">
        <v>30192</v>
      </c>
      <c r="D6652" t="s">
        <v>30176</v>
      </c>
      <c r="E6652" t="s">
        <v>13</v>
      </c>
      <c r="F6652">
        <v>7430</v>
      </c>
      <c r="G6652" t="s">
        <v>30193</v>
      </c>
      <c r="H6652">
        <v>5.904415901039</v>
      </c>
      <c r="I6652">
        <v>51.728264956285997</v>
      </c>
      <c r="J6652" t="s">
        <v>62337</v>
      </c>
    </row>
    <row r="6653" spans="1:10" x14ac:dyDescent="0.25">
      <c r="A6653" t="s">
        <v>30186</v>
      </c>
      <c r="B6653" t="s">
        <v>30187</v>
      </c>
      <c r="C6653" t="s">
        <v>30188</v>
      </c>
      <c r="D6653" t="s">
        <v>30176</v>
      </c>
      <c r="E6653" t="s">
        <v>13</v>
      </c>
      <c r="F6653">
        <v>7429</v>
      </c>
      <c r="G6653" t="s">
        <v>30189</v>
      </c>
      <c r="H6653">
        <v>5.9198919093309996</v>
      </c>
      <c r="I6653">
        <v>51.740614418988997</v>
      </c>
      <c r="J6653" t="s">
        <v>62338</v>
      </c>
    </row>
    <row r="6654" spans="1:10" x14ac:dyDescent="0.25">
      <c r="A6654" t="s">
        <v>30182</v>
      </c>
      <c r="B6654" t="s">
        <v>30183</v>
      </c>
      <c r="C6654" t="s">
        <v>30184</v>
      </c>
      <c r="D6654" t="s">
        <v>30176</v>
      </c>
      <c r="E6654" t="s">
        <v>13</v>
      </c>
      <c r="F6654">
        <v>7428</v>
      </c>
      <c r="G6654" t="s">
        <v>30185</v>
      </c>
      <c r="H6654">
        <v>5.8991160641159999</v>
      </c>
      <c r="I6654">
        <v>51.757649741068001</v>
      </c>
      <c r="J6654" t="s">
        <v>62339</v>
      </c>
    </row>
    <row r="6655" spans="1:10" x14ac:dyDescent="0.25">
      <c r="A6655" t="s">
        <v>30178</v>
      </c>
      <c r="B6655" t="s">
        <v>30179</v>
      </c>
      <c r="C6655" t="s">
        <v>30180</v>
      </c>
      <c r="D6655" t="s">
        <v>30176</v>
      </c>
      <c r="E6655" t="s">
        <v>13</v>
      </c>
      <c r="F6655">
        <v>7427</v>
      </c>
      <c r="G6655" t="s">
        <v>30181</v>
      </c>
      <c r="H6655">
        <v>5.8863678485789999</v>
      </c>
      <c r="I6655">
        <v>51.748813077491</v>
      </c>
      <c r="J6655" t="s">
        <v>62340</v>
      </c>
    </row>
    <row r="6656" spans="1:10" x14ac:dyDescent="0.25">
      <c r="A6656" t="s">
        <v>30174</v>
      </c>
      <c r="B6656" t="s">
        <v>30175</v>
      </c>
      <c r="C6656" t="s">
        <v>4701</v>
      </c>
      <c r="D6656" t="s">
        <v>30176</v>
      </c>
      <c r="E6656" t="s">
        <v>13</v>
      </c>
      <c r="F6656">
        <v>7426</v>
      </c>
      <c r="G6656" t="s">
        <v>30177</v>
      </c>
      <c r="H6656">
        <v>5.88047177228</v>
      </c>
      <c r="I6656">
        <v>51.769552110280003</v>
      </c>
      <c r="J6656" t="s">
        <v>62341</v>
      </c>
    </row>
    <row r="6657" spans="1:10" x14ac:dyDescent="0.25">
      <c r="A6657" t="s">
        <v>30170</v>
      </c>
      <c r="B6657" t="s">
        <v>30171</v>
      </c>
      <c r="C6657" t="s">
        <v>30172</v>
      </c>
      <c r="D6657" t="s">
        <v>30122</v>
      </c>
      <c r="E6657" t="s">
        <v>13</v>
      </c>
      <c r="F6657">
        <v>7425</v>
      </c>
      <c r="G6657" t="s">
        <v>30173</v>
      </c>
      <c r="H6657">
        <v>5.7381868342000004</v>
      </c>
      <c r="I6657">
        <v>50.915235500902</v>
      </c>
      <c r="J6657" t="s">
        <v>62342</v>
      </c>
    </row>
    <row r="6658" spans="1:10" x14ac:dyDescent="0.25">
      <c r="A6658" t="s">
        <v>30166</v>
      </c>
      <c r="B6658" t="s">
        <v>30167</v>
      </c>
      <c r="C6658" t="s">
        <v>30168</v>
      </c>
      <c r="D6658" t="s">
        <v>30122</v>
      </c>
      <c r="E6658" t="s">
        <v>13</v>
      </c>
      <c r="F6658">
        <v>7424</v>
      </c>
      <c r="G6658" t="s">
        <v>30169</v>
      </c>
      <c r="H6658">
        <v>5.7570189808760004</v>
      </c>
      <c r="I6658">
        <v>50.915517785496</v>
      </c>
      <c r="J6658" t="s">
        <v>62343</v>
      </c>
    </row>
    <row r="6659" spans="1:10" x14ac:dyDescent="0.25">
      <c r="A6659" t="s">
        <v>30162</v>
      </c>
      <c r="B6659" t="s">
        <v>30163</v>
      </c>
      <c r="C6659" t="s">
        <v>30164</v>
      </c>
      <c r="D6659" t="s">
        <v>30122</v>
      </c>
      <c r="E6659" t="s">
        <v>13</v>
      </c>
      <c r="F6659">
        <v>7423</v>
      </c>
      <c r="G6659" t="s">
        <v>30165</v>
      </c>
      <c r="H6659">
        <v>5.7470953783640004</v>
      </c>
      <c r="I6659">
        <v>50.923869477837002</v>
      </c>
      <c r="J6659" t="s">
        <v>62344</v>
      </c>
    </row>
    <row r="6660" spans="1:10" x14ac:dyDescent="0.25">
      <c r="A6660" t="s">
        <v>30158</v>
      </c>
      <c r="B6660" t="s">
        <v>30159</v>
      </c>
      <c r="C6660" t="s">
        <v>30160</v>
      </c>
      <c r="D6660" t="s">
        <v>30122</v>
      </c>
      <c r="E6660" t="s">
        <v>13</v>
      </c>
      <c r="F6660">
        <v>7422</v>
      </c>
      <c r="G6660" t="s">
        <v>30161</v>
      </c>
      <c r="H6660">
        <v>5.7615018652719998</v>
      </c>
      <c r="I6660">
        <v>50.926122751648997</v>
      </c>
      <c r="J6660" t="s">
        <v>62345</v>
      </c>
    </row>
    <row r="6661" spans="1:10" x14ac:dyDescent="0.25">
      <c r="A6661" t="s">
        <v>30154</v>
      </c>
      <c r="B6661" t="s">
        <v>30155</v>
      </c>
      <c r="C6661" t="s">
        <v>30156</v>
      </c>
      <c r="D6661" t="s">
        <v>30122</v>
      </c>
      <c r="E6661" t="s">
        <v>13</v>
      </c>
      <c r="F6661">
        <v>7421</v>
      </c>
      <c r="G6661" t="s">
        <v>30157</v>
      </c>
      <c r="H6661">
        <v>5.7372605782889998</v>
      </c>
      <c r="I6661">
        <v>50.927145824566999</v>
      </c>
      <c r="J6661" t="s">
        <v>62346</v>
      </c>
    </row>
    <row r="6662" spans="1:10" x14ac:dyDescent="0.25">
      <c r="A6662" t="s">
        <v>30150</v>
      </c>
      <c r="B6662" t="s">
        <v>30151</v>
      </c>
      <c r="C6662" t="s">
        <v>30152</v>
      </c>
      <c r="D6662" t="s">
        <v>30122</v>
      </c>
      <c r="E6662" t="s">
        <v>13</v>
      </c>
      <c r="F6662">
        <v>7420</v>
      </c>
      <c r="G6662" t="s">
        <v>30153</v>
      </c>
      <c r="H6662">
        <v>5.7477907341590004</v>
      </c>
      <c r="I6662">
        <v>50.903888477213002</v>
      </c>
      <c r="J6662" t="s">
        <v>62347</v>
      </c>
    </row>
    <row r="6663" spans="1:10" x14ac:dyDescent="0.25">
      <c r="A6663" t="s">
        <v>30146</v>
      </c>
      <c r="B6663" t="s">
        <v>30147</v>
      </c>
      <c r="C6663" t="s">
        <v>30148</v>
      </c>
      <c r="D6663" t="s">
        <v>30122</v>
      </c>
      <c r="E6663" t="s">
        <v>13</v>
      </c>
      <c r="F6663">
        <v>7419</v>
      </c>
      <c r="G6663" t="s">
        <v>30149</v>
      </c>
      <c r="H6663">
        <v>5.7298726647539997</v>
      </c>
      <c r="I6663">
        <v>50.900739381283003</v>
      </c>
      <c r="J6663" t="s">
        <v>62348</v>
      </c>
    </row>
    <row r="6664" spans="1:10" x14ac:dyDescent="0.25">
      <c r="A6664" t="s">
        <v>30143</v>
      </c>
      <c r="B6664" t="s">
        <v>30144</v>
      </c>
      <c r="C6664" t="s">
        <v>5274</v>
      </c>
      <c r="D6664" t="s">
        <v>30122</v>
      </c>
      <c r="E6664" t="s">
        <v>13</v>
      </c>
      <c r="F6664">
        <v>7418</v>
      </c>
      <c r="G6664" t="s">
        <v>30145</v>
      </c>
      <c r="H6664">
        <v>5.7804659132370002</v>
      </c>
      <c r="I6664">
        <v>50.899414974024999</v>
      </c>
      <c r="J6664" t="s">
        <v>62349</v>
      </c>
    </row>
    <row r="6665" spans="1:10" x14ac:dyDescent="0.25">
      <c r="A6665" t="s">
        <v>30139</v>
      </c>
      <c r="B6665" t="s">
        <v>30140</v>
      </c>
      <c r="C6665" t="s">
        <v>30141</v>
      </c>
      <c r="D6665" t="s">
        <v>30122</v>
      </c>
      <c r="E6665" t="s">
        <v>13</v>
      </c>
      <c r="F6665">
        <v>7417</v>
      </c>
      <c r="G6665" t="s">
        <v>30142</v>
      </c>
      <c r="H6665">
        <v>5.7811984723460004</v>
      </c>
      <c r="I6665">
        <v>50.905237314890002</v>
      </c>
      <c r="J6665" t="s">
        <v>62350</v>
      </c>
    </row>
    <row r="6666" spans="1:10" x14ac:dyDescent="0.25">
      <c r="A6666" t="s">
        <v>30136</v>
      </c>
      <c r="B6666" t="s">
        <v>30137</v>
      </c>
      <c r="C6666" t="s">
        <v>5274</v>
      </c>
      <c r="D6666" t="s">
        <v>30122</v>
      </c>
      <c r="E6666" t="s">
        <v>13</v>
      </c>
      <c r="F6666">
        <v>7416</v>
      </c>
      <c r="G6666" t="s">
        <v>30138</v>
      </c>
      <c r="H6666">
        <v>5.7592211201949999</v>
      </c>
      <c r="I6666">
        <v>50.874625885298997</v>
      </c>
      <c r="J6666" t="s">
        <v>62351</v>
      </c>
    </row>
    <row r="6667" spans="1:10" x14ac:dyDescent="0.25">
      <c r="A6667" t="s">
        <v>30132</v>
      </c>
      <c r="B6667" t="s">
        <v>30133</v>
      </c>
      <c r="C6667" t="s">
        <v>30134</v>
      </c>
      <c r="D6667" t="s">
        <v>30122</v>
      </c>
      <c r="E6667" t="s">
        <v>13</v>
      </c>
      <c r="F6667">
        <v>7415</v>
      </c>
      <c r="G6667" t="s">
        <v>30135</v>
      </c>
      <c r="H6667">
        <v>5.7825477875490003</v>
      </c>
      <c r="I6667">
        <v>50.887391706480003</v>
      </c>
      <c r="J6667" t="s">
        <v>62352</v>
      </c>
    </row>
    <row r="6668" spans="1:10" x14ac:dyDescent="0.25">
      <c r="A6668" t="s">
        <v>30128</v>
      </c>
      <c r="B6668" t="s">
        <v>30129</v>
      </c>
      <c r="C6668" t="s">
        <v>30130</v>
      </c>
      <c r="D6668" t="s">
        <v>30122</v>
      </c>
      <c r="E6668" t="s">
        <v>13</v>
      </c>
      <c r="F6668">
        <v>7414</v>
      </c>
      <c r="G6668" t="s">
        <v>30131</v>
      </c>
      <c r="H6668">
        <v>5.7315438820009996</v>
      </c>
      <c r="I6668">
        <v>50.886637186527999</v>
      </c>
      <c r="J6668" t="s">
        <v>62353</v>
      </c>
    </row>
    <row r="6669" spans="1:10" x14ac:dyDescent="0.25">
      <c r="A6669" t="s">
        <v>30124</v>
      </c>
      <c r="B6669" t="s">
        <v>30125</v>
      </c>
      <c r="C6669" t="s">
        <v>30126</v>
      </c>
      <c r="D6669" t="s">
        <v>30122</v>
      </c>
      <c r="E6669" t="s">
        <v>13</v>
      </c>
      <c r="F6669">
        <v>7413</v>
      </c>
      <c r="G6669" t="s">
        <v>30127</v>
      </c>
      <c r="H6669">
        <v>5.7401752697789998</v>
      </c>
      <c r="I6669">
        <v>50.878638336267002</v>
      </c>
      <c r="J6669" t="s">
        <v>62354</v>
      </c>
    </row>
    <row r="6670" spans="1:10" x14ac:dyDescent="0.25">
      <c r="A6670" t="s">
        <v>30119</v>
      </c>
      <c r="B6670" t="s">
        <v>30120</v>
      </c>
      <c r="C6670" t="s">
        <v>30121</v>
      </c>
      <c r="D6670" t="s">
        <v>30122</v>
      </c>
      <c r="E6670" t="s">
        <v>13</v>
      </c>
      <c r="F6670">
        <v>7412</v>
      </c>
      <c r="G6670" t="s">
        <v>30123</v>
      </c>
      <c r="H6670">
        <v>5.7530640048509998</v>
      </c>
      <c r="I6670">
        <v>50.886834370241999</v>
      </c>
      <c r="J6670" t="s">
        <v>62355</v>
      </c>
    </row>
    <row r="6671" spans="1:10" x14ac:dyDescent="0.25">
      <c r="A6671" t="s">
        <v>30115</v>
      </c>
      <c r="B6671" t="s">
        <v>30116</v>
      </c>
      <c r="C6671" t="s">
        <v>30117</v>
      </c>
      <c r="D6671" t="s">
        <v>29948</v>
      </c>
      <c r="E6671" t="s">
        <v>13</v>
      </c>
      <c r="F6671">
        <v>7411</v>
      </c>
      <c r="G6671" t="s">
        <v>30118</v>
      </c>
      <c r="H6671">
        <v>5.7358003309710002</v>
      </c>
      <c r="I6671">
        <v>50.827326999371003</v>
      </c>
      <c r="J6671" t="s">
        <v>62356</v>
      </c>
    </row>
    <row r="6672" spans="1:10" x14ac:dyDescent="0.25">
      <c r="A6672" t="s">
        <v>30111</v>
      </c>
      <c r="B6672" t="s">
        <v>30112</v>
      </c>
      <c r="C6672" t="s">
        <v>30113</v>
      </c>
      <c r="D6672" t="s">
        <v>29948</v>
      </c>
      <c r="E6672" t="s">
        <v>13</v>
      </c>
      <c r="F6672">
        <v>7410</v>
      </c>
      <c r="G6672" t="s">
        <v>30114</v>
      </c>
      <c r="H6672">
        <v>5.7229395398370002</v>
      </c>
      <c r="I6672">
        <v>50.823186738413</v>
      </c>
      <c r="J6672" t="s">
        <v>62357</v>
      </c>
    </row>
    <row r="6673" spans="1:10" x14ac:dyDescent="0.25">
      <c r="A6673" t="s">
        <v>30107</v>
      </c>
      <c r="B6673" t="s">
        <v>30108</v>
      </c>
      <c r="C6673" t="s">
        <v>30109</v>
      </c>
      <c r="D6673" t="s">
        <v>29948</v>
      </c>
      <c r="E6673" t="s">
        <v>13</v>
      </c>
      <c r="F6673">
        <v>7409</v>
      </c>
      <c r="G6673" t="s">
        <v>30110</v>
      </c>
      <c r="H6673">
        <v>5.7305149442680001</v>
      </c>
      <c r="I6673">
        <v>50.837908423503002</v>
      </c>
      <c r="J6673" t="s">
        <v>62358</v>
      </c>
    </row>
    <row r="6674" spans="1:10" x14ac:dyDescent="0.25">
      <c r="A6674" t="s">
        <v>30103</v>
      </c>
      <c r="B6674" t="s">
        <v>30104</v>
      </c>
      <c r="C6674" t="s">
        <v>30105</v>
      </c>
      <c r="D6674" t="s">
        <v>29948</v>
      </c>
      <c r="E6674" t="s">
        <v>13</v>
      </c>
      <c r="F6674">
        <v>7408</v>
      </c>
      <c r="G6674" t="s">
        <v>30106</v>
      </c>
      <c r="H6674">
        <v>5.703767599112</v>
      </c>
      <c r="I6674">
        <v>50.820929236417001</v>
      </c>
      <c r="J6674" t="s">
        <v>62359</v>
      </c>
    </row>
    <row r="6675" spans="1:10" x14ac:dyDescent="0.25">
      <c r="A6675" t="s">
        <v>30099</v>
      </c>
      <c r="B6675" t="s">
        <v>30100</v>
      </c>
      <c r="C6675" t="s">
        <v>30101</v>
      </c>
      <c r="D6675" t="s">
        <v>29948</v>
      </c>
      <c r="E6675" t="s">
        <v>13</v>
      </c>
      <c r="F6675">
        <v>7407</v>
      </c>
      <c r="G6675" t="s">
        <v>30102</v>
      </c>
      <c r="H6675">
        <v>5.7114843996970004</v>
      </c>
      <c r="I6675">
        <v>50.825648498135003</v>
      </c>
      <c r="J6675" t="s">
        <v>62360</v>
      </c>
    </row>
    <row r="6676" spans="1:10" x14ac:dyDescent="0.25">
      <c r="A6676" t="s">
        <v>30095</v>
      </c>
      <c r="B6676" t="s">
        <v>30096</v>
      </c>
      <c r="C6676" t="s">
        <v>30097</v>
      </c>
      <c r="D6676" t="s">
        <v>29948</v>
      </c>
      <c r="E6676" t="s">
        <v>13</v>
      </c>
      <c r="F6676">
        <v>7406</v>
      </c>
      <c r="G6676" t="s">
        <v>30098</v>
      </c>
      <c r="H6676">
        <v>5.7237602851859997</v>
      </c>
      <c r="I6676">
        <v>50.886013365183999</v>
      </c>
      <c r="J6676" t="s">
        <v>62361</v>
      </c>
    </row>
    <row r="6677" spans="1:10" x14ac:dyDescent="0.25">
      <c r="A6677" t="s">
        <v>30091</v>
      </c>
      <c r="B6677" t="s">
        <v>30092</v>
      </c>
      <c r="C6677" t="s">
        <v>30093</v>
      </c>
      <c r="D6677" t="s">
        <v>29948</v>
      </c>
      <c r="E6677" t="s">
        <v>13</v>
      </c>
      <c r="F6677">
        <v>7405</v>
      </c>
      <c r="G6677" t="s">
        <v>30094</v>
      </c>
      <c r="H6677">
        <v>5.7057483786549996</v>
      </c>
      <c r="I6677">
        <v>50.900002753682003</v>
      </c>
      <c r="J6677" t="s">
        <v>62362</v>
      </c>
    </row>
    <row r="6678" spans="1:10" x14ac:dyDescent="0.25">
      <c r="A6678" t="s">
        <v>30087</v>
      </c>
      <c r="B6678" t="s">
        <v>30088</v>
      </c>
      <c r="C6678" t="s">
        <v>30089</v>
      </c>
      <c r="D6678" t="s">
        <v>29948</v>
      </c>
      <c r="E6678" t="s">
        <v>13</v>
      </c>
      <c r="F6678">
        <v>7404</v>
      </c>
      <c r="G6678" t="s">
        <v>30090</v>
      </c>
      <c r="H6678">
        <v>5.6933536871979999</v>
      </c>
      <c r="I6678">
        <v>50.882111410789001</v>
      </c>
      <c r="J6678" t="s">
        <v>62363</v>
      </c>
    </row>
    <row r="6679" spans="1:10" x14ac:dyDescent="0.25">
      <c r="A6679" t="s">
        <v>30083</v>
      </c>
      <c r="B6679" t="s">
        <v>30084</v>
      </c>
      <c r="C6679" t="s">
        <v>30085</v>
      </c>
      <c r="D6679" t="s">
        <v>29948</v>
      </c>
      <c r="E6679" t="s">
        <v>13</v>
      </c>
      <c r="F6679">
        <v>7403</v>
      </c>
      <c r="G6679" t="s">
        <v>30086</v>
      </c>
      <c r="H6679">
        <v>5.7134610923729996</v>
      </c>
      <c r="I6679">
        <v>50.879102328881999</v>
      </c>
      <c r="J6679" t="s">
        <v>62364</v>
      </c>
    </row>
    <row r="6680" spans="1:10" x14ac:dyDescent="0.25">
      <c r="A6680" t="s">
        <v>30079</v>
      </c>
      <c r="B6680" t="s">
        <v>30080</v>
      </c>
      <c r="C6680" t="s">
        <v>30081</v>
      </c>
      <c r="D6680" t="s">
        <v>29948</v>
      </c>
      <c r="E6680" t="s">
        <v>13</v>
      </c>
      <c r="F6680">
        <v>7402</v>
      </c>
      <c r="G6680" t="s">
        <v>30082</v>
      </c>
      <c r="H6680">
        <v>5.7393958559360003</v>
      </c>
      <c r="I6680">
        <v>50.863527425550998</v>
      </c>
      <c r="J6680" t="s">
        <v>62365</v>
      </c>
    </row>
    <row r="6681" spans="1:10" x14ac:dyDescent="0.25">
      <c r="A6681" t="s">
        <v>30075</v>
      </c>
      <c r="B6681" t="s">
        <v>30076</v>
      </c>
      <c r="C6681" t="s">
        <v>30077</v>
      </c>
      <c r="D6681" t="s">
        <v>29948</v>
      </c>
      <c r="E6681" t="s">
        <v>13</v>
      </c>
      <c r="F6681">
        <v>7401</v>
      </c>
      <c r="G6681" t="s">
        <v>30078</v>
      </c>
      <c r="H6681">
        <v>5.7389695357820001</v>
      </c>
      <c r="I6681">
        <v>50.848455267071998</v>
      </c>
      <c r="J6681" t="s">
        <v>62366</v>
      </c>
    </row>
    <row r="6682" spans="1:10" x14ac:dyDescent="0.25">
      <c r="A6682" t="s">
        <v>30071</v>
      </c>
      <c r="B6682" t="s">
        <v>30072</v>
      </c>
      <c r="C6682" t="s">
        <v>30073</v>
      </c>
      <c r="D6682" t="s">
        <v>29948</v>
      </c>
      <c r="E6682" t="s">
        <v>13</v>
      </c>
      <c r="F6682">
        <v>7400</v>
      </c>
      <c r="G6682" t="s">
        <v>30074</v>
      </c>
      <c r="H6682">
        <v>5.7056371538319999</v>
      </c>
      <c r="I6682">
        <v>50.866764216641002</v>
      </c>
      <c r="J6682" t="s">
        <v>62367</v>
      </c>
    </row>
    <row r="6683" spans="1:10" x14ac:dyDescent="0.25">
      <c r="A6683" t="s">
        <v>30067</v>
      </c>
      <c r="B6683" t="s">
        <v>30068</v>
      </c>
      <c r="C6683" t="s">
        <v>30069</v>
      </c>
      <c r="D6683" t="s">
        <v>29948</v>
      </c>
      <c r="E6683" t="s">
        <v>13</v>
      </c>
      <c r="F6683">
        <v>7399</v>
      </c>
      <c r="G6683" t="s">
        <v>30070</v>
      </c>
      <c r="H6683">
        <v>5.7212600538649996</v>
      </c>
      <c r="I6683">
        <v>50.868778127014998</v>
      </c>
      <c r="J6683" t="s">
        <v>62368</v>
      </c>
    </row>
    <row r="6684" spans="1:10" x14ac:dyDescent="0.25">
      <c r="A6684" t="s">
        <v>30063</v>
      </c>
      <c r="B6684" t="s">
        <v>30064</v>
      </c>
      <c r="C6684" t="s">
        <v>30065</v>
      </c>
      <c r="D6684" t="s">
        <v>29948</v>
      </c>
      <c r="E6684" t="s">
        <v>13</v>
      </c>
      <c r="F6684">
        <v>7398</v>
      </c>
      <c r="G6684" t="s">
        <v>30066</v>
      </c>
      <c r="H6684">
        <v>5.717206545662</v>
      </c>
      <c r="I6684">
        <v>50.854855294209997</v>
      </c>
      <c r="J6684" t="s">
        <v>62369</v>
      </c>
    </row>
    <row r="6685" spans="1:10" x14ac:dyDescent="0.25">
      <c r="A6685" t="s">
        <v>30059</v>
      </c>
      <c r="B6685" t="s">
        <v>30060</v>
      </c>
      <c r="C6685" t="s">
        <v>30061</v>
      </c>
      <c r="D6685" t="s">
        <v>29948</v>
      </c>
      <c r="E6685" t="s">
        <v>13</v>
      </c>
      <c r="F6685">
        <v>7397</v>
      </c>
      <c r="G6685" t="s">
        <v>30062</v>
      </c>
      <c r="H6685">
        <v>5.7083266623859998</v>
      </c>
      <c r="I6685">
        <v>50.842956474699001</v>
      </c>
      <c r="J6685" t="s">
        <v>62370</v>
      </c>
    </row>
    <row r="6686" spans="1:10" x14ac:dyDescent="0.25">
      <c r="A6686" t="s">
        <v>30055</v>
      </c>
      <c r="B6686" t="s">
        <v>30056</v>
      </c>
      <c r="C6686" t="s">
        <v>30057</v>
      </c>
      <c r="D6686" t="s">
        <v>29948</v>
      </c>
      <c r="E6686" t="s">
        <v>13</v>
      </c>
      <c r="F6686">
        <v>7396</v>
      </c>
      <c r="G6686" t="s">
        <v>30058</v>
      </c>
      <c r="H6686">
        <v>5.7084021163590002</v>
      </c>
      <c r="I6686">
        <v>50.852585062353</v>
      </c>
      <c r="J6686" t="s">
        <v>62371</v>
      </c>
    </row>
    <row r="6687" spans="1:10" x14ac:dyDescent="0.25">
      <c r="A6687" t="s">
        <v>30051</v>
      </c>
      <c r="B6687" t="s">
        <v>30052</v>
      </c>
      <c r="C6687" t="s">
        <v>30053</v>
      </c>
      <c r="D6687" t="s">
        <v>29948</v>
      </c>
      <c r="E6687" t="s">
        <v>13</v>
      </c>
      <c r="F6687">
        <v>7395</v>
      </c>
      <c r="G6687" t="s">
        <v>30054</v>
      </c>
      <c r="H6687">
        <v>5.6686217971759998</v>
      </c>
      <c r="I6687">
        <v>50.875243346063002</v>
      </c>
      <c r="J6687" t="s">
        <v>62372</v>
      </c>
    </row>
    <row r="6688" spans="1:10" x14ac:dyDescent="0.25">
      <c r="A6688" t="s">
        <v>30047</v>
      </c>
      <c r="B6688" t="s">
        <v>30048</v>
      </c>
      <c r="C6688" t="s">
        <v>30049</v>
      </c>
      <c r="D6688" t="s">
        <v>29948</v>
      </c>
      <c r="E6688" t="s">
        <v>13</v>
      </c>
      <c r="F6688">
        <v>7394</v>
      </c>
      <c r="G6688" t="s">
        <v>30050</v>
      </c>
      <c r="H6688">
        <v>5.6780711416000003</v>
      </c>
      <c r="I6688">
        <v>50.870107265286997</v>
      </c>
      <c r="J6688" t="s">
        <v>62373</v>
      </c>
    </row>
    <row r="6689" spans="1:10" x14ac:dyDescent="0.25">
      <c r="A6689" t="s">
        <v>30043</v>
      </c>
      <c r="B6689" t="s">
        <v>30044</v>
      </c>
      <c r="C6689" t="s">
        <v>30045</v>
      </c>
      <c r="D6689" t="s">
        <v>29948</v>
      </c>
      <c r="E6689" t="s">
        <v>13</v>
      </c>
      <c r="F6689">
        <v>7393</v>
      </c>
      <c r="G6689" t="s">
        <v>30046</v>
      </c>
      <c r="H6689">
        <v>5.6818884837979997</v>
      </c>
      <c r="I6689">
        <v>50.855610681663997</v>
      </c>
      <c r="J6689" t="s">
        <v>62374</v>
      </c>
    </row>
    <row r="6690" spans="1:10" x14ac:dyDescent="0.25">
      <c r="A6690" t="s">
        <v>30039</v>
      </c>
      <c r="B6690" t="s">
        <v>30040</v>
      </c>
      <c r="C6690" t="s">
        <v>30041</v>
      </c>
      <c r="D6690" t="s">
        <v>29948</v>
      </c>
      <c r="E6690" t="s">
        <v>13</v>
      </c>
      <c r="F6690">
        <v>7392</v>
      </c>
      <c r="G6690" t="s">
        <v>30042</v>
      </c>
      <c r="H6690">
        <v>5.6795152973549996</v>
      </c>
      <c r="I6690">
        <v>50.860766182315999</v>
      </c>
      <c r="J6690" t="s">
        <v>62375</v>
      </c>
    </row>
    <row r="6691" spans="1:10" x14ac:dyDescent="0.25">
      <c r="A6691" t="s">
        <v>30035</v>
      </c>
      <c r="B6691" t="s">
        <v>30036</v>
      </c>
      <c r="C6691" t="s">
        <v>30037</v>
      </c>
      <c r="D6691" t="s">
        <v>29948</v>
      </c>
      <c r="E6691" t="s">
        <v>13</v>
      </c>
      <c r="F6691">
        <v>7391</v>
      </c>
      <c r="G6691" t="s">
        <v>30038</v>
      </c>
      <c r="H6691">
        <v>5.6891489897570002</v>
      </c>
      <c r="I6691">
        <v>50.868057680275001</v>
      </c>
      <c r="J6691" t="s">
        <v>62376</v>
      </c>
    </row>
    <row r="6692" spans="1:10" x14ac:dyDescent="0.25">
      <c r="A6692" t="s">
        <v>30031</v>
      </c>
      <c r="B6692" t="s">
        <v>30032</v>
      </c>
      <c r="C6692" t="s">
        <v>30033</v>
      </c>
      <c r="D6692" t="s">
        <v>29948</v>
      </c>
      <c r="E6692" t="s">
        <v>13</v>
      </c>
      <c r="F6692">
        <v>7390</v>
      </c>
      <c r="G6692" t="s">
        <v>30034</v>
      </c>
      <c r="H6692">
        <v>5.6527824300949998</v>
      </c>
      <c r="I6692">
        <v>50.840449879194999</v>
      </c>
      <c r="J6692" t="s">
        <v>62377</v>
      </c>
    </row>
    <row r="6693" spans="1:10" x14ac:dyDescent="0.25">
      <c r="A6693" t="s">
        <v>30027</v>
      </c>
      <c r="B6693" t="s">
        <v>30028</v>
      </c>
      <c r="C6693" t="s">
        <v>30029</v>
      </c>
      <c r="D6693" t="s">
        <v>29948</v>
      </c>
      <c r="E6693" t="s">
        <v>13</v>
      </c>
      <c r="F6693">
        <v>7389</v>
      </c>
      <c r="G6693" t="s">
        <v>30030</v>
      </c>
      <c r="H6693">
        <v>5.6470536644470002</v>
      </c>
      <c r="I6693">
        <v>50.850903159139001</v>
      </c>
      <c r="J6693" t="s">
        <v>62378</v>
      </c>
    </row>
    <row r="6694" spans="1:10" x14ac:dyDescent="0.25">
      <c r="A6694" t="s">
        <v>30023</v>
      </c>
      <c r="B6694" t="s">
        <v>30024</v>
      </c>
      <c r="C6694" t="s">
        <v>30025</v>
      </c>
      <c r="D6694" t="s">
        <v>29948</v>
      </c>
      <c r="E6694" t="s">
        <v>13</v>
      </c>
      <c r="F6694">
        <v>7388</v>
      </c>
      <c r="G6694" t="s">
        <v>30026</v>
      </c>
      <c r="H6694">
        <v>5.6522950787869997</v>
      </c>
      <c r="I6694">
        <v>50.862733856436002</v>
      </c>
      <c r="J6694" t="s">
        <v>62379</v>
      </c>
    </row>
    <row r="6695" spans="1:10" x14ac:dyDescent="0.25">
      <c r="A6695" t="s">
        <v>30019</v>
      </c>
      <c r="B6695" t="s">
        <v>30020</v>
      </c>
      <c r="C6695" t="s">
        <v>30021</v>
      </c>
      <c r="D6695" t="s">
        <v>29948</v>
      </c>
      <c r="E6695" t="s">
        <v>13</v>
      </c>
      <c r="F6695">
        <v>7387</v>
      </c>
      <c r="G6695" t="s">
        <v>30022</v>
      </c>
      <c r="H6695">
        <v>5.6597382203829998</v>
      </c>
      <c r="I6695">
        <v>50.869625270397002</v>
      </c>
      <c r="J6695" t="s">
        <v>62380</v>
      </c>
    </row>
    <row r="6696" spans="1:10" x14ac:dyDescent="0.25">
      <c r="A6696" t="s">
        <v>30015</v>
      </c>
      <c r="B6696" t="s">
        <v>30016</v>
      </c>
      <c r="C6696" t="s">
        <v>30017</v>
      </c>
      <c r="D6696" t="s">
        <v>29948</v>
      </c>
      <c r="E6696" t="s">
        <v>13</v>
      </c>
      <c r="F6696">
        <v>7386</v>
      </c>
      <c r="G6696" t="s">
        <v>30018</v>
      </c>
      <c r="H6696">
        <v>5.6715980335399996</v>
      </c>
      <c r="I6696">
        <v>50.859263065134002</v>
      </c>
      <c r="J6696" t="s">
        <v>62381</v>
      </c>
    </row>
    <row r="6697" spans="1:10" x14ac:dyDescent="0.25">
      <c r="A6697" t="s">
        <v>30011</v>
      </c>
      <c r="B6697" t="s">
        <v>30012</v>
      </c>
      <c r="C6697" t="s">
        <v>30013</v>
      </c>
      <c r="D6697" t="s">
        <v>29948</v>
      </c>
      <c r="E6697" t="s">
        <v>13</v>
      </c>
      <c r="F6697">
        <v>7385</v>
      </c>
      <c r="G6697" t="s">
        <v>30014</v>
      </c>
      <c r="H6697">
        <v>5.661690692144</v>
      </c>
      <c r="I6697">
        <v>50.857614903990999</v>
      </c>
      <c r="J6697" t="s">
        <v>62382</v>
      </c>
    </row>
    <row r="6698" spans="1:10" x14ac:dyDescent="0.25">
      <c r="A6698" t="s">
        <v>30007</v>
      </c>
      <c r="B6698" t="s">
        <v>30008</v>
      </c>
      <c r="C6698" t="s">
        <v>30009</v>
      </c>
      <c r="D6698" t="s">
        <v>29948</v>
      </c>
      <c r="E6698" t="s">
        <v>13</v>
      </c>
      <c r="F6698">
        <v>7384</v>
      </c>
      <c r="G6698" t="s">
        <v>30010</v>
      </c>
      <c r="H6698">
        <v>5.657648406381</v>
      </c>
      <c r="I6698">
        <v>50.852317504680002</v>
      </c>
      <c r="J6698" t="s">
        <v>62383</v>
      </c>
    </row>
    <row r="6699" spans="1:10" x14ac:dyDescent="0.25">
      <c r="A6699" t="s">
        <v>30003</v>
      </c>
      <c r="B6699" t="s">
        <v>30004</v>
      </c>
      <c r="C6699" t="s">
        <v>30005</v>
      </c>
      <c r="D6699" t="s">
        <v>29948</v>
      </c>
      <c r="E6699" t="s">
        <v>13</v>
      </c>
      <c r="F6699">
        <v>7383</v>
      </c>
      <c r="G6699" t="s">
        <v>30006</v>
      </c>
      <c r="H6699">
        <v>5.6592056293550002</v>
      </c>
      <c r="I6699">
        <v>50.846058680755</v>
      </c>
      <c r="J6699" t="s">
        <v>62384</v>
      </c>
    </row>
    <row r="6700" spans="1:10" x14ac:dyDescent="0.25">
      <c r="A6700" t="s">
        <v>29999</v>
      </c>
      <c r="B6700" t="s">
        <v>30000</v>
      </c>
      <c r="C6700" t="s">
        <v>30001</v>
      </c>
      <c r="D6700" t="s">
        <v>29948</v>
      </c>
      <c r="E6700" t="s">
        <v>13</v>
      </c>
      <c r="F6700">
        <v>7382</v>
      </c>
      <c r="G6700" t="s">
        <v>30002</v>
      </c>
      <c r="H6700">
        <v>5.6724014849940003</v>
      </c>
      <c r="I6700">
        <v>50.844800067468</v>
      </c>
      <c r="J6700" t="s">
        <v>62385</v>
      </c>
    </row>
    <row r="6701" spans="1:10" x14ac:dyDescent="0.25">
      <c r="A6701" t="s">
        <v>29995</v>
      </c>
      <c r="B6701" t="s">
        <v>29996</v>
      </c>
      <c r="C6701" t="s">
        <v>29997</v>
      </c>
      <c r="D6701" t="s">
        <v>29948</v>
      </c>
      <c r="E6701" t="s">
        <v>13</v>
      </c>
      <c r="F6701">
        <v>7381</v>
      </c>
      <c r="G6701" t="s">
        <v>29998</v>
      </c>
      <c r="H6701">
        <v>5.669156172089</v>
      </c>
      <c r="I6701">
        <v>50.851000704984003</v>
      </c>
      <c r="J6701" t="s">
        <v>62386</v>
      </c>
    </row>
    <row r="6702" spans="1:10" x14ac:dyDescent="0.25">
      <c r="A6702" t="s">
        <v>29991</v>
      </c>
      <c r="B6702" t="s">
        <v>29992</v>
      </c>
      <c r="C6702" t="s">
        <v>29993</v>
      </c>
      <c r="D6702" t="s">
        <v>29948</v>
      </c>
      <c r="E6702" t="s">
        <v>13</v>
      </c>
      <c r="F6702">
        <v>7380</v>
      </c>
      <c r="G6702" t="s">
        <v>29994</v>
      </c>
      <c r="H6702">
        <v>5.6772119462489998</v>
      </c>
      <c r="I6702">
        <v>50.825217425513003</v>
      </c>
      <c r="J6702" t="s">
        <v>62387</v>
      </c>
    </row>
    <row r="6703" spans="1:10" x14ac:dyDescent="0.25">
      <c r="A6703" t="s">
        <v>29987</v>
      </c>
      <c r="B6703" t="s">
        <v>29988</v>
      </c>
      <c r="C6703" t="s">
        <v>29989</v>
      </c>
      <c r="D6703" t="s">
        <v>29948</v>
      </c>
      <c r="E6703" t="s">
        <v>13</v>
      </c>
      <c r="F6703">
        <v>7379</v>
      </c>
      <c r="G6703" t="s">
        <v>29990</v>
      </c>
      <c r="H6703">
        <v>5.6538337308319999</v>
      </c>
      <c r="I6703">
        <v>50.832797691876998</v>
      </c>
      <c r="J6703" t="s">
        <v>62388</v>
      </c>
    </row>
    <row r="6704" spans="1:10" x14ac:dyDescent="0.25">
      <c r="A6704" t="s">
        <v>29983</v>
      </c>
      <c r="B6704" t="s">
        <v>29984</v>
      </c>
      <c r="C6704" t="s">
        <v>29985</v>
      </c>
      <c r="D6704" t="s">
        <v>29948</v>
      </c>
      <c r="E6704" t="s">
        <v>13</v>
      </c>
      <c r="F6704">
        <v>7378</v>
      </c>
      <c r="G6704" t="s">
        <v>29986</v>
      </c>
      <c r="H6704">
        <v>5.6630755642389996</v>
      </c>
      <c r="I6704">
        <v>50.836801277835001</v>
      </c>
      <c r="J6704" t="s">
        <v>62389</v>
      </c>
    </row>
    <row r="6705" spans="1:10" x14ac:dyDescent="0.25">
      <c r="A6705" t="s">
        <v>29980</v>
      </c>
      <c r="B6705" t="s">
        <v>29981</v>
      </c>
      <c r="C6705" t="s">
        <v>21539</v>
      </c>
      <c r="D6705" t="s">
        <v>29948</v>
      </c>
      <c r="E6705" t="s">
        <v>13</v>
      </c>
      <c r="F6705">
        <v>7377</v>
      </c>
      <c r="G6705" t="s">
        <v>29982</v>
      </c>
      <c r="H6705">
        <v>5.674168800086</v>
      </c>
      <c r="I6705">
        <v>50.840129885132001</v>
      </c>
      <c r="J6705" t="s">
        <v>62390</v>
      </c>
    </row>
    <row r="6706" spans="1:10" x14ac:dyDescent="0.25">
      <c r="A6706" t="s">
        <v>29976</v>
      </c>
      <c r="B6706" t="s">
        <v>29977</v>
      </c>
      <c r="C6706" t="s">
        <v>29978</v>
      </c>
      <c r="D6706" t="s">
        <v>29948</v>
      </c>
      <c r="E6706" t="s">
        <v>13</v>
      </c>
      <c r="F6706">
        <v>7376</v>
      </c>
      <c r="G6706" t="s">
        <v>29979</v>
      </c>
      <c r="H6706">
        <v>5.683270524608</v>
      </c>
      <c r="I6706">
        <v>50.838583359158001</v>
      </c>
      <c r="J6706" t="s">
        <v>62391</v>
      </c>
    </row>
    <row r="6707" spans="1:10" x14ac:dyDescent="0.25">
      <c r="A6707" t="s">
        <v>29973</v>
      </c>
      <c r="B6707" t="s">
        <v>29974</v>
      </c>
      <c r="C6707" t="s">
        <v>10408</v>
      </c>
      <c r="D6707" t="s">
        <v>29948</v>
      </c>
      <c r="E6707" t="s">
        <v>13</v>
      </c>
      <c r="F6707">
        <v>7375</v>
      </c>
      <c r="G6707" t="s">
        <v>29975</v>
      </c>
      <c r="H6707">
        <v>5.6943130967400002</v>
      </c>
      <c r="I6707">
        <v>50.835750285350002</v>
      </c>
      <c r="J6707" t="s">
        <v>62392</v>
      </c>
    </row>
    <row r="6708" spans="1:10" x14ac:dyDescent="0.25">
      <c r="A6708" t="s">
        <v>29969</v>
      </c>
      <c r="B6708" t="s">
        <v>29970</v>
      </c>
      <c r="C6708" t="s">
        <v>29971</v>
      </c>
      <c r="D6708" t="s">
        <v>29948</v>
      </c>
      <c r="E6708" t="s">
        <v>13</v>
      </c>
      <c r="F6708">
        <v>7374</v>
      </c>
      <c r="G6708" t="s">
        <v>29972</v>
      </c>
      <c r="H6708">
        <v>5.7013686411210003</v>
      </c>
      <c r="I6708">
        <v>50.847208237700997</v>
      </c>
      <c r="J6708" t="s">
        <v>62393</v>
      </c>
    </row>
    <row r="6709" spans="1:10" x14ac:dyDescent="0.25">
      <c r="A6709" t="s">
        <v>29965</v>
      </c>
      <c r="B6709" t="s">
        <v>29966</v>
      </c>
      <c r="C6709" t="s">
        <v>29967</v>
      </c>
      <c r="D6709" t="s">
        <v>29948</v>
      </c>
      <c r="E6709" t="s">
        <v>13</v>
      </c>
      <c r="F6709">
        <v>7373</v>
      </c>
      <c r="G6709" t="s">
        <v>29968</v>
      </c>
      <c r="H6709">
        <v>5.7000320364860002</v>
      </c>
      <c r="I6709">
        <v>50.855268272562</v>
      </c>
      <c r="J6709" t="s">
        <v>62394</v>
      </c>
    </row>
    <row r="6710" spans="1:10" x14ac:dyDescent="0.25">
      <c r="A6710" t="s">
        <v>29961</v>
      </c>
      <c r="B6710" t="s">
        <v>29962</v>
      </c>
      <c r="C6710" t="s">
        <v>29963</v>
      </c>
      <c r="D6710" t="s">
        <v>29948</v>
      </c>
      <c r="E6710" t="s">
        <v>13</v>
      </c>
      <c r="F6710">
        <v>7372</v>
      </c>
      <c r="G6710" t="s">
        <v>29964</v>
      </c>
      <c r="H6710">
        <v>5.6933617109519998</v>
      </c>
      <c r="I6710">
        <v>50.856004388682997</v>
      </c>
      <c r="J6710" t="s">
        <v>62395</v>
      </c>
    </row>
    <row r="6711" spans="1:10" x14ac:dyDescent="0.25">
      <c r="A6711" t="s">
        <v>29958</v>
      </c>
      <c r="B6711" t="s">
        <v>29959</v>
      </c>
      <c r="C6711" t="s">
        <v>3291</v>
      </c>
      <c r="D6711" t="s">
        <v>29948</v>
      </c>
      <c r="E6711" t="s">
        <v>13</v>
      </c>
      <c r="F6711">
        <v>7371</v>
      </c>
      <c r="G6711" t="s">
        <v>29960</v>
      </c>
      <c r="H6711">
        <v>5.6851158016710004</v>
      </c>
      <c r="I6711">
        <v>50.852641439152002</v>
      </c>
      <c r="J6711" t="s">
        <v>62396</v>
      </c>
    </row>
    <row r="6712" spans="1:10" x14ac:dyDescent="0.25">
      <c r="A6712" t="s">
        <v>29954</v>
      </c>
      <c r="B6712" t="s">
        <v>29955</v>
      </c>
      <c r="C6712" t="s">
        <v>29956</v>
      </c>
      <c r="D6712" t="s">
        <v>29948</v>
      </c>
      <c r="E6712" t="s">
        <v>13</v>
      </c>
      <c r="F6712">
        <v>7370</v>
      </c>
      <c r="G6712" t="s">
        <v>29957</v>
      </c>
      <c r="H6712">
        <v>5.6827205210880001</v>
      </c>
      <c r="I6712">
        <v>50.847520979906001</v>
      </c>
      <c r="J6712" t="s">
        <v>62397</v>
      </c>
    </row>
    <row r="6713" spans="1:10" x14ac:dyDescent="0.25">
      <c r="A6713" t="s">
        <v>29950</v>
      </c>
      <c r="B6713" t="s">
        <v>29951</v>
      </c>
      <c r="C6713" t="s">
        <v>29952</v>
      </c>
      <c r="D6713" t="s">
        <v>29948</v>
      </c>
      <c r="E6713" t="s">
        <v>13</v>
      </c>
      <c r="F6713">
        <v>7369</v>
      </c>
      <c r="G6713" t="s">
        <v>29953</v>
      </c>
      <c r="H6713">
        <v>5.6907153647369997</v>
      </c>
      <c r="I6713">
        <v>50.844371051944002</v>
      </c>
      <c r="J6713" t="s">
        <v>62398</v>
      </c>
    </row>
    <row r="6714" spans="1:10" x14ac:dyDescent="0.25">
      <c r="A6714" t="s">
        <v>29946</v>
      </c>
      <c r="B6714" t="s">
        <v>29947</v>
      </c>
      <c r="C6714" t="s">
        <v>2874</v>
      </c>
      <c r="D6714" t="s">
        <v>29948</v>
      </c>
      <c r="E6714" t="s">
        <v>13</v>
      </c>
      <c r="F6714">
        <v>7368</v>
      </c>
      <c r="G6714" t="s">
        <v>29949</v>
      </c>
      <c r="H6714">
        <v>5.6914714113620004</v>
      </c>
      <c r="I6714">
        <v>50.849273025305003</v>
      </c>
      <c r="J6714" t="s">
        <v>62399</v>
      </c>
    </row>
    <row r="6715" spans="1:10" x14ac:dyDescent="0.25">
      <c r="A6715" t="s">
        <v>29942</v>
      </c>
      <c r="B6715" t="s">
        <v>29943</v>
      </c>
      <c r="C6715" t="s">
        <v>29944</v>
      </c>
      <c r="D6715" t="s">
        <v>29876</v>
      </c>
      <c r="E6715" t="s">
        <v>13</v>
      </c>
      <c r="F6715">
        <v>7367</v>
      </c>
      <c r="G6715" t="s">
        <v>29945</v>
      </c>
      <c r="H6715">
        <v>6.0753998834939997</v>
      </c>
      <c r="I6715">
        <v>50.882777007350001</v>
      </c>
      <c r="J6715" t="s">
        <v>62400</v>
      </c>
    </row>
    <row r="6716" spans="1:10" x14ac:dyDescent="0.25">
      <c r="A6716" t="s">
        <v>29938</v>
      </c>
      <c r="B6716" t="s">
        <v>29939</v>
      </c>
      <c r="C6716" t="s">
        <v>29940</v>
      </c>
      <c r="D6716" t="s">
        <v>29876</v>
      </c>
      <c r="E6716" t="s">
        <v>13</v>
      </c>
      <c r="F6716">
        <v>7366</v>
      </c>
      <c r="G6716" t="s">
        <v>29941</v>
      </c>
      <c r="H6716">
        <v>6.0659639696719996</v>
      </c>
      <c r="I6716">
        <v>50.876187458726001</v>
      </c>
      <c r="J6716" t="s">
        <v>62401</v>
      </c>
    </row>
    <row r="6717" spans="1:10" x14ac:dyDescent="0.25">
      <c r="A6717" t="s">
        <v>29934</v>
      </c>
      <c r="B6717" t="s">
        <v>29935</v>
      </c>
      <c r="C6717" t="s">
        <v>29936</v>
      </c>
      <c r="D6717" t="s">
        <v>29876</v>
      </c>
      <c r="E6717" t="s">
        <v>13</v>
      </c>
      <c r="F6717">
        <v>7365</v>
      </c>
      <c r="G6717" t="s">
        <v>29937</v>
      </c>
      <c r="H6717">
        <v>6.0611165934290003</v>
      </c>
      <c r="I6717">
        <v>50.884311443523004</v>
      </c>
      <c r="J6717" t="s">
        <v>62402</v>
      </c>
    </row>
    <row r="6718" spans="1:10" x14ac:dyDescent="0.25">
      <c r="A6718" t="s">
        <v>29930</v>
      </c>
      <c r="B6718" t="s">
        <v>29931</v>
      </c>
      <c r="C6718" t="s">
        <v>29932</v>
      </c>
      <c r="D6718" t="s">
        <v>29876</v>
      </c>
      <c r="E6718" t="s">
        <v>13</v>
      </c>
      <c r="F6718">
        <v>7364</v>
      </c>
      <c r="G6718" t="s">
        <v>29933</v>
      </c>
      <c r="H6718">
        <v>6.0612770147179997</v>
      </c>
      <c r="I6718">
        <v>50.899856859158</v>
      </c>
      <c r="J6718" t="s">
        <v>62403</v>
      </c>
    </row>
    <row r="6719" spans="1:10" x14ac:dyDescent="0.25">
      <c r="A6719" t="s">
        <v>29926</v>
      </c>
      <c r="B6719" t="s">
        <v>29927</v>
      </c>
      <c r="C6719" t="s">
        <v>29928</v>
      </c>
      <c r="D6719" t="s">
        <v>29876</v>
      </c>
      <c r="E6719" t="s">
        <v>13</v>
      </c>
      <c r="F6719">
        <v>7363</v>
      </c>
      <c r="G6719" t="s">
        <v>29929</v>
      </c>
      <c r="H6719">
        <v>6.049871362108</v>
      </c>
      <c r="I6719">
        <v>50.891378787142997</v>
      </c>
      <c r="J6719" t="s">
        <v>62404</v>
      </c>
    </row>
    <row r="6720" spans="1:10" x14ac:dyDescent="0.25">
      <c r="A6720" t="s">
        <v>29922</v>
      </c>
      <c r="B6720" t="s">
        <v>29923</v>
      </c>
      <c r="C6720" t="s">
        <v>29924</v>
      </c>
      <c r="D6720" t="s">
        <v>29876</v>
      </c>
      <c r="E6720" t="s">
        <v>13</v>
      </c>
      <c r="F6720">
        <v>7362</v>
      </c>
      <c r="G6720" t="s">
        <v>29925</v>
      </c>
      <c r="H6720">
        <v>6.067304756005</v>
      </c>
      <c r="I6720">
        <v>50.894907128714003</v>
      </c>
      <c r="J6720" t="s">
        <v>62405</v>
      </c>
    </row>
    <row r="6721" spans="1:10" x14ac:dyDescent="0.25">
      <c r="A6721" t="s">
        <v>29918</v>
      </c>
      <c r="B6721" t="s">
        <v>29919</v>
      </c>
      <c r="C6721" t="s">
        <v>29920</v>
      </c>
      <c r="D6721" t="s">
        <v>29876</v>
      </c>
      <c r="E6721" t="s">
        <v>13</v>
      </c>
      <c r="F6721">
        <v>7361</v>
      </c>
      <c r="G6721" t="s">
        <v>29921</v>
      </c>
      <c r="H6721">
        <v>6.0681412505739996</v>
      </c>
      <c r="I6721">
        <v>50.852081267631</v>
      </c>
      <c r="J6721" t="s">
        <v>62406</v>
      </c>
    </row>
    <row r="6722" spans="1:10" x14ac:dyDescent="0.25">
      <c r="A6722" t="s">
        <v>29914</v>
      </c>
      <c r="B6722" t="s">
        <v>29915</v>
      </c>
      <c r="C6722" t="s">
        <v>29916</v>
      </c>
      <c r="D6722" t="s">
        <v>29876</v>
      </c>
      <c r="E6722" t="s">
        <v>13</v>
      </c>
      <c r="F6722">
        <v>7360</v>
      </c>
      <c r="G6722" t="s">
        <v>29917</v>
      </c>
      <c r="H6722">
        <v>6.0666082835359996</v>
      </c>
      <c r="I6722">
        <v>50.857351857699001</v>
      </c>
      <c r="J6722" t="s">
        <v>62407</v>
      </c>
    </row>
    <row r="6723" spans="1:10" x14ac:dyDescent="0.25">
      <c r="A6723" t="s">
        <v>29910</v>
      </c>
      <c r="B6723" t="s">
        <v>29911</v>
      </c>
      <c r="C6723" t="s">
        <v>29912</v>
      </c>
      <c r="D6723" t="s">
        <v>29876</v>
      </c>
      <c r="E6723" t="s">
        <v>13</v>
      </c>
      <c r="F6723">
        <v>7359</v>
      </c>
      <c r="G6723" t="s">
        <v>29913</v>
      </c>
      <c r="H6723">
        <v>6.0761845186860004</v>
      </c>
      <c r="I6723">
        <v>50.863737083052001</v>
      </c>
      <c r="J6723" t="s">
        <v>62408</v>
      </c>
    </row>
    <row r="6724" spans="1:10" x14ac:dyDescent="0.25">
      <c r="A6724" t="s">
        <v>29906</v>
      </c>
      <c r="B6724" t="s">
        <v>29907</v>
      </c>
      <c r="C6724" t="s">
        <v>29908</v>
      </c>
      <c r="D6724" t="s">
        <v>29876</v>
      </c>
      <c r="E6724" t="s">
        <v>13</v>
      </c>
      <c r="F6724">
        <v>7358</v>
      </c>
      <c r="G6724" t="s">
        <v>29909</v>
      </c>
      <c r="H6724">
        <v>6.077688731286</v>
      </c>
      <c r="I6724">
        <v>50.871544982769002</v>
      </c>
      <c r="J6724" t="s">
        <v>62409</v>
      </c>
    </row>
    <row r="6725" spans="1:10" x14ac:dyDescent="0.25">
      <c r="A6725" t="s">
        <v>29902</v>
      </c>
      <c r="B6725" t="s">
        <v>29903</v>
      </c>
      <c r="C6725" t="s">
        <v>29904</v>
      </c>
      <c r="D6725" t="s">
        <v>29876</v>
      </c>
      <c r="E6725" t="s">
        <v>13</v>
      </c>
      <c r="F6725">
        <v>7357</v>
      </c>
      <c r="G6725" t="s">
        <v>29905</v>
      </c>
      <c r="H6725">
        <v>6.063008374811</v>
      </c>
      <c r="I6725">
        <v>50.872038155470001</v>
      </c>
      <c r="J6725" t="s">
        <v>62410</v>
      </c>
    </row>
    <row r="6726" spans="1:10" x14ac:dyDescent="0.25">
      <c r="A6726" t="s">
        <v>29898</v>
      </c>
      <c r="B6726" t="s">
        <v>29899</v>
      </c>
      <c r="C6726" t="s">
        <v>29900</v>
      </c>
      <c r="D6726" t="s">
        <v>29876</v>
      </c>
      <c r="E6726" t="s">
        <v>13</v>
      </c>
      <c r="F6726">
        <v>7356</v>
      </c>
      <c r="G6726" t="s">
        <v>29901</v>
      </c>
      <c r="H6726">
        <v>6.0584113345299997</v>
      </c>
      <c r="I6726">
        <v>50.864043284025001</v>
      </c>
      <c r="J6726" t="s">
        <v>62411</v>
      </c>
    </row>
    <row r="6727" spans="1:10" x14ac:dyDescent="0.25">
      <c r="A6727" t="s">
        <v>29894</v>
      </c>
      <c r="B6727" t="s">
        <v>29895</v>
      </c>
      <c r="C6727" t="s">
        <v>29896</v>
      </c>
      <c r="D6727" t="s">
        <v>29876</v>
      </c>
      <c r="E6727" t="s">
        <v>13</v>
      </c>
      <c r="F6727">
        <v>7355</v>
      </c>
      <c r="G6727" t="s">
        <v>29897</v>
      </c>
      <c r="H6727">
        <v>6.0442994328099999</v>
      </c>
      <c r="I6727">
        <v>50.876823521542001</v>
      </c>
      <c r="J6727" t="s">
        <v>62412</v>
      </c>
    </row>
    <row r="6728" spans="1:10" x14ac:dyDescent="0.25">
      <c r="A6728" t="s">
        <v>29890</v>
      </c>
      <c r="B6728" t="s">
        <v>29891</v>
      </c>
      <c r="C6728" t="s">
        <v>29892</v>
      </c>
      <c r="D6728" t="s">
        <v>29876</v>
      </c>
      <c r="E6728" t="s">
        <v>13</v>
      </c>
      <c r="F6728">
        <v>7354</v>
      </c>
      <c r="G6728" t="s">
        <v>29893</v>
      </c>
      <c r="H6728">
        <v>6.031693053703</v>
      </c>
      <c r="I6728">
        <v>50.851797095835998</v>
      </c>
      <c r="J6728" t="s">
        <v>62413</v>
      </c>
    </row>
    <row r="6729" spans="1:10" x14ac:dyDescent="0.25">
      <c r="A6729" t="s">
        <v>29886</v>
      </c>
      <c r="B6729" t="s">
        <v>29887</v>
      </c>
      <c r="C6729" t="s">
        <v>29888</v>
      </c>
      <c r="D6729" t="s">
        <v>29876</v>
      </c>
      <c r="E6729" t="s">
        <v>13</v>
      </c>
      <c r="F6729">
        <v>7353</v>
      </c>
      <c r="G6729" t="s">
        <v>29889</v>
      </c>
      <c r="H6729">
        <v>6.0402138170389996</v>
      </c>
      <c r="I6729">
        <v>50.862868807399003</v>
      </c>
      <c r="J6729" t="s">
        <v>62414</v>
      </c>
    </row>
    <row r="6730" spans="1:10" x14ac:dyDescent="0.25">
      <c r="A6730" t="s">
        <v>29882</v>
      </c>
      <c r="B6730" t="s">
        <v>29883</v>
      </c>
      <c r="C6730" t="s">
        <v>29884</v>
      </c>
      <c r="D6730" t="s">
        <v>29876</v>
      </c>
      <c r="E6730" t="s">
        <v>13</v>
      </c>
      <c r="F6730">
        <v>7352</v>
      </c>
      <c r="G6730" t="s">
        <v>29885</v>
      </c>
      <c r="H6730">
        <v>6.0210323335169997</v>
      </c>
      <c r="I6730">
        <v>50.865749162706003</v>
      </c>
      <c r="J6730" t="s">
        <v>62415</v>
      </c>
    </row>
    <row r="6731" spans="1:10" x14ac:dyDescent="0.25">
      <c r="A6731" t="s">
        <v>29878</v>
      </c>
      <c r="B6731" t="s">
        <v>29879</v>
      </c>
      <c r="C6731" t="s">
        <v>29880</v>
      </c>
      <c r="D6731" t="s">
        <v>29876</v>
      </c>
      <c r="E6731" t="s">
        <v>13</v>
      </c>
      <c r="F6731">
        <v>7351</v>
      </c>
      <c r="G6731" t="s">
        <v>29881</v>
      </c>
      <c r="H6731">
        <v>6.0319967012219999</v>
      </c>
      <c r="I6731">
        <v>50.859933837911001</v>
      </c>
      <c r="J6731" t="s">
        <v>62416</v>
      </c>
    </row>
    <row r="6732" spans="1:10" x14ac:dyDescent="0.25">
      <c r="A6732" t="s">
        <v>29873</v>
      </c>
      <c r="B6732" t="s">
        <v>29874</v>
      </c>
      <c r="C6732" t="s">
        <v>29875</v>
      </c>
      <c r="D6732" t="s">
        <v>29876</v>
      </c>
      <c r="E6732" t="s">
        <v>13</v>
      </c>
      <c r="F6732">
        <v>7350</v>
      </c>
      <c r="G6732" t="s">
        <v>29877</v>
      </c>
      <c r="H6732">
        <v>6.0161551957099997</v>
      </c>
      <c r="I6732">
        <v>50.855864082281997</v>
      </c>
      <c r="J6732" t="s">
        <v>62417</v>
      </c>
    </row>
    <row r="6733" spans="1:10" x14ac:dyDescent="0.25">
      <c r="A6733" t="s">
        <v>29869</v>
      </c>
      <c r="B6733" t="s">
        <v>29870</v>
      </c>
      <c r="C6733" t="s">
        <v>29871</v>
      </c>
      <c r="D6733" t="s">
        <v>29649</v>
      </c>
      <c r="E6733" t="s">
        <v>13</v>
      </c>
      <c r="F6733">
        <v>7349</v>
      </c>
      <c r="G6733" t="s">
        <v>29872</v>
      </c>
      <c r="H6733">
        <v>6.0049958074590002</v>
      </c>
      <c r="I6733">
        <v>50.841496817588002</v>
      </c>
      <c r="J6733" t="s">
        <v>62418</v>
      </c>
    </row>
    <row r="6734" spans="1:10" x14ac:dyDescent="0.25">
      <c r="A6734" t="s">
        <v>29865</v>
      </c>
      <c r="B6734" t="s">
        <v>29866</v>
      </c>
      <c r="C6734" t="s">
        <v>29867</v>
      </c>
      <c r="D6734" t="s">
        <v>29649</v>
      </c>
      <c r="E6734" t="s">
        <v>13</v>
      </c>
      <c r="F6734">
        <v>7348</v>
      </c>
      <c r="G6734" t="s">
        <v>29868</v>
      </c>
      <c r="H6734">
        <v>5.9847426559669996</v>
      </c>
      <c r="I6734">
        <v>50.856763716133997</v>
      </c>
      <c r="J6734" t="s">
        <v>62419</v>
      </c>
    </row>
    <row r="6735" spans="1:10" x14ac:dyDescent="0.25">
      <c r="A6735" t="s">
        <v>29861</v>
      </c>
      <c r="B6735" t="s">
        <v>29862</v>
      </c>
      <c r="C6735" t="s">
        <v>29863</v>
      </c>
      <c r="D6735" t="s">
        <v>29649</v>
      </c>
      <c r="E6735" t="s">
        <v>13</v>
      </c>
      <c r="F6735">
        <v>7347</v>
      </c>
      <c r="G6735" t="s">
        <v>29864</v>
      </c>
      <c r="H6735">
        <v>5.9955832047859996</v>
      </c>
      <c r="I6735">
        <v>50.864758762877003</v>
      </c>
      <c r="J6735" t="s">
        <v>62420</v>
      </c>
    </row>
    <row r="6736" spans="1:10" x14ac:dyDescent="0.25">
      <c r="A6736" t="s">
        <v>29857</v>
      </c>
      <c r="B6736" t="s">
        <v>29858</v>
      </c>
      <c r="C6736" t="s">
        <v>29859</v>
      </c>
      <c r="D6736" t="s">
        <v>29649</v>
      </c>
      <c r="E6736" t="s">
        <v>13</v>
      </c>
      <c r="F6736">
        <v>7346</v>
      </c>
      <c r="G6736" t="s">
        <v>29860</v>
      </c>
      <c r="H6736">
        <v>6.0015781216170003</v>
      </c>
      <c r="I6736">
        <v>50.873105061053998</v>
      </c>
      <c r="J6736" t="s">
        <v>62421</v>
      </c>
    </row>
    <row r="6737" spans="1:10" x14ac:dyDescent="0.25">
      <c r="A6737" t="s">
        <v>29854</v>
      </c>
      <c r="B6737" t="s">
        <v>29855</v>
      </c>
      <c r="C6737" t="s">
        <v>671</v>
      </c>
      <c r="D6737" t="s">
        <v>29649</v>
      </c>
      <c r="E6737" t="s">
        <v>13</v>
      </c>
      <c r="F6737">
        <v>7345</v>
      </c>
      <c r="G6737" t="s">
        <v>29856</v>
      </c>
      <c r="H6737">
        <v>6.0125092631530004</v>
      </c>
      <c r="I6737">
        <v>50.871645668851997</v>
      </c>
      <c r="J6737" t="s">
        <v>62422</v>
      </c>
    </row>
    <row r="6738" spans="1:10" x14ac:dyDescent="0.25">
      <c r="A6738" t="s">
        <v>29850</v>
      </c>
      <c r="B6738" t="s">
        <v>29851</v>
      </c>
      <c r="C6738" t="s">
        <v>29852</v>
      </c>
      <c r="D6738" t="s">
        <v>29649</v>
      </c>
      <c r="E6738" t="s">
        <v>13</v>
      </c>
      <c r="F6738">
        <v>7344</v>
      </c>
      <c r="G6738" t="s">
        <v>29853</v>
      </c>
      <c r="H6738">
        <v>6.0070455858239997</v>
      </c>
      <c r="I6738">
        <v>50.866827019824001</v>
      </c>
      <c r="J6738" t="s">
        <v>62423</v>
      </c>
    </row>
    <row r="6739" spans="1:10" x14ac:dyDescent="0.25">
      <c r="A6739" t="s">
        <v>29846</v>
      </c>
      <c r="B6739" t="s">
        <v>29847</v>
      </c>
      <c r="C6739" t="s">
        <v>29848</v>
      </c>
      <c r="D6739" t="s">
        <v>29649</v>
      </c>
      <c r="E6739" t="s">
        <v>13</v>
      </c>
      <c r="F6739">
        <v>7343</v>
      </c>
      <c r="G6739" t="s">
        <v>29849</v>
      </c>
      <c r="H6739">
        <v>6.0010737306999999</v>
      </c>
      <c r="I6739">
        <v>50.878922701515997</v>
      </c>
      <c r="J6739" t="s">
        <v>62424</v>
      </c>
    </row>
    <row r="6740" spans="1:10" x14ac:dyDescent="0.25">
      <c r="A6740" t="s">
        <v>29842</v>
      </c>
      <c r="B6740" t="s">
        <v>29843</v>
      </c>
      <c r="C6740" t="s">
        <v>29844</v>
      </c>
      <c r="D6740" t="s">
        <v>29649</v>
      </c>
      <c r="E6740" t="s">
        <v>13</v>
      </c>
      <c r="F6740">
        <v>7342</v>
      </c>
      <c r="G6740" t="s">
        <v>29845</v>
      </c>
      <c r="H6740">
        <v>6.0034582205440001</v>
      </c>
      <c r="I6740">
        <v>50.883513102518002</v>
      </c>
      <c r="J6740" t="s">
        <v>62425</v>
      </c>
    </row>
    <row r="6741" spans="1:10" x14ac:dyDescent="0.25">
      <c r="A6741" t="s">
        <v>29838</v>
      </c>
      <c r="B6741" t="s">
        <v>29839</v>
      </c>
      <c r="C6741" t="s">
        <v>29840</v>
      </c>
      <c r="D6741" t="s">
        <v>29649</v>
      </c>
      <c r="E6741" t="s">
        <v>13</v>
      </c>
      <c r="F6741">
        <v>7341</v>
      </c>
      <c r="G6741" t="s">
        <v>29841</v>
      </c>
      <c r="H6741">
        <v>5.9984505472420002</v>
      </c>
      <c r="I6741">
        <v>50.888056629801</v>
      </c>
      <c r="J6741" t="s">
        <v>62426</v>
      </c>
    </row>
    <row r="6742" spans="1:10" x14ac:dyDescent="0.25">
      <c r="A6742" t="s">
        <v>29834</v>
      </c>
      <c r="B6742" t="s">
        <v>29835</v>
      </c>
      <c r="C6742" t="s">
        <v>29836</v>
      </c>
      <c r="D6742" t="s">
        <v>29649</v>
      </c>
      <c r="E6742" t="s">
        <v>13</v>
      </c>
      <c r="F6742">
        <v>7340</v>
      </c>
      <c r="G6742" t="s">
        <v>29837</v>
      </c>
      <c r="H6742">
        <v>5.9899466122460003</v>
      </c>
      <c r="I6742">
        <v>50.885003024134001</v>
      </c>
      <c r="J6742" t="s">
        <v>62427</v>
      </c>
    </row>
    <row r="6743" spans="1:10" x14ac:dyDescent="0.25">
      <c r="A6743" t="s">
        <v>29830</v>
      </c>
      <c r="B6743" t="s">
        <v>29831</v>
      </c>
      <c r="C6743" t="s">
        <v>29832</v>
      </c>
      <c r="D6743" t="s">
        <v>29649</v>
      </c>
      <c r="E6743" t="s">
        <v>13</v>
      </c>
      <c r="F6743">
        <v>7339</v>
      </c>
      <c r="G6743" t="s">
        <v>29833</v>
      </c>
      <c r="H6743">
        <v>5.9842002300640003</v>
      </c>
      <c r="I6743">
        <v>50.873040367403</v>
      </c>
      <c r="J6743" t="s">
        <v>62428</v>
      </c>
    </row>
    <row r="6744" spans="1:10" x14ac:dyDescent="0.25">
      <c r="A6744" t="s">
        <v>29826</v>
      </c>
      <c r="B6744" t="s">
        <v>29827</v>
      </c>
      <c r="C6744" t="s">
        <v>29828</v>
      </c>
      <c r="D6744" t="s">
        <v>29649</v>
      </c>
      <c r="E6744" t="s">
        <v>13</v>
      </c>
      <c r="F6744">
        <v>7338</v>
      </c>
      <c r="G6744" t="s">
        <v>29829</v>
      </c>
      <c r="H6744">
        <v>5.9928276293679996</v>
      </c>
      <c r="I6744">
        <v>50.877442401937003</v>
      </c>
      <c r="J6744" t="s">
        <v>62429</v>
      </c>
    </row>
    <row r="6745" spans="1:10" x14ac:dyDescent="0.25">
      <c r="A6745" t="s">
        <v>29822</v>
      </c>
      <c r="B6745" t="s">
        <v>29823</v>
      </c>
      <c r="C6745" t="s">
        <v>29824</v>
      </c>
      <c r="D6745" t="s">
        <v>29649</v>
      </c>
      <c r="E6745" t="s">
        <v>13</v>
      </c>
      <c r="F6745">
        <v>7337</v>
      </c>
      <c r="G6745" t="s">
        <v>29825</v>
      </c>
      <c r="H6745">
        <v>5.9769096025520003</v>
      </c>
      <c r="I6745">
        <v>50.877965242080997</v>
      </c>
      <c r="J6745" t="s">
        <v>62430</v>
      </c>
    </row>
    <row r="6746" spans="1:10" x14ac:dyDescent="0.25">
      <c r="A6746" t="s">
        <v>29818</v>
      </c>
      <c r="B6746" t="s">
        <v>29819</v>
      </c>
      <c r="C6746" t="s">
        <v>29820</v>
      </c>
      <c r="D6746" t="s">
        <v>29649</v>
      </c>
      <c r="E6746" t="s">
        <v>13</v>
      </c>
      <c r="F6746">
        <v>7336</v>
      </c>
      <c r="G6746" t="s">
        <v>29821</v>
      </c>
      <c r="H6746">
        <v>5.9835358964310004</v>
      </c>
      <c r="I6746">
        <v>50.879708296499999</v>
      </c>
      <c r="J6746" t="s">
        <v>62431</v>
      </c>
    </row>
    <row r="6747" spans="1:10" x14ac:dyDescent="0.25">
      <c r="A6747" t="s">
        <v>29814</v>
      </c>
      <c r="B6747" t="s">
        <v>29815</v>
      </c>
      <c r="C6747" t="s">
        <v>29816</v>
      </c>
      <c r="D6747" t="s">
        <v>29649</v>
      </c>
      <c r="E6747" t="s">
        <v>13</v>
      </c>
      <c r="F6747">
        <v>7335</v>
      </c>
      <c r="G6747" t="s">
        <v>29817</v>
      </c>
      <c r="H6747">
        <v>5.9775590377199999</v>
      </c>
      <c r="I6747">
        <v>50.862995428992001</v>
      </c>
      <c r="J6747" t="s">
        <v>62432</v>
      </c>
    </row>
    <row r="6748" spans="1:10" x14ac:dyDescent="0.25">
      <c r="A6748" t="s">
        <v>29810</v>
      </c>
      <c r="B6748" t="s">
        <v>29811</v>
      </c>
      <c r="C6748" t="s">
        <v>29812</v>
      </c>
      <c r="D6748" t="s">
        <v>29649</v>
      </c>
      <c r="E6748" t="s">
        <v>13</v>
      </c>
      <c r="F6748">
        <v>7334</v>
      </c>
      <c r="G6748" t="s">
        <v>29813</v>
      </c>
      <c r="H6748">
        <v>5.9716342784840002</v>
      </c>
      <c r="I6748">
        <v>50.867853014662998</v>
      </c>
      <c r="J6748" t="s">
        <v>62433</v>
      </c>
    </row>
    <row r="6749" spans="1:10" x14ac:dyDescent="0.25">
      <c r="A6749" t="s">
        <v>29806</v>
      </c>
      <c r="B6749" t="s">
        <v>29807</v>
      </c>
      <c r="C6749" t="s">
        <v>29808</v>
      </c>
      <c r="D6749" t="s">
        <v>29649</v>
      </c>
      <c r="E6749" t="s">
        <v>13</v>
      </c>
      <c r="F6749">
        <v>7333</v>
      </c>
      <c r="G6749" t="s">
        <v>29809</v>
      </c>
      <c r="H6749">
        <v>5.9654330679949998</v>
      </c>
      <c r="I6749">
        <v>50.876775096376001</v>
      </c>
      <c r="J6749" t="s">
        <v>62434</v>
      </c>
    </row>
    <row r="6750" spans="1:10" x14ac:dyDescent="0.25">
      <c r="A6750" t="s">
        <v>29802</v>
      </c>
      <c r="B6750" t="s">
        <v>29803</v>
      </c>
      <c r="C6750" t="s">
        <v>29804</v>
      </c>
      <c r="D6750" t="s">
        <v>29649</v>
      </c>
      <c r="E6750" t="s">
        <v>13</v>
      </c>
      <c r="F6750">
        <v>7332</v>
      </c>
      <c r="G6750" t="s">
        <v>29805</v>
      </c>
      <c r="H6750">
        <v>5.9534552470159996</v>
      </c>
      <c r="I6750">
        <v>50.886952425596</v>
      </c>
      <c r="J6750" t="s">
        <v>62435</v>
      </c>
    </row>
    <row r="6751" spans="1:10" x14ac:dyDescent="0.25">
      <c r="A6751" t="s">
        <v>29798</v>
      </c>
      <c r="B6751" t="s">
        <v>29799</v>
      </c>
      <c r="C6751" t="s">
        <v>29800</v>
      </c>
      <c r="D6751" t="s">
        <v>29649</v>
      </c>
      <c r="E6751" t="s">
        <v>13</v>
      </c>
      <c r="F6751">
        <v>7331</v>
      </c>
      <c r="G6751" t="s">
        <v>29801</v>
      </c>
      <c r="H6751">
        <v>5.940330402571</v>
      </c>
      <c r="I6751">
        <v>50.899129655518003</v>
      </c>
      <c r="J6751" t="s">
        <v>62436</v>
      </c>
    </row>
    <row r="6752" spans="1:10" x14ac:dyDescent="0.25">
      <c r="A6752" t="s">
        <v>29794</v>
      </c>
      <c r="B6752" t="s">
        <v>29795</v>
      </c>
      <c r="C6752" t="s">
        <v>29796</v>
      </c>
      <c r="D6752" t="s">
        <v>29649</v>
      </c>
      <c r="E6752" t="s">
        <v>13</v>
      </c>
      <c r="F6752">
        <v>7330</v>
      </c>
      <c r="G6752" t="s">
        <v>29797</v>
      </c>
      <c r="H6752">
        <v>5.965950020417</v>
      </c>
      <c r="I6752">
        <v>50.889895841952999</v>
      </c>
      <c r="J6752" t="s">
        <v>62437</v>
      </c>
    </row>
    <row r="6753" spans="1:10" x14ac:dyDescent="0.25">
      <c r="A6753" t="s">
        <v>29790</v>
      </c>
      <c r="B6753" t="s">
        <v>29791</v>
      </c>
      <c r="C6753" t="s">
        <v>29792</v>
      </c>
      <c r="D6753" t="s">
        <v>29649</v>
      </c>
      <c r="E6753" t="s">
        <v>13</v>
      </c>
      <c r="F6753">
        <v>7329</v>
      </c>
      <c r="G6753" t="s">
        <v>29793</v>
      </c>
      <c r="H6753">
        <v>5.9752031601629998</v>
      </c>
      <c r="I6753">
        <v>50.882667990592999</v>
      </c>
      <c r="J6753" t="s">
        <v>62438</v>
      </c>
    </row>
    <row r="6754" spans="1:10" x14ac:dyDescent="0.25">
      <c r="A6754" t="s">
        <v>29786</v>
      </c>
      <c r="B6754" t="s">
        <v>29787</v>
      </c>
      <c r="C6754" t="s">
        <v>29788</v>
      </c>
      <c r="D6754" t="s">
        <v>29649</v>
      </c>
      <c r="E6754" t="s">
        <v>13</v>
      </c>
      <c r="F6754">
        <v>7328</v>
      </c>
      <c r="G6754" t="s">
        <v>29789</v>
      </c>
      <c r="H6754">
        <v>5.9714186386210004</v>
      </c>
      <c r="I6754">
        <v>50.886354489238997</v>
      </c>
      <c r="J6754" t="s">
        <v>62439</v>
      </c>
    </row>
    <row r="6755" spans="1:10" x14ac:dyDescent="0.25">
      <c r="A6755" t="s">
        <v>29782</v>
      </c>
      <c r="B6755" t="s">
        <v>29783</v>
      </c>
      <c r="C6755" t="s">
        <v>29784</v>
      </c>
      <c r="D6755" t="s">
        <v>29649</v>
      </c>
      <c r="E6755" t="s">
        <v>13</v>
      </c>
      <c r="F6755">
        <v>7327</v>
      </c>
      <c r="G6755" t="s">
        <v>29785</v>
      </c>
      <c r="H6755">
        <v>5.9818478016630001</v>
      </c>
      <c r="I6755">
        <v>50.884342316302003</v>
      </c>
      <c r="J6755" t="s">
        <v>62440</v>
      </c>
    </row>
    <row r="6756" spans="1:10" x14ac:dyDescent="0.25">
      <c r="A6756" t="s">
        <v>29778</v>
      </c>
      <c r="B6756" t="s">
        <v>29779</v>
      </c>
      <c r="C6756" t="s">
        <v>29780</v>
      </c>
      <c r="D6756" t="s">
        <v>29649</v>
      </c>
      <c r="E6756" t="s">
        <v>13</v>
      </c>
      <c r="F6756">
        <v>7326</v>
      </c>
      <c r="G6756" t="s">
        <v>29781</v>
      </c>
      <c r="H6756">
        <v>5.9784709045389999</v>
      </c>
      <c r="I6756">
        <v>50.888208684525999</v>
      </c>
      <c r="J6756" t="s">
        <v>62441</v>
      </c>
    </row>
    <row r="6757" spans="1:10" x14ac:dyDescent="0.25">
      <c r="A6757" t="s">
        <v>29774</v>
      </c>
      <c r="B6757" t="s">
        <v>29775</v>
      </c>
      <c r="C6757" t="s">
        <v>29776</v>
      </c>
      <c r="D6757" t="s">
        <v>29649</v>
      </c>
      <c r="E6757" t="s">
        <v>13</v>
      </c>
      <c r="F6757">
        <v>7325</v>
      </c>
      <c r="G6757" t="s">
        <v>29777</v>
      </c>
      <c r="H6757">
        <v>5.99076470309</v>
      </c>
      <c r="I6757">
        <v>50.892811894832001</v>
      </c>
      <c r="J6757" t="s">
        <v>62442</v>
      </c>
    </row>
    <row r="6758" spans="1:10" x14ac:dyDescent="0.25">
      <c r="A6758" t="s">
        <v>29770</v>
      </c>
      <c r="B6758" t="s">
        <v>29771</v>
      </c>
      <c r="C6758" t="s">
        <v>29772</v>
      </c>
      <c r="D6758" t="s">
        <v>29649</v>
      </c>
      <c r="E6758" t="s">
        <v>13</v>
      </c>
      <c r="F6758">
        <v>7324</v>
      </c>
      <c r="G6758" t="s">
        <v>29773</v>
      </c>
      <c r="H6758">
        <v>5.989040488354</v>
      </c>
      <c r="I6758">
        <v>50.898365360809002</v>
      </c>
      <c r="J6758" t="s">
        <v>62443</v>
      </c>
    </row>
    <row r="6759" spans="1:10" x14ac:dyDescent="0.25">
      <c r="A6759" t="s">
        <v>29766</v>
      </c>
      <c r="B6759" t="s">
        <v>29767</v>
      </c>
      <c r="C6759" t="s">
        <v>29768</v>
      </c>
      <c r="D6759" t="s">
        <v>29649</v>
      </c>
      <c r="E6759" t="s">
        <v>13</v>
      </c>
      <c r="F6759">
        <v>7323</v>
      </c>
      <c r="G6759" t="s">
        <v>29769</v>
      </c>
      <c r="H6759">
        <v>5.9808473648399998</v>
      </c>
      <c r="I6759">
        <v>50.899181929704</v>
      </c>
      <c r="J6759" t="s">
        <v>62444</v>
      </c>
    </row>
    <row r="6760" spans="1:10" x14ac:dyDescent="0.25">
      <c r="A6760" t="s">
        <v>29762</v>
      </c>
      <c r="B6760" t="s">
        <v>29763</v>
      </c>
      <c r="C6760" t="s">
        <v>29764</v>
      </c>
      <c r="D6760" t="s">
        <v>29649</v>
      </c>
      <c r="E6760" t="s">
        <v>13</v>
      </c>
      <c r="F6760">
        <v>7322</v>
      </c>
      <c r="G6760" t="s">
        <v>29765</v>
      </c>
      <c r="H6760">
        <v>5.9840940045320004</v>
      </c>
      <c r="I6760">
        <v>50.903224434845001</v>
      </c>
      <c r="J6760" t="s">
        <v>62445</v>
      </c>
    </row>
    <row r="6761" spans="1:10" x14ac:dyDescent="0.25">
      <c r="A6761" t="s">
        <v>29758</v>
      </c>
      <c r="B6761" t="s">
        <v>29759</v>
      </c>
      <c r="C6761" t="s">
        <v>29760</v>
      </c>
      <c r="D6761" t="s">
        <v>29649</v>
      </c>
      <c r="E6761" t="s">
        <v>13</v>
      </c>
      <c r="F6761">
        <v>7321</v>
      </c>
      <c r="G6761" t="s">
        <v>29761</v>
      </c>
      <c r="H6761">
        <v>5.9742457256729997</v>
      </c>
      <c r="I6761">
        <v>50.893146185422999</v>
      </c>
      <c r="J6761" t="s">
        <v>62446</v>
      </c>
    </row>
    <row r="6762" spans="1:10" x14ac:dyDescent="0.25">
      <c r="A6762" t="s">
        <v>29754</v>
      </c>
      <c r="B6762" t="s">
        <v>29755</v>
      </c>
      <c r="C6762" t="s">
        <v>29756</v>
      </c>
      <c r="D6762" t="s">
        <v>29649</v>
      </c>
      <c r="E6762" t="s">
        <v>13</v>
      </c>
      <c r="F6762">
        <v>7320</v>
      </c>
      <c r="G6762" t="s">
        <v>29757</v>
      </c>
      <c r="H6762">
        <v>5.9813492686079996</v>
      </c>
      <c r="I6762">
        <v>50.893127544068001</v>
      </c>
      <c r="J6762" t="s">
        <v>62447</v>
      </c>
    </row>
    <row r="6763" spans="1:10" x14ac:dyDescent="0.25">
      <c r="A6763" t="s">
        <v>29750</v>
      </c>
      <c r="B6763" t="s">
        <v>29751</v>
      </c>
      <c r="C6763" t="s">
        <v>29752</v>
      </c>
      <c r="D6763" t="s">
        <v>29649</v>
      </c>
      <c r="E6763" t="s">
        <v>13</v>
      </c>
      <c r="F6763">
        <v>7319</v>
      </c>
      <c r="G6763" t="s">
        <v>29753</v>
      </c>
      <c r="H6763">
        <v>5.9751268524950003</v>
      </c>
      <c r="I6763">
        <v>50.897804738673003</v>
      </c>
      <c r="J6763" t="s">
        <v>62448</v>
      </c>
    </row>
    <row r="6764" spans="1:10" x14ac:dyDescent="0.25">
      <c r="A6764" t="s">
        <v>29746</v>
      </c>
      <c r="B6764" t="s">
        <v>29747</v>
      </c>
      <c r="C6764" t="s">
        <v>29748</v>
      </c>
      <c r="D6764" t="s">
        <v>29649</v>
      </c>
      <c r="E6764" t="s">
        <v>13</v>
      </c>
      <c r="F6764">
        <v>7318</v>
      </c>
      <c r="G6764" t="s">
        <v>29749</v>
      </c>
      <c r="H6764">
        <v>5.9686609599639997</v>
      </c>
      <c r="I6764">
        <v>50.899048134285998</v>
      </c>
      <c r="J6764" t="s">
        <v>62449</v>
      </c>
    </row>
    <row r="6765" spans="1:10" x14ac:dyDescent="0.25">
      <c r="A6765" t="s">
        <v>29742</v>
      </c>
      <c r="B6765" t="s">
        <v>29743</v>
      </c>
      <c r="C6765" t="s">
        <v>29744</v>
      </c>
      <c r="D6765" t="s">
        <v>29649</v>
      </c>
      <c r="E6765" t="s">
        <v>13</v>
      </c>
      <c r="F6765">
        <v>7317</v>
      </c>
      <c r="G6765" t="s">
        <v>29745</v>
      </c>
      <c r="H6765">
        <v>5.9603582164519997</v>
      </c>
      <c r="I6765">
        <v>50.893784634177997</v>
      </c>
      <c r="J6765" t="s">
        <v>62450</v>
      </c>
    </row>
    <row r="6766" spans="1:10" x14ac:dyDescent="0.25">
      <c r="A6766" t="s">
        <v>29738</v>
      </c>
      <c r="B6766" t="s">
        <v>29739</v>
      </c>
      <c r="C6766" t="s">
        <v>29740</v>
      </c>
      <c r="D6766" t="s">
        <v>29649</v>
      </c>
      <c r="E6766" t="s">
        <v>13</v>
      </c>
      <c r="F6766">
        <v>7316</v>
      </c>
      <c r="G6766" t="s">
        <v>29741</v>
      </c>
      <c r="H6766">
        <v>5.9623177959560003</v>
      </c>
      <c r="I6766">
        <v>50.898044954997999</v>
      </c>
      <c r="J6766" t="s">
        <v>62451</v>
      </c>
    </row>
    <row r="6767" spans="1:10" x14ac:dyDescent="0.25">
      <c r="A6767" t="s">
        <v>29734</v>
      </c>
      <c r="B6767" t="s">
        <v>29735</v>
      </c>
      <c r="C6767" t="s">
        <v>29736</v>
      </c>
      <c r="D6767" t="s">
        <v>29649</v>
      </c>
      <c r="E6767" t="s">
        <v>13</v>
      </c>
      <c r="F6767">
        <v>7315</v>
      </c>
      <c r="G6767" t="s">
        <v>29737</v>
      </c>
      <c r="H6767">
        <v>5.9533459590269997</v>
      </c>
      <c r="I6767">
        <v>50.901657491431003</v>
      </c>
      <c r="J6767" t="s">
        <v>62452</v>
      </c>
    </row>
    <row r="6768" spans="1:10" x14ac:dyDescent="0.25">
      <c r="A6768" t="s">
        <v>29730</v>
      </c>
      <c r="B6768" t="s">
        <v>29731</v>
      </c>
      <c r="C6768" t="s">
        <v>29732</v>
      </c>
      <c r="D6768" t="s">
        <v>29649</v>
      </c>
      <c r="E6768" t="s">
        <v>13</v>
      </c>
      <c r="F6768">
        <v>7314</v>
      </c>
      <c r="G6768" t="s">
        <v>29733</v>
      </c>
      <c r="H6768">
        <v>5.968460074037</v>
      </c>
      <c r="I6768">
        <v>50.908602310166003</v>
      </c>
      <c r="J6768" t="s">
        <v>62453</v>
      </c>
    </row>
    <row r="6769" spans="1:10" x14ac:dyDescent="0.25">
      <c r="A6769" t="s">
        <v>29726</v>
      </c>
      <c r="B6769" t="s">
        <v>29727</v>
      </c>
      <c r="C6769" t="s">
        <v>29728</v>
      </c>
      <c r="D6769" t="s">
        <v>29649</v>
      </c>
      <c r="E6769" t="s">
        <v>13</v>
      </c>
      <c r="F6769">
        <v>7313</v>
      </c>
      <c r="G6769" t="s">
        <v>29729</v>
      </c>
      <c r="H6769">
        <v>5.9593772573330002</v>
      </c>
      <c r="I6769">
        <v>50.906358013328003</v>
      </c>
      <c r="J6769" t="s">
        <v>62454</v>
      </c>
    </row>
    <row r="6770" spans="1:10" x14ac:dyDescent="0.25">
      <c r="A6770" t="s">
        <v>29722</v>
      </c>
      <c r="B6770" t="s">
        <v>29723</v>
      </c>
      <c r="C6770" t="s">
        <v>29724</v>
      </c>
      <c r="D6770" t="s">
        <v>29649</v>
      </c>
      <c r="E6770" t="s">
        <v>13</v>
      </c>
      <c r="F6770">
        <v>7312</v>
      </c>
      <c r="G6770" t="s">
        <v>29725</v>
      </c>
      <c r="H6770">
        <v>5.9520001525600001</v>
      </c>
      <c r="I6770">
        <v>50.912486786018</v>
      </c>
      <c r="J6770" t="s">
        <v>62455</v>
      </c>
    </row>
    <row r="6771" spans="1:10" x14ac:dyDescent="0.25">
      <c r="A6771" t="s">
        <v>29719</v>
      </c>
      <c r="B6771" t="s">
        <v>29720</v>
      </c>
      <c r="C6771" t="s">
        <v>5274</v>
      </c>
      <c r="D6771" t="s">
        <v>29649</v>
      </c>
      <c r="E6771" t="s">
        <v>13</v>
      </c>
      <c r="F6771">
        <v>7311</v>
      </c>
      <c r="G6771" t="s">
        <v>29721</v>
      </c>
      <c r="H6771">
        <v>5.9887326832290002</v>
      </c>
      <c r="I6771">
        <v>50.917775792684999</v>
      </c>
      <c r="J6771" t="s">
        <v>62456</v>
      </c>
    </row>
    <row r="6772" spans="1:10" x14ac:dyDescent="0.25">
      <c r="A6772" t="s">
        <v>29715</v>
      </c>
      <c r="B6772" t="s">
        <v>29716</v>
      </c>
      <c r="C6772" t="s">
        <v>29717</v>
      </c>
      <c r="D6772" t="s">
        <v>29649</v>
      </c>
      <c r="E6772" t="s">
        <v>13</v>
      </c>
      <c r="F6772">
        <v>7310</v>
      </c>
      <c r="G6772" t="s">
        <v>29718</v>
      </c>
      <c r="H6772">
        <v>5.9648921377719999</v>
      </c>
      <c r="I6772">
        <v>50.913328769636003</v>
      </c>
      <c r="J6772" t="s">
        <v>62457</v>
      </c>
    </row>
    <row r="6773" spans="1:10" x14ac:dyDescent="0.25">
      <c r="A6773" t="s">
        <v>29711</v>
      </c>
      <c r="B6773" t="s">
        <v>29712</v>
      </c>
      <c r="C6773" t="s">
        <v>29713</v>
      </c>
      <c r="D6773" t="s">
        <v>29649</v>
      </c>
      <c r="E6773" t="s">
        <v>13</v>
      </c>
      <c r="F6773">
        <v>7309</v>
      </c>
      <c r="G6773" t="s">
        <v>29714</v>
      </c>
      <c r="H6773">
        <v>5.9713778246520004</v>
      </c>
      <c r="I6773">
        <v>50.915774951784002</v>
      </c>
      <c r="J6773" t="s">
        <v>62458</v>
      </c>
    </row>
    <row r="6774" spans="1:10" x14ac:dyDescent="0.25">
      <c r="A6774" t="s">
        <v>29707</v>
      </c>
      <c r="B6774" t="s">
        <v>29708</v>
      </c>
      <c r="C6774" t="s">
        <v>29709</v>
      </c>
      <c r="D6774" t="s">
        <v>29649</v>
      </c>
      <c r="E6774" t="s">
        <v>13</v>
      </c>
      <c r="F6774">
        <v>7308</v>
      </c>
      <c r="G6774" t="s">
        <v>29710</v>
      </c>
      <c r="H6774">
        <v>5.9555696861899996</v>
      </c>
      <c r="I6774">
        <v>50.917709644982999</v>
      </c>
      <c r="J6774" t="s">
        <v>62459</v>
      </c>
    </row>
    <row r="6775" spans="1:10" x14ac:dyDescent="0.25">
      <c r="A6775" t="s">
        <v>29703</v>
      </c>
      <c r="B6775" t="s">
        <v>29704</v>
      </c>
      <c r="C6775" t="s">
        <v>29705</v>
      </c>
      <c r="D6775" t="s">
        <v>29649</v>
      </c>
      <c r="E6775" t="s">
        <v>13</v>
      </c>
      <c r="F6775">
        <v>7307</v>
      </c>
      <c r="G6775" t="s">
        <v>29706</v>
      </c>
      <c r="H6775">
        <v>5.9481785689209996</v>
      </c>
      <c r="I6775">
        <v>50.923726671383001</v>
      </c>
      <c r="J6775" t="s">
        <v>62460</v>
      </c>
    </row>
    <row r="6776" spans="1:10" x14ac:dyDescent="0.25">
      <c r="A6776" t="s">
        <v>29699</v>
      </c>
      <c r="B6776" t="s">
        <v>29700</v>
      </c>
      <c r="C6776" t="s">
        <v>29701</v>
      </c>
      <c r="D6776" t="s">
        <v>29649</v>
      </c>
      <c r="E6776" t="s">
        <v>13</v>
      </c>
      <c r="F6776">
        <v>7306</v>
      </c>
      <c r="G6776" t="s">
        <v>29702</v>
      </c>
      <c r="H6776">
        <v>5.9667862448699998</v>
      </c>
      <c r="I6776">
        <v>50.921376893237998</v>
      </c>
      <c r="J6776" t="s">
        <v>62461</v>
      </c>
    </row>
    <row r="6777" spans="1:10" x14ac:dyDescent="0.25">
      <c r="A6777" t="s">
        <v>29695</v>
      </c>
      <c r="B6777" t="s">
        <v>29696</v>
      </c>
      <c r="C6777" t="s">
        <v>29697</v>
      </c>
      <c r="D6777" t="s">
        <v>29649</v>
      </c>
      <c r="E6777" t="s">
        <v>13</v>
      </c>
      <c r="F6777">
        <v>7305</v>
      </c>
      <c r="G6777" t="s">
        <v>29698</v>
      </c>
      <c r="H6777">
        <v>5.9736813805129998</v>
      </c>
      <c r="I6777">
        <v>50.921822306218999</v>
      </c>
      <c r="J6777" t="s">
        <v>62462</v>
      </c>
    </row>
    <row r="6778" spans="1:10" x14ac:dyDescent="0.25">
      <c r="A6778" t="s">
        <v>29691</v>
      </c>
      <c r="B6778" t="s">
        <v>29692</v>
      </c>
      <c r="C6778" t="s">
        <v>29693</v>
      </c>
      <c r="D6778" t="s">
        <v>29649</v>
      </c>
      <c r="E6778" t="s">
        <v>13</v>
      </c>
      <c r="F6778">
        <v>7304</v>
      </c>
      <c r="G6778" t="s">
        <v>29694</v>
      </c>
      <c r="H6778">
        <v>5.9586462951429997</v>
      </c>
      <c r="I6778">
        <v>50.924578971052</v>
      </c>
      <c r="J6778" t="s">
        <v>62463</v>
      </c>
    </row>
    <row r="6779" spans="1:10" x14ac:dyDescent="0.25">
      <c r="A6779" t="s">
        <v>29687</v>
      </c>
      <c r="B6779" t="s">
        <v>29688</v>
      </c>
      <c r="C6779" t="s">
        <v>29689</v>
      </c>
      <c r="D6779" t="s">
        <v>29649</v>
      </c>
      <c r="E6779" t="s">
        <v>13</v>
      </c>
      <c r="F6779">
        <v>7303</v>
      </c>
      <c r="G6779" t="s">
        <v>29690</v>
      </c>
      <c r="H6779">
        <v>5.9700905988670003</v>
      </c>
      <c r="I6779">
        <v>50.927328830202001</v>
      </c>
      <c r="J6779" t="s">
        <v>62464</v>
      </c>
    </row>
    <row r="6780" spans="1:10" x14ac:dyDescent="0.25">
      <c r="A6780" t="s">
        <v>29683</v>
      </c>
      <c r="B6780" t="s">
        <v>29684</v>
      </c>
      <c r="C6780" t="s">
        <v>29685</v>
      </c>
      <c r="D6780" t="s">
        <v>29649</v>
      </c>
      <c r="E6780" t="s">
        <v>13</v>
      </c>
      <c r="F6780">
        <v>7302</v>
      </c>
      <c r="G6780" t="s">
        <v>29686</v>
      </c>
      <c r="H6780">
        <v>5.9568619502929998</v>
      </c>
      <c r="I6780">
        <v>50.930483143977</v>
      </c>
      <c r="J6780" t="s">
        <v>62465</v>
      </c>
    </row>
    <row r="6781" spans="1:10" x14ac:dyDescent="0.25">
      <c r="A6781" t="s">
        <v>29679</v>
      </c>
      <c r="B6781" t="s">
        <v>29680</v>
      </c>
      <c r="C6781" t="s">
        <v>29681</v>
      </c>
      <c r="D6781" t="s">
        <v>29649</v>
      </c>
      <c r="E6781" t="s">
        <v>13</v>
      </c>
      <c r="F6781">
        <v>7301</v>
      </c>
      <c r="G6781" t="s">
        <v>29682</v>
      </c>
      <c r="H6781">
        <v>5.9378864038170001</v>
      </c>
      <c r="I6781">
        <v>50.910170161362998</v>
      </c>
      <c r="J6781" t="s">
        <v>62466</v>
      </c>
    </row>
    <row r="6782" spans="1:10" x14ac:dyDescent="0.25">
      <c r="A6782" t="s">
        <v>29675</v>
      </c>
      <c r="B6782" t="s">
        <v>29676</v>
      </c>
      <c r="C6782" t="s">
        <v>29677</v>
      </c>
      <c r="D6782" t="s">
        <v>29649</v>
      </c>
      <c r="E6782" t="s">
        <v>13</v>
      </c>
      <c r="F6782">
        <v>7300</v>
      </c>
      <c r="G6782" t="s">
        <v>29678</v>
      </c>
      <c r="H6782">
        <v>5.9271396638210003</v>
      </c>
      <c r="I6782">
        <v>50.910081677047003</v>
      </c>
      <c r="J6782" t="s">
        <v>62467</v>
      </c>
    </row>
    <row r="6783" spans="1:10" x14ac:dyDescent="0.25">
      <c r="A6783" t="s">
        <v>29671</v>
      </c>
      <c r="B6783" t="s">
        <v>29672</v>
      </c>
      <c r="C6783" t="s">
        <v>29673</v>
      </c>
      <c r="D6783" t="s">
        <v>29649</v>
      </c>
      <c r="E6783" t="s">
        <v>13</v>
      </c>
      <c r="F6783">
        <v>7299</v>
      </c>
      <c r="G6783" t="s">
        <v>29674</v>
      </c>
      <c r="H6783">
        <v>5.919882992452</v>
      </c>
      <c r="I6783">
        <v>50.914909451225</v>
      </c>
      <c r="J6783" t="s">
        <v>62468</v>
      </c>
    </row>
    <row r="6784" spans="1:10" x14ac:dyDescent="0.25">
      <c r="A6784" t="s">
        <v>29667</v>
      </c>
      <c r="B6784" t="s">
        <v>29668</v>
      </c>
      <c r="C6784" t="s">
        <v>29669</v>
      </c>
      <c r="D6784" t="s">
        <v>29649</v>
      </c>
      <c r="E6784" t="s">
        <v>13</v>
      </c>
      <c r="F6784">
        <v>7298</v>
      </c>
      <c r="G6784" t="s">
        <v>29670</v>
      </c>
      <c r="H6784">
        <v>5.9384618465649996</v>
      </c>
      <c r="I6784">
        <v>50.923549311530003</v>
      </c>
      <c r="J6784" t="s">
        <v>62469</v>
      </c>
    </row>
    <row r="6785" spans="1:10" x14ac:dyDescent="0.25">
      <c r="A6785" t="s">
        <v>29663</v>
      </c>
      <c r="B6785" t="s">
        <v>29664</v>
      </c>
      <c r="C6785" t="s">
        <v>29665</v>
      </c>
      <c r="D6785" t="s">
        <v>29649</v>
      </c>
      <c r="E6785" t="s">
        <v>13</v>
      </c>
      <c r="F6785">
        <v>7297</v>
      </c>
      <c r="G6785" t="s">
        <v>29666</v>
      </c>
      <c r="H6785">
        <v>5.9281607574180004</v>
      </c>
      <c r="I6785">
        <v>50.921951356605</v>
      </c>
      <c r="J6785" t="s">
        <v>62470</v>
      </c>
    </row>
    <row r="6786" spans="1:10" x14ac:dyDescent="0.25">
      <c r="A6786" t="s">
        <v>29659</v>
      </c>
      <c r="B6786" t="s">
        <v>29660</v>
      </c>
      <c r="C6786" t="s">
        <v>29661</v>
      </c>
      <c r="D6786" t="s">
        <v>29649</v>
      </c>
      <c r="E6786" t="s">
        <v>13</v>
      </c>
      <c r="F6786">
        <v>7296</v>
      </c>
      <c r="G6786" t="s">
        <v>29662</v>
      </c>
      <c r="H6786">
        <v>5.929761653211</v>
      </c>
      <c r="I6786">
        <v>50.929484892052997</v>
      </c>
      <c r="J6786" t="s">
        <v>62471</v>
      </c>
    </row>
    <row r="6787" spans="1:10" x14ac:dyDescent="0.25">
      <c r="A6787" t="s">
        <v>29655</v>
      </c>
      <c r="B6787" t="s">
        <v>29656</v>
      </c>
      <c r="C6787" t="s">
        <v>29657</v>
      </c>
      <c r="D6787" t="s">
        <v>29649</v>
      </c>
      <c r="E6787" t="s">
        <v>13</v>
      </c>
      <c r="F6787">
        <v>7295</v>
      </c>
      <c r="G6787" t="s">
        <v>29658</v>
      </c>
      <c r="H6787">
        <v>5.9242238692339999</v>
      </c>
      <c r="I6787">
        <v>50.931642200664001</v>
      </c>
      <c r="J6787" t="s">
        <v>62472</v>
      </c>
    </row>
    <row r="6788" spans="1:10" x14ac:dyDescent="0.25">
      <c r="A6788" t="s">
        <v>29651</v>
      </c>
      <c r="B6788" t="s">
        <v>29652</v>
      </c>
      <c r="C6788" t="s">
        <v>29653</v>
      </c>
      <c r="D6788" t="s">
        <v>29649</v>
      </c>
      <c r="E6788" t="s">
        <v>13</v>
      </c>
      <c r="F6788">
        <v>7294</v>
      </c>
      <c r="G6788" t="s">
        <v>29654</v>
      </c>
      <c r="H6788">
        <v>5.9037124353159998</v>
      </c>
      <c r="I6788">
        <v>50.918987704327002</v>
      </c>
      <c r="J6788" t="s">
        <v>62473</v>
      </c>
    </row>
    <row r="6789" spans="1:10" x14ac:dyDescent="0.25">
      <c r="A6789" t="s">
        <v>29646</v>
      </c>
      <c r="B6789" t="s">
        <v>29647</v>
      </c>
      <c r="C6789" t="s">
        <v>29648</v>
      </c>
      <c r="D6789" t="s">
        <v>29649</v>
      </c>
      <c r="E6789" t="s">
        <v>13</v>
      </c>
      <c r="F6789">
        <v>7293</v>
      </c>
      <c r="G6789" t="s">
        <v>29650</v>
      </c>
      <c r="H6789">
        <v>5.913061435296</v>
      </c>
      <c r="I6789">
        <v>50.923636736867003</v>
      </c>
      <c r="J6789" t="s">
        <v>62474</v>
      </c>
    </row>
    <row r="6790" spans="1:10" x14ac:dyDescent="0.25">
      <c r="A6790" t="s">
        <v>29642</v>
      </c>
      <c r="B6790" t="s">
        <v>29643</v>
      </c>
      <c r="C6790" t="s">
        <v>29644</v>
      </c>
      <c r="D6790" t="s">
        <v>29587</v>
      </c>
      <c r="E6790" t="s">
        <v>13</v>
      </c>
      <c r="F6790">
        <v>7292</v>
      </c>
      <c r="G6790" t="s">
        <v>29645</v>
      </c>
      <c r="H6790">
        <v>5.9946615983299996</v>
      </c>
      <c r="I6790">
        <v>51.660799678038003</v>
      </c>
      <c r="J6790" t="s">
        <v>62475</v>
      </c>
    </row>
    <row r="6791" spans="1:10" x14ac:dyDescent="0.25">
      <c r="A6791" t="s">
        <v>29638</v>
      </c>
      <c r="B6791" t="s">
        <v>29639</v>
      </c>
      <c r="C6791" t="s">
        <v>29640</v>
      </c>
      <c r="D6791" t="s">
        <v>29587</v>
      </c>
      <c r="E6791" t="s">
        <v>13</v>
      </c>
      <c r="F6791">
        <v>7291</v>
      </c>
      <c r="G6791" t="s">
        <v>29641</v>
      </c>
      <c r="H6791">
        <v>5.9945142871670001</v>
      </c>
      <c r="I6791">
        <v>51.676118740786997</v>
      </c>
      <c r="J6791" t="s">
        <v>62476</v>
      </c>
    </row>
    <row r="6792" spans="1:10" x14ac:dyDescent="0.25">
      <c r="A6792" t="s">
        <v>29634</v>
      </c>
      <c r="B6792" t="s">
        <v>29635</v>
      </c>
      <c r="C6792" t="s">
        <v>29636</v>
      </c>
      <c r="D6792" t="s">
        <v>29587</v>
      </c>
      <c r="E6792" t="s">
        <v>13</v>
      </c>
      <c r="F6792">
        <v>7290</v>
      </c>
      <c r="G6792" t="s">
        <v>29637</v>
      </c>
      <c r="H6792">
        <v>5.9764958520790001</v>
      </c>
      <c r="I6792">
        <v>51.677840698135</v>
      </c>
      <c r="J6792" t="s">
        <v>62477</v>
      </c>
    </row>
    <row r="6793" spans="1:10" x14ac:dyDescent="0.25">
      <c r="A6793" t="s">
        <v>29630</v>
      </c>
      <c r="B6793" t="s">
        <v>29631</v>
      </c>
      <c r="C6793" t="s">
        <v>29632</v>
      </c>
      <c r="D6793" t="s">
        <v>29587</v>
      </c>
      <c r="E6793" t="s">
        <v>13</v>
      </c>
      <c r="F6793">
        <v>7289</v>
      </c>
      <c r="G6793" t="s">
        <v>29633</v>
      </c>
      <c r="H6793">
        <v>5.9664938158869996</v>
      </c>
      <c r="I6793">
        <v>51.707558958975</v>
      </c>
      <c r="J6793" t="s">
        <v>62478</v>
      </c>
    </row>
    <row r="6794" spans="1:10" x14ac:dyDescent="0.25">
      <c r="A6794" t="s">
        <v>29627</v>
      </c>
      <c r="B6794" t="s">
        <v>29628</v>
      </c>
      <c r="C6794" t="s">
        <v>7559</v>
      </c>
      <c r="D6794" t="s">
        <v>29587</v>
      </c>
      <c r="E6794" t="s">
        <v>13</v>
      </c>
      <c r="F6794">
        <v>7288</v>
      </c>
      <c r="G6794" t="s">
        <v>29629</v>
      </c>
      <c r="H6794">
        <v>5.9790754093540004</v>
      </c>
      <c r="I6794">
        <v>51.690104303243999</v>
      </c>
      <c r="J6794" t="s">
        <v>62479</v>
      </c>
    </row>
    <row r="6795" spans="1:10" x14ac:dyDescent="0.25">
      <c r="A6795" t="s">
        <v>29624</v>
      </c>
      <c r="B6795" t="s">
        <v>29625</v>
      </c>
      <c r="C6795" t="s">
        <v>5304</v>
      </c>
      <c r="D6795" t="s">
        <v>29587</v>
      </c>
      <c r="E6795" t="s">
        <v>13</v>
      </c>
      <c r="F6795">
        <v>7287</v>
      </c>
      <c r="G6795" t="s">
        <v>29626</v>
      </c>
      <c r="H6795">
        <v>5.9755165378550004</v>
      </c>
      <c r="I6795">
        <v>51.697594223049997</v>
      </c>
      <c r="J6795" t="s">
        <v>62480</v>
      </c>
    </row>
    <row r="6796" spans="1:10" x14ac:dyDescent="0.25">
      <c r="A6796" t="s">
        <v>29621</v>
      </c>
      <c r="B6796" t="s">
        <v>29622</v>
      </c>
      <c r="C6796" t="s">
        <v>4740</v>
      </c>
      <c r="D6796" t="s">
        <v>29587</v>
      </c>
      <c r="E6796" t="s">
        <v>13</v>
      </c>
      <c r="F6796">
        <v>7286</v>
      </c>
      <c r="G6796" t="s">
        <v>29623</v>
      </c>
      <c r="H6796">
        <v>5.9734359011320004</v>
      </c>
      <c r="I6796">
        <v>51.7063377319</v>
      </c>
      <c r="J6796" t="s">
        <v>62481</v>
      </c>
    </row>
    <row r="6797" spans="1:10" x14ac:dyDescent="0.25">
      <c r="A6797" t="s">
        <v>29617</v>
      </c>
      <c r="B6797" t="s">
        <v>29618</v>
      </c>
      <c r="C6797" t="s">
        <v>29619</v>
      </c>
      <c r="D6797" t="s">
        <v>29587</v>
      </c>
      <c r="E6797" t="s">
        <v>13</v>
      </c>
      <c r="F6797">
        <v>7285</v>
      </c>
      <c r="G6797" t="s">
        <v>29620</v>
      </c>
      <c r="H6797">
        <v>5.969061049415</v>
      </c>
      <c r="I6797">
        <v>51.701738435186002</v>
      </c>
      <c r="J6797" t="s">
        <v>62482</v>
      </c>
    </row>
    <row r="6798" spans="1:10" x14ac:dyDescent="0.25">
      <c r="A6798" t="s">
        <v>29613</v>
      </c>
      <c r="B6798" t="s">
        <v>29614</v>
      </c>
      <c r="C6798" t="s">
        <v>29615</v>
      </c>
      <c r="D6798" t="s">
        <v>29587</v>
      </c>
      <c r="E6798" t="s">
        <v>13</v>
      </c>
      <c r="F6798">
        <v>7284</v>
      </c>
      <c r="G6798" t="s">
        <v>29616</v>
      </c>
      <c r="H6798">
        <v>6.0196654961730003</v>
      </c>
      <c r="I6798">
        <v>51.711855707533999</v>
      </c>
      <c r="J6798" t="s">
        <v>62483</v>
      </c>
    </row>
    <row r="6799" spans="1:10" x14ac:dyDescent="0.25">
      <c r="A6799" t="s">
        <v>29609</v>
      </c>
      <c r="B6799" t="s">
        <v>29610</v>
      </c>
      <c r="C6799" t="s">
        <v>29611</v>
      </c>
      <c r="D6799" t="s">
        <v>29587</v>
      </c>
      <c r="E6799" t="s">
        <v>13</v>
      </c>
      <c r="F6799">
        <v>7283</v>
      </c>
      <c r="G6799" t="s">
        <v>29612</v>
      </c>
      <c r="H6799">
        <v>6.0223856388949999</v>
      </c>
      <c r="I6799">
        <v>51.715337306538999</v>
      </c>
      <c r="J6799" t="s">
        <v>62484</v>
      </c>
    </row>
    <row r="6800" spans="1:10" x14ac:dyDescent="0.25">
      <c r="A6800" t="s">
        <v>29605</v>
      </c>
      <c r="B6800" t="s">
        <v>29606</v>
      </c>
      <c r="C6800" t="s">
        <v>29607</v>
      </c>
      <c r="D6800" t="s">
        <v>29587</v>
      </c>
      <c r="E6800" t="s">
        <v>13</v>
      </c>
      <c r="F6800">
        <v>7282</v>
      </c>
      <c r="G6800" t="s">
        <v>29608</v>
      </c>
      <c r="H6800">
        <v>6.0061783682229999</v>
      </c>
      <c r="I6800">
        <v>51.692050439646003</v>
      </c>
      <c r="J6800" t="s">
        <v>62485</v>
      </c>
    </row>
    <row r="6801" spans="1:10" x14ac:dyDescent="0.25">
      <c r="A6801" t="s">
        <v>29601</v>
      </c>
      <c r="B6801" t="s">
        <v>29602</v>
      </c>
      <c r="C6801" t="s">
        <v>29603</v>
      </c>
      <c r="D6801" t="s">
        <v>29587</v>
      </c>
      <c r="E6801" t="s">
        <v>13</v>
      </c>
      <c r="F6801">
        <v>7281</v>
      </c>
      <c r="G6801" t="s">
        <v>29604</v>
      </c>
      <c r="H6801">
        <v>5.9910369207</v>
      </c>
      <c r="I6801">
        <v>51.722520774069999</v>
      </c>
      <c r="J6801" t="s">
        <v>62486</v>
      </c>
    </row>
    <row r="6802" spans="1:10" x14ac:dyDescent="0.25">
      <c r="A6802" t="s">
        <v>29597</v>
      </c>
      <c r="B6802" t="s">
        <v>29598</v>
      </c>
      <c r="C6802" t="s">
        <v>29599</v>
      </c>
      <c r="D6802" t="s">
        <v>29587</v>
      </c>
      <c r="E6802" t="s">
        <v>13</v>
      </c>
      <c r="F6802">
        <v>7280</v>
      </c>
      <c r="G6802" t="s">
        <v>29600</v>
      </c>
      <c r="H6802">
        <v>5.9844040354879997</v>
      </c>
      <c r="I6802">
        <v>51.703219856243997</v>
      </c>
      <c r="J6802" t="s">
        <v>62487</v>
      </c>
    </row>
    <row r="6803" spans="1:10" x14ac:dyDescent="0.25">
      <c r="A6803" t="s">
        <v>29593</v>
      </c>
      <c r="B6803" t="s">
        <v>29594</v>
      </c>
      <c r="C6803" t="s">
        <v>29595</v>
      </c>
      <c r="D6803" t="s">
        <v>29587</v>
      </c>
      <c r="E6803" t="s">
        <v>13</v>
      </c>
      <c r="F6803">
        <v>7279</v>
      </c>
      <c r="G6803" t="s">
        <v>29596</v>
      </c>
      <c r="H6803">
        <v>5.9506912799530003</v>
      </c>
      <c r="I6803">
        <v>51.727636842663003</v>
      </c>
      <c r="J6803" t="s">
        <v>62488</v>
      </c>
    </row>
    <row r="6804" spans="1:10" x14ac:dyDescent="0.25">
      <c r="A6804" t="s">
        <v>29589</v>
      </c>
      <c r="B6804" t="s">
        <v>29590</v>
      </c>
      <c r="C6804" t="s">
        <v>29591</v>
      </c>
      <c r="D6804" t="s">
        <v>29587</v>
      </c>
      <c r="E6804" t="s">
        <v>13</v>
      </c>
      <c r="F6804">
        <v>7278</v>
      </c>
      <c r="G6804" t="s">
        <v>29592</v>
      </c>
      <c r="H6804">
        <v>5.9455429471369996</v>
      </c>
      <c r="I6804">
        <v>51.720056986385998</v>
      </c>
      <c r="J6804" t="s">
        <v>62489</v>
      </c>
    </row>
    <row r="6805" spans="1:10" x14ac:dyDescent="0.25">
      <c r="A6805" t="s">
        <v>29584</v>
      </c>
      <c r="B6805" t="s">
        <v>29585</v>
      </c>
      <c r="C6805" t="s">
        <v>29586</v>
      </c>
      <c r="D6805" t="s">
        <v>29587</v>
      </c>
      <c r="E6805" t="s">
        <v>13</v>
      </c>
      <c r="F6805">
        <v>7277</v>
      </c>
      <c r="G6805" t="s">
        <v>29588</v>
      </c>
      <c r="H6805">
        <v>5.946336396115</v>
      </c>
      <c r="I6805">
        <v>51.728899617734001</v>
      </c>
      <c r="J6805" t="s">
        <v>62490</v>
      </c>
    </row>
    <row r="6806" spans="1:10" x14ac:dyDescent="0.25">
      <c r="A6806" t="s">
        <v>29580</v>
      </c>
      <c r="B6806" t="s">
        <v>29581</v>
      </c>
      <c r="C6806" t="s">
        <v>29582</v>
      </c>
      <c r="D6806" t="s">
        <v>29409</v>
      </c>
      <c r="E6806" t="s">
        <v>13</v>
      </c>
      <c r="F6806">
        <v>7276</v>
      </c>
      <c r="G6806" t="s">
        <v>29583</v>
      </c>
      <c r="H6806">
        <v>5.9597758060480004</v>
      </c>
      <c r="I6806">
        <v>50.939998093264997</v>
      </c>
      <c r="J6806" t="s">
        <v>62491</v>
      </c>
    </row>
    <row r="6807" spans="1:10" x14ac:dyDescent="0.25">
      <c r="A6807" t="s">
        <v>29576</v>
      </c>
      <c r="B6807" t="s">
        <v>29577</v>
      </c>
      <c r="C6807" t="s">
        <v>29578</v>
      </c>
      <c r="D6807" t="s">
        <v>29409</v>
      </c>
      <c r="E6807" t="s">
        <v>13</v>
      </c>
      <c r="F6807">
        <v>7275</v>
      </c>
      <c r="G6807" t="s">
        <v>29579</v>
      </c>
      <c r="H6807">
        <v>5.9735193371159996</v>
      </c>
      <c r="I6807">
        <v>50.940564753685003</v>
      </c>
      <c r="J6807" t="s">
        <v>62492</v>
      </c>
    </row>
    <row r="6808" spans="1:10" x14ac:dyDescent="0.25">
      <c r="A6808" t="s">
        <v>29572</v>
      </c>
      <c r="B6808" t="s">
        <v>29573</v>
      </c>
      <c r="C6808" t="s">
        <v>29574</v>
      </c>
      <c r="D6808" t="s">
        <v>29409</v>
      </c>
      <c r="E6808" t="s">
        <v>13</v>
      </c>
      <c r="F6808">
        <v>7274</v>
      </c>
      <c r="G6808" t="s">
        <v>29575</v>
      </c>
      <c r="H6808">
        <v>5.9738859645440003</v>
      </c>
      <c r="I6808">
        <v>50.943273435155</v>
      </c>
      <c r="J6808" t="s">
        <v>62493</v>
      </c>
    </row>
    <row r="6809" spans="1:10" x14ac:dyDescent="0.25">
      <c r="A6809" t="s">
        <v>29568</v>
      </c>
      <c r="B6809" t="s">
        <v>29569</v>
      </c>
      <c r="C6809" t="s">
        <v>29570</v>
      </c>
      <c r="D6809" t="s">
        <v>29409</v>
      </c>
      <c r="E6809" t="s">
        <v>13</v>
      </c>
      <c r="F6809">
        <v>7273</v>
      </c>
      <c r="G6809" t="s">
        <v>29571</v>
      </c>
      <c r="H6809">
        <v>5.9660160134420002</v>
      </c>
      <c r="I6809">
        <v>50.936814811207</v>
      </c>
      <c r="J6809" t="s">
        <v>62494</v>
      </c>
    </row>
    <row r="6810" spans="1:10" x14ac:dyDescent="0.25">
      <c r="A6810" t="s">
        <v>29564</v>
      </c>
      <c r="B6810" t="s">
        <v>29565</v>
      </c>
      <c r="C6810" t="s">
        <v>29566</v>
      </c>
      <c r="D6810" t="s">
        <v>29409</v>
      </c>
      <c r="E6810" t="s">
        <v>13</v>
      </c>
      <c r="F6810">
        <v>7272</v>
      </c>
      <c r="G6810" t="s">
        <v>29567</v>
      </c>
      <c r="H6810">
        <v>5.9680722555779999</v>
      </c>
      <c r="I6810">
        <v>50.941522676300998</v>
      </c>
      <c r="J6810" t="s">
        <v>62495</v>
      </c>
    </row>
    <row r="6811" spans="1:10" x14ac:dyDescent="0.25">
      <c r="A6811" t="s">
        <v>29560</v>
      </c>
      <c r="B6811" t="s">
        <v>29561</v>
      </c>
      <c r="C6811" t="s">
        <v>29562</v>
      </c>
      <c r="D6811" t="s">
        <v>29409</v>
      </c>
      <c r="E6811" t="s">
        <v>13</v>
      </c>
      <c r="F6811">
        <v>7271</v>
      </c>
      <c r="G6811" t="s">
        <v>29563</v>
      </c>
      <c r="H6811">
        <v>5.9640089590600001</v>
      </c>
      <c r="I6811">
        <v>50.941853484085001</v>
      </c>
      <c r="J6811" t="s">
        <v>62496</v>
      </c>
    </row>
    <row r="6812" spans="1:10" x14ac:dyDescent="0.25">
      <c r="A6812" t="s">
        <v>29556</v>
      </c>
      <c r="B6812" t="s">
        <v>29557</v>
      </c>
      <c r="C6812" t="s">
        <v>29558</v>
      </c>
      <c r="D6812" t="s">
        <v>29409</v>
      </c>
      <c r="E6812" t="s">
        <v>13</v>
      </c>
      <c r="F6812">
        <v>7270</v>
      </c>
      <c r="G6812" t="s">
        <v>29559</v>
      </c>
      <c r="H6812">
        <v>5.9757173071769998</v>
      </c>
      <c r="I6812">
        <v>50.945581012788999</v>
      </c>
      <c r="J6812" t="s">
        <v>62497</v>
      </c>
    </row>
    <row r="6813" spans="1:10" x14ac:dyDescent="0.25">
      <c r="A6813" t="s">
        <v>29553</v>
      </c>
      <c r="B6813" t="s">
        <v>29554</v>
      </c>
      <c r="C6813" t="s">
        <v>129</v>
      </c>
      <c r="D6813" t="s">
        <v>29409</v>
      </c>
      <c r="E6813" t="s">
        <v>13</v>
      </c>
      <c r="F6813">
        <v>7269</v>
      </c>
      <c r="G6813" t="s">
        <v>29555</v>
      </c>
      <c r="H6813">
        <v>5.9716916438089997</v>
      </c>
      <c r="I6813">
        <v>50.946035897850997</v>
      </c>
      <c r="J6813" t="s">
        <v>62498</v>
      </c>
    </row>
    <row r="6814" spans="1:10" x14ac:dyDescent="0.25">
      <c r="A6814" t="s">
        <v>29549</v>
      </c>
      <c r="B6814" t="s">
        <v>29550</v>
      </c>
      <c r="C6814" t="s">
        <v>29551</v>
      </c>
      <c r="D6814" t="s">
        <v>29409</v>
      </c>
      <c r="E6814" t="s">
        <v>13</v>
      </c>
      <c r="F6814">
        <v>7268</v>
      </c>
      <c r="G6814" t="s">
        <v>29552</v>
      </c>
      <c r="H6814">
        <v>5.9699070681070001</v>
      </c>
      <c r="I6814">
        <v>50.948300011074998</v>
      </c>
      <c r="J6814" t="s">
        <v>62499</v>
      </c>
    </row>
    <row r="6815" spans="1:10" x14ac:dyDescent="0.25">
      <c r="A6815" t="s">
        <v>29545</v>
      </c>
      <c r="B6815" t="s">
        <v>29546</v>
      </c>
      <c r="C6815" t="s">
        <v>29547</v>
      </c>
      <c r="D6815" t="s">
        <v>29409</v>
      </c>
      <c r="E6815" t="s">
        <v>13</v>
      </c>
      <c r="F6815">
        <v>7267</v>
      </c>
      <c r="G6815" t="s">
        <v>29548</v>
      </c>
      <c r="H6815">
        <v>5.9670695288260003</v>
      </c>
      <c r="I6815">
        <v>50.945680101138997</v>
      </c>
      <c r="J6815" t="s">
        <v>62500</v>
      </c>
    </row>
    <row r="6816" spans="1:10" x14ac:dyDescent="0.25">
      <c r="A6816" t="s">
        <v>29541</v>
      </c>
      <c r="B6816" t="s">
        <v>29542</v>
      </c>
      <c r="C6816" t="s">
        <v>29543</v>
      </c>
      <c r="D6816" t="s">
        <v>29409</v>
      </c>
      <c r="E6816" t="s">
        <v>13</v>
      </c>
      <c r="F6816">
        <v>7266</v>
      </c>
      <c r="G6816" t="s">
        <v>29544</v>
      </c>
      <c r="H6816">
        <v>5.974042448784</v>
      </c>
      <c r="I6816">
        <v>50.949975221109</v>
      </c>
      <c r="J6816" t="s">
        <v>62501</v>
      </c>
    </row>
    <row r="6817" spans="1:10" x14ac:dyDescent="0.25">
      <c r="A6817" t="s">
        <v>29537</v>
      </c>
      <c r="B6817" t="s">
        <v>29538</v>
      </c>
      <c r="C6817" t="s">
        <v>29539</v>
      </c>
      <c r="D6817" t="s">
        <v>29409</v>
      </c>
      <c r="E6817" t="s">
        <v>13</v>
      </c>
      <c r="F6817">
        <v>7265</v>
      </c>
      <c r="G6817" t="s">
        <v>29540</v>
      </c>
      <c r="H6817">
        <v>5.9937047599540003</v>
      </c>
      <c r="I6817">
        <v>50.931496901816999</v>
      </c>
      <c r="J6817" t="s">
        <v>62502</v>
      </c>
    </row>
    <row r="6818" spans="1:10" x14ac:dyDescent="0.25">
      <c r="A6818" t="s">
        <v>29533</v>
      </c>
      <c r="B6818" t="s">
        <v>29534</v>
      </c>
      <c r="C6818" t="s">
        <v>29535</v>
      </c>
      <c r="D6818" t="s">
        <v>29409</v>
      </c>
      <c r="E6818" t="s">
        <v>13</v>
      </c>
      <c r="F6818">
        <v>7264</v>
      </c>
      <c r="G6818" t="s">
        <v>29536</v>
      </c>
      <c r="H6818">
        <v>6.0107910551629997</v>
      </c>
      <c r="I6818">
        <v>50.935854527038998</v>
      </c>
      <c r="J6818" t="s">
        <v>62503</v>
      </c>
    </row>
    <row r="6819" spans="1:10" x14ac:dyDescent="0.25">
      <c r="A6819" t="s">
        <v>29529</v>
      </c>
      <c r="B6819" t="s">
        <v>29530</v>
      </c>
      <c r="C6819" t="s">
        <v>29531</v>
      </c>
      <c r="D6819" t="s">
        <v>29409</v>
      </c>
      <c r="E6819" t="s">
        <v>13</v>
      </c>
      <c r="F6819">
        <v>7263</v>
      </c>
      <c r="G6819" t="s">
        <v>29532</v>
      </c>
      <c r="H6819">
        <v>5.9783896212309999</v>
      </c>
      <c r="I6819">
        <v>50.938695731495997</v>
      </c>
      <c r="J6819" t="s">
        <v>62504</v>
      </c>
    </row>
    <row r="6820" spans="1:10" x14ac:dyDescent="0.25">
      <c r="A6820" t="s">
        <v>29525</v>
      </c>
      <c r="B6820" t="s">
        <v>29526</v>
      </c>
      <c r="C6820" t="s">
        <v>29527</v>
      </c>
      <c r="D6820" t="s">
        <v>29409</v>
      </c>
      <c r="E6820" t="s">
        <v>13</v>
      </c>
      <c r="F6820">
        <v>7262</v>
      </c>
      <c r="G6820" t="s">
        <v>29528</v>
      </c>
      <c r="H6820">
        <v>5.9820582347029996</v>
      </c>
      <c r="I6820">
        <v>50.935882090309001</v>
      </c>
      <c r="J6820" t="s">
        <v>62505</v>
      </c>
    </row>
    <row r="6821" spans="1:10" x14ac:dyDescent="0.25">
      <c r="A6821" t="s">
        <v>29521</v>
      </c>
      <c r="B6821" t="s">
        <v>29522</v>
      </c>
      <c r="C6821" t="s">
        <v>29523</v>
      </c>
      <c r="D6821" t="s">
        <v>29409</v>
      </c>
      <c r="E6821" t="s">
        <v>13</v>
      </c>
      <c r="F6821">
        <v>7261</v>
      </c>
      <c r="G6821" t="s">
        <v>29524</v>
      </c>
      <c r="H6821">
        <v>5.9704230068420001</v>
      </c>
      <c r="I6821">
        <v>50.933720289594</v>
      </c>
      <c r="J6821" t="s">
        <v>62506</v>
      </c>
    </row>
    <row r="6822" spans="1:10" x14ac:dyDescent="0.25">
      <c r="A6822" t="s">
        <v>29517</v>
      </c>
      <c r="B6822" t="s">
        <v>29518</v>
      </c>
      <c r="C6822" t="s">
        <v>29519</v>
      </c>
      <c r="D6822" t="s">
        <v>29409</v>
      </c>
      <c r="E6822" t="s">
        <v>13</v>
      </c>
      <c r="F6822">
        <v>7260</v>
      </c>
      <c r="G6822" t="s">
        <v>29520</v>
      </c>
      <c r="H6822">
        <v>5.9698525543140004</v>
      </c>
      <c r="I6822">
        <v>50.931667782919</v>
      </c>
      <c r="J6822" t="s">
        <v>62507</v>
      </c>
    </row>
    <row r="6823" spans="1:10" x14ac:dyDescent="0.25">
      <c r="A6823" t="s">
        <v>29513</v>
      </c>
      <c r="B6823" t="s">
        <v>29514</v>
      </c>
      <c r="C6823" t="s">
        <v>29515</v>
      </c>
      <c r="D6823" t="s">
        <v>29409</v>
      </c>
      <c r="E6823" t="s">
        <v>13</v>
      </c>
      <c r="F6823">
        <v>7259</v>
      </c>
      <c r="G6823" t="s">
        <v>29516</v>
      </c>
      <c r="H6823">
        <v>5.985784727935</v>
      </c>
      <c r="I6823">
        <v>50.941252684056998</v>
      </c>
      <c r="J6823" t="s">
        <v>62508</v>
      </c>
    </row>
    <row r="6824" spans="1:10" x14ac:dyDescent="0.25">
      <c r="A6824" t="s">
        <v>29510</v>
      </c>
      <c r="B6824" t="s">
        <v>29511</v>
      </c>
      <c r="C6824" t="s">
        <v>5316</v>
      </c>
      <c r="D6824" t="s">
        <v>29409</v>
      </c>
      <c r="E6824" t="s">
        <v>13</v>
      </c>
      <c r="F6824">
        <v>7258</v>
      </c>
      <c r="G6824" t="s">
        <v>29512</v>
      </c>
      <c r="H6824">
        <v>5.9897582643270004</v>
      </c>
      <c r="I6824">
        <v>50.948544685541997</v>
      </c>
      <c r="J6824" t="s">
        <v>62509</v>
      </c>
    </row>
    <row r="6825" spans="1:10" x14ac:dyDescent="0.25">
      <c r="A6825" t="s">
        <v>29506</v>
      </c>
      <c r="B6825" t="s">
        <v>29507</v>
      </c>
      <c r="C6825" t="s">
        <v>29508</v>
      </c>
      <c r="D6825" t="s">
        <v>29409</v>
      </c>
      <c r="E6825" t="s">
        <v>13</v>
      </c>
      <c r="F6825">
        <v>7257</v>
      </c>
      <c r="G6825" t="s">
        <v>29509</v>
      </c>
      <c r="H6825">
        <v>6.0005555763840004</v>
      </c>
      <c r="I6825">
        <v>50.941807166365997</v>
      </c>
      <c r="J6825" t="s">
        <v>62510</v>
      </c>
    </row>
    <row r="6826" spans="1:10" x14ac:dyDescent="0.25">
      <c r="A6826" t="s">
        <v>29502</v>
      </c>
      <c r="B6826" t="s">
        <v>29503</v>
      </c>
      <c r="C6826" t="s">
        <v>29504</v>
      </c>
      <c r="D6826" t="s">
        <v>29409</v>
      </c>
      <c r="E6826" t="s">
        <v>13</v>
      </c>
      <c r="F6826">
        <v>7256</v>
      </c>
      <c r="G6826" t="s">
        <v>29505</v>
      </c>
      <c r="H6826">
        <v>6.0077240758529999</v>
      </c>
      <c r="I6826">
        <v>50.950294669439003</v>
      </c>
      <c r="J6826" t="s">
        <v>62511</v>
      </c>
    </row>
    <row r="6827" spans="1:10" x14ac:dyDescent="0.25">
      <c r="A6827" t="s">
        <v>29498</v>
      </c>
      <c r="B6827" t="s">
        <v>29499</v>
      </c>
      <c r="C6827" t="s">
        <v>29500</v>
      </c>
      <c r="D6827" t="s">
        <v>29409</v>
      </c>
      <c r="E6827" t="s">
        <v>13</v>
      </c>
      <c r="F6827">
        <v>7255</v>
      </c>
      <c r="G6827" t="s">
        <v>29501</v>
      </c>
      <c r="H6827">
        <v>5.9947566428929999</v>
      </c>
      <c r="I6827">
        <v>50.955302949900997</v>
      </c>
      <c r="J6827" t="s">
        <v>62512</v>
      </c>
    </row>
    <row r="6828" spans="1:10" x14ac:dyDescent="0.25">
      <c r="A6828" t="s">
        <v>29494</v>
      </c>
      <c r="B6828" t="s">
        <v>29495</v>
      </c>
      <c r="C6828" t="s">
        <v>29496</v>
      </c>
      <c r="D6828" t="s">
        <v>29409</v>
      </c>
      <c r="E6828" t="s">
        <v>13</v>
      </c>
      <c r="F6828">
        <v>7254</v>
      </c>
      <c r="G6828" t="s">
        <v>29497</v>
      </c>
      <c r="H6828">
        <v>5.9844235223620004</v>
      </c>
      <c r="I6828">
        <v>50.958736892436001</v>
      </c>
      <c r="J6828" t="s">
        <v>62513</v>
      </c>
    </row>
    <row r="6829" spans="1:10" x14ac:dyDescent="0.25">
      <c r="A6829" t="s">
        <v>29490</v>
      </c>
      <c r="B6829" t="s">
        <v>29491</v>
      </c>
      <c r="C6829" t="s">
        <v>29492</v>
      </c>
      <c r="D6829" t="s">
        <v>29409</v>
      </c>
      <c r="E6829" t="s">
        <v>13</v>
      </c>
      <c r="F6829">
        <v>7253</v>
      </c>
      <c r="G6829" t="s">
        <v>29493</v>
      </c>
      <c r="H6829">
        <v>5.9827562875740004</v>
      </c>
      <c r="I6829">
        <v>50.942974322116001</v>
      </c>
      <c r="J6829" t="s">
        <v>62514</v>
      </c>
    </row>
    <row r="6830" spans="1:10" x14ac:dyDescent="0.25">
      <c r="A6830" t="s">
        <v>29486</v>
      </c>
      <c r="B6830" t="s">
        <v>29487</v>
      </c>
      <c r="C6830" t="s">
        <v>29488</v>
      </c>
      <c r="D6830" t="s">
        <v>29409</v>
      </c>
      <c r="E6830" t="s">
        <v>13</v>
      </c>
      <c r="F6830">
        <v>7252</v>
      </c>
      <c r="G6830" t="s">
        <v>29489</v>
      </c>
      <c r="H6830">
        <v>5.9809465223549996</v>
      </c>
      <c r="I6830">
        <v>50.947554556321997</v>
      </c>
      <c r="J6830" t="s">
        <v>62515</v>
      </c>
    </row>
    <row r="6831" spans="1:10" x14ac:dyDescent="0.25">
      <c r="A6831" t="s">
        <v>29482</v>
      </c>
      <c r="B6831" t="s">
        <v>29483</v>
      </c>
      <c r="C6831" t="s">
        <v>29484</v>
      </c>
      <c r="D6831" t="s">
        <v>29409</v>
      </c>
      <c r="E6831" t="s">
        <v>13</v>
      </c>
      <c r="F6831">
        <v>7251</v>
      </c>
      <c r="G6831" t="s">
        <v>29485</v>
      </c>
      <c r="H6831">
        <v>5.9797467610010004</v>
      </c>
      <c r="I6831">
        <v>50.953261980290002</v>
      </c>
      <c r="J6831" t="s">
        <v>62516</v>
      </c>
    </row>
    <row r="6832" spans="1:10" x14ac:dyDescent="0.25">
      <c r="A6832" t="s">
        <v>29478</v>
      </c>
      <c r="B6832" t="s">
        <v>29479</v>
      </c>
      <c r="C6832" t="s">
        <v>29480</v>
      </c>
      <c r="D6832" t="s">
        <v>29409</v>
      </c>
      <c r="E6832" t="s">
        <v>13</v>
      </c>
      <c r="F6832">
        <v>7250</v>
      </c>
      <c r="G6832" t="s">
        <v>29481</v>
      </c>
      <c r="H6832">
        <v>5.9758802943580003</v>
      </c>
      <c r="I6832">
        <v>50.955274057708998</v>
      </c>
      <c r="J6832" t="s">
        <v>62517</v>
      </c>
    </row>
    <row r="6833" spans="1:10" x14ac:dyDescent="0.25">
      <c r="A6833" t="s">
        <v>29474</v>
      </c>
      <c r="B6833" t="s">
        <v>29475</v>
      </c>
      <c r="C6833" t="s">
        <v>29476</v>
      </c>
      <c r="D6833" t="s">
        <v>29409</v>
      </c>
      <c r="E6833" t="s">
        <v>13</v>
      </c>
      <c r="F6833">
        <v>7249</v>
      </c>
      <c r="G6833" t="s">
        <v>29477</v>
      </c>
      <c r="H6833">
        <v>5.97784616618</v>
      </c>
      <c r="I6833">
        <v>50.957722160060001</v>
      </c>
      <c r="J6833" t="s">
        <v>62518</v>
      </c>
    </row>
    <row r="6834" spans="1:10" x14ac:dyDescent="0.25">
      <c r="A6834" t="s">
        <v>29471</v>
      </c>
      <c r="B6834" t="s">
        <v>29472</v>
      </c>
      <c r="C6834" t="s">
        <v>9799</v>
      </c>
      <c r="D6834" t="s">
        <v>29409</v>
      </c>
      <c r="E6834" t="s">
        <v>13</v>
      </c>
      <c r="F6834">
        <v>7248</v>
      </c>
      <c r="G6834" t="s">
        <v>29473</v>
      </c>
      <c r="H6834">
        <v>5.951197394217</v>
      </c>
      <c r="I6834">
        <v>50.948663164227</v>
      </c>
      <c r="J6834" t="s">
        <v>62519</v>
      </c>
    </row>
    <row r="6835" spans="1:10" x14ac:dyDescent="0.25">
      <c r="A6835" t="s">
        <v>29467</v>
      </c>
      <c r="B6835" t="s">
        <v>29468</v>
      </c>
      <c r="C6835" t="s">
        <v>29469</v>
      </c>
      <c r="D6835" t="s">
        <v>29409</v>
      </c>
      <c r="E6835" t="s">
        <v>13</v>
      </c>
      <c r="F6835">
        <v>7247</v>
      </c>
      <c r="G6835" t="s">
        <v>29470</v>
      </c>
      <c r="H6835">
        <v>5.9630088814170001</v>
      </c>
      <c r="I6835">
        <v>50.957329808851</v>
      </c>
      <c r="J6835" t="s">
        <v>62520</v>
      </c>
    </row>
    <row r="6836" spans="1:10" x14ac:dyDescent="0.25">
      <c r="A6836" t="s">
        <v>29463</v>
      </c>
      <c r="B6836" t="s">
        <v>29464</v>
      </c>
      <c r="C6836" t="s">
        <v>29465</v>
      </c>
      <c r="D6836" t="s">
        <v>29409</v>
      </c>
      <c r="E6836" t="s">
        <v>13</v>
      </c>
      <c r="F6836">
        <v>7246</v>
      </c>
      <c r="G6836" t="s">
        <v>29466</v>
      </c>
      <c r="H6836">
        <v>5.9553825371310003</v>
      </c>
      <c r="I6836">
        <v>50.943881345537001</v>
      </c>
      <c r="J6836" t="s">
        <v>62521</v>
      </c>
    </row>
    <row r="6837" spans="1:10" x14ac:dyDescent="0.25">
      <c r="A6837" t="s">
        <v>29459</v>
      </c>
      <c r="B6837" t="s">
        <v>29460</v>
      </c>
      <c r="C6837" t="s">
        <v>29461</v>
      </c>
      <c r="D6837" t="s">
        <v>29409</v>
      </c>
      <c r="E6837" t="s">
        <v>13</v>
      </c>
      <c r="F6837">
        <v>7245</v>
      </c>
      <c r="G6837" t="s">
        <v>29462</v>
      </c>
      <c r="H6837">
        <v>5.9611184319039996</v>
      </c>
      <c r="I6837">
        <v>50.945028314856998</v>
      </c>
      <c r="J6837" t="s">
        <v>62522</v>
      </c>
    </row>
    <row r="6838" spans="1:10" x14ac:dyDescent="0.25">
      <c r="A6838" t="s">
        <v>29455</v>
      </c>
      <c r="B6838" t="s">
        <v>29456</v>
      </c>
      <c r="C6838" t="s">
        <v>29457</v>
      </c>
      <c r="D6838" t="s">
        <v>29409</v>
      </c>
      <c r="E6838" t="s">
        <v>13</v>
      </c>
      <c r="F6838">
        <v>7244</v>
      </c>
      <c r="G6838" t="s">
        <v>29458</v>
      </c>
      <c r="H6838">
        <v>5.9602948060049998</v>
      </c>
      <c r="I6838">
        <v>50.947266259999999</v>
      </c>
      <c r="J6838" t="s">
        <v>62523</v>
      </c>
    </row>
    <row r="6839" spans="1:10" x14ac:dyDescent="0.25">
      <c r="A6839" t="s">
        <v>29451</v>
      </c>
      <c r="B6839" t="s">
        <v>29452</v>
      </c>
      <c r="C6839" t="s">
        <v>29453</v>
      </c>
      <c r="D6839" t="s">
        <v>29409</v>
      </c>
      <c r="E6839" t="s">
        <v>13</v>
      </c>
      <c r="F6839">
        <v>7243</v>
      </c>
      <c r="G6839" t="s">
        <v>29454</v>
      </c>
      <c r="H6839">
        <v>5.9577507936760004</v>
      </c>
      <c r="I6839">
        <v>50.949225321848999</v>
      </c>
      <c r="J6839" t="s">
        <v>62524</v>
      </c>
    </row>
    <row r="6840" spans="1:10" x14ac:dyDescent="0.25">
      <c r="A6840" t="s">
        <v>29447</v>
      </c>
      <c r="B6840" t="s">
        <v>29448</v>
      </c>
      <c r="C6840" t="s">
        <v>29449</v>
      </c>
      <c r="D6840" t="s">
        <v>29409</v>
      </c>
      <c r="E6840" t="s">
        <v>13</v>
      </c>
      <c r="F6840">
        <v>7242</v>
      </c>
      <c r="G6840" t="s">
        <v>29450</v>
      </c>
      <c r="H6840">
        <v>5.9659193203590002</v>
      </c>
      <c r="I6840">
        <v>50.949577819592001</v>
      </c>
      <c r="J6840" t="s">
        <v>62525</v>
      </c>
    </row>
    <row r="6841" spans="1:10" x14ac:dyDescent="0.25">
      <c r="A6841" t="s">
        <v>29443</v>
      </c>
      <c r="B6841" t="s">
        <v>29444</v>
      </c>
      <c r="C6841" t="s">
        <v>29445</v>
      </c>
      <c r="D6841" t="s">
        <v>29409</v>
      </c>
      <c r="E6841" t="s">
        <v>13</v>
      </c>
      <c r="F6841">
        <v>7241</v>
      </c>
      <c r="G6841" t="s">
        <v>29446</v>
      </c>
      <c r="H6841">
        <v>5.9618822019259996</v>
      </c>
      <c r="I6841">
        <v>50.952329697383</v>
      </c>
      <c r="J6841" t="s">
        <v>62526</v>
      </c>
    </row>
    <row r="6842" spans="1:10" x14ac:dyDescent="0.25">
      <c r="A6842" t="s">
        <v>29439</v>
      </c>
      <c r="B6842" t="s">
        <v>29440</v>
      </c>
      <c r="C6842" t="s">
        <v>29441</v>
      </c>
      <c r="D6842" t="s">
        <v>29409</v>
      </c>
      <c r="E6842" t="s">
        <v>13</v>
      </c>
      <c r="F6842">
        <v>7240</v>
      </c>
      <c r="G6842" t="s">
        <v>29442</v>
      </c>
      <c r="H6842">
        <v>5.9711431469139997</v>
      </c>
      <c r="I6842">
        <v>50.953310029042001</v>
      </c>
      <c r="J6842" t="s">
        <v>62527</v>
      </c>
    </row>
    <row r="6843" spans="1:10" x14ac:dyDescent="0.25">
      <c r="A6843" t="s">
        <v>29435</v>
      </c>
      <c r="B6843" t="s">
        <v>29436</v>
      </c>
      <c r="C6843" t="s">
        <v>29437</v>
      </c>
      <c r="D6843" t="s">
        <v>29409</v>
      </c>
      <c r="E6843" t="s">
        <v>13</v>
      </c>
      <c r="F6843">
        <v>7239</v>
      </c>
      <c r="G6843" t="s">
        <v>29438</v>
      </c>
      <c r="H6843">
        <v>5.9652850211209998</v>
      </c>
      <c r="I6843">
        <v>50.954701954618002</v>
      </c>
      <c r="J6843" t="s">
        <v>62528</v>
      </c>
    </row>
    <row r="6844" spans="1:10" x14ac:dyDescent="0.25">
      <c r="A6844" t="s">
        <v>29431</v>
      </c>
      <c r="B6844" t="s">
        <v>29432</v>
      </c>
      <c r="C6844" t="s">
        <v>29433</v>
      </c>
      <c r="D6844" t="s">
        <v>29409</v>
      </c>
      <c r="E6844" t="s">
        <v>13</v>
      </c>
      <c r="F6844">
        <v>7238</v>
      </c>
      <c r="G6844" t="s">
        <v>29434</v>
      </c>
      <c r="H6844">
        <v>5.9700346757130003</v>
      </c>
      <c r="I6844">
        <v>50.956976733040001</v>
      </c>
      <c r="J6844" t="s">
        <v>62529</v>
      </c>
    </row>
    <row r="6845" spans="1:10" x14ac:dyDescent="0.25">
      <c r="A6845" t="s">
        <v>29427</v>
      </c>
      <c r="B6845" t="s">
        <v>29428</v>
      </c>
      <c r="C6845" t="s">
        <v>29429</v>
      </c>
      <c r="D6845" t="s">
        <v>29409</v>
      </c>
      <c r="E6845" t="s">
        <v>13</v>
      </c>
      <c r="F6845">
        <v>7237</v>
      </c>
      <c r="G6845" t="s">
        <v>29430</v>
      </c>
      <c r="H6845">
        <v>5.9399711293840003</v>
      </c>
      <c r="I6845">
        <v>50.936032532940999</v>
      </c>
      <c r="J6845" t="s">
        <v>62530</v>
      </c>
    </row>
    <row r="6846" spans="1:10" x14ac:dyDescent="0.25">
      <c r="A6846" t="s">
        <v>29423</v>
      </c>
      <c r="B6846" t="s">
        <v>29424</v>
      </c>
      <c r="C6846" t="s">
        <v>29425</v>
      </c>
      <c r="D6846" t="s">
        <v>29409</v>
      </c>
      <c r="E6846" t="s">
        <v>13</v>
      </c>
      <c r="F6846">
        <v>7236</v>
      </c>
      <c r="G6846" t="s">
        <v>29426</v>
      </c>
      <c r="H6846">
        <v>5.9399863444059999</v>
      </c>
      <c r="I6846">
        <v>50.942018237795999</v>
      </c>
      <c r="J6846" t="s">
        <v>62531</v>
      </c>
    </row>
    <row r="6847" spans="1:10" x14ac:dyDescent="0.25">
      <c r="A6847" t="s">
        <v>29419</v>
      </c>
      <c r="B6847" t="s">
        <v>29420</v>
      </c>
      <c r="C6847" t="s">
        <v>29421</v>
      </c>
      <c r="D6847" t="s">
        <v>29409</v>
      </c>
      <c r="E6847" t="s">
        <v>13</v>
      </c>
      <c r="F6847">
        <v>7235</v>
      </c>
      <c r="G6847" t="s">
        <v>29422</v>
      </c>
      <c r="H6847">
        <v>5.9454818192219996</v>
      </c>
      <c r="I6847">
        <v>50.931379711474001</v>
      </c>
      <c r="J6847" t="s">
        <v>62532</v>
      </c>
    </row>
    <row r="6848" spans="1:10" x14ac:dyDescent="0.25">
      <c r="A6848" t="s">
        <v>29415</v>
      </c>
      <c r="B6848" t="s">
        <v>29416</v>
      </c>
      <c r="C6848" t="s">
        <v>29417</v>
      </c>
      <c r="D6848" t="s">
        <v>29409</v>
      </c>
      <c r="E6848" t="s">
        <v>13</v>
      </c>
      <c r="F6848">
        <v>7234</v>
      </c>
      <c r="G6848" t="s">
        <v>29418</v>
      </c>
      <c r="H6848">
        <v>5.9456643455589999</v>
      </c>
      <c r="I6848">
        <v>50.934246918641001</v>
      </c>
      <c r="J6848" t="s">
        <v>62533</v>
      </c>
    </row>
    <row r="6849" spans="1:10" x14ac:dyDescent="0.25">
      <c r="A6849" t="s">
        <v>29411</v>
      </c>
      <c r="B6849" t="s">
        <v>29412</v>
      </c>
      <c r="C6849" t="s">
        <v>29413</v>
      </c>
      <c r="D6849" t="s">
        <v>29409</v>
      </c>
      <c r="E6849" t="s">
        <v>13</v>
      </c>
      <c r="F6849">
        <v>7233</v>
      </c>
      <c r="G6849" t="s">
        <v>29414</v>
      </c>
      <c r="H6849">
        <v>5.9537160343159998</v>
      </c>
      <c r="I6849">
        <v>50.938367317027001</v>
      </c>
      <c r="J6849" t="s">
        <v>62534</v>
      </c>
    </row>
    <row r="6850" spans="1:10" x14ac:dyDescent="0.25">
      <c r="A6850" t="s">
        <v>29406</v>
      </c>
      <c r="B6850" t="s">
        <v>29407</v>
      </c>
      <c r="C6850" t="s">
        <v>29408</v>
      </c>
      <c r="D6850" t="s">
        <v>29409</v>
      </c>
      <c r="E6850" t="s">
        <v>13</v>
      </c>
      <c r="F6850">
        <v>7232</v>
      </c>
      <c r="G6850" t="s">
        <v>29410</v>
      </c>
      <c r="H6850">
        <v>5.9503188423399997</v>
      </c>
      <c r="I6850">
        <v>50.942508256304002</v>
      </c>
      <c r="J6850" t="s">
        <v>62535</v>
      </c>
    </row>
    <row r="6851" spans="1:10" x14ac:dyDescent="0.25">
      <c r="A6851" t="s">
        <v>29402</v>
      </c>
      <c r="B6851" t="s">
        <v>29403</v>
      </c>
      <c r="C6851" t="s">
        <v>29404</v>
      </c>
      <c r="D6851" t="s">
        <v>29345</v>
      </c>
      <c r="E6851" t="s">
        <v>13</v>
      </c>
      <c r="F6851">
        <v>7231</v>
      </c>
      <c r="G6851" t="s">
        <v>29405</v>
      </c>
      <c r="H6851">
        <v>6.1641088975380001</v>
      </c>
      <c r="I6851">
        <v>51.529207983204998</v>
      </c>
      <c r="J6851" t="s">
        <v>62536</v>
      </c>
    </row>
    <row r="6852" spans="1:10" x14ac:dyDescent="0.25">
      <c r="A6852" t="s">
        <v>29398</v>
      </c>
      <c r="B6852" t="s">
        <v>29399</v>
      </c>
      <c r="C6852" t="s">
        <v>29400</v>
      </c>
      <c r="D6852" t="s">
        <v>29345</v>
      </c>
      <c r="E6852" t="s">
        <v>13</v>
      </c>
      <c r="F6852">
        <v>7230</v>
      </c>
      <c r="G6852" t="s">
        <v>29401</v>
      </c>
      <c r="H6852">
        <v>6.1371862427100004</v>
      </c>
      <c r="I6852">
        <v>51.534662699975001</v>
      </c>
      <c r="J6852" t="s">
        <v>62537</v>
      </c>
    </row>
    <row r="6853" spans="1:10" x14ac:dyDescent="0.25">
      <c r="A6853" t="s">
        <v>29394</v>
      </c>
      <c r="B6853" t="s">
        <v>29395</v>
      </c>
      <c r="C6853" t="s">
        <v>29396</v>
      </c>
      <c r="D6853" t="s">
        <v>29345</v>
      </c>
      <c r="E6853" t="s">
        <v>13</v>
      </c>
      <c r="F6853">
        <v>7229</v>
      </c>
      <c r="G6853" t="s">
        <v>29397</v>
      </c>
      <c r="H6853">
        <v>6.0986463040940002</v>
      </c>
      <c r="I6853">
        <v>51.567585603715997</v>
      </c>
      <c r="J6853" t="s">
        <v>62538</v>
      </c>
    </row>
    <row r="6854" spans="1:10" x14ac:dyDescent="0.25">
      <c r="A6854" t="s">
        <v>29390</v>
      </c>
      <c r="B6854" t="s">
        <v>29391</v>
      </c>
      <c r="C6854" t="s">
        <v>29392</v>
      </c>
      <c r="D6854" t="s">
        <v>29345</v>
      </c>
      <c r="E6854" t="s">
        <v>13</v>
      </c>
      <c r="F6854">
        <v>7228</v>
      </c>
      <c r="G6854" t="s">
        <v>29393</v>
      </c>
      <c r="H6854">
        <v>6.0912399030379998</v>
      </c>
      <c r="I6854">
        <v>51.550162097753002</v>
      </c>
      <c r="J6854" t="s">
        <v>62539</v>
      </c>
    </row>
    <row r="6855" spans="1:10" x14ac:dyDescent="0.25">
      <c r="A6855" t="s">
        <v>29386</v>
      </c>
      <c r="B6855" t="s">
        <v>29387</v>
      </c>
      <c r="C6855" t="s">
        <v>29388</v>
      </c>
      <c r="D6855" t="s">
        <v>29345</v>
      </c>
      <c r="E6855" t="s">
        <v>13</v>
      </c>
      <c r="F6855">
        <v>7227</v>
      </c>
      <c r="G6855" t="s">
        <v>29389</v>
      </c>
      <c r="H6855">
        <v>6.0886310716120002</v>
      </c>
      <c r="I6855">
        <v>51.558295467013998</v>
      </c>
      <c r="J6855" t="s">
        <v>62540</v>
      </c>
    </row>
    <row r="6856" spans="1:10" x14ac:dyDescent="0.25">
      <c r="A6856" t="s">
        <v>29382</v>
      </c>
      <c r="B6856" t="s">
        <v>29383</v>
      </c>
      <c r="C6856" t="s">
        <v>29384</v>
      </c>
      <c r="D6856" t="s">
        <v>29345</v>
      </c>
      <c r="E6856" t="s">
        <v>13</v>
      </c>
      <c r="F6856">
        <v>7226</v>
      </c>
      <c r="G6856" t="s">
        <v>29385</v>
      </c>
      <c r="H6856">
        <v>6.0745056097210002</v>
      </c>
      <c r="I6856">
        <v>51.651467991362999</v>
      </c>
      <c r="J6856" t="s">
        <v>62541</v>
      </c>
    </row>
    <row r="6857" spans="1:10" x14ac:dyDescent="0.25">
      <c r="A6857" t="s">
        <v>29378</v>
      </c>
      <c r="B6857" t="s">
        <v>29379</v>
      </c>
      <c r="C6857" t="s">
        <v>29380</v>
      </c>
      <c r="D6857" t="s">
        <v>29345</v>
      </c>
      <c r="E6857" t="s">
        <v>13</v>
      </c>
      <c r="F6857">
        <v>7225</v>
      </c>
      <c r="G6857" t="s">
        <v>29381</v>
      </c>
      <c r="H6857">
        <v>6.1064702694299999</v>
      </c>
      <c r="I6857">
        <v>51.651343852335998</v>
      </c>
      <c r="J6857" t="s">
        <v>62542</v>
      </c>
    </row>
    <row r="6858" spans="1:10" x14ac:dyDescent="0.25">
      <c r="A6858" t="s">
        <v>29375</v>
      </c>
      <c r="B6858" t="s">
        <v>29376</v>
      </c>
      <c r="C6858" t="s">
        <v>4677</v>
      </c>
      <c r="D6858" t="s">
        <v>29345</v>
      </c>
      <c r="E6858" t="s">
        <v>13</v>
      </c>
      <c r="F6858">
        <v>7224</v>
      </c>
      <c r="G6858" t="s">
        <v>29377</v>
      </c>
      <c r="H6858">
        <v>6.0284247802479998</v>
      </c>
      <c r="I6858">
        <v>51.640886250704</v>
      </c>
      <c r="J6858" t="s">
        <v>62543</v>
      </c>
    </row>
    <row r="6859" spans="1:10" x14ac:dyDescent="0.25">
      <c r="A6859" t="s">
        <v>29371</v>
      </c>
      <c r="B6859" t="s">
        <v>29372</v>
      </c>
      <c r="C6859" t="s">
        <v>29373</v>
      </c>
      <c r="D6859" t="s">
        <v>29345</v>
      </c>
      <c r="E6859" t="s">
        <v>13</v>
      </c>
      <c r="F6859">
        <v>7223</v>
      </c>
      <c r="G6859" t="s">
        <v>29374</v>
      </c>
      <c r="H6859">
        <v>6.0155681184979999</v>
      </c>
      <c r="I6859">
        <v>51.635265315841004</v>
      </c>
      <c r="J6859" t="s">
        <v>62544</v>
      </c>
    </row>
    <row r="6860" spans="1:10" x14ac:dyDescent="0.25">
      <c r="A6860" t="s">
        <v>29367</v>
      </c>
      <c r="B6860" t="s">
        <v>29368</v>
      </c>
      <c r="C6860" t="s">
        <v>29369</v>
      </c>
      <c r="D6860" t="s">
        <v>29345</v>
      </c>
      <c r="E6860" t="s">
        <v>13</v>
      </c>
      <c r="F6860">
        <v>7222</v>
      </c>
      <c r="G6860" t="s">
        <v>29370</v>
      </c>
      <c r="H6860">
        <v>6.0419588515619997</v>
      </c>
      <c r="I6860">
        <v>51.610682292249997</v>
      </c>
      <c r="J6860" t="s">
        <v>62545</v>
      </c>
    </row>
    <row r="6861" spans="1:10" x14ac:dyDescent="0.25">
      <c r="A6861" t="s">
        <v>29363</v>
      </c>
      <c r="B6861" t="s">
        <v>29364</v>
      </c>
      <c r="C6861" t="s">
        <v>29365</v>
      </c>
      <c r="D6861" t="s">
        <v>29345</v>
      </c>
      <c r="E6861" t="s">
        <v>13</v>
      </c>
      <c r="F6861">
        <v>7221</v>
      </c>
      <c r="G6861" t="s">
        <v>29366</v>
      </c>
      <c r="H6861">
        <v>6.0732237725919997</v>
      </c>
      <c r="I6861">
        <v>51.608362405929</v>
      </c>
      <c r="J6861" t="s">
        <v>62546</v>
      </c>
    </row>
    <row r="6862" spans="1:10" x14ac:dyDescent="0.25">
      <c r="A6862" t="s">
        <v>29359</v>
      </c>
      <c r="B6862" t="s">
        <v>29360</v>
      </c>
      <c r="C6862" t="s">
        <v>29361</v>
      </c>
      <c r="D6862" t="s">
        <v>29345</v>
      </c>
      <c r="E6862" t="s">
        <v>13</v>
      </c>
      <c r="F6862">
        <v>7220</v>
      </c>
      <c r="G6862" t="s">
        <v>29362</v>
      </c>
      <c r="H6862">
        <v>6.0550827727219998</v>
      </c>
      <c r="I6862">
        <v>51.603619625467999</v>
      </c>
      <c r="J6862" t="s">
        <v>62547</v>
      </c>
    </row>
    <row r="6863" spans="1:10" x14ac:dyDescent="0.25">
      <c r="A6863" t="s">
        <v>29355</v>
      </c>
      <c r="B6863" t="s">
        <v>29356</v>
      </c>
      <c r="C6863" t="s">
        <v>29357</v>
      </c>
      <c r="D6863" t="s">
        <v>29345</v>
      </c>
      <c r="E6863" t="s">
        <v>13</v>
      </c>
      <c r="F6863">
        <v>7219</v>
      </c>
      <c r="G6863" t="s">
        <v>29358</v>
      </c>
      <c r="H6863">
        <v>6.0323706330159999</v>
      </c>
      <c r="I6863">
        <v>51.602840399171001</v>
      </c>
      <c r="J6863" t="s">
        <v>62548</v>
      </c>
    </row>
    <row r="6864" spans="1:10" x14ac:dyDescent="0.25">
      <c r="A6864" t="s">
        <v>29351</v>
      </c>
      <c r="B6864" t="s">
        <v>29352</v>
      </c>
      <c r="C6864" t="s">
        <v>29353</v>
      </c>
      <c r="D6864" t="s">
        <v>29345</v>
      </c>
      <c r="E6864" t="s">
        <v>13</v>
      </c>
      <c r="F6864">
        <v>7218</v>
      </c>
      <c r="G6864" t="s">
        <v>29354</v>
      </c>
      <c r="H6864">
        <v>6.0342494227200003</v>
      </c>
      <c r="I6864">
        <v>51.599819289609997</v>
      </c>
      <c r="J6864" t="s">
        <v>62549</v>
      </c>
    </row>
    <row r="6865" spans="1:10" x14ac:dyDescent="0.25">
      <c r="A6865" t="s">
        <v>29347</v>
      </c>
      <c r="B6865" t="s">
        <v>29348</v>
      </c>
      <c r="C6865" t="s">
        <v>29349</v>
      </c>
      <c r="D6865" t="s">
        <v>29345</v>
      </c>
      <c r="E6865" t="s">
        <v>13</v>
      </c>
      <c r="F6865">
        <v>7217</v>
      </c>
      <c r="G6865" t="s">
        <v>29350</v>
      </c>
      <c r="H6865">
        <v>6.0471711239049997</v>
      </c>
      <c r="I6865">
        <v>51.587163824903001</v>
      </c>
      <c r="J6865" t="s">
        <v>62550</v>
      </c>
    </row>
    <row r="6866" spans="1:10" x14ac:dyDescent="0.25">
      <c r="A6866" t="s">
        <v>29342</v>
      </c>
      <c r="B6866" t="s">
        <v>29343</v>
      </c>
      <c r="C6866" t="s">
        <v>29344</v>
      </c>
      <c r="D6866" t="s">
        <v>29345</v>
      </c>
      <c r="E6866" t="s">
        <v>13</v>
      </c>
      <c r="F6866">
        <v>7216</v>
      </c>
      <c r="G6866" t="s">
        <v>29346</v>
      </c>
      <c r="H6866">
        <v>6.041802073925</v>
      </c>
      <c r="I6866">
        <v>51.584773282406999</v>
      </c>
      <c r="J6866" t="s">
        <v>62551</v>
      </c>
    </row>
    <row r="6867" spans="1:10" x14ac:dyDescent="0.25">
      <c r="A6867" t="s">
        <v>29339</v>
      </c>
      <c r="B6867" t="s">
        <v>29340</v>
      </c>
      <c r="C6867" t="s">
        <v>5274</v>
      </c>
      <c r="D6867" t="s">
        <v>29314</v>
      </c>
      <c r="E6867" t="s">
        <v>13</v>
      </c>
      <c r="F6867">
        <v>7215</v>
      </c>
      <c r="G6867" t="s">
        <v>29341</v>
      </c>
      <c r="H6867">
        <v>6.0545275348820002</v>
      </c>
      <c r="I6867">
        <v>51.258788627804002</v>
      </c>
      <c r="J6867" t="s">
        <v>62552</v>
      </c>
    </row>
    <row r="6868" spans="1:10" x14ac:dyDescent="0.25">
      <c r="A6868" t="s">
        <v>29335</v>
      </c>
      <c r="B6868" t="s">
        <v>29336</v>
      </c>
      <c r="C6868" t="s">
        <v>29337</v>
      </c>
      <c r="D6868" t="s">
        <v>29314</v>
      </c>
      <c r="E6868" t="s">
        <v>13</v>
      </c>
      <c r="F6868">
        <v>7214</v>
      </c>
      <c r="G6868" t="s">
        <v>29338</v>
      </c>
      <c r="H6868">
        <v>6.0149319584149996</v>
      </c>
      <c r="I6868">
        <v>51.259380476273002</v>
      </c>
      <c r="J6868" t="s">
        <v>62553</v>
      </c>
    </row>
    <row r="6869" spans="1:10" x14ac:dyDescent="0.25">
      <c r="A6869" t="s">
        <v>29331</v>
      </c>
      <c r="B6869" t="s">
        <v>29332</v>
      </c>
      <c r="C6869" t="s">
        <v>29333</v>
      </c>
      <c r="D6869" t="s">
        <v>29314</v>
      </c>
      <c r="E6869" t="s">
        <v>13</v>
      </c>
      <c r="F6869">
        <v>7213</v>
      </c>
      <c r="G6869" t="s">
        <v>29334</v>
      </c>
      <c r="H6869">
        <v>6.0562708343810003</v>
      </c>
      <c r="I6869">
        <v>51.262021826801998</v>
      </c>
      <c r="J6869" t="s">
        <v>62554</v>
      </c>
    </row>
    <row r="6870" spans="1:10" x14ac:dyDescent="0.25">
      <c r="A6870" t="s">
        <v>29327</v>
      </c>
      <c r="B6870" t="s">
        <v>29328</v>
      </c>
      <c r="C6870" t="s">
        <v>29329</v>
      </c>
      <c r="D6870" t="s">
        <v>29314</v>
      </c>
      <c r="E6870" t="s">
        <v>13</v>
      </c>
      <c r="F6870">
        <v>7212</v>
      </c>
      <c r="G6870" t="s">
        <v>29330</v>
      </c>
      <c r="H6870">
        <v>6.0400814158739999</v>
      </c>
      <c r="I6870">
        <v>51.267742483303998</v>
      </c>
      <c r="J6870" t="s">
        <v>62555</v>
      </c>
    </row>
    <row r="6871" spans="1:10" x14ac:dyDescent="0.25">
      <c r="A6871" t="s">
        <v>29324</v>
      </c>
      <c r="B6871" t="s">
        <v>29325</v>
      </c>
      <c r="C6871" t="s">
        <v>10802</v>
      </c>
      <c r="D6871" t="s">
        <v>29314</v>
      </c>
      <c r="E6871" t="s">
        <v>13</v>
      </c>
      <c r="F6871">
        <v>7211</v>
      </c>
      <c r="G6871" t="s">
        <v>29326</v>
      </c>
      <c r="H6871">
        <v>6.1100997787339999</v>
      </c>
      <c r="I6871">
        <v>51.284743933908999</v>
      </c>
      <c r="J6871" t="s">
        <v>62556</v>
      </c>
    </row>
    <row r="6872" spans="1:10" x14ac:dyDescent="0.25">
      <c r="A6872" t="s">
        <v>29320</v>
      </c>
      <c r="B6872" t="s">
        <v>29321</v>
      </c>
      <c r="C6872" t="s">
        <v>29322</v>
      </c>
      <c r="D6872" t="s">
        <v>29314</v>
      </c>
      <c r="E6872" t="s">
        <v>13</v>
      </c>
      <c r="F6872">
        <v>7210</v>
      </c>
      <c r="G6872" t="s">
        <v>29323</v>
      </c>
      <c r="H6872">
        <v>6.0945552715640003</v>
      </c>
      <c r="I6872">
        <v>51.268675458814997</v>
      </c>
      <c r="J6872" t="s">
        <v>62557</v>
      </c>
    </row>
    <row r="6873" spans="1:10" x14ac:dyDescent="0.25">
      <c r="A6873" t="s">
        <v>29316</v>
      </c>
      <c r="B6873" t="s">
        <v>29317</v>
      </c>
      <c r="C6873" t="s">
        <v>29318</v>
      </c>
      <c r="D6873" t="s">
        <v>29314</v>
      </c>
      <c r="E6873" t="s">
        <v>13</v>
      </c>
      <c r="F6873">
        <v>7209</v>
      </c>
      <c r="G6873" t="s">
        <v>29319</v>
      </c>
      <c r="H6873">
        <v>6.0939084292799999</v>
      </c>
      <c r="I6873">
        <v>51.282220723382999</v>
      </c>
      <c r="J6873" t="s">
        <v>62558</v>
      </c>
    </row>
    <row r="6874" spans="1:10" x14ac:dyDescent="0.25">
      <c r="A6874" t="s">
        <v>29311</v>
      </c>
      <c r="B6874" t="s">
        <v>29312</v>
      </c>
      <c r="C6874" t="s">
        <v>29313</v>
      </c>
      <c r="D6874" t="s">
        <v>29314</v>
      </c>
      <c r="E6874" t="s">
        <v>13</v>
      </c>
      <c r="F6874">
        <v>7208</v>
      </c>
      <c r="G6874" t="s">
        <v>29315</v>
      </c>
      <c r="H6874">
        <v>6.0674923864180004</v>
      </c>
      <c r="I6874">
        <v>51.284520177461999</v>
      </c>
      <c r="J6874" t="s">
        <v>62559</v>
      </c>
    </row>
    <row r="6875" spans="1:10" x14ac:dyDescent="0.25">
      <c r="A6875" t="s">
        <v>29307</v>
      </c>
      <c r="B6875" t="s">
        <v>29308</v>
      </c>
      <c r="C6875" t="s">
        <v>29309</v>
      </c>
      <c r="D6875" t="s">
        <v>29281</v>
      </c>
      <c r="E6875" t="s">
        <v>13</v>
      </c>
      <c r="F6875">
        <v>7207</v>
      </c>
      <c r="G6875" t="s">
        <v>29310</v>
      </c>
      <c r="H6875">
        <v>5.7915493446420001</v>
      </c>
      <c r="I6875">
        <v>50.920453635473997</v>
      </c>
      <c r="J6875" t="s">
        <v>62560</v>
      </c>
    </row>
    <row r="6876" spans="1:10" x14ac:dyDescent="0.25">
      <c r="A6876" t="s">
        <v>29303</v>
      </c>
      <c r="B6876" t="s">
        <v>29304</v>
      </c>
      <c r="C6876" t="s">
        <v>29305</v>
      </c>
      <c r="D6876" t="s">
        <v>29281</v>
      </c>
      <c r="E6876" t="s">
        <v>13</v>
      </c>
      <c r="F6876">
        <v>7206</v>
      </c>
      <c r="G6876" t="s">
        <v>29306</v>
      </c>
      <c r="H6876">
        <v>5.7982872583459999</v>
      </c>
      <c r="I6876">
        <v>50.922741957286</v>
      </c>
      <c r="J6876" t="s">
        <v>62561</v>
      </c>
    </row>
    <row r="6877" spans="1:10" x14ac:dyDescent="0.25">
      <c r="A6877" t="s">
        <v>29299</v>
      </c>
      <c r="B6877" t="s">
        <v>29300</v>
      </c>
      <c r="C6877" t="s">
        <v>29301</v>
      </c>
      <c r="D6877" t="s">
        <v>29281</v>
      </c>
      <c r="E6877" t="s">
        <v>13</v>
      </c>
      <c r="F6877">
        <v>7205</v>
      </c>
      <c r="G6877" t="s">
        <v>29302</v>
      </c>
      <c r="H6877">
        <v>5.8086457475850004</v>
      </c>
      <c r="I6877">
        <v>50.927642638937002</v>
      </c>
      <c r="J6877" t="s">
        <v>62562</v>
      </c>
    </row>
    <row r="6878" spans="1:10" x14ac:dyDescent="0.25">
      <c r="A6878" t="s">
        <v>29295</v>
      </c>
      <c r="B6878" t="s">
        <v>29296</v>
      </c>
      <c r="C6878" t="s">
        <v>29297</v>
      </c>
      <c r="D6878" t="s">
        <v>29281</v>
      </c>
      <c r="E6878" t="s">
        <v>13</v>
      </c>
      <c r="F6878">
        <v>7204</v>
      </c>
      <c r="G6878" t="s">
        <v>29298</v>
      </c>
      <c r="H6878">
        <v>5.8242620666420004</v>
      </c>
      <c r="I6878">
        <v>50.927042295908002</v>
      </c>
      <c r="J6878" t="s">
        <v>62563</v>
      </c>
    </row>
    <row r="6879" spans="1:10" x14ac:dyDescent="0.25">
      <c r="A6879" t="s">
        <v>29291</v>
      </c>
      <c r="B6879" t="s">
        <v>29292</v>
      </c>
      <c r="C6879" t="s">
        <v>29293</v>
      </c>
      <c r="D6879" t="s">
        <v>29281</v>
      </c>
      <c r="E6879" t="s">
        <v>13</v>
      </c>
      <c r="F6879">
        <v>7203</v>
      </c>
      <c r="G6879" t="s">
        <v>29294</v>
      </c>
      <c r="H6879">
        <v>5.7879054753929999</v>
      </c>
      <c r="I6879">
        <v>50.928972380163003</v>
      </c>
      <c r="J6879" t="s">
        <v>62564</v>
      </c>
    </row>
    <row r="6880" spans="1:10" x14ac:dyDescent="0.25">
      <c r="A6880" t="s">
        <v>29287</v>
      </c>
      <c r="B6880" t="s">
        <v>29288</v>
      </c>
      <c r="C6880" t="s">
        <v>29289</v>
      </c>
      <c r="D6880" t="s">
        <v>29281</v>
      </c>
      <c r="E6880" t="s">
        <v>13</v>
      </c>
      <c r="F6880">
        <v>7202</v>
      </c>
      <c r="G6880" t="s">
        <v>29290</v>
      </c>
      <c r="H6880">
        <v>5.8389567836529999</v>
      </c>
      <c r="I6880">
        <v>50.936299671778002</v>
      </c>
      <c r="J6880" t="s">
        <v>62565</v>
      </c>
    </row>
    <row r="6881" spans="1:10" x14ac:dyDescent="0.25">
      <c r="A6881" t="s">
        <v>29283</v>
      </c>
      <c r="B6881" t="s">
        <v>29284</v>
      </c>
      <c r="C6881" t="s">
        <v>29285</v>
      </c>
      <c r="D6881" t="s">
        <v>29281</v>
      </c>
      <c r="E6881" t="s">
        <v>13</v>
      </c>
      <c r="F6881">
        <v>7201</v>
      </c>
      <c r="G6881" t="s">
        <v>29286</v>
      </c>
      <c r="H6881">
        <v>5.8153898538200002</v>
      </c>
      <c r="I6881">
        <v>50.948683643476997</v>
      </c>
      <c r="J6881" t="s">
        <v>62566</v>
      </c>
    </row>
    <row r="6882" spans="1:10" x14ac:dyDescent="0.25">
      <c r="A6882" t="s">
        <v>29278</v>
      </c>
      <c r="B6882" t="s">
        <v>29279</v>
      </c>
      <c r="C6882" t="s">
        <v>29280</v>
      </c>
      <c r="D6882" t="s">
        <v>29281</v>
      </c>
      <c r="E6882" t="s">
        <v>13</v>
      </c>
      <c r="F6882">
        <v>7200</v>
      </c>
      <c r="G6882" t="s">
        <v>29282</v>
      </c>
      <c r="H6882">
        <v>5.7994412581289998</v>
      </c>
      <c r="I6882">
        <v>50.941091371599001</v>
      </c>
      <c r="J6882" t="s">
        <v>62567</v>
      </c>
    </row>
    <row r="6883" spans="1:10" x14ac:dyDescent="0.25">
      <c r="A6883" t="s">
        <v>29274</v>
      </c>
      <c r="B6883" t="s">
        <v>29275</v>
      </c>
      <c r="C6883" t="s">
        <v>29276</v>
      </c>
      <c r="D6883" t="s">
        <v>29172</v>
      </c>
      <c r="E6883" t="s">
        <v>13</v>
      </c>
      <c r="F6883">
        <v>7199</v>
      </c>
      <c r="G6883" t="s">
        <v>29277</v>
      </c>
      <c r="H6883">
        <v>6.0235129157709997</v>
      </c>
      <c r="I6883">
        <v>50.928280823298003</v>
      </c>
      <c r="J6883" t="s">
        <v>62568</v>
      </c>
    </row>
    <row r="6884" spans="1:10" x14ac:dyDescent="0.25">
      <c r="A6884" t="s">
        <v>29270</v>
      </c>
      <c r="B6884" t="s">
        <v>29271</v>
      </c>
      <c r="C6884" t="s">
        <v>29272</v>
      </c>
      <c r="D6884" t="s">
        <v>29172</v>
      </c>
      <c r="E6884" t="s">
        <v>13</v>
      </c>
      <c r="F6884">
        <v>7198</v>
      </c>
      <c r="G6884" t="s">
        <v>29273</v>
      </c>
      <c r="H6884">
        <v>6.0799766252070002</v>
      </c>
      <c r="I6884">
        <v>50.914087312763002</v>
      </c>
      <c r="J6884" t="s">
        <v>62569</v>
      </c>
    </row>
    <row r="6885" spans="1:10" x14ac:dyDescent="0.25">
      <c r="A6885" t="s">
        <v>29266</v>
      </c>
      <c r="B6885" t="s">
        <v>29267</v>
      </c>
      <c r="C6885" t="s">
        <v>29268</v>
      </c>
      <c r="D6885" t="s">
        <v>29172</v>
      </c>
      <c r="E6885" t="s">
        <v>13</v>
      </c>
      <c r="F6885">
        <v>7197</v>
      </c>
      <c r="G6885" t="s">
        <v>29269</v>
      </c>
      <c r="H6885">
        <v>6.0575765240959996</v>
      </c>
      <c r="I6885">
        <v>50.906555171522001</v>
      </c>
      <c r="J6885" t="s">
        <v>62570</v>
      </c>
    </row>
    <row r="6886" spans="1:10" x14ac:dyDescent="0.25">
      <c r="A6886" t="s">
        <v>29262</v>
      </c>
      <c r="B6886" t="s">
        <v>29263</v>
      </c>
      <c r="C6886" t="s">
        <v>29264</v>
      </c>
      <c r="D6886" t="s">
        <v>29172</v>
      </c>
      <c r="E6886" t="s">
        <v>13</v>
      </c>
      <c r="F6886">
        <v>7196</v>
      </c>
      <c r="G6886" t="s">
        <v>29265</v>
      </c>
      <c r="H6886">
        <v>6.0616353855579996</v>
      </c>
      <c r="I6886">
        <v>50.917690847823998</v>
      </c>
      <c r="J6886" t="s">
        <v>62571</v>
      </c>
    </row>
    <row r="6887" spans="1:10" x14ac:dyDescent="0.25">
      <c r="A6887" t="s">
        <v>29258</v>
      </c>
      <c r="B6887" t="s">
        <v>29259</v>
      </c>
      <c r="C6887" t="s">
        <v>29260</v>
      </c>
      <c r="D6887" t="s">
        <v>29172</v>
      </c>
      <c r="E6887" t="s">
        <v>13</v>
      </c>
      <c r="F6887">
        <v>7195</v>
      </c>
      <c r="G6887" t="s">
        <v>29261</v>
      </c>
      <c r="H6887">
        <v>6.0438737530419999</v>
      </c>
      <c r="I6887">
        <v>50.912073956408001</v>
      </c>
      <c r="J6887" t="s">
        <v>62572</v>
      </c>
    </row>
    <row r="6888" spans="1:10" x14ac:dyDescent="0.25">
      <c r="A6888" t="s">
        <v>29254</v>
      </c>
      <c r="B6888" t="s">
        <v>29255</v>
      </c>
      <c r="C6888" t="s">
        <v>29256</v>
      </c>
      <c r="D6888" t="s">
        <v>29172</v>
      </c>
      <c r="E6888" t="s">
        <v>13</v>
      </c>
      <c r="F6888">
        <v>7194</v>
      </c>
      <c r="G6888" t="s">
        <v>29257</v>
      </c>
      <c r="H6888">
        <v>6.0444356936780004</v>
      </c>
      <c r="I6888">
        <v>50.919208158441997</v>
      </c>
      <c r="J6888" t="s">
        <v>62573</v>
      </c>
    </row>
    <row r="6889" spans="1:10" x14ac:dyDescent="0.25">
      <c r="A6889" t="s">
        <v>29250</v>
      </c>
      <c r="B6889" t="s">
        <v>29251</v>
      </c>
      <c r="C6889" t="s">
        <v>29252</v>
      </c>
      <c r="D6889" t="s">
        <v>29172</v>
      </c>
      <c r="E6889" t="s">
        <v>13</v>
      </c>
      <c r="F6889">
        <v>7193</v>
      </c>
      <c r="G6889" t="s">
        <v>29253</v>
      </c>
      <c r="H6889">
        <v>6.0365240266760001</v>
      </c>
      <c r="I6889">
        <v>50.916490448875997</v>
      </c>
      <c r="J6889" t="s">
        <v>62574</v>
      </c>
    </row>
    <row r="6890" spans="1:10" x14ac:dyDescent="0.25">
      <c r="A6890" t="s">
        <v>29246</v>
      </c>
      <c r="B6890" t="s">
        <v>29247</v>
      </c>
      <c r="C6890" t="s">
        <v>29248</v>
      </c>
      <c r="D6890" t="s">
        <v>29172</v>
      </c>
      <c r="E6890" t="s">
        <v>13</v>
      </c>
      <c r="F6890">
        <v>7192</v>
      </c>
      <c r="G6890" t="s">
        <v>29249</v>
      </c>
      <c r="H6890">
        <v>6.0373286319439998</v>
      </c>
      <c r="I6890">
        <v>50.923693960786999</v>
      </c>
      <c r="J6890" t="s">
        <v>62575</v>
      </c>
    </row>
    <row r="6891" spans="1:10" x14ac:dyDescent="0.25">
      <c r="A6891" t="s">
        <v>29242</v>
      </c>
      <c r="B6891" t="s">
        <v>29243</v>
      </c>
      <c r="C6891" t="s">
        <v>29244</v>
      </c>
      <c r="D6891" t="s">
        <v>29172</v>
      </c>
      <c r="E6891" t="s">
        <v>13</v>
      </c>
      <c r="F6891">
        <v>7191</v>
      </c>
      <c r="G6891" t="s">
        <v>29245</v>
      </c>
      <c r="H6891">
        <v>6.0093311891300001</v>
      </c>
      <c r="I6891">
        <v>50.914495605298001</v>
      </c>
      <c r="J6891" t="s">
        <v>62576</v>
      </c>
    </row>
    <row r="6892" spans="1:10" x14ac:dyDescent="0.25">
      <c r="A6892" t="s">
        <v>29238</v>
      </c>
      <c r="B6892" t="s">
        <v>29239</v>
      </c>
      <c r="C6892" t="s">
        <v>29240</v>
      </c>
      <c r="D6892" t="s">
        <v>29172</v>
      </c>
      <c r="E6892" t="s">
        <v>13</v>
      </c>
      <c r="F6892">
        <v>7190</v>
      </c>
      <c r="G6892" t="s">
        <v>29241</v>
      </c>
      <c r="H6892">
        <v>6.0144596558729999</v>
      </c>
      <c r="I6892">
        <v>50.907857609506998</v>
      </c>
      <c r="J6892" t="s">
        <v>62577</v>
      </c>
    </row>
    <row r="6893" spans="1:10" x14ac:dyDescent="0.25">
      <c r="A6893" t="s">
        <v>29234</v>
      </c>
      <c r="B6893" t="s">
        <v>29235</v>
      </c>
      <c r="C6893" t="s">
        <v>29236</v>
      </c>
      <c r="D6893" t="s">
        <v>29172</v>
      </c>
      <c r="E6893" t="s">
        <v>13</v>
      </c>
      <c r="F6893">
        <v>7189</v>
      </c>
      <c r="G6893" t="s">
        <v>29237</v>
      </c>
      <c r="H6893">
        <v>6.0248671741060003</v>
      </c>
      <c r="I6893">
        <v>50.904456986757999</v>
      </c>
      <c r="J6893" t="s">
        <v>62578</v>
      </c>
    </row>
    <row r="6894" spans="1:10" x14ac:dyDescent="0.25">
      <c r="A6894" t="s">
        <v>29230</v>
      </c>
      <c r="B6894" t="s">
        <v>29231</v>
      </c>
      <c r="C6894" t="s">
        <v>29232</v>
      </c>
      <c r="D6894" t="s">
        <v>29172</v>
      </c>
      <c r="E6894" t="s">
        <v>13</v>
      </c>
      <c r="F6894">
        <v>7188</v>
      </c>
      <c r="G6894" t="s">
        <v>29233</v>
      </c>
      <c r="H6894">
        <v>6.0391451284190003</v>
      </c>
      <c r="I6894">
        <v>50.900474280955997</v>
      </c>
      <c r="J6894" t="s">
        <v>62579</v>
      </c>
    </row>
    <row r="6895" spans="1:10" x14ac:dyDescent="0.25">
      <c r="A6895" t="s">
        <v>29226</v>
      </c>
      <c r="B6895" t="s">
        <v>29227</v>
      </c>
      <c r="C6895" t="s">
        <v>29228</v>
      </c>
      <c r="D6895" t="s">
        <v>29172</v>
      </c>
      <c r="E6895" t="s">
        <v>13</v>
      </c>
      <c r="F6895">
        <v>7187</v>
      </c>
      <c r="G6895" t="s">
        <v>29229</v>
      </c>
      <c r="H6895">
        <v>6.0346579485770002</v>
      </c>
      <c r="I6895">
        <v>50.906691434457002</v>
      </c>
      <c r="J6895" t="s">
        <v>62580</v>
      </c>
    </row>
    <row r="6896" spans="1:10" x14ac:dyDescent="0.25">
      <c r="A6896" t="s">
        <v>29222</v>
      </c>
      <c r="B6896" t="s">
        <v>29223</v>
      </c>
      <c r="C6896" t="s">
        <v>29224</v>
      </c>
      <c r="D6896" t="s">
        <v>29172</v>
      </c>
      <c r="E6896" t="s">
        <v>13</v>
      </c>
      <c r="F6896">
        <v>7186</v>
      </c>
      <c r="G6896" t="s">
        <v>29225</v>
      </c>
      <c r="H6896">
        <v>6.0260921993309999</v>
      </c>
      <c r="I6896">
        <v>50.911458098262997</v>
      </c>
      <c r="J6896" t="s">
        <v>62581</v>
      </c>
    </row>
    <row r="6897" spans="1:10" x14ac:dyDescent="0.25">
      <c r="A6897" t="s">
        <v>29218</v>
      </c>
      <c r="B6897" t="s">
        <v>29219</v>
      </c>
      <c r="C6897" t="s">
        <v>29220</v>
      </c>
      <c r="D6897" t="s">
        <v>29172</v>
      </c>
      <c r="E6897" t="s">
        <v>13</v>
      </c>
      <c r="F6897">
        <v>7185</v>
      </c>
      <c r="G6897" t="s">
        <v>29221</v>
      </c>
      <c r="H6897">
        <v>6.0301331837890002</v>
      </c>
      <c r="I6897">
        <v>50.883709040432997</v>
      </c>
      <c r="J6897" t="s">
        <v>62582</v>
      </c>
    </row>
    <row r="6898" spans="1:10" x14ac:dyDescent="0.25">
      <c r="A6898" t="s">
        <v>29214</v>
      </c>
      <c r="B6898" t="s">
        <v>29215</v>
      </c>
      <c r="C6898" t="s">
        <v>29216</v>
      </c>
      <c r="D6898" t="s">
        <v>29172</v>
      </c>
      <c r="E6898" t="s">
        <v>13</v>
      </c>
      <c r="F6898">
        <v>7184</v>
      </c>
      <c r="G6898" t="s">
        <v>29217</v>
      </c>
      <c r="H6898">
        <v>6.0162506776629998</v>
      </c>
      <c r="I6898">
        <v>50.873763542728</v>
      </c>
      <c r="J6898" t="s">
        <v>62583</v>
      </c>
    </row>
    <row r="6899" spans="1:10" x14ac:dyDescent="0.25">
      <c r="A6899" t="s">
        <v>29210</v>
      </c>
      <c r="B6899" t="s">
        <v>29211</v>
      </c>
      <c r="C6899" t="s">
        <v>29212</v>
      </c>
      <c r="D6899" t="s">
        <v>29172</v>
      </c>
      <c r="E6899" t="s">
        <v>13</v>
      </c>
      <c r="F6899">
        <v>7183</v>
      </c>
      <c r="G6899" t="s">
        <v>29213</v>
      </c>
      <c r="H6899">
        <v>6.0125809396719996</v>
      </c>
      <c r="I6899">
        <v>50.881502870555003</v>
      </c>
      <c r="J6899" t="s">
        <v>62584</v>
      </c>
    </row>
    <row r="6900" spans="1:10" x14ac:dyDescent="0.25">
      <c r="A6900" t="s">
        <v>29206</v>
      </c>
      <c r="B6900" t="s">
        <v>29207</v>
      </c>
      <c r="C6900" t="s">
        <v>29208</v>
      </c>
      <c r="D6900" t="s">
        <v>29172</v>
      </c>
      <c r="E6900" t="s">
        <v>13</v>
      </c>
      <c r="F6900">
        <v>7182</v>
      </c>
      <c r="G6900" t="s">
        <v>29209</v>
      </c>
      <c r="H6900">
        <v>6.0173394868800001</v>
      </c>
      <c r="I6900">
        <v>50.881537870884003</v>
      </c>
      <c r="J6900" t="s">
        <v>62585</v>
      </c>
    </row>
    <row r="6901" spans="1:10" x14ac:dyDescent="0.25">
      <c r="A6901" t="s">
        <v>29202</v>
      </c>
      <c r="B6901" t="s">
        <v>29203</v>
      </c>
      <c r="C6901" t="s">
        <v>29204</v>
      </c>
      <c r="D6901" t="s">
        <v>29172</v>
      </c>
      <c r="E6901" t="s">
        <v>13</v>
      </c>
      <c r="F6901">
        <v>7181</v>
      </c>
      <c r="G6901" t="s">
        <v>29205</v>
      </c>
      <c r="H6901">
        <v>6.0099161042159999</v>
      </c>
      <c r="I6901">
        <v>50.887947472832998</v>
      </c>
      <c r="J6901" t="s">
        <v>62586</v>
      </c>
    </row>
    <row r="6902" spans="1:10" x14ac:dyDescent="0.25">
      <c r="A6902" t="s">
        <v>29198</v>
      </c>
      <c r="B6902" t="s">
        <v>29199</v>
      </c>
      <c r="C6902" t="s">
        <v>29200</v>
      </c>
      <c r="D6902" t="s">
        <v>29172</v>
      </c>
      <c r="E6902" t="s">
        <v>13</v>
      </c>
      <c r="F6902">
        <v>7180</v>
      </c>
      <c r="G6902" t="s">
        <v>29201</v>
      </c>
      <c r="H6902">
        <v>6.0198303797139996</v>
      </c>
      <c r="I6902">
        <v>50.890359097088002</v>
      </c>
      <c r="J6902" t="s">
        <v>62587</v>
      </c>
    </row>
    <row r="6903" spans="1:10" x14ac:dyDescent="0.25">
      <c r="A6903" t="s">
        <v>29194</v>
      </c>
      <c r="B6903" t="s">
        <v>29195</v>
      </c>
      <c r="C6903" t="s">
        <v>29196</v>
      </c>
      <c r="D6903" t="s">
        <v>29172</v>
      </c>
      <c r="E6903" t="s">
        <v>13</v>
      </c>
      <c r="F6903">
        <v>7179</v>
      </c>
      <c r="G6903" t="s">
        <v>29197</v>
      </c>
      <c r="H6903">
        <v>6.0024531730920003</v>
      </c>
      <c r="I6903">
        <v>50.894248107193</v>
      </c>
      <c r="J6903" t="s">
        <v>62588</v>
      </c>
    </row>
    <row r="6904" spans="1:10" x14ac:dyDescent="0.25">
      <c r="A6904" t="s">
        <v>29190</v>
      </c>
      <c r="B6904" t="s">
        <v>29191</v>
      </c>
      <c r="C6904" t="s">
        <v>29192</v>
      </c>
      <c r="D6904" t="s">
        <v>29172</v>
      </c>
      <c r="E6904" t="s">
        <v>13</v>
      </c>
      <c r="F6904">
        <v>7178</v>
      </c>
      <c r="G6904" t="s">
        <v>29193</v>
      </c>
      <c r="H6904">
        <v>6.0186135798100002</v>
      </c>
      <c r="I6904">
        <v>50.894365644426998</v>
      </c>
      <c r="J6904" t="s">
        <v>62589</v>
      </c>
    </row>
    <row r="6905" spans="1:10" x14ac:dyDescent="0.25">
      <c r="A6905" t="s">
        <v>29186</v>
      </c>
      <c r="B6905" t="s">
        <v>29187</v>
      </c>
      <c r="C6905" t="s">
        <v>29188</v>
      </c>
      <c r="D6905" t="s">
        <v>29172</v>
      </c>
      <c r="E6905" t="s">
        <v>13</v>
      </c>
      <c r="F6905">
        <v>7177</v>
      </c>
      <c r="G6905" t="s">
        <v>29189</v>
      </c>
      <c r="H6905">
        <v>6.0244925027139997</v>
      </c>
      <c r="I6905">
        <v>50.895195049224</v>
      </c>
      <c r="J6905" t="s">
        <v>62590</v>
      </c>
    </row>
    <row r="6906" spans="1:10" x14ac:dyDescent="0.25">
      <c r="A6906" t="s">
        <v>29182</v>
      </c>
      <c r="B6906" t="s">
        <v>29183</v>
      </c>
      <c r="C6906" t="s">
        <v>29184</v>
      </c>
      <c r="D6906" t="s">
        <v>29172</v>
      </c>
      <c r="E6906" t="s">
        <v>13</v>
      </c>
      <c r="F6906">
        <v>7176</v>
      </c>
      <c r="G6906" t="s">
        <v>29185</v>
      </c>
      <c r="H6906">
        <v>6.0116828735479997</v>
      </c>
      <c r="I6906">
        <v>50.897436181266997</v>
      </c>
      <c r="J6906" t="s">
        <v>62591</v>
      </c>
    </row>
    <row r="6907" spans="1:10" x14ac:dyDescent="0.25">
      <c r="A6907" t="s">
        <v>29178</v>
      </c>
      <c r="B6907" t="s">
        <v>29179</v>
      </c>
      <c r="C6907" t="s">
        <v>29180</v>
      </c>
      <c r="D6907" t="s">
        <v>29172</v>
      </c>
      <c r="E6907" t="s">
        <v>13</v>
      </c>
      <c r="F6907">
        <v>7175</v>
      </c>
      <c r="G6907" t="s">
        <v>29181</v>
      </c>
      <c r="H6907">
        <v>6.0271570259239997</v>
      </c>
      <c r="I6907">
        <v>50.898824863511003</v>
      </c>
      <c r="J6907" t="s">
        <v>62592</v>
      </c>
    </row>
    <row r="6908" spans="1:10" x14ac:dyDescent="0.25">
      <c r="A6908" t="s">
        <v>29174</v>
      </c>
      <c r="B6908" t="s">
        <v>29175</v>
      </c>
      <c r="C6908" t="s">
        <v>29176</v>
      </c>
      <c r="D6908" t="s">
        <v>29172</v>
      </c>
      <c r="E6908" t="s">
        <v>13</v>
      </c>
      <c r="F6908">
        <v>7174</v>
      </c>
      <c r="G6908" t="s">
        <v>29177</v>
      </c>
      <c r="H6908">
        <v>6.01971595835</v>
      </c>
      <c r="I6908">
        <v>50.902638247253002</v>
      </c>
      <c r="J6908" t="s">
        <v>62593</v>
      </c>
    </row>
    <row r="6909" spans="1:10" x14ac:dyDescent="0.25">
      <c r="A6909" t="s">
        <v>29169</v>
      </c>
      <c r="B6909" t="s">
        <v>29170</v>
      </c>
      <c r="C6909" t="s">
        <v>29171</v>
      </c>
      <c r="D6909" t="s">
        <v>29172</v>
      </c>
      <c r="E6909" t="s">
        <v>13</v>
      </c>
      <c r="F6909">
        <v>7173</v>
      </c>
      <c r="G6909" t="s">
        <v>29173</v>
      </c>
      <c r="H6909">
        <v>6.0040512270499997</v>
      </c>
      <c r="I6909">
        <v>50.902534970123</v>
      </c>
      <c r="J6909" t="s">
        <v>62594</v>
      </c>
    </row>
    <row r="6910" spans="1:10" x14ac:dyDescent="0.25">
      <c r="A6910" t="s">
        <v>29165</v>
      </c>
      <c r="B6910" t="s">
        <v>29166</v>
      </c>
      <c r="C6910" t="s">
        <v>29167</v>
      </c>
      <c r="D6910" t="s">
        <v>29117</v>
      </c>
      <c r="E6910" t="s">
        <v>13</v>
      </c>
      <c r="F6910">
        <v>7172</v>
      </c>
      <c r="G6910" t="s">
        <v>29168</v>
      </c>
      <c r="H6910">
        <v>4.8629365119900001</v>
      </c>
      <c r="I6910">
        <v>52.518841392462001</v>
      </c>
      <c r="J6910" t="s">
        <v>62595</v>
      </c>
    </row>
    <row r="6911" spans="1:10" x14ac:dyDescent="0.25">
      <c r="A6911" t="s">
        <v>29161</v>
      </c>
      <c r="B6911" t="s">
        <v>29162</v>
      </c>
      <c r="C6911" t="s">
        <v>29163</v>
      </c>
      <c r="D6911" t="s">
        <v>29117</v>
      </c>
      <c r="E6911" t="s">
        <v>13</v>
      </c>
      <c r="F6911">
        <v>7171</v>
      </c>
      <c r="G6911" t="s">
        <v>29164</v>
      </c>
      <c r="H6911">
        <v>4.8252189082459997</v>
      </c>
      <c r="I6911">
        <v>52.537986035214999</v>
      </c>
      <c r="J6911" t="s">
        <v>62596</v>
      </c>
    </row>
    <row r="6912" spans="1:10" x14ac:dyDescent="0.25">
      <c r="A6912" t="s">
        <v>29157</v>
      </c>
      <c r="B6912" t="s">
        <v>29158</v>
      </c>
      <c r="C6912" t="s">
        <v>29159</v>
      </c>
      <c r="D6912" t="s">
        <v>29117</v>
      </c>
      <c r="E6912" t="s">
        <v>13</v>
      </c>
      <c r="F6912">
        <v>7170</v>
      </c>
      <c r="G6912" t="s">
        <v>29160</v>
      </c>
      <c r="H6912">
        <v>4.8569855982150001</v>
      </c>
      <c r="I6912">
        <v>52.504940861081003</v>
      </c>
      <c r="J6912" t="s">
        <v>62597</v>
      </c>
    </row>
    <row r="6913" spans="1:10" x14ac:dyDescent="0.25">
      <c r="A6913" t="s">
        <v>29153</v>
      </c>
      <c r="B6913" t="s">
        <v>29154</v>
      </c>
      <c r="C6913" t="s">
        <v>29155</v>
      </c>
      <c r="D6913" t="s">
        <v>29117</v>
      </c>
      <c r="E6913" t="s">
        <v>13</v>
      </c>
      <c r="F6913">
        <v>7169</v>
      </c>
      <c r="G6913" t="s">
        <v>29156</v>
      </c>
      <c r="H6913">
        <v>4.8487993137209999</v>
      </c>
      <c r="I6913">
        <v>52.510979238868003</v>
      </c>
      <c r="J6913" t="s">
        <v>62598</v>
      </c>
    </row>
    <row r="6914" spans="1:10" x14ac:dyDescent="0.25">
      <c r="A6914" t="s">
        <v>29149</v>
      </c>
      <c r="B6914" t="s">
        <v>29150</v>
      </c>
      <c r="C6914" t="s">
        <v>29151</v>
      </c>
      <c r="D6914" t="s">
        <v>29117</v>
      </c>
      <c r="E6914" t="s">
        <v>13</v>
      </c>
      <c r="F6914">
        <v>7168</v>
      </c>
      <c r="G6914" t="s">
        <v>29152</v>
      </c>
      <c r="H6914">
        <v>4.8757152540730004</v>
      </c>
      <c r="I6914">
        <v>52.493829230339003</v>
      </c>
      <c r="J6914" t="s">
        <v>62599</v>
      </c>
    </row>
    <row r="6915" spans="1:10" x14ac:dyDescent="0.25">
      <c r="A6915" t="s">
        <v>29145</v>
      </c>
      <c r="B6915" t="s">
        <v>29146</v>
      </c>
      <c r="C6915" t="s">
        <v>29147</v>
      </c>
      <c r="D6915" t="s">
        <v>29117</v>
      </c>
      <c r="E6915" t="s">
        <v>13</v>
      </c>
      <c r="F6915">
        <v>7167</v>
      </c>
      <c r="G6915" t="s">
        <v>29148</v>
      </c>
      <c r="H6915">
        <v>4.8893302154990002</v>
      </c>
      <c r="I6915">
        <v>52.484643265251002</v>
      </c>
      <c r="J6915" t="s">
        <v>62600</v>
      </c>
    </row>
    <row r="6916" spans="1:10" x14ac:dyDescent="0.25">
      <c r="A6916" t="s">
        <v>29141</v>
      </c>
      <c r="B6916" t="s">
        <v>29142</v>
      </c>
      <c r="C6916" t="s">
        <v>29143</v>
      </c>
      <c r="D6916" t="s">
        <v>29117</v>
      </c>
      <c r="E6916" t="s">
        <v>13</v>
      </c>
      <c r="F6916">
        <v>7166</v>
      </c>
      <c r="G6916" t="s">
        <v>29144</v>
      </c>
      <c r="H6916">
        <v>4.9162276510299998</v>
      </c>
      <c r="I6916">
        <v>52.506452724035</v>
      </c>
      <c r="J6916" t="s">
        <v>62601</v>
      </c>
    </row>
    <row r="6917" spans="1:10" x14ac:dyDescent="0.25">
      <c r="A6917" t="s">
        <v>29137</v>
      </c>
      <c r="B6917" t="s">
        <v>29138</v>
      </c>
      <c r="C6917" t="s">
        <v>29139</v>
      </c>
      <c r="D6917" t="s">
        <v>29117</v>
      </c>
      <c r="E6917" t="s">
        <v>13</v>
      </c>
      <c r="F6917">
        <v>7165</v>
      </c>
      <c r="G6917" t="s">
        <v>29140</v>
      </c>
      <c r="H6917">
        <v>4.8257074356210001</v>
      </c>
      <c r="I6917">
        <v>52.486189403959003</v>
      </c>
      <c r="J6917" t="s">
        <v>62602</v>
      </c>
    </row>
    <row r="6918" spans="1:10" x14ac:dyDescent="0.25">
      <c r="A6918" t="s">
        <v>29133</v>
      </c>
      <c r="B6918" t="s">
        <v>29134</v>
      </c>
      <c r="C6918" t="s">
        <v>29135</v>
      </c>
      <c r="D6918" t="s">
        <v>29117</v>
      </c>
      <c r="E6918" t="s">
        <v>13</v>
      </c>
      <c r="F6918">
        <v>7164</v>
      </c>
      <c r="G6918" t="s">
        <v>29136</v>
      </c>
      <c r="H6918">
        <v>4.8195347700489997</v>
      </c>
      <c r="I6918">
        <v>52.497181709743998</v>
      </c>
      <c r="J6918" t="s">
        <v>62603</v>
      </c>
    </row>
    <row r="6919" spans="1:10" x14ac:dyDescent="0.25">
      <c r="A6919" t="s">
        <v>29129</v>
      </c>
      <c r="B6919" t="s">
        <v>29130</v>
      </c>
      <c r="C6919" t="s">
        <v>29131</v>
      </c>
      <c r="D6919" t="s">
        <v>29117</v>
      </c>
      <c r="E6919" t="s">
        <v>13</v>
      </c>
      <c r="F6919">
        <v>7163</v>
      </c>
      <c r="G6919" t="s">
        <v>29132</v>
      </c>
      <c r="H6919">
        <v>4.8067151274600004</v>
      </c>
      <c r="I6919">
        <v>52.500847255613998</v>
      </c>
      <c r="J6919" t="s">
        <v>62604</v>
      </c>
    </row>
    <row r="6920" spans="1:10" x14ac:dyDescent="0.25">
      <c r="A6920" t="s">
        <v>29126</v>
      </c>
      <c r="B6920" t="s">
        <v>29127</v>
      </c>
      <c r="C6920" t="s">
        <v>14642</v>
      </c>
      <c r="D6920" t="s">
        <v>29117</v>
      </c>
      <c r="E6920" t="s">
        <v>13</v>
      </c>
      <c r="F6920">
        <v>7162</v>
      </c>
      <c r="G6920" t="s">
        <v>29128</v>
      </c>
      <c r="H6920">
        <v>4.8145498158470001</v>
      </c>
      <c r="I6920">
        <v>52.496052434216999</v>
      </c>
      <c r="J6920" t="s">
        <v>62605</v>
      </c>
    </row>
    <row r="6921" spans="1:10" x14ac:dyDescent="0.25">
      <c r="A6921" t="s">
        <v>29122</v>
      </c>
      <c r="B6921" t="s">
        <v>29123</v>
      </c>
      <c r="C6921" t="s">
        <v>29124</v>
      </c>
      <c r="D6921" t="s">
        <v>29117</v>
      </c>
      <c r="E6921" t="s">
        <v>13</v>
      </c>
      <c r="F6921">
        <v>7161</v>
      </c>
      <c r="G6921" t="s">
        <v>29125</v>
      </c>
      <c r="H6921">
        <v>4.8113461537040001</v>
      </c>
      <c r="I6921">
        <v>52.513852582736</v>
      </c>
      <c r="J6921" t="s">
        <v>62606</v>
      </c>
    </row>
    <row r="6922" spans="1:10" x14ac:dyDescent="0.25">
      <c r="A6922" t="s">
        <v>29119</v>
      </c>
      <c r="B6922" t="s">
        <v>29120</v>
      </c>
      <c r="C6922" t="s">
        <v>24706</v>
      </c>
      <c r="D6922" t="s">
        <v>29117</v>
      </c>
      <c r="E6922" t="s">
        <v>13</v>
      </c>
      <c r="F6922">
        <v>7160</v>
      </c>
      <c r="G6922" t="s">
        <v>29121</v>
      </c>
      <c r="H6922">
        <v>4.8047555098519998</v>
      </c>
      <c r="I6922">
        <v>52.492825426628002</v>
      </c>
      <c r="J6922" t="s">
        <v>62607</v>
      </c>
    </row>
    <row r="6923" spans="1:10" x14ac:dyDescent="0.25">
      <c r="A6923" t="s">
        <v>29115</v>
      </c>
      <c r="B6923" t="s">
        <v>29116</v>
      </c>
      <c r="C6923" t="s">
        <v>14512</v>
      </c>
      <c r="D6923" t="s">
        <v>29117</v>
      </c>
      <c r="E6923" t="s">
        <v>13</v>
      </c>
      <c r="F6923">
        <v>7159</v>
      </c>
      <c r="G6923" t="s">
        <v>29118</v>
      </c>
      <c r="H6923">
        <v>4.8423427320289996</v>
      </c>
      <c r="I6923">
        <v>52.498259633312998</v>
      </c>
      <c r="J6923" t="s">
        <v>62608</v>
      </c>
    </row>
    <row r="6924" spans="1:10" x14ac:dyDescent="0.25">
      <c r="A6924" t="s">
        <v>29112</v>
      </c>
      <c r="B6924" t="s">
        <v>29113</v>
      </c>
      <c r="C6924" t="s">
        <v>23456</v>
      </c>
      <c r="D6924" t="s">
        <v>29076</v>
      </c>
      <c r="E6924" t="s">
        <v>13</v>
      </c>
      <c r="F6924">
        <v>7158</v>
      </c>
      <c r="G6924" t="s">
        <v>29114</v>
      </c>
      <c r="H6924">
        <v>4.6776284700200002</v>
      </c>
      <c r="I6924">
        <v>51.521488431752999</v>
      </c>
      <c r="J6924" t="s">
        <v>62609</v>
      </c>
    </row>
    <row r="6925" spans="1:10" x14ac:dyDescent="0.25">
      <c r="A6925" t="s">
        <v>29109</v>
      </c>
      <c r="B6925" t="s">
        <v>29110</v>
      </c>
      <c r="C6925" t="s">
        <v>23460</v>
      </c>
      <c r="D6925" t="s">
        <v>29076</v>
      </c>
      <c r="E6925" t="s">
        <v>13</v>
      </c>
      <c r="F6925">
        <v>7157</v>
      </c>
      <c r="G6925" t="s">
        <v>29111</v>
      </c>
      <c r="H6925">
        <v>4.721465258247</v>
      </c>
      <c r="I6925">
        <v>51.505386790357001</v>
      </c>
      <c r="J6925" t="s">
        <v>62610</v>
      </c>
    </row>
    <row r="6926" spans="1:10" x14ac:dyDescent="0.25">
      <c r="A6926" t="s">
        <v>29106</v>
      </c>
      <c r="B6926" t="s">
        <v>29107</v>
      </c>
      <c r="C6926" t="s">
        <v>19365</v>
      </c>
      <c r="D6926" t="s">
        <v>29076</v>
      </c>
      <c r="E6926" t="s">
        <v>13</v>
      </c>
      <c r="F6926">
        <v>7156</v>
      </c>
      <c r="G6926" t="s">
        <v>29108</v>
      </c>
      <c r="H6926">
        <v>4.6956357546290004</v>
      </c>
      <c r="I6926">
        <v>51.517895776354997</v>
      </c>
      <c r="J6926" t="s">
        <v>62611</v>
      </c>
    </row>
    <row r="6927" spans="1:10" x14ac:dyDescent="0.25">
      <c r="A6927" t="s">
        <v>29102</v>
      </c>
      <c r="B6927" t="s">
        <v>29103</v>
      </c>
      <c r="C6927" t="s">
        <v>29104</v>
      </c>
      <c r="D6927" t="s">
        <v>29076</v>
      </c>
      <c r="E6927" t="s">
        <v>13</v>
      </c>
      <c r="F6927">
        <v>7155</v>
      </c>
      <c r="G6927" t="s">
        <v>29105</v>
      </c>
      <c r="H6927">
        <v>4.569927076121</v>
      </c>
      <c r="I6927">
        <v>51.453689882905003</v>
      </c>
      <c r="J6927" t="s">
        <v>62612</v>
      </c>
    </row>
    <row r="6928" spans="1:10" x14ac:dyDescent="0.25">
      <c r="A6928" t="s">
        <v>29098</v>
      </c>
      <c r="B6928" t="s">
        <v>29099</v>
      </c>
      <c r="C6928" t="s">
        <v>29100</v>
      </c>
      <c r="D6928" t="s">
        <v>29076</v>
      </c>
      <c r="E6928" t="s">
        <v>13</v>
      </c>
      <c r="F6928">
        <v>7154</v>
      </c>
      <c r="G6928" t="s">
        <v>29101</v>
      </c>
      <c r="H6928">
        <v>4.5844054206919997</v>
      </c>
      <c r="I6928">
        <v>51.453871038000997</v>
      </c>
      <c r="J6928" t="s">
        <v>62613</v>
      </c>
    </row>
    <row r="6929" spans="1:10" x14ac:dyDescent="0.25">
      <c r="A6929" t="s">
        <v>29094</v>
      </c>
      <c r="B6929" t="s">
        <v>29095</v>
      </c>
      <c r="C6929" t="s">
        <v>29096</v>
      </c>
      <c r="D6929" t="s">
        <v>29076</v>
      </c>
      <c r="E6929" t="s">
        <v>13</v>
      </c>
      <c r="F6929">
        <v>7153</v>
      </c>
      <c r="G6929" t="s">
        <v>29097</v>
      </c>
      <c r="H6929">
        <v>4.636884066805</v>
      </c>
      <c r="I6929">
        <v>51.441528152661</v>
      </c>
      <c r="J6929" t="s">
        <v>62614</v>
      </c>
    </row>
    <row r="6930" spans="1:10" x14ac:dyDescent="0.25">
      <c r="A6930" t="s">
        <v>29090</v>
      </c>
      <c r="B6930" t="s">
        <v>29091</v>
      </c>
      <c r="C6930" t="s">
        <v>29092</v>
      </c>
      <c r="D6930" t="s">
        <v>29076</v>
      </c>
      <c r="E6930" t="s">
        <v>13</v>
      </c>
      <c r="F6930">
        <v>7152</v>
      </c>
      <c r="G6930" t="s">
        <v>29093</v>
      </c>
      <c r="H6930">
        <v>4.6413998022390004</v>
      </c>
      <c r="I6930">
        <v>51.456221166869</v>
      </c>
      <c r="J6930" t="s">
        <v>62615</v>
      </c>
    </row>
    <row r="6931" spans="1:10" x14ac:dyDescent="0.25">
      <c r="A6931" t="s">
        <v>29086</v>
      </c>
      <c r="B6931" t="s">
        <v>29087</v>
      </c>
      <c r="C6931" t="s">
        <v>29088</v>
      </c>
      <c r="D6931" t="s">
        <v>29076</v>
      </c>
      <c r="E6931" t="s">
        <v>13</v>
      </c>
      <c r="F6931">
        <v>7151</v>
      </c>
      <c r="G6931" t="s">
        <v>29089</v>
      </c>
      <c r="H6931">
        <v>4.6275874904279997</v>
      </c>
      <c r="I6931">
        <v>51.490327301838001</v>
      </c>
      <c r="J6931" t="s">
        <v>62616</v>
      </c>
    </row>
    <row r="6932" spans="1:10" x14ac:dyDescent="0.25">
      <c r="A6932" t="s">
        <v>29082</v>
      </c>
      <c r="B6932" t="s">
        <v>29083</v>
      </c>
      <c r="C6932" t="s">
        <v>29084</v>
      </c>
      <c r="D6932" t="s">
        <v>29076</v>
      </c>
      <c r="E6932" t="s">
        <v>13</v>
      </c>
      <c r="F6932">
        <v>7150</v>
      </c>
      <c r="G6932" t="s">
        <v>29085</v>
      </c>
      <c r="H6932">
        <v>4.6551459234730004</v>
      </c>
      <c r="I6932">
        <v>51.481215348089997</v>
      </c>
      <c r="J6932" t="s">
        <v>62617</v>
      </c>
    </row>
    <row r="6933" spans="1:10" x14ac:dyDescent="0.25">
      <c r="A6933" t="s">
        <v>29078</v>
      </c>
      <c r="B6933" t="s">
        <v>29079</v>
      </c>
      <c r="C6933" t="s">
        <v>29080</v>
      </c>
      <c r="D6933" t="s">
        <v>29076</v>
      </c>
      <c r="E6933" t="s">
        <v>13</v>
      </c>
      <c r="F6933">
        <v>7149</v>
      </c>
      <c r="G6933" t="s">
        <v>29081</v>
      </c>
      <c r="H6933">
        <v>4.6738419598960004</v>
      </c>
      <c r="I6933">
        <v>51.468165019250002</v>
      </c>
      <c r="J6933" t="s">
        <v>62618</v>
      </c>
    </row>
    <row r="6934" spans="1:10" x14ac:dyDescent="0.25">
      <c r="A6934" t="s">
        <v>29073</v>
      </c>
      <c r="B6934" t="s">
        <v>29074</v>
      </c>
      <c r="C6934" t="s">
        <v>29075</v>
      </c>
      <c r="D6934" t="s">
        <v>29076</v>
      </c>
      <c r="E6934" t="s">
        <v>13</v>
      </c>
      <c r="F6934">
        <v>7148</v>
      </c>
      <c r="G6934" t="s">
        <v>29077</v>
      </c>
      <c r="H6934">
        <v>4.6587367037099998</v>
      </c>
      <c r="I6934">
        <v>51.470171488748001</v>
      </c>
      <c r="J6934" t="s">
        <v>62619</v>
      </c>
    </row>
    <row r="6935" spans="1:10" x14ac:dyDescent="0.25">
      <c r="A6935" t="s">
        <v>29069</v>
      </c>
      <c r="B6935" t="s">
        <v>29070</v>
      </c>
      <c r="C6935" t="s">
        <v>29071</v>
      </c>
      <c r="D6935" t="s">
        <v>29011</v>
      </c>
      <c r="E6935" t="s">
        <v>13</v>
      </c>
      <c r="F6935">
        <v>7147</v>
      </c>
      <c r="G6935" t="s">
        <v>29072</v>
      </c>
      <c r="H6935">
        <v>4.3872610344409999</v>
      </c>
      <c r="I6935">
        <v>51.374464628894998</v>
      </c>
      <c r="J6935" t="s">
        <v>62620</v>
      </c>
    </row>
    <row r="6936" spans="1:10" x14ac:dyDescent="0.25">
      <c r="A6936" t="s">
        <v>29065</v>
      </c>
      <c r="B6936" t="s">
        <v>29066</v>
      </c>
      <c r="C6936" t="s">
        <v>29067</v>
      </c>
      <c r="D6936" t="s">
        <v>29011</v>
      </c>
      <c r="E6936" t="s">
        <v>13</v>
      </c>
      <c r="F6936">
        <v>7146</v>
      </c>
      <c r="G6936" t="s">
        <v>29068</v>
      </c>
      <c r="H6936">
        <v>4.3939936699580002</v>
      </c>
      <c r="I6936">
        <v>51.365645371818999</v>
      </c>
      <c r="J6936" t="s">
        <v>62621</v>
      </c>
    </row>
    <row r="6937" spans="1:10" x14ac:dyDescent="0.25">
      <c r="A6937" t="s">
        <v>29061</v>
      </c>
      <c r="B6937" t="s">
        <v>29062</v>
      </c>
      <c r="C6937" t="s">
        <v>29063</v>
      </c>
      <c r="D6937" t="s">
        <v>29011</v>
      </c>
      <c r="E6937" t="s">
        <v>13</v>
      </c>
      <c r="F6937">
        <v>7145</v>
      </c>
      <c r="G6937" t="s">
        <v>29064</v>
      </c>
      <c r="H6937">
        <v>4.3568404640539997</v>
      </c>
      <c r="I6937">
        <v>51.396597195043</v>
      </c>
      <c r="J6937" t="s">
        <v>62622</v>
      </c>
    </row>
    <row r="6938" spans="1:10" x14ac:dyDescent="0.25">
      <c r="A6938" t="s">
        <v>29057</v>
      </c>
      <c r="B6938" t="s">
        <v>29058</v>
      </c>
      <c r="C6938" t="s">
        <v>29059</v>
      </c>
      <c r="D6938" t="s">
        <v>29011</v>
      </c>
      <c r="E6938" t="s">
        <v>13</v>
      </c>
      <c r="F6938">
        <v>7144</v>
      </c>
      <c r="G6938" t="s">
        <v>29060</v>
      </c>
      <c r="H6938">
        <v>4.3034704799189996</v>
      </c>
      <c r="I6938">
        <v>51.390090355044002</v>
      </c>
      <c r="J6938" t="s">
        <v>62623</v>
      </c>
    </row>
    <row r="6939" spans="1:10" x14ac:dyDescent="0.25">
      <c r="A6939" t="s">
        <v>29053</v>
      </c>
      <c r="B6939" t="s">
        <v>29054</v>
      </c>
      <c r="C6939" t="s">
        <v>29055</v>
      </c>
      <c r="D6939" t="s">
        <v>29011</v>
      </c>
      <c r="E6939" t="s">
        <v>13</v>
      </c>
      <c r="F6939">
        <v>7143</v>
      </c>
      <c r="G6939" t="s">
        <v>29056</v>
      </c>
      <c r="H6939">
        <v>4.3173366672610003</v>
      </c>
      <c r="I6939">
        <v>51.407256110012</v>
      </c>
      <c r="J6939" t="s">
        <v>62624</v>
      </c>
    </row>
    <row r="6940" spans="1:10" x14ac:dyDescent="0.25">
      <c r="A6940" t="s">
        <v>29049</v>
      </c>
      <c r="B6940" t="s">
        <v>29050</v>
      </c>
      <c r="C6940" t="s">
        <v>29051</v>
      </c>
      <c r="D6940" t="s">
        <v>29011</v>
      </c>
      <c r="E6940" t="s">
        <v>13</v>
      </c>
      <c r="F6940">
        <v>7142</v>
      </c>
      <c r="G6940" t="s">
        <v>29052</v>
      </c>
      <c r="H6940">
        <v>4.3275410256690003</v>
      </c>
      <c r="I6940">
        <v>51.395042957786004</v>
      </c>
      <c r="J6940" t="s">
        <v>62625</v>
      </c>
    </row>
    <row r="6941" spans="1:10" x14ac:dyDescent="0.25">
      <c r="A6941" t="s">
        <v>29045</v>
      </c>
      <c r="B6941" t="s">
        <v>29046</v>
      </c>
      <c r="C6941" t="s">
        <v>29047</v>
      </c>
      <c r="D6941" t="s">
        <v>29011</v>
      </c>
      <c r="E6941" t="s">
        <v>13</v>
      </c>
      <c r="F6941">
        <v>7141</v>
      </c>
      <c r="G6941" t="s">
        <v>29048</v>
      </c>
      <c r="H6941">
        <v>4.3740143668969997</v>
      </c>
      <c r="I6941">
        <v>51.443539405701998</v>
      </c>
      <c r="J6941" t="s">
        <v>62626</v>
      </c>
    </row>
    <row r="6942" spans="1:10" x14ac:dyDescent="0.25">
      <c r="A6942" t="s">
        <v>29041</v>
      </c>
      <c r="B6942" t="s">
        <v>29042</v>
      </c>
      <c r="C6942" t="s">
        <v>29043</v>
      </c>
      <c r="D6942" t="s">
        <v>29011</v>
      </c>
      <c r="E6942" t="s">
        <v>13</v>
      </c>
      <c r="F6942">
        <v>7140</v>
      </c>
      <c r="G6942" t="s">
        <v>29044</v>
      </c>
      <c r="H6942">
        <v>4.3780786944939996</v>
      </c>
      <c r="I6942">
        <v>51.420391858047999</v>
      </c>
      <c r="J6942" t="s">
        <v>62627</v>
      </c>
    </row>
    <row r="6943" spans="1:10" x14ac:dyDescent="0.25">
      <c r="A6943" t="s">
        <v>29037</v>
      </c>
      <c r="B6943" t="s">
        <v>29038</v>
      </c>
      <c r="C6943" t="s">
        <v>29039</v>
      </c>
      <c r="D6943" t="s">
        <v>29011</v>
      </c>
      <c r="E6943" t="s">
        <v>13</v>
      </c>
      <c r="F6943">
        <v>7139</v>
      </c>
      <c r="G6943" t="s">
        <v>29040</v>
      </c>
      <c r="H6943">
        <v>4.3676156278139997</v>
      </c>
      <c r="I6943">
        <v>51.427080394172997</v>
      </c>
      <c r="J6943" t="s">
        <v>62628</v>
      </c>
    </row>
    <row r="6944" spans="1:10" x14ac:dyDescent="0.25">
      <c r="A6944" t="s">
        <v>29033</v>
      </c>
      <c r="B6944" t="s">
        <v>29034</v>
      </c>
      <c r="C6944" t="s">
        <v>29035</v>
      </c>
      <c r="D6944" t="s">
        <v>29011</v>
      </c>
      <c r="E6944" t="s">
        <v>13</v>
      </c>
      <c r="F6944">
        <v>7138</v>
      </c>
      <c r="G6944" t="s">
        <v>29036</v>
      </c>
      <c r="H6944">
        <v>4.3765234810209996</v>
      </c>
      <c r="I6944">
        <v>51.432303186923001</v>
      </c>
      <c r="J6944" t="s">
        <v>62629</v>
      </c>
    </row>
    <row r="6945" spans="1:10" x14ac:dyDescent="0.25">
      <c r="A6945" t="s">
        <v>29029</v>
      </c>
      <c r="B6945" t="s">
        <v>29030</v>
      </c>
      <c r="C6945" t="s">
        <v>29031</v>
      </c>
      <c r="D6945" t="s">
        <v>29011</v>
      </c>
      <c r="E6945" t="s">
        <v>13</v>
      </c>
      <c r="F6945">
        <v>7137</v>
      </c>
      <c r="G6945" t="s">
        <v>29032</v>
      </c>
      <c r="H6945">
        <v>4.3328939537500002</v>
      </c>
      <c r="I6945">
        <v>51.443744703660997</v>
      </c>
      <c r="J6945" t="s">
        <v>62630</v>
      </c>
    </row>
    <row r="6946" spans="1:10" x14ac:dyDescent="0.25">
      <c r="A6946" t="s">
        <v>29025</v>
      </c>
      <c r="B6946" t="s">
        <v>29026</v>
      </c>
      <c r="C6946" t="s">
        <v>29027</v>
      </c>
      <c r="D6946" t="s">
        <v>29011</v>
      </c>
      <c r="E6946" t="s">
        <v>13</v>
      </c>
      <c r="F6946">
        <v>7136</v>
      </c>
      <c r="G6946" t="s">
        <v>29028</v>
      </c>
      <c r="H6946">
        <v>4.2861895082609998</v>
      </c>
      <c r="I6946">
        <v>51.418115525391002</v>
      </c>
      <c r="J6946" t="s">
        <v>62631</v>
      </c>
    </row>
    <row r="6947" spans="1:10" x14ac:dyDescent="0.25">
      <c r="A6947" t="s">
        <v>29021</v>
      </c>
      <c r="B6947" t="s">
        <v>29022</v>
      </c>
      <c r="C6947" t="s">
        <v>29023</v>
      </c>
      <c r="D6947" t="s">
        <v>29011</v>
      </c>
      <c r="E6947" t="s">
        <v>13</v>
      </c>
      <c r="F6947">
        <v>7135</v>
      </c>
      <c r="G6947" t="s">
        <v>29024</v>
      </c>
      <c r="H6947">
        <v>4.3485894342079998</v>
      </c>
      <c r="I6947">
        <v>51.427402269618</v>
      </c>
      <c r="J6947" t="s">
        <v>62632</v>
      </c>
    </row>
    <row r="6948" spans="1:10" x14ac:dyDescent="0.25">
      <c r="A6948" t="s">
        <v>29017</v>
      </c>
      <c r="B6948" t="s">
        <v>29018</v>
      </c>
      <c r="C6948" t="s">
        <v>29019</v>
      </c>
      <c r="D6948" t="s">
        <v>29011</v>
      </c>
      <c r="E6948" t="s">
        <v>13</v>
      </c>
      <c r="F6948">
        <v>7134</v>
      </c>
      <c r="G6948" t="s">
        <v>29020</v>
      </c>
      <c r="H6948">
        <v>4.3248557580669997</v>
      </c>
      <c r="I6948">
        <v>51.434001718769998</v>
      </c>
      <c r="J6948" t="s">
        <v>62633</v>
      </c>
    </row>
    <row r="6949" spans="1:10" x14ac:dyDescent="0.25">
      <c r="A6949" t="s">
        <v>29013</v>
      </c>
      <c r="B6949" t="s">
        <v>29014</v>
      </c>
      <c r="C6949" t="s">
        <v>29015</v>
      </c>
      <c r="D6949" t="s">
        <v>29011</v>
      </c>
      <c r="E6949" t="s">
        <v>13</v>
      </c>
      <c r="F6949">
        <v>7133</v>
      </c>
      <c r="G6949" t="s">
        <v>29016</v>
      </c>
      <c r="H6949">
        <v>4.3053571275019999</v>
      </c>
      <c r="I6949">
        <v>51.430488181636001</v>
      </c>
      <c r="J6949" t="s">
        <v>62634</v>
      </c>
    </row>
    <row r="6950" spans="1:10" x14ac:dyDescent="0.25">
      <c r="A6950" t="s">
        <v>29008</v>
      </c>
      <c r="B6950" t="s">
        <v>29009</v>
      </c>
      <c r="C6950" t="s">
        <v>29010</v>
      </c>
      <c r="D6950" t="s">
        <v>29011</v>
      </c>
      <c r="E6950" t="s">
        <v>13</v>
      </c>
      <c r="F6950">
        <v>7132</v>
      </c>
      <c r="G6950" t="s">
        <v>29012</v>
      </c>
      <c r="H6950">
        <v>4.3262169757870002</v>
      </c>
      <c r="I6950">
        <v>51.423601809902003</v>
      </c>
      <c r="J6950" t="s">
        <v>62635</v>
      </c>
    </row>
    <row r="6951" spans="1:10" x14ac:dyDescent="0.25">
      <c r="A6951" t="s">
        <v>29004</v>
      </c>
      <c r="B6951" t="s">
        <v>29005</v>
      </c>
      <c r="C6951" t="s">
        <v>29006</v>
      </c>
      <c r="D6951" t="s">
        <v>28920</v>
      </c>
      <c r="E6951" t="s">
        <v>13</v>
      </c>
      <c r="F6951">
        <v>7131</v>
      </c>
      <c r="G6951" t="s">
        <v>29007</v>
      </c>
      <c r="H6951">
        <v>4.9503197398280001</v>
      </c>
      <c r="I6951">
        <v>51.710781730316</v>
      </c>
      <c r="J6951" t="s">
        <v>62636</v>
      </c>
    </row>
    <row r="6952" spans="1:10" x14ac:dyDescent="0.25">
      <c r="A6952" t="s">
        <v>29000</v>
      </c>
      <c r="B6952" t="s">
        <v>29001</v>
      </c>
      <c r="C6952" t="s">
        <v>29002</v>
      </c>
      <c r="D6952" t="s">
        <v>28920</v>
      </c>
      <c r="E6952" t="s">
        <v>13</v>
      </c>
      <c r="F6952">
        <v>7130</v>
      </c>
      <c r="G6952" t="s">
        <v>29003</v>
      </c>
      <c r="H6952">
        <v>4.9359887411379999</v>
      </c>
      <c r="I6952">
        <v>51.701356062796002</v>
      </c>
      <c r="J6952" t="s">
        <v>62637</v>
      </c>
    </row>
    <row r="6953" spans="1:10" x14ac:dyDescent="0.25">
      <c r="A6953" t="s">
        <v>28996</v>
      </c>
      <c r="B6953" t="s">
        <v>28997</v>
      </c>
      <c r="C6953" t="s">
        <v>28998</v>
      </c>
      <c r="D6953" t="s">
        <v>28920</v>
      </c>
      <c r="E6953" t="s">
        <v>13</v>
      </c>
      <c r="F6953">
        <v>7129</v>
      </c>
      <c r="G6953" t="s">
        <v>28999</v>
      </c>
      <c r="H6953">
        <v>4.9634143409889999</v>
      </c>
      <c r="I6953">
        <v>51.666624440116003</v>
      </c>
      <c r="J6953" t="s">
        <v>62638</v>
      </c>
    </row>
    <row r="6954" spans="1:10" x14ac:dyDescent="0.25">
      <c r="A6954" t="s">
        <v>28992</v>
      </c>
      <c r="B6954" t="s">
        <v>28993</v>
      </c>
      <c r="C6954" t="s">
        <v>28994</v>
      </c>
      <c r="D6954" t="s">
        <v>28920</v>
      </c>
      <c r="E6954" t="s">
        <v>13</v>
      </c>
      <c r="F6954">
        <v>7128</v>
      </c>
      <c r="G6954" t="s">
        <v>28995</v>
      </c>
      <c r="H6954">
        <v>4.9468925479030004</v>
      </c>
      <c r="I6954">
        <v>51.686554736395998</v>
      </c>
      <c r="J6954" t="s">
        <v>62639</v>
      </c>
    </row>
    <row r="6955" spans="1:10" x14ac:dyDescent="0.25">
      <c r="A6955" t="s">
        <v>28988</v>
      </c>
      <c r="B6955" t="s">
        <v>28989</v>
      </c>
      <c r="C6955" t="s">
        <v>28990</v>
      </c>
      <c r="D6955" t="s">
        <v>28920</v>
      </c>
      <c r="E6955" t="s">
        <v>13</v>
      </c>
      <c r="F6955">
        <v>7127</v>
      </c>
      <c r="G6955" t="s">
        <v>28991</v>
      </c>
      <c r="H6955">
        <v>5.0381817568410003</v>
      </c>
      <c r="I6955">
        <v>51.675397726535003</v>
      </c>
      <c r="J6955" t="s">
        <v>62640</v>
      </c>
    </row>
    <row r="6956" spans="1:10" x14ac:dyDescent="0.25">
      <c r="A6956" t="s">
        <v>28984</v>
      </c>
      <c r="B6956" t="s">
        <v>28985</v>
      </c>
      <c r="C6956" t="s">
        <v>28986</v>
      </c>
      <c r="D6956" t="s">
        <v>28920</v>
      </c>
      <c r="E6956" t="s">
        <v>13</v>
      </c>
      <c r="F6956">
        <v>7126</v>
      </c>
      <c r="G6956" t="s">
        <v>28987</v>
      </c>
      <c r="H6956">
        <v>4.9977535747169997</v>
      </c>
      <c r="I6956">
        <v>51.705134206117002</v>
      </c>
      <c r="J6956" t="s">
        <v>62641</v>
      </c>
    </row>
    <row r="6957" spans="1:10" x14ac:dyDescent="0.25">
      <c r="A6957" t="s">
        <v>28980</v>
      </c>
      <c r="B6957" t="s">
        <v>28981</v>
      </c>
      <c r="C6957" t="s">
        <v>28982</v>
      </c>
      <c r="D6957" t="s">
        <v>28920</v>
      </c>
      <c r="E6957" t="s">
        <v>13</v>
      </c>
      <c r="F6957">
        <v>7125</v>
      </c>
      <c r="G6957" t="s">
        <v>28983</v>
      </c>
      <c r="H6957">
        <v>4.9879334229619996</v>
      </c>
      <c r="I6957">
        <v>51.680098687475997</v>
      </c>
      <c r="J6957" t="s">
        <v>62642</v>
      </c>
    </row>
    <row r="6958" spans="1:10" x14ac:dyDescent="0.25">
      <c r="A6958" t="s">
        <v>28976</v>
      </c>
      <c r="B6958" t="s">
        <v>28977</v>
      </c>
      <c r="C6958" t="s">
        <v>28978</v>
      </c>
      <c r="D6958" t="s">
        <v>28920</v>
      </c>
      <c r="E6958" t="s">
        <v>13</v>
      </c>
      <c r="F6958">
        <v>7124</v>
      </c>
      <c r="G6958" t="s">
        <v>28979</v>
      </c>
      <c r="H6958">
        <v>5.0246528835130002</v>
      </c>
      <c r="I6958">
        <v>51.682849368717001</v>
      </c>
      <c r="J6958" t="s">
        <v>62643</v>
      </c>
    </row>
    <row r="6959" spans="1:10" x14ac:dyDescent="0.25">
      <c r="A6959" t="s">
        <v>28972</v>
      </c>
      <c r="B6959" t="s">
        <v>28973</v>
      </c>
      <c r="C6959" t="s">
        <v>28974</v>
      </c>
      <c r="D6959" t="s">
        <v>28920</v>
      </c>
      <c r="E6959" t="s">
        <v>13</v>
      </c>
      <c r="F6959">
        <v>7123</v>
      </c>
      <c r="G6959" t="s">
        <v>28975</v>
      </c>
      <c r="H6959">
        <v>5.0465874105669997</v>
      </c>
      <c r="I6959">
        <v>51.667634217866997</v>
      </c>
      <c r="J6959" t="s">
        <v>62644</v>
      </c>
    </row>
    <row r="6960" spans="1:10" x14ac:dyDescent="0.25">
      <c r="A6960" t="s">
        <v>28968</v>
      </c>
      <c r="B6960" t="s">
        <v>28969</v>
      </c>
      <c r="C6960" t="s">
        <v>28970</v>
      </c>
      <c r="D6960" t="s">
        <v>28920</v>
      </c>
      <c r="E6960" t="s">
        <v>13</v>
      </c>
      <c r="F6960">
        <v>7122</v>
      </c>
      <c r="G6960" t="s">
        <v>28971</v>
      </c>
      <c r="H6960">
        <v>5.0976084145640002</v>
      </c>
      <c r="I6960">
        <v>51.679437646773998</v>
      </c>
      <c r="J6960" t="s">
        <v>62645</v>
      </c>
    </row>
    <row r="6961" spans="1:10" x14ac:dyDescent="0.25">
      <c r="A6961" t="s">
        <v>28964</v>
      </c>
      <c r="B6961" t="s">
        <v>28965</v>
      </c>
      <c r="C6961" t="s">
        <v>28966</v>
      </c>
      <c r="D6961" t="s">
        <v>28920</v>
      </c>
      <c r="E6961" t="s">
        <v>13</v>
      </c>
      <c r="F6961">
        <v>7121</v>
      </c>
      <c r="G6961" t="s">
        <v>28967</v>
      </c>
      <c r="H6961">
        <v>5.0983722359000003</v>
      </c>
      <c r="I6961">
        <v>51.686192534669999</v>
      </c>
      <c r="J6961" t="s">
        <v>62646</v>
      </c>
    </row>
    <row r="6962" spans="1:10" x14ac:dyDescent="0.25">
      <c r="A6962" t="s">
        <v>28960</v>
      </c>
      <c r="B6962" t="s">
        <v>28961</v>
      </c>
      <c r="C6962" t="s">
        <v>28962</v>
      </c>
      <c r="D6962" t="s">
        <v>28920</v>
      </c>
      <c r="E6962" t="s">
        <v>13</v>
      </c>
      <c r="F6962">
        <v>7120</v>
      </c>
      <c r="G6962" t="s">
        <v>28963</v>
      </c>
      <c r="H6962">
        <v>5.0859466710519996</v>
      </c>
      <c r="I6962">
        <v>51.706418125443001</v>
      </c>
      <c r="J6962" t="s">
        <v>62647</v>
      </c>
    </row>
    <row r="6963" spans="1:10" x14ac:dyDescent="0.25">
      <c r="A6963" t="s">
        <v>28957</v>
      </c>
      <c r="B6963" t="s">
        <v>28958</v>
      </c>
      <c r="C6963" t="s">
        <v>24784</v>
      </c>
      <c r="D6963" t="s">
        <v>28920</v>
      </c>
      <c r="E6963" t="s">
        <v>13</v>
      </c>
      <c r="F6963">
        <v>7119</v>
      </c>
      <c r="G6963" t="s">
        <v>28959</v>
      </c>
      <c r="H6963">
        <v>5.0484996451160002</v>
      </c>
      <c r="I6963">
        <v>51.701397834094998</v>
      </c>
      <c r="J6963" t="s">
        <v>62648</v>
      </c>
    </row>
    <row r="6964" spans="1:10" x14ac:dyDescent="0.25">
      <c r="A6964" t="s">
        <v>28953</v>
      </c>
      <c r="B6964" t="s">
        <v>28954</v>
      </c>
      <c r="C6964" t="s">
        <v>28955</v>
      </c>
      <c r="D6964" t="s">
        <v>28920</v>
      </c>
      <c r="E6964" t="s">
        <v>13</v>
      </c>
      <c r="F6964">
        <v>7118</v>
      </c>
      <c r="G6964" t="s">
        <v>28956</v>
      </c>
      <c r="H6964">
        <v>5.0550199668189997</v>
      </c>
      <c r="I6964">
        <v>51.678356392386</v>
      </c>
      <c r="J6964" t="s">
        <v>62649</v>
      </c>
    </row>
    <row r="6965" spans="1:10" x14ac:dyDescent="0.25">
      <c r="A6965" t="s">
        <v>28950</v>
      </c>
      <c r="B6965" t="s">
        <v>28951</v>
      </c>
      <c r="C6965" t="s">
        <v>4868</v>
      </c>
      <c r="D6965" t="s">
        <v>28920</v>
      </c>
      <c r="E6965" t="s">
        <v>13</v>
      </c>
      <c r="F6965">
        <v>7117</v>
      </c>
      <c r="G6965" t="s">
        <v>28952</v>
      </c>
      <c r="H6965">
        <v>5.0954118810270002</v>
      </c>
      <c r="I6965">
        <v>51.690748981504001</v>
      </c>
      <c r="J6965" t="s">
        <v>62650</v>
      </c>
    </row>
    <row r="6966" spans="1:10" x14ac:dyDescent="0.25">
      <c r="A6966" t="s">
        <v>28946</v>
      </c>
      <c r="B6966" t="s">
        <v>28947</v>
      </c>
      <c r="C6966" t="s">
        <v>28948</v>
      </c>
      <c r="D6966" t="s">
        <v>28920</v>
      </c>
      <c r="E6966" t="s">
        <v>13</v>
      </c>
      <c r="F6966">
        <v>7116</v>
      </c>
      <c r="G6966" t="s">
        <v>28949</v>
      </c>
      <c r="H6966">
        <v>5.0785153899499997</v>
      </c>
      <c r="I6966">
        <v>51.675663432413998</v>
      </c>
      <c r="J6966" t="s">
        <v>62651</v>
      </c>
    </row>
    <row r="6967" spans="1:10" x14ac:dyDescent="0.25">
      <c r="A6967" t="s">
        <v>28942</v>
      </c>
      <c r="B6967" t="s">
        <v>28943</v>
      </c>
      <c r="C6967" t="s">
        <v>28944</v>
      </c>
      <c r="D6967" t="s">
        <v>28920</v>
      </c>
      <c r="E6967" t="s">
        <v>13</v>
      </c>
      <c r="F6967">
        <v>7115</v>
      </c>
      <c r="G6967" t="s">
        <v>28945</v>
      </c>
      <c r="H6967">
        <v>5.0644589159070001</v>
      </c>
      <c r="I6967">
        <v>51.676969421267003</v>
      </c>
      <c r="J6967" t="s">
        <v>62652</v>
      </c>
    </row>
    <row r="6968" spans="1:10" x14ac:dyDescent="0.25">
      <c r="A6968" t="s">
        <v>28938</v>
      </c>
      <c r="B6968" t="s">
        <v>28939</v>
      </c>
      <c r="C6968" t="s">
        <v>28940</v>
      </c>
      <c r="D6968" t="s">
        <v>28920</v>
      </c>
      <c r="E6968" t="s">
        <v>13</v>
      </c>
      <c r="F6968">
        <v>7114</v>
      </c>
      <c r="G6968" t="s">
        <v>28941</v>
      </c>
      <c r="H6968">
        <v>5.0839787008080002</v>
      </c>
      <c r="I6968">
        <v>51.683308345218997</v>
      </c>
      <c r="J6968" t="s">
        <v>62653</v>
      </c>
    </row>
    <row r="6969" spans="1:10" x14ac:dyDescent="0.25">
      <c r="A6969" t="s">
        <v>28934</v>
      </c>
      <c r="B6969" t="s">
        <v>28935</v>
      </c>
      <c r="C6969" t="s">
        <v>28936</v>
      </c>
      <c r="D6969" t="s">
        <v>28920</v>
      </c>
      <c r="E6969" t="s">
        <v>13</v>
      </c>
      <c r="F6969">
        <v>7113</v>
      </c>
      <c r="G6969" t="s">
        <v>28937</v>
      </c>
      <c r="H6969">
        <v>5.0722471248550001</v>
      </c>
      <c r="I6969">
        <v>51.682316640139</v>
      </c>
      <c r="J6969" t="s">
        <v>62654</v>
      </c>
    </row>
    <row r="6970" spans="1:10" x14ac:dyDescent="0.25">
      <c r="A6970" t="s">
        <v>28930</v>
      </c>
      <c r="B6970" t="s">
        <v>28931</v>
      </c>
      <c r="C6970" t="s">
        <v>28932</v>
      </c>
      <c r="D6970" t="s">
        <v>28920</v>
      </c>
      <c r="E6970" t="s">
        <v>13</v>
      </c>
      <c r="F6970">
        <v>7112</v>
      </c>
      <c r="G6970" t="s">
        <v>28933</v>
      </c>
      <c r="H6970">
        <v>5.0812201076639996</v>
      </c>
      <c r="I6970">
        <v>51.689683557898</v>
      </c>
      <c r="J6970" t="s">
        <v>62655</v>
      </c>
    </row>
    <row r="6971" spans="1:10" x14ac:dyDescent="0.25">
      <c r="A6971" t="s">
        <v>28926</v>
      </c>
      <c r="B6971" t="s">
        <v>28927</v>
      </c>
      <c r="C6971" t="s">
        <v>28928</v>
      </c>
      <c r="D6971" t="s">
        <v>28920</v>
      </c>
      <c r="E6971" t="s">
        <v>13</v>
      </c>
      <c r="F6971">
        <v>7111</v>
      </c>
      <c r="G6971" t="s">
        <v>28929</v>
      </c>
      <c r="H6971">
        <v>5.0890516875699996</v>
      </c>
      <c r="I6971">
        <v>51.693096672313999</v>
      </c>
      <c r="J6971" t="s">
        <v>62656</v>
      </c>
    </row>
    <row r="6972" spans="1:10" x14ac:dyDescent="0.25">
      <c r="A6972" t="s">
        <v>28922</v>
      </c>
      <c r="B6972" t="s">
        <v>28923</v>
      </c>
      <c r="C6972" t="s">
        <v>28924</v>
      </c>
      <c r="D6972" t="s">
        <v>28920</v>
      </c>
      <c r="E6972" t="s">
        <v>13</v>
      </c>
      <c r="F6972">
        <v>7110</v>
      </c>
      <c r="G6972" t="s">
        <v>28925</v>
      </c>
      <c r="H6972">
        <v>5.0512212471789999</v>
      </c>
      <c r="I6972">
        <v>51.686183462850003</v>
      </c>
      <c r="J6972" t="s">
        <v>62657</v>
      </c>
    </row>
    <row r="6973" spans="1:10" x14ac:dyDescent="0.25">
      <c r="A6973" t="s">
        <v>28918</v>
      </c>
      <c r="B6973" t="s">
        <v>28919</v>
      </c>
      <c r="C6973" t="s">
        <v>129</v>
      </c>
      <c r="D6973" t="s">
        <v>28920</v>
      </c>
      <c r="E6973" t="s">
        <v>13</v>
      </c>
      <c r="F6973">
        <v>7109</v>
      </c>
      <c r="G6973" t="s">
        <v>28921</v>
      </c>
      <c r="H6973">
        <v>5.0671716455059999</v>
      </c>
      <c r="I6973">
        <v>51.688702322906998</v>
      </c>
      <c r="J6973" t="s">
        <v>62658</v>
      </c>
    </row>
    <row r="6974" spans="1:10" x14ac:dyDescent="0.25">
      <c r="A6974" t="s">
        <v>28915</v>
      </c>
      <c r="B6974" t="s">
        <v>28916</v>
      </c>
      <c r="C6974" t="s">
        <v>5274</v>
      </c>
      <c r="D6974" t="s">
        <v>28902</v>
      </c>
      <c r="E6974" t="s">
        <v>13</v>
      </c>
      <c r="F6974">
        <v>7108</v>
      </c>
      <c r="G6974" t="s">
        <v>28917</v>
      </c>
      <c r="H6974">
        <v>5.465219551074</v>
      </c>
      <c r="I6974">
        <v>51.384813767354999</v>
      </c>
      <c r="J6974" t="s">
        <v>62659</v>
      </c>
    </row>
    <row r="6975" spans="1:10" x14ac:dyDescent="0.25">
      <c r="A6975" t="s">
        <v>28911</v>
      </c>
      <c r="B6975" t="s">
        <v>28912</v>
      </c>
      <c r="C6975" t="s">
        <v>28913</v>
      </c>
      <c r="D6975" t="s">
        <v>28902</v>
      </c>
      <c r="E6975" t="s">
        <v>13</v>
      </c>
      <c r="F6975">
        <v>7107</v>
      </c>
      <c r="G6975" t="s">
        <v>28914</v>
      </c>
      <c r="H6975">
        <v>5.4885808154279996</v>
      </c>
      <c r="I6975">
        <v>51.396996888220997</v>
      </c>
      <c r="J6975" t="s">
        <v>62660</v>
      </c>
    </row>
    <row r="6976" spans="1:10" x14ac:dyDescent="0.25">
      <c r="A6976" t="s">
        <v>28907</v>
      </c>
      <c r="B6976" t="s">
        <v>28908</v>
      </c>
      <c r="C6976" t="s">
        <v>28909</v>
      </c>
      <c r="D6976" t="s">
        <v>28902</v>
      </c>
      <c r="E6976" t="s">
        <v>13</v>
      </c>
      <c r="F6976">
        <v>7106</v>
      </c>
      <c r="G6976" t="s">
        <v>28910</v>
      </c>
      <c r="H6976">
        <v>5.4690556043229996</v>
      </c>
      <c r="I6976">
        <v>51.400993322002002</v>
      </c>
      <c r="J6976" t="s">
        <v>62661</v>
      </c>
    </row>
    <row r="6977" spans="1:10" x14ac:dyDescent="0.25">
      <c r="A6977" t="s">
        <v>28904</v>
      </c>
      <c r="B6977" t="s">
        <v>28905</v>
      </c>
      <c r="C6977" t="s">
        <v>12334</v>
      </c>
      <c r="D6977" t="s">
        <v>28902</v>
      </c>
      <c r="E6977" t="s">
        <v>13</v>
      </c>
      <c r="F6977">
        <v>7105</v>
      </c>
      <c r="G6977" t="s">
        <v>28906</v>
      </c>
      <c r="H6977">
        <v>5.4717694599069997</v>
      </c>
      <c r="I6977">
        <v>51.392047002959998</v>
      </c>
      <c r="J6977" t="s">
        <v>62662</v>
      </c>
    </row>
    <row r="6978" spans="1:10" x14ac:dyDescent="0.25">
      <c r="A6978" t="s">
        <v>28899</v>
      </c>
      <c r="B6978" t="s">
        <v>28900</v>
      </c>
      <c r="C6978" t="s">
        <v>28901</v>
      </c>
      <c r="D6978" t="s">
        <v>28902</v>
      </c>
      <c r="E6978" t="s">
        <v>13</v>
      </c>
      <c r="F6978">
        <v>7104</v>
      </c>
      <c r="G6978" t="s">
        <v>28903</v>
      </c>
      <c r="H6978">
        <v>5.4454262639389999</v>
      </c>
      <c r="I6978">
        <v>51.389424520394002</v>
      </c>
      <c r="J6978" t="s">
        <v>62663</v>
      </c>
    </row>
    <row r="6979" spans="1:10" x14ac:dyDescent="0.25">
      <c r="A6979" t="s">
        <v>28895</v>
      </c>
      <c r="B6979" t="s">
        <v>28896</v>
      </c>
      <c r="C6979" t="s">
        <v>28897</v>
      </c>
      <c r="D6979" t="s">
        <v>28833</v>
      </c>
      <c r="E6979" t="s">
        <v>13</v>
      </c>
      <c r="F6979">
        <v>7103</v>
      </c>
      <c r="G6979" t="s">
        <v>28898</v>
      </c>
      <c r="H6979">
        <v>5.3715514795579997</v>
      </c>
      <c r="I6979">
        <v>51.434485153990998</v>
      </c>
      <c r="J6979" t="s">
        <v>62664</v>
      </c>
    </row>
    <row r="6980" spans="1:10" x14ac:dyDescent="0.25">
      <c r="A6980" t="s">
        <v>28891</v>
      </c>
      <c r="B6980" t="s">
        <v>28892</v>
      </c>
      <c r="C6980" t="s">
        <v>28893</v>
      </c>
      <c r="D6980" t="s">
        <v>28833</v>
      </c>
      <c r="E6980" t="s">
        <v>13</v>
      </c>
      <c r="F6980">
        <v>7102</v>
      </c>
      <c r="G6980" t="s">
        <v>28894</v>
      </c>
      <c r="H6980">
        <v>5.340973610651</v>
      </c>
      <c r="I6980">
        <v>51.417984943691998</v>
      </c>
      <c r="J6980" t="s">
        <v>62665</v>
      </c>
    </row>
    <row r="6981" spans="1:10" x14ac:dyDescent="0.25">
      <c r="A6981" t="s">
        <v>28887</v>
      </c>
      <c r="B6981" t="s">
        <v>28888</v>
      </c>
      <c r="C6981" t="s">
        <v>28889</v>
      </c>
      <c r="D6981" t="s">
        <v>28833</v>
      </c>
      <c r="E6981" t="s">
        <v>13</v>
      </c>
      <c r="F6981">
        <v>7101</v>
      </c>
      <c r="G6981" t="s">
        <v>28890</v>
      </c>
      <c r="H6981">
        <v>5.3706516138009999</v>
      </c>
      <c r="I6981">
        <v>51.409041366532001</v>
      </c>
      <c r="J6981" t="s">
        <v>62666</v>
      </c>
    </row>
    <row r="6982" spans="1:10" x14ac:dyDescent="0.25">
      <c r="A6982" t="s">
        <v>28883</v>
      </c>
      <c r="B6982" t="s">
        <v>28884</v>
      </c>
      <c r="C6982" t="s">
        <v>28885</v>
      </c>
      <c r="D6982" t="s">
        <v>28833</v>
      </c>
      <c r="E6982" t="s">
        <v>13</v>
      </c>
      <c r="F6982">
        <v>7100</v>
      </c>
      <c r="G6982" t="s">
        <v>28886</v>
      </c>
      <c r="H6982">
        <v>5.3584935428050002</v>
      </c>
      <c r="I6982">
        <v>51.414289339352003</v>
      </c>
      <c r="J6982" t="s">
        <v>62667</v>
      </c>
    </row>
    <row r="6983" spans="1:10" x14ac:dyDescent="0.25">
      <c r="A6983" t="s">
        <v>28879</v>
      </c>
      <c r="B6983" t="s">
        <v>28880</v>
      </c>
      <c r="C6983" t="s">
        <v>28881</v>
      </c>
      <c r="D6983" t="s">
        <v>28833</v>
      </c>
      <c r="E6983" t="s">
        <v>13</v>
      </c>
      <c r="F6983">
        <v>7099</v>
      </c>
      <c r="G6983" t="s">
        <v>28882</v>
      </c>
      <c r="H6983">
        <v>5.3699966827200001</v>
      </c>
      <c r="I6983">
        <v>51.425220458788999</v>
      </c>
      <c r="J6983" t="s">
        <v>62668</v>
      </c>
    </row>
    <row r="6984" spans="1:10" x14ac:dyDescent="0.25">
      <c r="A6984" t="s">
        <v>28875</v>
      </c>
      <c r="B6984" t="s">
        <v>28876</v>
      </c>
      <c r="C6984" t="s">
        <v>28877</v>
      </c>
      <c r="D6984" t="s">
        <v>28833</v>
      </c>
      <c r="E6984" t="s">
        <v>13</v>
      </c>
      <c r="F6984">
        <v>7098</v>
      </c>
      <c r="G6984" t="s">
        <v>28878</v>
      </c>
      <c r="H6984">
        <v>5.4065719712479998</v>
      </c>
      <c r="I6984">
        <v>51.430809076979003</v>
      </c>
      <c r="J6984" t="s">
        <v>62669</v>
      </c>
    </row>
    <row r="6985" spans="1:10" x14ac:dyDescent="0.25">
      <c r="A6985" t="s">
        <v>28871</v>
      </c>
      <c r="B6985" t="s">
        <v>28872</v>
      </c>
      <c r="C6985" t="s">
        <v>28873</v>
      </c>
      <c r="D6985" t="s">
        <v>28833</v>
      </c>
      <c r="E6985" t="s">
        <v>13</v>
      </c>
      <c r="F6985">
        <v>7097</v>
      </c>
      <c r="G6985" t="s">
        <v>28874</v>
      </c>
      <c r="H6985">
        <v>5.3884433506690002</v>
      </c>
      <c r="I6985">
        <v>51.431708189471003</v>
      </c>
      <c r="J6985" t="s">
        <v>62670</v>
      </c>
    </row>
    <row r="6986" spans="1:10" x14ac:dyDescent="0.25">
      <c r="A6986" t="s">
        <v>28867</v>
      </c>
      <c r="B6986" t="s">
        <v>28868</v>
      </c>
      <c r="C6986" t="s">
        <v>28869</v>
      </c>
      <c r="D6986" t="s">
        <v>28833</v>
      </c>
      <c r="E6986" t="s">
        <v>13</v>
      </c>
      <c r="F6986">
        <v>7096</v>
      </c>
      <c r="G6986" t="s">
        <v>28870</v>
      </c>
      <c r="H6986">
        <v>5.397254439858</v>
      </c>
      <c r="I6986">
        <v>51.426443573914</v>
      </c>
      <c r="J6986" t="s">
        <v>62671</v>
      </c>
    </row>
    <row r="6987" spans="1:10" x14ac:dyDescent="0.25">
      <c r="A6987" t="s">
        <v>28863</v>
      </c>
      <c r="B6987" t="s">
        <v>28864</v>
      </c>
      <c r="C6987" t="s">
        <v>28865</v>
      </c>
      <c r="D6987" t="s">
        <v>28833</v>
      </c>
      <c r="E6987" t="s">
        <v>13</v>
      </c>
      <c r="F6987">
        <v>7095</v>
      </c>
      <c r="G6987" t="s">
        <v>28866</v>
      </c>
      <c r="H6987">
        <v>5.3860216878039999</v>
      </c>
      <c r="I6987">
        <v>51.424619665568002</v>
      </c>
      <c r="J6987" t="s">
        <v>62672</v>
      </c>
    </row>
    <row r="6988" spans="1:10" x14ac:dyDescent="0.25">
      <c r="A6988" t="s">
        <v>28859</v>
      </c>
      <c r="B6988" t="s">
        <v>28860</v>
      </c>
      <c r="C6988" t="s">
        <v>28861</v>
      </c>
      <c r="D6988" t="s">
        <v>28833</v>
      </c>
      <c r="E6988" t="s">
        <v>13</v>
      </c>
      <c r="F6988">
        <v>7094</v>
      </c>
      <c r="G6988" t="s">
        <v>28862</v>
      </c>
      <c r="H6988">
        <v>5.4004855627420003</v>
      </c>
      <c r="I6988">
        <v>51.389982158236997</v>
      </c>
      <c r="J6988" t="s">
        <v>62673</v>
      </c>
    </row>
    <row r="6989" spans="1:10" x14ac:dyDescent="0.25">
      <c r="A6989" t="s">
        <v>28855</v>
      </c>
      <c r="B6989" t="s">
        <v>28856</v>
      </c>
      <c r="C6989" t="s">
        <v>28857</v>
      </c>
      <c r="D6989" t="s">
        <v>28833</v>
      </c>
      <c r="E6989" t="s">
        <v>13</v>
      </c>
      <c r="F6989">
        <v>7093</v>
      </c>
      <c r="G6989" t="s">
        <v>28858</v>
      </c>
      <c r="H6989">
        <v>5.4011303558629997</v>
      </c>
      <c r="I6989">
        <v>51.419921812883999</v>
      </c>
      <c r="J6989" t="s">
        <v>62674</v>
      </c>
    </row>
    <row r="6990" spans="1:10" x14ac:dyDescent="0.25">
      <c r="A6990" t="s">
        <v>28851</v>
      </c>
      <c r="B6990" t="s">
        <v>28852</v>
      </c>
      <c r="C6990" t="s">
        <v>28853</v>
      </c>
      <c r="D6990" t="s">
        <v>28833</v>
      </c>
      <c r="E6990" t="s">
        <v>13</v>
      </c>
      <c r="F6990">
        <v>7092</v>
      </c>
      <c r="G6990" t="s">
        <v>28854</v>
      </c>
      <c r="H6990">
        <v>5.3868580385599998</v>
      </c>
      <c r="I6990">
        <v>51.417318209625002</v>
      </c>
      <c r="J6990" t="s">
        <v>62675</v>
      </c>
    </row>
    <row r="6991" spans="1:10" x14ac:dyDescent="0.25">
      <c r="A6991" t="s">
        <v>28847</v>
      </c>
      <c r="B6991" t="s">
        <v>28848</v>
      </c>
      <c r="C6991" t="s">
        <v>28849</v>
      </c>
      <c r="D6991" t="s">
        <v>28833</v>
      </c>
      <c r="E6991" t="s">
        <v>13</v>
      </c>
      <c r="F6991">
        <v>7091</v>
      </c>
      <c r="G6991" t="s">
        <v>28850</v>
      </c>
      <c r="H6991">
        <v>5.391377138557</v>
      </c>
      <c r="I6991">
        <v>51.410633191696</v>
      </c>
      <c r="J6991" t="s">
        <v>62676</v>
      </c>
    </row>
    <row r="6992" spans="1:10" x14ac:dyDescent="0.25">
      <c r="A6992" t="s">
        <v>28843</v>
      </c>
      <c r="B6992" t="s">
        <v>28844</v>
      </c>
      <c r="C6992" t="s">
        <v>28845</v>
      </c>
      <c r="D6992" t="s">
        <v>28833</v>
      </c>
      <c r="E6992" t="s">
        <v>13</v>
      </c>
      <c r="F6992">
        <v>7090</v>
      </c>
      <c r="G6992" t="s">
        <v>28846</v>
      </c>
      <c r="H6992">
        <v>5.4049363159970003</v>
      </c>
      <c r="I6992">
        <v>51.413303358271001</v>
      </c>
      <c r="J6992" t="s">
        <v>62677</v>
      </c>
    </row>
    <row r="6993" spans="1:10" x14ac:dyDescent="0.25">
      <c r="A6993" t="s">
        <v>28839</v>
      </c>
      <c r="B6993" t="s">
        <v>28840</v>
      </c>
      <c r="C6993" t="s">
        <v>28841</v>
      </c>
      <c r="D6993" t="s">
        <v>28833</v>
      </c>
      <c r="E6993" t="s">
        <v>13</v>
      </c>
      <c r="F6993">
        <v>7089</v>
      </c>
      <c r="G6993" t="s">
        <v>28842</v>
      </c>
      <c r="H6993">
        <v>5.4175840820710004</v>
      </c>
      <c r="I6993">
        <v>51.424959418070003</v>
      </c>
      <c r="J6993" t="s">
        <v>62678</v>
      </c>
    </row>
    <row r="6994" spans="1:10" x14ac:dyDescent="0.25">
      <c r="A6994" t="s">
        <v>28835</v>
      </c>
      <c r="B6994" t="s">
        <v>28836</v>
      </c>
      <c r="C6994" t="s">
        <v>28837</v>
      </c>
      <c r="D6994" t="s">
        <v>28833</v>
      </c>
      <c r="E6994" t="s">
        <v>13</v>
      </c>
      <c r="F6994">
        <v>7088</v>
      </c>
      <c r="G6994" t="s">
        <v>28838</v>
      </c>
      <c r="H6994">
        <v>5.4212043097529996</v>
      </c>
      <c r="I6994">
        <v>51.413207348832003</v>
      </c>
      <c r="J6994" t="s">
        <v>62679</v>
      </c>
    </row>
    <row r="6995" spans="1:10" x14ac:dyDescent="0.25">
      <c r="A6995" t="s">
        <v>28830</v>
      </c>
      <c r="B6995" t="s">
        <v>28831</v>
      </c>
      <c r="C6995" t="s">
        <v>28832</v>
      </c>
      <c r="D6995" t="s">
        <v>28833</v>
      </c>
      <c r="E6995" t="s">
        <v>13</v>
      </c>
      <c r="F6995">
        <v>7087</v>
      </c>
      <c r="G6995" t="s">
        <v>28834</v>
      </c>
      <c r="H6995">
        <v>5.3958168291239996</v>
      </c>
      <c r="I6995">
        <v>51.402152494332</v>
      </c>
      <c r="J6995" t="s">
        <v>62680</v>
      </c>
    </row>
    <row r="6996" spans="1:10" x14ac:dyDescent="0.25">
      <c r="A6996" t="s">
        <v>28826</v>
      </c>
      <c r="B6996" t="s">
        <v>28827</v>
      </c>
      <c r="C6996" t="s">
        <v>28828</v>
      </c>
      <c r="D6996" t="s">
        <v>28752</v>
      </c>
      <c r="E6996" t="s">
        <v>13</v>
      </c>
      <c r="F6996">
        <v>7086</v>
      </c>
      <c r="G6996" t="s">
        <v>28829</v>
      </c>
      <c r="H6996">
        <v>5.4580125120470004</v>
      </c>
      <c r="I6996">
        <v>51.304176781876997</v>
      </c>
      <c r="J6996" t="s">
        <v>62681</v>
      </c>
    </row>
    <row r="6997" spans="1:10" x14ac:dyDescent="0.25">
      <c r="A6997" t="s">
        <v>28822</v>
      </c>
      <c r="B6997" t="s">
        <v>28823</v>
      </c>
      <c r="C6997" t="s">
        <v>28824</v>
      </c>
      <c r="D6997" t="s">
        <v>28752</v>
      </c>
      <c r="E6997" t="s">
        <v>13</v>
      </c>
      <c r="F6997">
        <v>7085</v>
      </c>
      <c r="G6997" t="s">
        <v>28825</v>
      </c>
      <c r="H6997">
        <v>5.414245469321</v>
      </c>
      <c r="I6997">
        <v>51.291238491678001</v>
      </c>
      <c r="J6997" t="s">
        <v>62682</v>
      </c>
    </row>
    <row r="6998" spans="1:10" x14ac:dyDescent="0.25">
      <c r="A6998" t="s">
        <v>28818</v>
      </c>
      <c r="B6998" t="s">
        <v>28819</v>
      </c>
      <c r="C6998" t="s">
        <v>28820</v>
      </c>
      <c r="D6998" t="s">
        <v>28752</v>
      </c>
      <c r="E6998" t="s">
        <v>13</v>
      </c>
      <c r="F6998">
        <v>7084</v>
      </c>
      <c r="G6998" t="s">
        <v>28821</v>
      </c>
      <c r="H6998">
        <v>5.4571259050660004</v>
      </c>
      <c r="I6998">
        <v>51.298844933609999</v>
      </c>
      <c r="J6998" t="s">
        <v>62683</v>
      </c>
    </row>
    <row r="6999" spans="1:10" x14ac:dyDescent="0.25">
      <c r="A6999" t="s">
        <v>28814</v>
      </c>
      <c r="B6999" t="s">
        <v>28815</v>
      </c>
      <c r="C6999" t="s">
        <v>28816</v>
      </c>
      <c r="D6999" t="s">
        <v>28752</v>
      </c>
      <c r="E6999" t="s">
        <v>13</v>
      </c>
      <c r="F6999">
        <v>7083</v>
      </c>
      <c r="G6999" t="s">
        <v>28817</v>
      </c>
      <c r="H6999">
        <v>5.4326367593359999</v>
      </c>
      <c r="I6999">
        <v>51.302187271633002</v>
      </c>
      <c r="J6999" t="s">
        <v>62684</v>
      </c>
    </row>
    <row r="7000" spans="1:10" x14ac:dyDescent="0.25">
      <c r="A7000" t="s">
        <v>28810</v>
      </c>
      <c r="B7000" t="s">
        <v>28811</v>
      </c>
      <c r="C7000" t="s">
        <v>28812</v>
      </c>
      <c r="D7000" t="s">
        <v>28752</v>
      </c>
      <c r="E7000" t="s">
        <v>13</v>
      </c>
      <c r="F7000">
        <v>7082</v>
      </c>
      <c r="G7000" t="s">
        <v>28813</v>
      </c>
      <c r="H7000">
        <v>5.4317567545980001</v>
      </c>
      <c r="I7000">
        <v>51.344921356722999</v>
      </c>
      <c r="J7000" t="s">
        <v>62685</v>
      </c>
    </row>
    <row r="7001" spans="1:10" x14ac:dyDescent="0.25">
      <c r="A7001" t="s">
        <v>28806</v>
      </c>
      <c r="B7001" t="s">
        <v>28807</v>
      </c>
      <c r="C7001" t="s">
        <v>28808</v>
      </c>
      <c r="D7001" t="s">
        <v>28752</v>
      </c>
      <c r="E7001" t="s">
        <v>13</v>
      </c>
      <c r="F7001">
        <v>7081</v>
      </c>
      <c r="G7001" t="s">
        <v>28809</v>
      </c>
      <c r="H7001">
        <v>5.4263266301669999</v>
      </c>
      <c r="I7001">
        <v>51.360599984381999</v>
      </c>
      <c r="J7001" t="s">
        <v>62686</v>
      </c>
    </row>
    <row r="7002" spans="1:10" x14ac:dyDescent="0.25">
      <c r="A7002" t="s">
        <v>28802</v>
      </c>
      <c r="B7002" t="s">
        <v>28803</v>
      </c>
      <c r="C7002" t="s">
        <v>28804</v>
      </c>
      <c r="D7002" t="s">
        <v>28752</v>
      </c>
      <c r="E7002" t="s">
        <v>13</v>
      </c>
      <c r="F7002">
        <v>7080</v>
      </c>
      <c r="G7002" t="s">
        <v>28805</v>
      </c>
      <c r="H7002">
        <v>5.4245387812840002</v>
      </c>
      <c r="I7002">
        <v>51.366651626585998</v>
      </c>
      <c r="J7002" t="s">
        <v>62687</v>
      </c>
    </row>
    <row r="7003" spans="1:10" x14ac:dyDescent="0.25">
      <c r="A7003" t="s">
        <v>28798</v>
      </c>
      <c r="B7003" t="s">
        <v>28799</v>
      </c>
      <c r="C7003" t="s">
        <v>28800</v>
      </c>
      <c r="D7003" t="s">
        <v>28752</v>
      </c>
      <c r="E7003" t="s">
        <v>13</v>
      </c>
      <c r="F7003">
        <v>7079</v>
      </c>
      <c r="G7003" t="s">
        <v>28801</v>
      </c>
      <c r="H7003">
        <v>5.4262543910190004</v>
      </c>
      <c r="I7003">
        <v>51.353711322625998</v>
      </c>
      <c r="J7003" t="s">
        <v>62688</v>
      </c>
    </row>
    <row r="7004" spans="1:10" x14ac:dyDescent="0.25">
      <c r="A7004" t="s">
        <v>28794</v>
      </c>
      <c r="B7004" t="s">
        <v>28795</v>
      </c>
      <c r="C7004" t="s">
        <v>28796</v>
      </c>
      <c r="D7004" t="s">
        <v>28752</v>
      </c>
      <c r="E7004" t="s">
        <v>13</v>
      </c>
      <c r="F7004">
        <v>7078</v>
      </c>
      <c r="G7004" t="s">
        <v>28797</v>
      </c>
      <c r="H7004">
        <v>5.4325480105309998</v>
      </c>
      <c r="I7004">
        <v>51.362539749694001</v>
      </c>
      <c r="J7004" t="s">
        <v>62689</v>
      </c>
    </row>
    <row r="7005" spans="1:10" x14ac:dyDescent="0.25">
      <c r="A7005" t="s">
        <v>28790</v>
      </c>
      <c r="B7005" t="s">
        <v>28791</v>
      </c>
      <c r="C7005" t="s">
        <v>28792</v>
      </c>
      <c r="D7005" t="s">
        <v>28752</v>
      </c>
      <c r="E7005" t="s">
        <v>13</v>
      </c>
      <c r="F7005">
        <v>7077</v>
      </c>
      <c r="G7005" t="s">
        <v>28793</v>
      </c>
      <c r="H7005">
        <v>5.4352205209819999</v>
      </c>
      <c r="I7005">
        <v>51.354719345493997</v>
      </c>
      <c r="J7005" t="s">
        <v>62690</v>
      </c>
    </row>
    <row r="7006" spans="1:10" x14ac:dyDescent="0.25">
      <c r="A7006" t="s">
        <v>28786</v>
      </c>
      <c r="B7006" t="s">
        <v>28787</v>
      </c>
      <c r="C7006" t="s">
        <v>28788</v>
      </c>
      <c r="D7006" t="s">
        <v>28752</v>
      </c>
      <c r="E7006" t="s">
        <v>13</v>
      </c>
      <c r="F7006">
        <v>7076</v>
      </c>
      <c r="G7006" t="s">
        <v>28789</v>
      </c>
      <c r="H7006">
        <v>5.431487640007</v>
      </c>
      <c r="I7006">
        <v>51.356414750208003</v>
      </c>
      <c r="J7006" t="s">
        <v>62691</v>
      </c>
    </row>
    <row r="7007" spans="1:10" x14ac:dyDescent="0.25">
      <c r="A7007" t="s">
        <v>28782</v>
      </c>
      <c r="B7007" t="s">
        <v>28783</v>
      </c>
      <c r="C7007" t="s">
        <v>28784</v>
      </c>
      <c r="D7007" t="s">
        <v>28752</v>
      </c>
      <c r="E7007" t="s">
        <v>13</v>
      </c>
      <c r="F7007">
        <v>7075</v>
      </c>
      <c r="G7007" t="s">
        <v>28785</v>
      </c>
      <c r="H7007">
        <v>5.472425870206</v>
      </c>
      <c r="I7007">
        <v>51.344337059913002</v>
      </c>
      <c r="J7007" t="s">
        <v>62692</v>
      </c>
    </row>
    <row r="7008" spans="1:10" x14ac:dyDescent="0.25">
      <c r="A7008" t="s">
        <v>28778</v>
      </c>
      <c r="B7008" t="s">
        <v>28779</v>
      </c>
      <c r="C7008" t="s">
        <v>28780</v>
      </c>
      <c r="D7008" t="s">
        <v>28752</v>
      </c>
      <c r="E7008" t="s">
        <v>13</v>
      </c>
      <c r="F7008">
        <v>7074</v>
      </c>
      <c r="G7008" t="s">
        <v>28781</v>
      </c>
      <c r="H7008">
        <v>5.4809870385870001</v>
      </c>
      <c r="I7008">
        <v>51.347341889829003</v>
      </c>
      <c r="J7008" t="s">
        <v>62693</v>
      </c>
    </row>
    <row r="7009" spans="1:10" x14ac:dyDescent="0.25">
      <c r="A7009" t="s">
        <v>28774</v>
      </c>
      <c r="B7009" t="s">
        <v>28775</v>
      </c>
      <c r="C7009" t="s">
        <v>28776</v>
      </c>
      <c r="D7009" t="s">
        <v>28752</v>
      </c>
      <c r="E7009" t="s">
        <v>13</v>
      </c>
      <c r="F7009">
        <v>7073</v>
      </c>
      <c r="G7009" t="s">
        <v>28777</v>
      </c>
      <c r="H7009">
        <v>5.4483852144849996</v>
      </c>
      <c r="I7009">
        <v>51.363384809903998</v>
      </c>
      <c r="J7009" t="s">
        <v>62694</v>
      </c>
    </row>
    <row r="7010" spans="1:10" x14ac:dyDescent="0.25">
      <c r="A7010" t="s">
        <v>28770</v>
      </c>
      <c r="B7010" t="s">
        <v>28771</v>
      </c>
      <c r="C7010" t="s">
        <v>28772</v>
      </c>
      <c r="D7010" t="s">
        <v>28752</v>
      </c>
      <c r="E7010" t="s">
        <v>13</v>
      </c>
      <c r="F7010">
        <v>7072</v>
      </c>
      <c r="G7010" t="s">
        <v>28773</v>
      </c>
      <c r="H7010">
        <v>5.4452062200269999</v>
      </c>
      <c r="I7010">
        <v>51.352296606130999</v>
      </c>
      <c r="J7010" t="s">
        <v>62695</v>
      </c>
    </row>
    <row r="7011" spans="1:10" x14ac:dyDescent="0.25">
      <c r="A7011" t="s">
        <v>28766</v>
      </c>
      <c r="B7011" t="s">
        <v>28767</v>
      </c>
      <c r="C7011" t="s">
        <v>28768</v>
      </c>
      <c r="D7011" t="s">
        <v>28752</v>
      </c>
      <c r="E7011" t="s">
        <v>13</v>
      </c>
      <c r="F7011">
        <v>7071</v>
      </c>
      <c r="G7011" t="s">
        <v>28769</v>
      </c>
      <c r="H7011">
        <v>5.4542200005580002</v>
      </c>
      <c r="I7011">
        <v>51.344814042341</v>
      </c>
      <c r="J7011" t="s">
        <v>62696</v>
      </c>
    </row>
    <row r="7012" spans="1:10" x14ac:dyDescent="0.25">
      <c r="A7012" t="s">
        <v>28762</v>
      </c>
      <c r="B7012" t="s">
        <v>28763</v>
      </c>
      <c r="C7012" t="s">
        <v>28764</v>
      </c>
      <c r="D7012" t="s">
        <v>28752</v>
      </c>
      <c r="E7012" t="s">
        <v>13</v>
      </c>
      <c r="F7012">
        <v>7070</v>
      </c>
      <c r="G7012" t="s">
        <v>28765</v>
      </c>
      <c r="H7012">
        <v>5.4726761431620004</v>
      </c>
      <c r="I7012">
        <v>51.351044912063998</v>
      </c>
      <c r="J7012" t="s">
        <v>62697</v>
      </c>
    </row>
    <row r="7013" spans="1:10" x14ac:dyDescent="0.25">
      <c r="A7013" t="s">
        <v>28758</v>
      </c>
      <c r="B7013" t="s">
        <v>28759</v>
      </c>
      <c r="C7013" t="s">
        <v>28760</v>
      </c>
      <c r="D7013" t="s">
        <v>28752</v>
      </c>
      <c r="E7013" t="s">
        <v>13</v>
      </c>
      <c r="F7013">
        <v>7069</v>
      </c>
      <c r="G7013" t="s">
        <v>28761</v>
      </c>
      <c r="H7013">
        <v>5.4704664499150004</v>
      </c>
      <c r="I7013">
        <v>51.360752109773998</v>
      </c>
      <c r="J7013" t="s">
        <v>62698</v>
      </c>
    </row>
    <row r="7014" spans="1:10" x14ac:dyDescent="0.25">
      <c r="A7014" t="s">
        <v>28754</v>
      </c>
      <c r="B7014" t="s">
        <v>28755</v>
      </c>
      <c r="C7014" t="s">
        <v>28756</v>
      </c>
      <c r="D7014" t="s">
        <v>28752</v>
      </c>
      <c r="E7014" t="s">
        <v>13</v>
      </c>
      <c r="F7014">
        <v>7068</v>
      </c>
      <c r="G7014" t="s">
        <v>28757</v>
      </c>
      <c r="H7014">
        <v>5.457645385368</v>
      </c>
      <c r="I7014">
        <v>51.358779867438997</v>
      </c>
      <c r="J7014" t="s">
        <v>62699</v>
      </c>
    </row>
    <row r="7015" spans="1:10" x14ac:dyDescent="0.25">
      <c r="A7015" t="s">
        <v>28750</v>
      </c>
      <c r="B7015" t="s">
        <v>28751</v>
      </c>
      <c r="C7015" t="s">
        <v>129</v>
      </c>
      <c r="D7015" t="s">
        <v>28752</v>
      </c>
      <c r="E7015" t="s">
        <v>13</v>
      </c>
      <c r="F7015">
        <v>7067</v>
      </c>
      <c r="G7015" t="s">
        <v>28753</v>
      </c>
      <c r="H7015">
        <v>5.4582961449129996</v>
      </c>
      <c r="I7015">
        <v>51.351599682870997</v>
      </c>
      <c r="J7015" t="s">
        <v>62700</v>
      </c>
    </row>
    <row r="7016" spans="1:10" x14ac:dyDescent="0.25">
      <c r="A7016" t="s">
        <v>28746</v>
      </c>
      <c r="B7016" t="s">
        <v>28747</v>
      </c>
      <c r="C7016" t="s">
        <v>28748</v>
      </c>
      <c r="D7016" t="s">
        <v>28648</v>
      </c>
      <c r="E7016" t="s">
        <v>13</v>
      </c>
      <c r="F7016">
        <v>7066</v>
      </c>
      <c r="G7016" t="s">
        <v>28749</v>
      </c>
      <c r="H7016">
        <v>5.7190095333500004</v>
      </c>
      <c r="I7016">
        <v>51.640902885975997</v>
      </c>
      <c r="J7016" t="s">
        <v>62701</v>
      </c>
    </row>
    <row r="7017" spans="1:10" x14ac:dyDescent="0.25">
      <c r="A7017" t="s">
        <v>28742</v>
      </c>
      <c r="B7017" t="s">
        <v>28743</v>
      </c>
      <c r="C7017" t="s">
        <v>28744</v>
      </c>
      <c r="D7017" t="s">
        <v>28648</v>
      </c>
      <c r="E7017" t="s">
        <v>13</v>
      </c>
      <c r="F7017">
        <v>7065</v>
      </c>
      <c r="G7017" t="s">
        <v>28745</v>
      </c>
      <c r="H7017">
        <v>5.705449388051</v>
      </c>
      <c r="I7017">
        <v>51.643670414596997</v>
      </c>
      <c r="J7017" t="s">
        <v>62702</v>
      </c>
    </row>
    <row r="7018" spans="1:10" x14ac:dyDescent="0.25">
      <c r="A7018" t="s">
        <v>28738</v>
      </c>
      <c r="B7018" t="s">
        <v>28739</v>
      </c>
      <c r="C7018" t="s">
        <v>28740</v>
      </c>
      <c r="D7018" t="s">
        <v>28648</v>
      </c>
      <c r="E7018" t="s">
        <v>13</v>
      </c>
      <c r="F7018">
        <v>7064</v>
      </c>
      <c r="G7018" t="s">
        <v>28741</v>
      </c>
      <c r="H7018">
        <v>5.6656236213410001</v>
      </c>
      <c r="I7018">
        <v>51.644053053809998</v>
      </c>
      <c r="J7018" t="s">
        <v>62703</v>
      </c>
    </row>
    <row r="7019" spans="1:10" x14ac:dyDescent="0.25">
      <c r="A7019" t="s">
        <v>28734</v>
      </c>
      <c r="B7019" t="s">
        <v>28735</v>
      </c>
      <c r="C7019" t="s">
        <v>28736</v>
      </c>
      <c r="D7019" t="s">
        <v>28648</v>
      </c>
      <c r="E7019" t="s">
        <v>13</v>
      </c>
      <c r="F7019">
        <v>7063</v>
      </c>
      <c r="G7019" t="s">
        <v>28737</v>
      </c>
      <c r="H7019">
        <v>5.7017445819989998</v>
      </c>
      <c r="I7019">
        <v>51.657880803045998</v>
      </c>
      <c r="J7019" t="s">
        <v>62704</v>
      </c>
    </row>
    <row r="7020" spans="1:10" x14ac:dyDescent="0.25">
      <c r="A7020" t="s">
        <v>28730</v>
      </c>
      <c r="B7020" t="s">
        <v>28731</v>
      </c>
      <c r="C7020" t="s">
        <v>28732</v>
      </c>
      <c r="D7020" t="s">
        <v>28648</v>
      </c>
      <c r="E7020" t="s">
        <v>13</v>
      </c>
      <c r="F7020">
        <v>7062</v>
      </c>
      <c r="G7020" t="s">
        <v>28733</v>
      </c>
      <c r="H7020">
        <v>5.6558554106559997</v>
      </c>
      <c r="I7020">
        <v>51.643586843691999</v>
      </c>
      <c r="J7020" t="s">
        <v>62705</v>
      </c>
    </row>
    <row r="7021" spans="1:10" x14ac:dyDescent="0.25">
      <c r="A7021" t="s">
        <v>28726</v>
      </c>
      <c r="B7021" t="s">
        <v>28727</v>
      </c>
      <c r="C7021" t="s">
        <v>28728</v>
      </c>
      <c r="D7021" t="s">
        <v>28648</v>
      </c>
      <c r="E7021" t="s">
        <v>13</v>
      </c>
      <c r="F7021">
        <v>7061</v>
      </c>
      <c r="G7021" t="s">
        <v>28729</v>
      </c>
      <c r="H7021">
        <v>5.6161955205040002</v>
      </c>
      <c r="I7021">
        <v>51.686067452963997</v>
      </c>
      <c r="J7021" t="s">
        <v>62706</v>
      </c>
    </row>
    <row r="7022" spans="1:10" x14ac:dyDescent="0.25">
      <c r="A7022" t="s">
        <v>28722</v>
      </c>
      <c r="B7022" t="s">
        <v>28723</v>
      </c>
      <c r="C7022" t="s">
        <v>28724</v>
      </c>
      <c r="D7022" t="s">
        <v>28648</v>
      </c>
      <c r="E7022" t="s">
        <v>13</v>
      </c>
      <c r="F7022">
        <v>7060</v>
      </c>
      <c r="G7022" t="s">
        <v>28725</v>
      </c>
      <c r="H7022">
        <v>5.5841765109440002</v>
      </c>
      <c r="I7022">
        <v>51.663788667921999</v>
      </c>
      <c r="J7022" t="s">
        <v>62707</v>
      </c>
    </row>
    <row r="7023" spans="1:10" x14ac:dyDescent="0.25">
      <c r="A7023" t="s">
        <v>28718</v>
      </c>
      <c r="B7023" t="s">
        <v>28719</v>
      </c>
      <c r="C7023" t="s">
        <v>28720</v>
      </c>
      <c r="D7023" t="s">
        <v>28648</v>
      </c>
      <c r="E7023" t="s">
        <v>13</v>
      </c>
      <c r="F7023">
        <v>7059</v>
      </c>
      <c r="G7023" t="s">
        <v>28721</v>
      </c>
      <c r="H7023">
        <v>5.6092306445790001</v>
      </c>
      <c r="I7023">
        <v>51.636606427745001</v>
      </c>
      <c r="J7023" t="s">
        <v>62708</v>
      </c>
    </row>
    <row r="7024" spans="1:10" x14ac:dyDescent="0.25">
      <c r="A7024" t="s">
        <v>28714</v>
      </c>
      <c r="B7024" t="s">
        <v>28715</v>
      </c>
      <c r="C7024" t="s">
        <v>28716</v>
      </c>
      <c r="D7024" t="s">
        <v>28648</v>
      </c>
      <c r="E7024" t="s">
        <v>13</v>
      </c>
      <c r="F7024">
        <v>7058</v>
      </c>
      <c r="G7024" t="s">
        <v>28717</v>
      </c>
      <c r="H7024">
        <v>5.6543473747129998</v>
      </c>
      <c r="I7024">
        <v>51.668201596065998</v>
      </c>
      <c r="J7024" t="s">
        <v>62709</v>
      </c>
    </row>
    <row r="7025" spans="1:10" x14ac:dyDescent="0.25">
      <c r="A7025" t="s">
        <v>28710</v>
      </c>
      <c r="B7025" t="s">
        <v>28711</v>
      </c>
      <c r="C7025" t="s">
        <v>28712</v>
      </c>
      <c r="D7025" t="s">
        <v>28648</v>
      </c>
      <c r="E7025" t="s">
        <v>13</v>
      </c>
      <c r="F7025">
        <v>7057</v>
      </c>
      <c r="G7025" t="s">
        <v>28713</v>
      </c>
      <c r="H7025">
        <v>5.606915975693</v>
      </c>
      <c r="I7025">
        <v>51.645243028907998</v>
      </c>
      <c r="J7025" t="s">
        <v>62710</v>
      </c>
    </row>
    <row r="7026" spans="1:10" x14ac:dyDescent="0.25">
      <c r="A7026" t="s">
        <v>28706</v>
      </c>
      <c r="B7026" t="s">
        <v>28707</v>
      </c>
      <c r="C7026" t="s">
        <v>28708</v>
      </c>
      <c r="D7026" t="s">
        <v>28648</v>
      </c>
      <c r="E7026" t="s">
        <v>13</v>
      </c>
      <c r="F7026">
        <v>7056</v>
      </c>
      <c r="G7026" t="s">
        <v>28709</v>
      </c>
      <c r="H7026">
        <v>5.6250798809899996</v>
      </c>
      <c r="I7026">
        <v>51.644408422913003</v>
      </c>
      <c r="J7026" t="s">
        <v>62711</v>
      </c>
    </row>
    <row r="7027" spans="1:10" x14ac:dyDescent="0.25">
      <c r="A7027" t="s">
        <v>28702</v>
      </c>
      <c r="B7027" t="s">
        <v>28703</v>
      </c>
      <c r="C7027" t="s">
        <v>28704</v>
      </c>
      <c r="D7027" t="s">
        <v>28648</v>
      </c>
      <c r="E7027" t="s">
        <v>13</v>
      </c>
      <c r="F7027">
        <v>7055</v>
      </c>
      <c r="G7027" t="s">
        <v>28705</v>
      </c>
      <c r="H7027">
        <v>5.6483743800959996</v>
      </c>
      <c r="I7027">
        <v>51.654439009862998</v>
      </c>
      <c r="J7027" t="s">
        <v>62712</v>
      </c>
    </row>
    <row r="7028" spans="1:10" x14ac:dyDescent="0.25">
      <c r="A7028" t="s">
        <v>28698</v>
      </c>
      <c r="B7028" t="s">
        <v>28699</v>
      </c>
      <c r="C7028" t="s">
        <v>28700</v>
      </c>
      <c r="D7028" t="s">
        <v>28648</v>
      </c>
      <c r="E7028" t="s">
        <v>13</v>
      </c>
      <c r="F7028">
        <v>7054</v>
      </c>
      <c r="G7028" t="s">
        <v>28701</v>
      </c>
      <c r="H7028">
        <v>5.6459168031819997</v>
      </c>
      <c r="I7028">
        <v>51.674682160016999</v>
      </c>
      <c r="J7028" t="s">
        <v>62713</v>
      </c>
    </row>
    <row r="7029" spans="1:10" x14ac:dyDescent="0.25">
      <c r="A7029" t="s">
        <v>28694</v>
      </c>
      <c r="B7029" t="s">
        <v>28695</v>
      </c>
      <c r="C7029" t="s">
        <v>28696</v>
      </c>
      <c r="D7029" t="s">
        <v>28648</v>
      </c>
      <c r="E7029" t="s">
        <v>13</v>
      </c>
      <c r="F7029">
        <v>7053</v>
      </c>
      <c r="G7029" t="s">
        <v>28697</v>
      </c>
      <c r="H7029">
        <v>5.6159634598329999</v>
      </c>
      <c r="I7029">
        <v>51.650934113622</v>
      </c>
      <c r="J7029" t="s">
        <v>62714</v>
      </c>
    </row>
    <row r="7030" spans="1:10" x14ac:dyDescent="0.25">
      <c r="A7030" t="s">
        <v>28690</v>
      </c>
      <c r="B7030" t="s">
        <v>28691</v>
      </c>
      <c r="C7030" t="s">
        <v>28692</v>
      </c>
      <c r="D7030" t="s">
        <v>28648</v>
      </c>
      <c r="E7030" t="s">
        <v>13</v>
      </c>
      <c r="F7030">
        <v>7052</v>
      </c>
      <c r="G7030" t="s">
        <v>28693</v>
      </c>
      <c r="H7030">
        <v>5.6322369427550001</v>
      </c>
      <c r="I7030">
        <v>51.652111791880003</v>
      </c>
      <c r="J7030" t="s">
        <v>62715</v>
      </c>
    </row>
    <row r="7031" spans="1:10" x14ac:dyDescent="0.25">
      <c r="A7031" t="s">
        <v>28686</v>
      </c>
      <c r="B7031" t="s">
        <v>28687</v>
      </c>
      <c r="C7031" t="s">
        <v>28688</v>
      </c>
      <c r="D7031" t="s">
        <v>28648</v>
      </c>
      <c r="E7031" t="s">
        <v>13</v>
      </c>
      <c r="F7031">
        <v>7051</v>
      </c>
      <c r="G7031" t="s">
        <v>28689</v>
      </c>
      <c r="H7031">
        <v>5.6352284905559999</v>
      </c>
      <c r="I7031">
        <v>51.660132326263003</v>
      </c>
      <c r="J7031" t="s">
        <v>62716</v>
      </c>
    </row>
    <row r="7032" spans="1:10" x14ac:dyDescent="0.25">
      <c r="A7032" t="s">
        <v>28682</v>
      </c>
      <c r="B7032" t="s">
        <v>28683</v>
      </c>
      <c r="C7032" t="s">
        <v>28684</v>
      </c>
      <c r="D7032" t="s">
        <v>28648</v>
      </c>
      <c r="E7032" t="s">
        <v>13</v>
      </c>
      <c r="F7032">
        <v>7050</v>
      </c>
      <c r="G7032" t="s">
        <v>28685</v>
      </c>
      <c r="H7032">
        <v>5.6339840093709999</v>
      </c>
      <c r="I7032">
        <v>51.665618211141002</v>
      </c>
      <c r="J7032" t="s">
        <v>62717</v>
      </c>
    </row>
    <row r="7033" spans="1:10" x14ac:dyDescent="0.25">
      <c r="A7033" t="s">
        <v>28678</v>
      </c>
      <c r="B7033" t="s">
        <v>28679</v>
      </c>
      <c r="C7033" t="s">
        <v>28680</v>
      </c>
      <c r="D7033" t="s">
        <v>28648</v>
      </c>
      <c r="E7033" t="s">
        <v>13</v>
      </c>
      <c r="F7033">
        <v>7049</v>
      </c>
      <c r="G7033" t="s">
        <v>28681</v>
      </c>
      <c r="H7033">
        <v>5.6357117100409999</v>
      </c>
      <c r="I7033">
        <v>51.67267588168</v>
      </c>
      <c r="J7033" t="s">
        <v>62718</v>
      </c>
    </row>
    <row r="7034" spans="1:10" x14ac:dyDescent="0.25">
      <c r="A7034" t="s">
        <v>28674</v>
      </c>
      <c r="B7034" t="s">
        <v>28675</v>
      </c>
      <c r="C7034" t="s">
        <v>28676</v>
      </c>
      <c r="D7034" t="s">
        <v>28648</v>
      </c>
      <c r="E7034" t="s">
        <v>13</v>
      </c>
      <c r="F7034">
        <v>7048</v>
      </c>
      <c r="G7034" t="s">
        <v>28677</v>
      </c>
      <c r="H7034">
        <v>5.6264609205009997</v>
      </c>
      <c r="I7034">
        <v>51.670463392096003</v>
      </c>
      <c r="J7034" t="s">
        <v>62719</v>
      </c>
    </row>
    <row r="7035" spans="1:10" x14ac:dyDescent="0.25">
      <c r="A7035" t="s">
        <v>28670</v>
      </c>
      <c r="B7035" t="s">
        <v>28671</v>
      </c>
      <c r="C7035" t="s">
        <v>28672</v>
      </c>
      <c r="D7035" t="s">
        <v>28648</v>
      </c>
      <c r="E7035" t="s">
        <v>13</v>
      </c>
      <c r="F7035">
        <v>7047</v>
      </c>
      <c r="G7035" t="s">
        <v>28673</v>
      </c>
      <c r="H7035">
        <v>5.6243311813160002</v>
      </c>
      <c r="I7035">
        <v>51.658207161095</v>
      </c>
      <c r="J7035" t="s">
        <v>62720</v>
      </c>
    </row>
    <row r="7036" spans="1:10" x14ac:dyDescent="0.25">
      <c r="A7036" t="s">
        <v>28666</v>
      </c>
      <c r="B7036" t="s">
        <v>28667</v>
      </c>
      <c r="C7036" t="s">
        <v>28668</v>
      </c>
      <c r="D7036" t="s">
        <v>28648</v>
      </c>
      <c r="E7036" t="s">
        <v>13</v>
      </c>
      <c r="F7036">
        <v>7046</v>
      </c>
      <c r="G7036" t="s">
        <v>28669</v>
      </c>
      <c r="H7036">
        <v>5.6202066923269998</v>
      </c>
      <c r="I7036">
        <v>51.664029955080998</v>
      </c>
      <c r="J7036" t="s">
        <v>62721</v>
      </c>
    </row>
    <row r="7037" spans="1:10" x14ac:dyDescent="0.25">
      <c r="A7037" t="s">
        <v>28662</v>
      </c>
      <c r="B7037" t="s">
        <v>28663</v>
      </c>
      <c r="C7037" t="s">
        <v>28664</v>
      </c>
      <c r="D7037" t="s">
        <v>28648</v>
      </c>
      <c r="E7037" t="s">
        <v>13</v>
      </c>
      <c r="F7037">
        <v>7045</v>
      </c>
      <c r="G7037" t="s">
        <v>28665</v>
      </c>
      <c r="H7037">
        <v>5.6153731772290003</v>
      </c>
      <c r="I7037">
        <v>51.669985282688998</v>
      </c>
      <c r="J7037" t="s">
        <v>62722</v>
      </c>
    </row>
    <row r="7038" spans="1:10" x14ac:dyDescent="0.25">
      <c r="A7038" t="s">
        <v>28658</v>
      </c>
      <c r="B7038" t="s">
        <v>28659</v>
      </c>
      <c r="C7038" t="s">
        <v>28660</v>
      </c>
      <c r="D7038" t="s">
        <v>28648</v>
      </c>
      <c r="E7038" t="s">
        <v>13</v>
      </c>
      <c r="F7038">
        <v>7044</v>
      </c>
      <c r="G7038" t="s">
        <v>28661</v>
      </c>
      <c r="H7038">
        <v>5.6123447744019996</v>
      </c>
      <c r="I7038">
        <v>51.654573894046003</v>
      </c>
      <c r="J7038" t="s">
        <v>62723</v>
      </c>
    </row>
    <row r="7039" spans="1:10" x14ac:dyDescent="0.25">
      <c r="A7039" t="s">
        <v>28654</v>
      </c>
      <c r="B7039" t="s">
        <v>28655</v>
      </c>
      <c r="C7039" t="s">
        <v>28656</v>
      </c>
      <c r="D7039" t="s">
        <v>28648</v>
      </c>
      <c r="E7039" t="s">
        <v>13</v>
      </c>
      <c r="F7039">
        <v>7043</v>
      </c>
      <c r="G7039" t="s">
        <v>28657</v>
      </c>
      <c r="H7039">
        <v>5.6038043786419998</v>
      </c>
      <c r="I7039">
        <v>51.658087942869003</v>
      </c>
      <c r="J7039" t="s">
        <v>62724</v>
      </c>
    </row>
    <row r="7040" spans="1:10" x14ac:dyDescent="0.25">
      <c r="A7040" t="s">
        <v>28650</v>
      </c>
      <c r="B7040" t="s">
        <v>28651</v>
      </c>
      <c r="C7040" t="s">
        <v>28652</v>
      </c>
      <c r="D7040" t="s">
        <v>28648</v>
      </c>
      <c r="E7040" t="s">
        <v>13</v>
      </c>
      <c r="F7040">
        <v>7042</v>
      </c>
      <c r="G7040" t="s">
        <v>28653</v>
      </c>
      <c r="H7040">
        <v>5.6060564117889999</v>
      </c>
      <c r="I7040">
        <v>51.666230260729002</v>
      </c>
      <c r="J7040" t="s">
        <v>62725</v>
      </c>
    </row>
    <row r="7041" spans="1:10" x14ac:dyDescent="0.25">
      <c r="A7041" t="s">
        <v>28646</v>
      </c>
      <c r="B7041" t="s">
        <v>28647</v>
      </c>
      <c r="C7041" t="s">
        <v>129</v>
      </c>
      <c r="D7041" t="s">
        <v>28648</v>
      </c>
      <c r="E7041" t="s">
        <v>13</v>
      </c>
      <c r="F7041">
        <v>7041</v>
      </c>
      <c r="G7041" t="s">
        <v>28649</v>
      </c>
      <c r="H7041">
        <v>5.613841926329</v>
      </c>
      <c r="I7041">
        <v>51.658606721011999</v>
      </c>
      <c r="J7041" t="s">
        <v>62726</v>
      </c>
    </row>
    <row r="7042" spans="1:10" x14ac:dyDescent="0.25">
      <c r="A7042" t="s">
        <v>28642</v>
      </c>
      <c r="B7042" t="s">
        <v>28643</v>
      </c>
      <c r="C7042" t="s">
        <v>28644</v>
      </c>
      <c r="D7042" t="s">
        <v>28575</v>
      </c>
      <c r="E7042" t="s">
        <v>13</v>
      </c>
      <c r="F7042">
        <v>7040</v>
      </c>
      <c r="G7042" t="s">
        <v>28645</v>
      </c>
      <c r="H7042">
        <v>4.9614435396229997</v>
      </c>
      <c r="I7042">
        <v>52.436075842324001</v>
      </c>
      <c r="J7042" t="s">
        <v>62727</v>
      </c>
    </row>
    <row r="7043" spans="1:10" x14ac:dyDescent="0.25">
      <c r="A7043" t="s">
        <v>28639</v>
      </c>
      <c r="B7043" t="s">
        <v>28640</v>
      </c>
      <c r="C7043" t="s">
        <v>28609</v>
      </c>
      <c r="D7043" t="s">
        <v>28575</v>
      </c>
      <c r="E7043" t="s">
        <v>13</v>
      </c>
      <c r="F7043">
        <v>7039</v>
      </c>
      <c r="G7043" t="s">
        <v>28641</v>
      </c>
      <c r="H7043">
        <v>4.9707438286189998</v>
      </c>
      <c r="I7043">
        <v>52.464972810253997</v>
      </c>
      <c r="J7043" t="s">
        <v>62728</v>
      </c>
    </row>
    <row r="7044" spans="1:10" x14ac:dyDescent="0.25">
      <c r="A7044" t="s">
        <v>28635</v>
      </c>
      <c r="B7044" t="s">
        <v>28636</v>
      </c>
      <c r="C7044" t="s">
        <v>28637</v>
      </c>
      <c r="D7044" t="s">
        <v>28575</v>
      </c>
      <c r="E7044" t="s">
        <v>13</v>
      </c>
      <c r="F7044">
        <v>7038</v>
      </c>
      <c r="G7044" t="s">
        <v>28638</v>
      </c>
      <c r="H7044">
        <v>4.9539276310879998</v>
      </c>
      <c r="I7044">
        <v>52.463579041717999</v>
      </c>
      <c r="J7044" t="s">
        <v>62729</v>
      </c>
    </row>
    <row r="7045" spans="1:10" x14ac:dyDescent="0.25">
      <c r="A7045" t="s">
        <v>28631</v>
      </c>
      <c r="B7045" t="s">
        <v>28632</v>
      </c>
      <c r="C7045" t="s">
        <v>28633</v>
      </c>
      <c r="D7045" t="s">
        <v>28575</v>
      </c>
      <c r="E7045" t="s">
        <v>13</v>
      </c>
      <c r="F7045">
        <v>7037</v>
      </c>
      <c r="G7045" t="s">
        <v>28634</v>
      </c>
      <c r="H7045">
        <v>5.065015501155</v>
      </c>
      <c r="I7045">
        <v>52.426030065206</v>
      </c>
      <c r="J7045" t="s">
        <v>62730</v>
      </c>
    </row>
    <row r="7046" spans="1:10" x14ac:dyDescent="0.25">
      <c r="A7046" t="s">
        <v>28627</v>
      </c>
      <c r="B7046" t="s">
        <v>28628</v>
      </c>
      <c r="C7046" t="s">
        <v>28629</v>
      </c>
      <c r="D7046" t="s">
        <v>28575</v>
      </c>
      <c r="E7046" t="s">
        <v>13</v>
      </c>
      <c r="F7046">
        <v>7036</v>
      </c>
      <c r="G7046" t="s">
        <v>28630</v>
      </c>
      <c r="H7046">
        <v>5.0387139372640002</v>
      </c>
      <c r="I7046">
        <v>52.431137198838996</v>
      </c>
      <c r="J7046" t="s">
        <v>62731</v>
      </c>
    </row>
    <row r="7047" spans="1:10" x14ac:dyDescent="0.25">
      <c r="A7047" t="s">
        <v>28623</v>
      </c>
      <c r="B7047" t="s">
        <v>28624</v>
      </c>
      <c r="C7047" t="s">
        <v>28625</v>
      </c>
      <c r="D7047" t="s">
        <v>28575</v>
      </c>
      <c r="E7047" t="s">
        <v>13</v>
      </c>
      <c r="F7047">
        <v>7035</v>
      </c>
      <c r="G7047" t="s">
        <v>28626</v>
      </c>
      <c r="H7047">
        <v>4.9996714452540001</v>
      </c>
      <c r="I7047">
        <v>52.438451207108002</v>
      </c>
      <c r="J7047" t="s">
        <v>62732</v>
      </c>
    </row>
    <row r="7048" spans="1:10" x14ac:dyDescent="0.25">
      <c r="A7048" t="s">
        <v>28619</v>
      </c>
      <c r="B7048" t="s">
        <v>28620</v>
      </c>
      <c r="C7048" t="s">
        <v>28621</v>
      </c>
      <c r="D7048" t="s">
        <v>28575</v>
      </c>
      <c r="E7048" t="s">
        <v>13</v>
      </c>
      <c r="F7048">
        <v>7034</v>
      </c>
      <c r="G7048" t="s">
        <v>28622</v>
      </c>
      <c r="H7048">
        <v>5.1114661782119999</v>
      </c>
      <c r="I7048">
        <v>52.455271010315997</v>
      </c>
      <c r="J7048" t="s">
        <v>62733</v>
      </c>
    </row>
    <row r="7049" spans="1:10" x14ac:dyDescent="0.25">
      <c r="A7049" t="s">
        <v>28615</v>
      </c>
      <c r="B7049" t="s">
        <v>28616</v>
      </c>
      <c r="C7049" t="s">
        <v>28617</v>
      </c>
      <c r="D7049" t="s">
        <v>28575</v>
      </c>
      <c r="E7049" t="s">
        <v>13</v>
      </c>
      <c r="F7049">
        <v>7033</v>
      </c>
      <c r="G7049" t="s">
        <v>28618</v>
      </c>
      <c r="H7049">
        <v>5.1106028460289998</v>
      </c>
      <c r="I7049">
        <v>52.460395122881998</v>
      </c>
      <c r="J7049" t="s">
        <v>62734</v>
      </c>
    </row>
    <row r="7050" spans="1:10" x14ac:dyDescent="0.25">
      <c r="A7050" t="s">
        <v>28611</v>
      </c>
      <c r="B7050" t="s">
        <v>28612</v>
      </c>
      <c r="C7050" t="s">
        <v>28613</v>
      </c>
      <c r="D7050" t="s">
        <v>28575</v>
      </c>
      <c r="E7050" t="s">
        <v>13</v>
      </c>
      <c r="F7050">
        <v>7032</v>
      </c>
      <c r="G7050" t="s">
        <v>28614</v>
      </c>
      <c r="H7050">
        <v>5.0405553783109998</v>
      </c>
      <c r="I7050">
        <v>52.477230008158003</v>
      </c>
      <c r="J7050" t="s">
        <v>62735</v>
      </c>
    </row>
    <row r="7051" spans="1:10" x14ac:dyDescent="0.25">
      <c r="A7051" t="s">
        <v>28607</v>
      </c>
      <c r="B7051" t="s">
        <v>28608</v>
      </c>
      <c r="C7051" t="s">
        <v>28609</v>
      </c>
      <c r="D7051" t="s">
        <v>28575</v>
      </c>
      <c r="E7051" t="s">
        <v>13</v>
      </c>
      <c r="F7051">
        <v>7031</v>
      </c>
      <c r="G7051" t="s">
        <v>28610</v>
      </c>
      <c r="H7051">
        <v>4.9998086230940002</v>
      </c>
      <c r="I7051">
        <v>52.479253599567997</v>
      </c>
      <c r="J7051" t="s">
        <v>62736</v>
      </c>
    </row>
    <row r="7052" spans="1:10" x14ac:dyDescent="0.25">
      <c r="A7052" t="s">
        <v>28604</v>
      </c>
      <c r="B7052" t="s">
        <v>28605</v>
      </c>
      <c r="C7052" t="s">
        <v>5274</v>
      </c>
      <c r="D7052" t="s">
        <v>28575</v>
      </c>
      <c r="E7052" t="s">
        <v>13</v>
      </c>
      <c r="F7052">
        <v>7030</v>
      </c>
      <c r="G7052" t="s">
        <v>28606</v>
      </c>
      <c r="H7052">
        <v>5.0036927069569996</v>
      </c>
      <c r="I7052">
        <v>52.458579840531002</v>
      </c>
      <c r="J7052" t="s">
        <v>62737</v>
      </c>
    </row>
    <row r="7053" spans="1:10" x14ac:dyDescent="0.25">
      <c r="A7053" t="s">
        <v>28600</v>
      </c>
      <c r="B7053" t="s">
        <v>28601</v>
      </c>
      <c r="C7053" t="s">
        <v>28602</v>
      </c>
      <c r="D7053" t="s">
        <v>28575</v>
      </c>
      <c r="E7053" t="s">
        <v>13</v>
      </c>
      <c r="F7053">
        <v>7029</v>
      </c>
      <c r="G7053" t="s">
        <v>28603</v>
      </c>
      <c r="H7053">
        <v>5.0433151129349998</v>
      </c>
      <c r="I7053">
        <v>52.446676809141998</v>
      </c>
      <c r="J7053" t="s">
        <v>62738</v>
      </c>
    </row>
    <row r="7054" spans="1:10" x14ac:dyDescent="0.25">
      <c r="A7054" t="s">
        <v>28596</v>
      </c>
      <c r="B7054" t="s">
        <v>28597</v>
      </c>
      <c r="C7054" t="s">
        <v>28598</v>
      </c>
      <c r="D7054" t="s">
        <v>28575</v>
      </c>
      <c r="E7054" t="s">
        <v>13</v>
      </c>
      <c r="F7054">
        <v>7028</v>
      </c>
      <c r="G7054" t="s">
        <v>28599</v>
      </c>
      <c r="H7054">
        <v>5.0436006761019998</v>
      </c>
      <c r="I7054">
        <v>52.449409590527999</v>
      </c>
      <c r="J7054" t="s">
        <v>62739</v>
      </c>
    </row>
    <row r="7055" spans="1:10" x14ac:dyDescent="0.25">
      <c r="A7055" t="s">
        <v>28592</v>
      </c>
      <c r="B7055" t="s">
        <v>28593</v>
      </c>
      <c r="C7055" t="s">
        <v>28594</v>
      </c>
      <c r="D7055" t="s">
        <v>28575</v>
      </c>
      <c r="E7055" t="s">
        <v>13</v>
      </c>
      <c r="F7055">
        <v>7027</v>
      </c>
      <c r="G7055" t="s">
        <v>28595</v>
      </c>
      <c r="H7055">
        <v>5.0373958106199996</v>
      </c>
      <c r="I7055">
        <v>52.450906629111998</v>
      </c>
      <c r="J7055" t="s">
        <v>62740</v>
      </c>
    </row>
    <row r="7056" spans="1:10" x14ac:dyDescent="0.25">
      <c r="A7056" t="s">
        <v>28588</v>
      </c>
      <c r="B7056" t="s">
        <v>28589</v>
      </c>
      <c r="C7056" t="s">
        <v>28590</v>
      </c>
      <c r="D7056" t="s">
        <v>28575</v>
      </c>
      <c r="E7056" t="s">
        <v>13</v>
      </c>
      <c r="F7056">
        <v>7026</v>
      </c>
      <c r="G7056" t="s">
        <v>28591</v>
      </c>
      <c r="H7056">
        <v>5.0378610291479999</v>
      </c>
      <c r="I7056">
        <v>52.448386498479003</v>
      </c>
      <c r="J7056" t="s">
        <v>62741</v>
      </c>
    </row>
    <row r="7057" spans="1:10" x14ac:dyDescent="0.25">
      <c r="A7057" t="s">
        <v>28584</v>
      </c>
      <c r="B7057" t="s">
        <v>28585</v>
      </c>
      <c r="C7057" t="s">
        <v>28586</v>
      </c>
      <c r="D7057" t="s">
        <v>28575</v>
      </c>
      <c r="E7057" t="s">
        <v>13</v>
      </c>
      <c r="F7057">
        <v>7025</v>
      </c>
      <c r="G7057" t="s">
        <v>28587</v>
      </c>
      <c r="H7057">
        <v>5.0315848572029997</v>
      </c>
      <c r="I7057">
        <v>52.451144403359002</v>
      </c>
      <c r="J7057" t="s">
        <v>62742</v>
      </c>
    </row>
    <row r="7058" spans="1:10" x14ac:dyDescent="0.25">
      <c r="A7058" t="s">
        <v>28580</v>
      </c>
      <c r="B7058" t="s">
        <v>28581</v>
      </c>
      <c r="C7058" t="s">
        <v>28582</v>
      </c>
      <c r="D7058" t="s">
        <v>28575</v>
      </c>
      <c r="E7058" t="s">
        <v>13</v>
      </c>
      <c r="F7058">
        <v>7024</v>
      </c>
      <c r="G7058" t="s">
        <v>28583</v>
      </c>
      <c r="H7058">
        <v>5.0423596808379996</v>
      </c>
      <c r="I7058">
        <v>52.453779866890002</v>
      </c>
      <c r="J7058" t="s">
        <v>62743</v>
      </c>
    </row>
    <row r="7059" spans="1:10" x14ac:dyDescent="0.25">
      <c r="A7059" t="s">
        <v>28577</v>
      </c>
      <c r="B7059" t="s">
        <v>28578</v>
      </c>
      <c r="C7059" t="s">
        <v>23209</v>
      </c>
      <c r="D7059" t="s">
        <v>28575</v>
      </c>
      <c r="E7059" t="s">
        <v>13</v>
      </c>
      <c r="F7059">
        <v>7023</v>
      </c>
      <c r="G7059" t="s">
        <v>28579</v>
      </c>
      <c r="H7059">
        <v>5.0335996433899997</v>
      </c>
      <c r="I7059">
        <v>52.455049747905001</v>
      </c>
      <c r="J7059" t="s">
        <v>62744</v>
      </c>
    </row>
    <row r="7060" spans="1:10" x14ac:dyDescent="0.25">
      <c r="A7060" t="s">
        <v>28572</v>
      </c>
      <c r="B7060" t="s">
        <v>28573</v>
      </c>
      <c r="C7060" t="s">
        <v>28574</v>
      </c>
      <c r="D7060" t="s">
        <v>28575</v>
      </c>
      <c r="E7060" t="s">
        <v>13</v>
      </c>
      <c r="F7060">
        <v>7022</v>
      </c>
      <c r="G7060" t="s">
        <v>28576</v>
      </c>
      <c r="H7060">
        <v>5.0414206828430004</v>
      </c>
      <c r="I7060">
        <v>52.459578885086998</v>
      </c>
      <c r="J7060" t="s">
        <v>62745</v>
      </c>
    </row>
    <row r="7061" spans="1:10" x14ac:dyDescent="0.25">
      <c r="A7061" t="s">
        <v>28568</v>
      </c>
      <c r="B7061" t="s">
        <v>28569</v>
      </c>
      <c r="C7061" t="s">
        <v>28570</v>
      </c>
      <c r="D7061" t="s">
        <v>28504</v>
      </c>
      <c r="E7061" t="s">
        <v>13</v>
      </c>
      <c r="F7061">
        <v>7021</v>
      </c>
      <c r="G7061" t="s">
        <v>28571</v>
      </c>
      <c r="H7061">
        <v>4.2268664712969999</v>
      </c>
      <c r="I7061">
        <v>51.586491386435</v>
      </c>
      <c r="J7061" t="s">
        <v>62746</v>
      </c>
    </row>
    <row r="7062" spans="1:10" x14ac:dyDescent="0.25">
      <c r="A7062" t="s">
        <v>28564</v>
      </c>
      <c r="B7062" t="s">
        <v>28565</v>
      </c>
      <c r="C7062" t="s">
        <v>28566</v>
      </c>
      <c r="D7062" t="s">
        <v>28504</v>
      </c>
      <c r="E7062" t="s">
        <v>13</v>
      </c>
      <c r="F7062">
        <v>7020</v>
      </c>
      <c r="G7062" t="s">
        <v>28567</v>
      </c>
      <c r="H7062">
        <v>4.2182267122740003</v>
      </c>
      <c r="I7062">
        <v>51.590332423753999</v>
      </c>
      <c r="J7062" t="s">
        <v>62747</v>
      </c>
    </row>
    <row r="7063" spans="1:10" x14ac:dyDescent="0.25">
      <c r="A7063" t="s">
        <v>28561</v>
      </c>
      <c r="B7063" t="s">
        <v>28562</v>
      </c>
      <c r="C7063" t="s">
        <v>23456</v>
      </c>
      <c r="D7063" t="s">
        <v>28504</v>
      </c>
      <c r="E7063" t="s">
        <v>13</v>
      </c>
      <c r="F7063">
        <v>7019</v>
      </c>
      <c r="G7063" t="s">
        <v>28563</v>
      </c>
      <c r="H7063">
        <v>4.3162776286820002</v>
      </c>
      <c r="I7063">
        <v>51.628867375464999</v>
      </c>
      <c r="J7063" t="s">
        <v>62748</v>
      </c>
    </row>
    <row r="7064" spans="1:10" x14ac:dyDescent="0.25">
      <c r="A7064" t="s">
        <v>28558</v>
      </c>
      <c r="B7064" t="s">
        <v>28559</v>
      </c>
      <c r="C7064" t="s">
        <v>23460</v>
      </c>
      <c r="D7064" t="s">
        <v>28504</v>
      </c>
      <c r="E7064" t="s">
        <v>13</v>
      </c>
      <c r="F7064">
        <v>7018</v>
      </c>
      <c r="G7064" t="s">
        <v>28560</v>
      </c>
      <c r="H7064">
        <v>4.3884468875630001</v>
      </c>
      <c r="I7064">
        <v>51.617477732376997</v>
      </c>
      <c r="J7064" t="s">
        <v>62749</v>
      </c>
    </row>
    <row r="7065" spans="1:10" x14ac:dyDescent="0.25">
      <c r="A7065" t="s">
        <v>28554</v>
      </c>
      <c r="B7065" t="s">
        <v>28555</v>
      </c>
      <c r="C7065" t="s">
        <v>28556</v>
      </c>
      <c r="D7065" t="s">
        <v>28504</v>
      </c>
      <c r="E7065" t="s">
        <v>13</v>
      </c>
      <c r="F7065">
        <v>7017</v>
      </c>
      <c r="G7065" t="s">
        <v>28557</v>
      </c>
      <c r="H7065">
        <v>4.3186298563039998</v>
      </c>
      <c r="I7065">
        <v>51.616224506616</v>
      </c>
      <c r="J7065" t="s">
        <v>62750</v>
      </c>
    </row>
    <row r="7066" spans="1:10" x14ac:dyDescent="0.25">
      <c r="A7066" t="s">
        <v>28550</v>
      </c>
      <c r="B7066" t="s">
        <v>28551</v>
      </c>
      <c r="C7066" t="s">
        <v>28552</v>
      </c>
      <c r="D7066" t="s">
        <v>28504</v>
      </c>
      <c r="E7066" t="s">
        <v>13</v>
      </c>
      <c r="F7066">
        <v>7016</v>
      </c>
      <c r="G7066" t="s">
        <v>28553</v>
      </c>
      <c r="H7066">
        <v>4.3720441645459998</v>
      </c>
      <c r="I7066">
        <v>51.637008739624001</v>
      </c>
      <c r="J7066" t="s">
        <v>62751</v>
      </c>
    </row>
    <row r="7067" spans="1:10" x14ac:dyDescent="0.25">
      <c r="A7067" t="s">
        <v>28546</v>
      </c>
      <c r="B7067" t="s">
        <v>28547</v>
      </c>
      <c r="C7067" t="s">
        <v>28548</v>
      </c>
      <c r="D7067" t="s">
        <v>28504</v>
      </c>
      <c r="E7067" t="s">
        <v>13</v>
      </c>
      <c r="F7067">
        <v>7015</v>
      </c>
      <c r="G7067" t="s">
        <v>28549</v>
      </c>
      <c r="H7067">
        <v>4.2510599786709999</v>
      </c>
      <c r="I7067">
        <v>51.613460619272999</v>
      </c>
      <c r="J7067" t="s">
        <v>62752</v>
      </c>
    </row>
    <row r="7068" spans="1:10" x14ac:dyDescent="0.25">
      <c r="A7068" t="s">
        <v>28542</v>
      </c>
      <c r="B7068" t="s">
        <v>28543</v>
      </c>
      <c r="C7068" t="s">
        <v>28544</v>
      </c>
      <c r="D7068" t="s">
        <v>28504</v>
      </c>
      <c r="E7068" t="s">
        <v>13</v>
      </c>
      <c r="F7068">
        <v>7014</v>
      </c>
      <c r="G7068" t="s">
        <v>28545</v>
      </c>
      <c r="H7068">
        <v>4.2728094303650002</v>
      </c>
      <c r="I7068">
        <v>51.608813470417999</v>
      </c>
      <c r="J7068" t="s">
        <v>62753</v>
      </c>
    </row>
    <row r="7069" spans="1:10" x14ac:dyDescent="0.25">
      <c r="A7069" t="s">
        <v>28538</v>
      </c>
      <c r="B7069" t="s">
        <v>28539</v>
      </c>
      <c r="C7069" t="s">
        <v>28540</v>
      </c>
      <c r="D7069" t="s">
        <v>28504</v>
      </c>
      <c r="E7069" t="s">
        <v>13</v>
      </c>
      <c r="F7069">
        <v>7013</v>
      </c>
      <c r="G7069" t="s">
        <v>28541</v>
      </c>
      <c r="H7069">
        <v>4.3880133744989998</v>
      </c>
      <c r="I7069">
        <v>51.572663616867999</v>
      </c>
      <c r="J7069" t="s">
        <v>62754</v>
      </c>
    </row>
    <row r="7070" spans="1:10" x14ac:dyDescent="0.25">
      <c r="A7070" t="s">
        <v>28534</v>
      </c>
      <c r="B7070" t="s">
        <v>28535</v>
      </c>
      <c r="C7070" t="s">
        <v>28536</v>
      </c>
      <c r="D7070" t="s">
        <v>28504</v>
      </c>
      <c r="E7070" t="s">
        <v>13</v>
      </c>
      <c r="F7070">
        <v>7012</v>
      </c>
      <c r="G7070" t="s">
        <v>28537</v>
      </c>
      <c r="H7070">
        <v>4.4121847047519998</v>
      </c>
      <c r="I7070">
        <v>51.569518410072</v>
      </c>
      <c r="J7070" t="s">
        <v>62755</v>
      </c>
    </row>
    <row r="7071" spans="1:10" x14ac:dyDescent="0.25">
      <c r="A7071" t="s">
        <v>28530</v>
      </c>
      <c r="B7071" t="s">
        <v>28531</v>
      </c>
      <c r="C7071" t="s">
        <v>28532</v>
      </c>
      <c r="D7071" t="s">
        <v>28504</v>
      </c>
      <c r="E7071" t="s">
        <v>13</v>
      </c>
      <c r="F7071">
        <v>7011</v>
      </c>
      <c r="G7071" t="s">
        <v>28533</v>
      </c>
      <c r="H7071">
        <v>4.3277362410829996</v>
      </c>
      <c r="I7071">
        <v>51.559985794423</v>
      </c>
      <c r="J7071" t="s">
        <v>62756</v>
      </c>
    </row>
    <row r="7072" spans="1:10" x14ac:dyDescent="0.25">
      <c r="A7072" t="s">
        <v>28526</v>
      </c>
      <c r="B7072" t="s">
        <v>28527</v>
      </c>
      <c r="C7072" t="s">
        <v>28528</v>
      </c>
      <c r="D7072" t="s">
        <v>28504</v>
      </c>
      <c r="E7072" t="s">
        <v>13</v>
      </c>
      <c r="F7072">
        <v>7010</v>
      </c>
      <c r="G7072" t="s">
        <v>28529</v>
      </c>
      <c r="H7072">
        <v>4.2785865124880003</v>
      </c>
      <c r="I7072">
        <v>51.582021096330998</v>
      </c>
      <c r="J7072" t="s">
        <v>62757</v>
      </c>
    </row>
    <row r="7073" spans="1:10" x14ac:dyDescent="0.25">
      <c r="A7073" t="s">
        <v>28522</v>
      </c>
      <c r="B7073" t="s">
        <v>28523</v>
      </c>
      <c r="C7073" t="s">
        <v>28524</v>
      </c>
      <c r="D7073" t="s">
        <v>28504</v>
      </c>
      <c r="E7073" t="s">
        <v>13</v>
      </c>
      <c r="F7073">
        <v>7009</v>
      </c>
      <c r="G7073" t="s">
        <v>28525</v>
      </c>
      <c r="H7073">
        <v>4.3403384074379998</v>
      </c>
      <c r="I7073">
        <v>51.597508741433003</v>
      </c>
      <c r="J7073" t="s">
        <v>62758</v>
      </c>
    </row>
    <row r="7074" spans="1:10" x14ac:dyDescent="0.25">
      <c r="A7074" t="s">
        <v>28518</v>
      </c>
      <c r="B7074" t="s">
        <v>28519</v>
      </c>
      <c r="C7074" t="s">
        <v>28520</v>
      </c>
      <c r="D7074" t="s">
        <v>28504</v>
      </c>
      <c r="E7074" t="s">
        <v>13</v>
      </c>
      <c r="F7074">
        <v>7008</v>
      </c>
      <c r="G7074" t="s">
        <v>28521</v>
      </c>
      <c r="H7074">
        <v>4.3016644614970003</v>
      </c>
      <c r="I7074">
        <v>51.591189514956</v>
      </c>
      <c r="J7074" t="s">
        <v>62759</v>
      </c>
    </row>
    <row r="7075" spans="1:10" x14ac:dyDescent="0.25">
      <c r="A7075" t="s">
        <v>28514</v>
      </c>
      <c r="B7075" t="s">
        <v>28515</v>
      </c>
      <c r="C7075" t="s">
        <v>28516</v>
      </c>
      <c r="D7075" t="s">
        <v>28504</v>
      </c>
      <c r="E7075" t="s">
        <v>13</v>
      </c>
      <c r="F7075">
        <v>7007</v>
      </c>
      <c r="G7075" t="s">
        <v>28517</v>
      </c>
      <c r="H7075">
        <v>4.3221594769399996</v>
      </c>
      <c r="I7075">
        <v>51.592107777300001</v>
      </c>
      <c r="J7075" t="s">
        <v>62760</v>
      </c>
    </row>
    <row r="7076" spans="1:10" x14ac:dyDescent="0.25">
      <c r="A7076" t="s">
        <v>28510</v>
      </c>
      <c r="B7076" t="s">
        <v>28511</v>
      </c>
      <c r="C7076" t="s">
        <v>28512</v>
      </c>
      <c r="D7076" t="s">
        <v>28504</v>
      </c>
      <c r="E7076" t="s">
        <v>13</v>
      </c>
      <c r="F7076">
        <v>7006</v>
      </c>
      <c r="G7076" t="s">
        <v>28513</v>
      </c>
      <c r="H7076">
        <v>4.3134626787309998</v>
      </c>
      <c r="I7076">
        <v>51.575842603211001</v>
      </c>
      <c r="J7076" t="s">
        <v>62761</v>
      </c>
    </row>
    <row r="7077" spans="1:10" x14ac:dyDescent="0.25">
      <c r="A7077" t="s">
        <v>28506</v>
      </c>
      <c r="B7077" t="s">
        <v>28507</v>
      </c>
      <c r="C7077" t="s">
        <v>28508</v>
      </c>
      <c r="D7077" t="s">
        <v>28504</v>
      </c>
      <c r="E7077" t="s">
        <v>13</v>
      </c>
      <c r="F7077">
        <v>7005</v>
      </c>
      <c r="G7077" t="s">
        <v>28509</v>
      </c>
      <c r="H7077">
        <v>4.3335749462760003</v>
      </c>
      <c r="I7077">
        <v>51.577764646950001</v>
      </c>
      <c r="J7077" t="s">
        <v>62762</v>
      </c>
    </row>
    <row r="7078" spans="1:10" x14ac:dyDescent="0.25">
      <c r="A7078" t="s">
        <v>28501</v>
      </c>
      <c r="B7078" t="s">
        <v>28502</v>
      </c>
      <c r="C7078" t="s">
        <v>28503</v>
      </c>
      <c r="D7078" t="s">
        <v>28504</v>
      </c>
      <c r="E7078" t="s">
        <v>13</v>
      </c>
      <c r="F7078">
        <v>7004</v>
      </c>
      <c r="G7078" t="s">
        <v>28505</v>
      </c>
      <c r="H7078">
        <v>4.3191266434219999</v>
      </c>
      <c r="I7078">
        <v>51.586485343570999</v>
      </c>
      <c r="J7078" t="s">
        <v>62763</v>
      </c>
    </row>
    <row r="7079" spans="1:10" x14ac:dyDescent="0.25">
      <c r="A7079" t="s">
        <v>28497</v>
      </c>
      <c r="B7079" t="s">
        <v>28498</v>
      </c>
      <c r="C7079" t="s">
        <v>28499</v>
      </c>
      <c r="D7079" t="s">
        <v>28471</v>
      </c>
      <c r="E7079" t="s">
        <v>13</v>
      </c>
      <c r="F7079">
        <v>7003</v>
      </c>
      <c r="G7079" t="s">
        <v>28500</v>
      </c>
      <c r="H7079">
        <v>5.5265132677990003</v>
      </c>
      <c r="I7079">
        <v>51.512036226097003</v>
      </c>
      <c r="J7079" t="s">
        <v>62764</v>
      </c>
    </row>
    <row r="7080" spans="1:10" x14ac:dyDescent="0.25">
      <c r="A7080" t="s">
        <v>28493</v>
      </c>
      <c r="B7080" t="s">
        <v>28494</v>
      </c>
      <c r="C7080" t="s">
        <v>28495</v>
      </c>
      <c r="D7080" t="s">
        <v>28471</v>
      </c>
      <c r="E7080" t="s">
        <v>13</v>
      </c>
      <c r="F7080">
        <v>7002</v>
      </c>
      <c r="G7080" t="s">
        <v>28496</v>
      </c>
      <c r="H7080">
        <v>5.5110977623049999</v>
      </c>
      <c r="I7080">
        <v>51.520289188184002</v>
      </c>
      <c r="J7080" t="s">
        <v>62765</v>
      </c>
    </row>
    <row r="7081" spans="1:10" x14ac:dyDescent="0.25">
      <c r="A7081" t="s">
        <v>28489</v>
      </c>
      <c r="B7081" t="s">
        <v>28490</v>
      </c>
      <c r="C7081" t="s">
        <v>28491</v>
      </c>
      <c r="D7081" t="s">
        <v>28471</v>
      </c>
      <c r="E7081" t="s">
        <v>13</v>
      </c>
      <c r="F7081">
        <v>7001</v>
      </c>
      <c r="G7081" t="s">
        <v>28492</v>
      </c>
      <c r="H7081">
        <v>5.5091904838449999</v>
      </c>
      <c r="I7081">
        <v>51.513450330090002</v>
      </c>
      <c r="J7081" t="s">
        <v>62766</v>
      </c>
    </row>
    <row r="7082" spans="1:10" x14ac:dyDescent="0.25">
      <c r="A7082" t="s">
        <v>28485</v>
      </c>
      <c r="B7082" t="s">
        <v>28486</v>
      </c>
      <c r="C7082" t="s">
        <v>28487</v>
      </c>
      <c r="D7082" t="s">
        <v>28471</v>
      </c>
      <c r="E7082" t="s">
        <v>13</v>
      </c>
      <c r="F7082">
        <v>7000</v>
      </c>
      <c r="G7082" t="s">
        <v>28488</v>
      </c>
      <c r="H7082">
        <v>5.4623914675460004</v>
      </c>
      <c r="I7082">
        <v>51.521731505421997</v>
      </c>
      <c r="J7082" t="s">
        <v>62767</v>
      </c>
    </row>
    <row r="7083" spans="1:10" x14ac:dyDescent="0.25">
      <c r="A7083" t="s">
        <v>28481</v>
      </c>
      <c r="B7083" t="s">
        <v>28482</v>
      </c>
      <c r="C7083" t="s">
        <v>28483</v>
      </c>
      <c r="D7083" t="s">
        <v>28471</v>
      </c>
      <c r="E7083" t="s">
        <v>13</v>
      </c>
      <c r="F7083">
        <v>6999</v>
      </c>
      <c r="G7083" t="s">
        <v>28484</v>
      </c>
      <c r="H7083">
        <v>5.4768824285599997</v>
      </c>
      <c r="I7083">
        <v>51.509000429385999</v>
      </c>
      <c r="J7083" t="s">
        <v>62768</v>
      </c>
    </row>
    <row r="7084" spans="1:10" x14ac:dyDescent="0.25">
      <c r="A7084" t="s">
        <v>28477</v>
      </c>
      <c r="B7084" t="s">
        <v>28478</v>
      </c>
      <c r="C7084" t="s">
        <v>28479</v>
      </c>
      <c r="D7084" t="s">
        <v>28471</v>
      </c>
      <c r="E7084" t="s">
        <v>13</v>
      </c>
      <c r="F7084">
        <v>6998</v>
      </c>
      <c r="G7084" t="s">
        <v>28480</v>
      </c>
      <c r="H7084">
        <v>5.4730247880240004</v>
      </c>
      <c r="I7084">
        <v>51.500373712481</v>
      </c>
      <c r="J7084" t="s">
        <v>62769</v>
      </c>
    </row>
    <row r="7085" spans="1:10" x14ac:dyDescent="0.25">
      <c r="A7085" t="s">
        <v>28473</v>
      </c>
      <c r="B7085" t="s">
        <v>28474</v>
      </c>
      <c r="C7085" t="s">
        <v>28475</v>
      </c>
      <c r="D7085" t="s">
        <v>28471</v>
      </c>
      <c r="E7085" t="s">
        <v>13</v>
      </c>
      <c r="F7085">
        <v>6997</v>
      </c>
      <c r="G7085" t="s">
        <v>28476</v>
      </c>
      <c r="H7085">
        <v>5.4809520995990004</v>
      </c>
      <c r="I7085">
        <v>51.524953484405998</v>
      </c>
      <c r="J7085" t="s">
        <v>62770</v>
      </c>
    </row>
    <row r="7086" spans="1:10" x14ac:dyDescent="0.25">
      <c r="A7086" t="s">
        <v>28468</v>
      </c>
      <c r="B7086" t="s">
        <v>28469</v>
      </c>
      <c r="C7086" t="s">
        <v>28470</v>
      </c>
      <c r="D7086" t="s">
        <v>28471</v>
      </c>
      <c r="E7086" t="s">
        <v>13</v>
      </c>
      <c r="F7086">
        <v>6996</v>
      </c>
      <c r="G7086" t="s">
        <v>28472</v>
      </c>
      <c r="H7086">
        <v>5.4907039152879999</v>
      </c>
      <c r="I7086">
        <v>51.512821884329</v>
      </c>
      <c r="J7086" t="s">
        <v>62771</v>
      </c>
    </row>
    <row r="7087" spans="1:10" x14ac:dyDescent="0.25">
      <c r="A7087" t="s">
        <v>28464</v>
      </c>
      <c r="B7087" t="s">
        <v>28465</v>
      </c>
      <c r="C7087" t="s">
        <v>28466</v>
      </c>
      <c r="D7087" t="s">
        <v>28423</v>
      </c>
      <c r="E7087" t="s">
        <v>13</v>
      </c>
      <c r="F7087">
        <v>6995</v>
      </c>
      <c r="G7087" t="s">
        <v>28467</v>
      </c>
      <c r="H7087">
        <v>5.670526359878</v>
      </c>
      <c r="I7087">
        <v>51.451377703082997</v>
      </c>
      <c r="J7087" t="s">
        <v>62772</v>
      </c>
    </row>
    <row r="7088" spans="1:10" x14ac:dyDescent="0.25">
      <c r="A7088" t="s">
        <v>28460</v>
      </c>
      <c r="B7088" t="s">
        <v>28461</v>
      </c>
      <c r="C7088" t="s">
        <v>28462</v>
      </c>
      <c r="D7088" t="s">
        <v>28423</v>
      </c>
      <c r="E7088" t="s">
        <v>13</v>
      </c>
      <c r="F7088">
        <v>6994</v>
      </c>
      <c r="G7088" t="s">
        <v>28463</v>
      </c>
      <c r="H7088">
        <v>5.6773776177190003</v>
      </c>
      <c r="I7088">
        <v>51.35212838012</v>
      </c>
      <c r="J7088" t="s">
        <v>62773</v>
      </c>
    </row>
    <row r="7089" spans="1:10" x14ac:dyDescent="0.25">
      <c r="A7089" t="s">
        <v>28456</v>
      </c>
      <c r="B7089" t="s">
        <v>28457</v>
      </c>
      <c r="C7089" t="s">
        <v>28458</v>
      </c>
      <c r="D7089" t="s">
        <v>28423</v>
      </c>
      <c r="E7089" t="s">
        <v>13</v>
      </c>
      <c r="F7089">
        <v>6993</v>
      </c>
      <c r="G7089" t="s">
        <v>28459</v>
      </c>
      <c r="H7089">
        <v>5.6975122693540001</v>
      </c>
      <c r="I7089">
        <v>51.348415401684001</v>
      </c>
      <c r="J7089" t="s">
        <v>62774</v>
      </c>
    </row>
    <row r="7090" spans="1:10" x14ac:dyDescent="0.25">
      <c r="A7090" t="s">
        <v>28452</v>
      </c>
      <c r="B7090" t="s">
        <v>28453</v>
      </c>
      <c r="C7090" t="s">
        <v>28454</v>
      </c>
      <c r="D7090" t="s">
        <v>28423</v>
      </c>
      <c r="E7090" t="s">
        <v>13</v>
      </c>
      <c r="F7090">
        <v>6992</v>
      </c>
      <c r="G7090" t="s">
        <v>28455</v>
      </c>
      <c r="H7090">
        <v>5.7219935480749999</v>
      </c>
      <c r="I7090">
        <v>51.343645316645002</v>
      </c>
      <c r="J7090" t="s">
        <v>62775</v>
      </c>
    </row>
    <row r="7091" spans="1:10" x14ac:dyDescent="0.25">
      <c r="A7091" t="s">
        <v>28448</v>
      </c>
      <c r="B7091" t="s">
        <v>28449</v>
      </c>
      <c r="C7091" t="s">
        <v>28450</v>
      </c>
      <c r="D7091" t="s">
        <v>28423</v>
      </c>
      <c r="E7091" t="s">
        <v>13</v>
      </c>
      <c r="F7091">
        <v>6991</v>
      </c>
      <c r="G7091" t="s">
        <v>28451</v>
      </c>
      <c r="H7091">
        <v>5.7523510979410002</v>
      </c>
      <c r="I7091">
        <v>51.346869234179998</v>
      </c>
      <c r="J7091" t="s">
        <v>62776</v>
      </c>
    </row>
    <row r="7092" spans="1:10" x14ac:dyDescent="0.25">
      <c r="A7092" t="s">
        <v>28444</v>
      </c>
      <c r="B7092" t="s">
        <v>28445</v>
      </c>
      <c r="C7092" t="s">
        <v>28446</v>
      </c>
      <c r="D7092" t="s">
        <v>28423</v>
      </c>
      <c r="E7092" t="s">
        <v>13</v>
      </c>
      <c r="F7092">
        <v>6990</v>
      </c>
      <c r="G7092" t="s">
        <v>28447</v>
      </c>
      <c r="H7092">
        <v>5.7323523751709997</v>
      </c>
      <c r="I7092">
        <v>51.359998961248003</v>
      </c>
      <c r="J7092" t="s">
        <v>62777</v>
      </c>
    </row>
    <row r="7093" spans="1:10" x14ac:dyDescent="0.25">
      <c r="A7093" t="s">
        <v>28440</v>
      </c>
      <c r="B7093" t="s">
        <v>28441</v>
      </c>
      <c r="C7093" t="s">
        <v>28442</v>
      </c>
      <c r="D7093" t="s">
        <v>28423</v>
      </c>
      <c r="E7093" t="s">
        <v>13</v>
      </c>
      <c r="F7093">
        <v>6989</v>
      </c>
      <c r="G7093" t="s">
        <v>28443</v>
      </c>
      <c r="H7093">
        <v>5.6692280222390004</v>
      </c>
      <c r="I7093">
        <v>51.434818034274997</v>
      </c>
      <c r="J7093" t="s">
        <v>62778</v>
      </c>
    </row>
    <row r="7094" spans="1:10" x14ac:dyDescent="0.25">
      <c r="A7094" t="s">
        <v>28436</v>
      </c>
      <c r="B7094" t="s">
        <v>28437</v>
      </c>
      <c r="C7094" t="s">
        <v>28438</v>
      </c>
      <c r="D7094" t="s">
        <v>28423</v>
      </c>
      <c r="E7094" t="s">
        <v>13</v>
      </c>
      <c r="F7094">
        <v>6988</v>
      </c>
      <c r="G7094" t="s">
        <v>28439</v>
      </c>
      <c r="H7094">
        <v>5.6613751294450001</v>
      </c>
      <c r="I7094">
        <v>51.408411699631998</v>
      </c>
      <c r="J7094" t="s">
        <v>62779</v>
      </c>
    </row>
    <row r="7095" spans="1:10" x14ac:dyDescent="0.25">
      <c r="A7095" t="s">
        <v>28432</v>
      </c>
      <c r="B7095" t="s">
        <v>28433</v>
      </c>
      <c r="C7095" t="s">
        <v>28434</v>
      </c>
      <c r="D7095" t="s">
        <v>28423</v>
      </c>
      <c r="E7095" t="s">
        <v>13</v>
      </c>
      <c r="F7095">
        <v>6987</v>
      </c>
      <c r="G7095" t="s">
        <v>28435</v>
      </c>
      <c r="H7095">
        <v>5.6839323572299998</v>
      </c>
      <c r="I7095">
        <v>51.419286413012998</v>
      </c>
      <c r="J7095" t="s">
        <v>62780</v>
      </c>
    </row>
    <row r="7096" spans="1:10" x14ac:dyDescent="0.25">
      <c r="A7096" t="s">
        <v>28428</v>
      </c>
      <c r="B7096" t="s">
        <v>28429</v>
      </c>
      <c r="C7096" t="s">
        <v>28430</v>
      </c>
      <c r="D7096" t="s">
        <v>28423</v>
      </c>
      <c r="E7096" t="s">
        <v>13</v>
      </c>
      <c r="F7096">
        <v>6986</v>
      </c>
      <c r="G7096" t="s">
        <v>28431</v>
      </c>
      <c r="H7096">
        <v>5.7065968263169999</v>
      </c>
      <c r="I7096">
        <v>51.394789113908999</v>
      </c>
      <c r="J7096" t="s">
        <v>62781</v>
      </c>
    </row>
    <row r="7097" spans="1:10" x14ac:dyDescent="0.25">
      <c r="A7097" t="s">
        <v>28425</v>
      </c>
      <c r="B7097" t="s">
        <v>28426</v>
      </c>
      <c r="C7097" t="s">
        <v>12314</v>
      </c>
      <c r="D7097" t="s">
        <v>28423</v>
      </c>
      <c r="E7097" t="s">
        <v>13</v>
      </c>
      <c r="F7097">
        <v>6985</v>
      </c>
      <c r="G7097" t="s">
        <v>28427</v>
      </c>
      <c r="H7097">
        <v>5.6834029143910003</v>
      </c>
      <c r="I7097">
        <v>51.381679785240998</v>
      </c>
      <c r="J7097" t="s">
        <v>62782</v>
      </c>
    </row>
    <row r="7098" spans="1:10" x14ac:dyDescent="0.25">
      <c r="A7098" t="s">
        <v>28420</v>
      </c>
      <c r="B7098" t="s">
        <v>28421</v>
      </c>
      <c r="C7098" t="s">
        <v>28422</v>
      </c>
      <c r="D7098" t="s">
        <v>28423</v>
      </c>
      <c r="E7098" t="s">
        <v>13</v>
      </c>
      <c r="F7098">
        <v>6984</v>
      </c>
      <c r="G7098" t="s">
        <v>28424</v>
      </c>
      <c r="H7098">
        <v>5.7140638585900003</v>
      </c>
      <c r="I7098">
        <v>51.381972297304003</v>
      </c>
      <c r="J7098" t="s">
        <v>62783</v>
      </c>
    </row>
    <row r="7099" spans="1:10" x14ac:dyDescent="0.25">
      <c r="A7099" t="s">
        <v>28416</v>
      </c>
      <c r="B7099" t="s">
        <v>28417</v>
      </c>
      <c r="C7099" t="s">
        <v>28418</v>
      </c>
      <c r="D7099" t="s">
        <v>28330</v>
      </c>
      <c r="E7099" t="s">
        <v>13</v>
      </c>
      <c r="F7099">
        <v>6983</v>
      </c>
      <c r="G7099" t="s">
        <v>28419</v>
      </c>
      <c r="H7099">
        <v>5.4420118981480003</v>
      </c>
      <c r="I7099">
        <v>51.675890606766004</v>
      </c>
      <c r="J7099" t="s">
        <v>62784</v>
      </c>
    </row>
    <row r="7100" spans="1:10" x14ac:dyDescent="0.25">
      <c r="A7100" t="s">
        <v>28412</v>
      </c>
      <c r="B7100" t="s">
        <v>28413</v>
      </c>
      <c r="C7100" t="s">
        <v>28414</v>
      </c>
      <c r="D7100" t="s">
        <v>28330</v>
      </c>
      <c r="E7100" t="s">
        <v>13</v>
      </c>
      <c r="F7100">
        <v>6982</v>
      </c>
      <c r="G7100" t="s">
        <v>28415</v>
      </c>
      <c r="H7100">
        <v>5.4190372862240004</v>
      </c>
      <c r="I7100">
        <v>51.664509792872003</v>
      </c>
      <c r="J7100" t="s">
        <v>62785</v>
      </c>
    </row>
    <row r="7101" spans="1:10" x14ac:dyDescent="0.25">
      <c r="A7101" t="s">
        <v>28408</v>
      </c>
      <c r="B7101" t="s">
        <v>28409</v>
      </c>
      <c r="C7101" t="s">
        <v>28410</v>
      </c>
      <c r="D7101" t="s">
        <v>28330</v>
      </c>
      <c r="E7101" t="s">
        <v>13</v>
      </c>
      <c r="F7101">
        <v>6981</v>
      </c>
      <c r="G7101" t="s">
        <v>28411</v>
      </c>
      <c r="H7101">
        <v>5.4177906295460003</v>
      </c>
      <c r="I7101">
        <v>51.664629554820003</v>
      </c>
      <c r="J7101" t="s">
        <v>62786</v>
      </c>
    </row>
    <row r="7102" spans="1:10" x14ac:dyDescent="0.25">
      <c r="A7102" t="s">
        <v>28404</v>
      </c>
      <c r="B7102" t="s">
        <v>28405</v>
      </c>
      <c r="C7102" t="s">
        <v>28406</v>
      </c>
      <c r="D7102" t="s">
        <v>28330</v>
      </c>
      <c r="E7102" t="s">
        <v>13</v>
      </c>
      <c r="F7102">
        <v>6980</v>
      </c>
      <c r="G7102" t="s">
        <v>28407</v>
      </c>
      <c r="H7102">
        <v>5.4075443533429999</v>
      </c>
      <c r="I7102">
        <v>51.689858264640002</v>
      </c>
      <c r="J7102" t="s">
        <v>62787</v>
      </c>
    </row>
    <row r="7103" spans="1:10" x14ac:dyDescent="0.25">
      <c r="A7103" t="s">
        <v>28400</v>
      </c>
      <c r="B7103" t="s">
        <v>28401</v>
      </c>
      <c r="C7103" t="s">
        <v>28402</v>
      </c>
      <c r="D7103" t="s">
        <v>28330</v>
      </c>
      <c r="E7103" t="s">
        <v>13</v>
      </c>
      <c r="F7103">
        <v>6979</v>
      </c>
      <c r="G7103" t="s">
        <v>28403</v>
      </c>
      <c r="H7103">
        <v>5.3909761080639997</v>
      </c>
      <c r="I7103">
        <v>51.674358384279998</v>
      </c>
      <c r="J7103" t="s">
        <v>62788</v>
      </c>
    </row>
    <row r="7104" spans="1:10" x14ac:dyDescent="0.25">
      <c r="A7104" t="s">
        <v>28396</v>
      </c>
      <c r="B7104" t="s">
        <v>28397</v>
      </c>
      <c r="C7104" t="s">
        <v>28398</v>
      </c>
      <c r="D7104" t="s">
        <v>28330</v>
      </c>
      <c r="E7104" t="s">
        <v>13</v>
      </c>
      <c r="F7104">
        <v>6978</v>
      </c>
      <c r="G7104" t="s">
        <v>28399</v>
      </c>
      <c r="H7104">
        <v>5.3966258430440002</v>
      </c>
      <c r="I7104">
        <v>51.675143051957001</v>
      </c>
      <c r="J7104" t="s">
        <v>62789</v>
      </c>
    </row>
    <row r="7105" spans="1:10" x14ac:dyDescent="0.25">
      <c r="A7105" t="s">
        <v>28392</v>
      </c>
      <c r="B7105" t="s">
        <v>28393</v>
      </c>
      <c r="C7105" t="s">
        <v>28394</v>
      </c>
      <c r="D7105" t="s">
        <v>28330</v>
      </c>
      <c r="E7105" t="s">
        <v>13</v>
      </c>
      <c r="F7105">
        <v>6977</v>
      </c>
      <c r="G7105" t="s">
        <v>28395</v>
      </c>
      <c r="H7105">
        <v>5.4080684431410004</v>
      </c>
      <c r="I7105">
        <v>51.671854375165999</v>
      </c>
      <c r="J7105" t="s">
        <v>62790</v>
      </c>
    </row>
    <row r="7106" spans="1:10" x14ac:dyDescent="0.25">
      <c r="A7106" t="s">
        <v>28388</v>
      </c>
      <c r="B7106" t="s">
        <v>28389</v>
      </c>
      <c r="C7106" t="s">
        <v>28390</v>
      </c>
      <c r="D7106" t="s">
        <v>28330</v>
      </c>
      <c r="E7106" t="s">
        <v>13</v>
      </c>
      <c r="F7106">
        <v>6976</v>
      </c>
      <c r="G7106" t="s">
        <v>28391</v>
      </c>
      <c r="H7106">
        <v>5.3988106179570003</v>
      </c>
      <c r="I7106">
        <v>51.680901457442999</v>
      </c>
      <c r="J7106" t="s">
        <v>62791</v>
      </c>
    </row>
    <row r="7107" spans="1:10" x14ac:dyDescent="0.25">
      <c r="A7107" t="s">
        <v>28384</v>
      </c>
      <c r="B7107" t="s">
        <v>28385</v>
      </c>
      <c r="C7107" t="s">
        <v>28386</v>
      </c>
      <c r="D7107" t="s">
        <v>28330</v>
      </c>
      <c r="E7107" t="s">
        <v>13</v>
      </c>
      <c r="F7107">
        <v>6975</v>
      </c>
      <c r="G7107" t="s">
        <v>28387</v>
      </c>
      <c r="H7107">
        <v>5.3549870608920003</v>
      </c>
      <c r="I7107">
        <v>51.663101484717998</v>
      </c>
      <c r="J7107" t="s">
        <v>62792</v>
      </c>
    </row>
    <row r="7108" spans="1:10" x14ac:dyDescent="0.25">
      <c r="A7108" t="s">
        <v>28380</v>
      </c>
      <c r="B7108" t="s">
        <v>28381</v>
      </c>
      <c r="C7108" t="s">
        <v>28382</v>
      </c>
      <c r="D7108" t="s">
        <v>28330</v>
      </c>
      <c r="E7108" t="s">
        <v>13</v>
      </c>
      <c r="F7108">
        <v>6974</v>
      </c>
      <c r="G7108" t="s">
        <v>28383</v>
      </c>
      <c r="H7108">
        <v>5.3688797032229996</v>
      </c>
      <c r="I7108">
        <v>51.675831223289002</v>
      </c>
      <c r="J7108" t="s">
        <v>62793</v>
      </c>
    </row>
    <row r="7109" spans="1:10" x14ac:dyDescent="0.25">
      <c r="A7109" t="s">
        <v>28376</v>
      </c>
      <c r="B7109" t="s">
        <v>28377</v>
      </c>
      <c r="C7109" t="s">
        <v>28378</v>
      </c>
      <c r="D7109" t="s">
        <v>28330</v>
      </c>
      <c r="E7109" t="s">
        <v>13</v>
      </c>
      <c r="F7109">
        <v>6973</v>
      </c>
      <c r="G7109" t="s">
        <v>28379</v>
      </c>
      <c r="H7109">
        <v>5.3923152652060002</v>
      </c>
      <c r="I7109">
        <v>51.655801868163998</v>
      </c>
      <c r="J7109" t="s">
        <v>62794</v>
      </c>
    </row>
    <row r="7110" spans="1:10" x14ac:dyDescent="0.25">
      <c r="A7110" t="s">
        <v>28372</v>
      </c>
      <c r="B7110" t="s">
        <v>28373</v>
      </c>
      <c r="C7110" t="s">
        <v>28374</v>
      </c>
      <c r="D7110" t="s">
        <v>28330</v>
      </c>
      <c r="E7110" t="s">
        <v>13</v>
      </c>
      <c r="F7110">
        <v>6972</v>
      </c>
      <c r="G7110" t="s">
        <v>28375</v>
      </c>
      <c r="H7110">
        <v>5.3678287373130003</v>
      </c>
      <c r="I7110">
        <v>51.661624994683002</v>
      </c>
      <c r="J7110" t="s">
        <v>62795</v>
      </c>
    </row>
    <row r="7111" spans="1:10" x14ac:dyDescent="0.25">
      <c r="A7111" t="s">
        <v>28368</v>
      </c>
      <c r="B7111" t="s">
        <v>28369</v>
      </c>
      <c r="C7111" t="s">
        <v>28370</v>
      </c>
      <c r="D7111" t="s">
        <v>28330</v>
      </c>
      <c r="E7111" t="s">
        <v>13</v>
      </c>
      <c r="F7111">
        <v>6971</v>
      </c>
      <c r="G7111" t="s">
        <v>28371</v>
      </c>
      <c r="H7111">
        <v>5.3725255668719996</v>
      </c>
      <c r="I7111">
        <v>51.666956368362001</v>
      </c>
      <c r="J7111" t="s">
        <v>62796</v>
      </c>
    </row>
    <row r="7112" spans="1:10" x14ac:dyDescent="0.25">
      <c r="A7112" t="s">
        <v>28364</v>
      </c>
      <c r="B7112" t="s">
        <v>28365</v>
      </c>
      <c r="C7112" t="s">
        <v>28366</v>
      </c>
      <c r="D7112" t="s">
        <v>28330</v>
      </c>
      <c r="E7112" t="s">
        <v>13</v>
      </c>
      <c r="F7112">
        <v>6970</v>
      </c>
      <c r="G7112" t="s">
        <v>28367</v>
      </c>
      <c r="H7112">
        <v>5.3503125244199996</v>
      </c>
      <c r="I7112">
        <v>51.614019944596997</v>
      </c>
      <c r="J7112" t="s">
        <v>62797</v>
      </c>
    </row>
    <row r="7113" spans="1:10" x14ac:dyDescent="0.25">
      <c r="A7113" t="s">
        <v>28360</v>
      </c>
      <c r="B7113" t="s">
        <v>28361</v>
      </c>
      <c r="C7113" t="s">
        <v>28362</v>
      </c>
      <c r="D7113" t="s">
        <v>28330</v>
      </c>
      <c r="E7113" t="s">
        <v>13</v>
      </c>
      <c r="F7113">
        <v>6969</v>
      </c>
      <c r="G7113" t="s">
        <v>28363</v>
      </c>
      <c r="H7113">
        <v>5.3761715054370001</v>
      </c>
      <c r="I7113">
        <v>51.615143936141997</v>
      </c>
      <c r="J7113" t="s">
        <v>62798</v>
      </c>
    </row>
    <row r="7114" spans="1:10" x14ac:dyDescent="0.25">
      <c r="A7114" t="s">
        <v>28356</v>
      </c>
      <c r="B7114" t="s">
        <v>28357</v>
      </c>
      <c r="C7114" t="s">
        <v>28358</v>
      </c>
      <c r="D7114" t="s">
        <v>28330</v>
      </c>
      <c r="E7114" t="s">
        <v>13</v>
      </c>
      <c r="F7114">
        <v>6968</v>
      </c>
      <c r="G7114" t="s">
        <v>28359</v>
      </c>
      <c r="H7114">
        <v>5.3586796013370002</v>
      </c>
      <c r="I7114">
        <v>51.619919313673002</v>
      </c>
      <c r="J7114" t="s">
        <v>62799</v>
      </c>
    </row>
    <row r="7115" spans="1:10" x14ac:dyDescent="0.25">
      <c r="A7115" t="s">
        <v>28352</v>
      </c>
      <c r="B7115" t="s">
        <v>28353</v>
      </c>
      <c r="C7115" t="s">
        <v>28354</v>
      </c>
      <c r="D7115" t="s">
        <v>28330</v>
      </c>
      <c r="E7115" t="s">
        <v>13</v>
      </c>
      <c r="F7115">
        <v>6967</v>
      </c>
      <c r="G7115" t="s">
        <v>28355</v>
      </c>
      <c r="H7115">
        <v>5.3295270868989997</v>
      </c>
      <c r="I7115">
        <v>51.659240990230003</v>
      </c>
      <c r="J7115" t="s">
        <v>62800</v>
      </c>
    </row>
    <row r="7116" spans="1:10" x14ac:dyDescent="0.25">
      <c r="A7116" t="s">
        <v>28348</v>
      </c>
      <c r="B7116" t="s">
        <v>28349</v>
      </c>
      <c r="C7116" t="s">
        <v>28350</v>
      </c>
      <c r="D7116" t="s">
        <v>28330</v>
      </c>
      <c r="E7116" t="s">
        <v>13</v>
      </c>
      <c r="F7116">
        <v>6966</v>
      </c>
      <c r="G7116" t="s">
        <v>28351</v>
      </c>
      <c r="H7116">
        <v>5.3665981400660003</v>
      </c>
      <c r="I7116">
        <v>51.641266382472999</v>
      </c>
      <c r="J7116" t="s">
        <v>62801</v>
      </c>
    </row>
    <row r="7117" spans="1:10" x14ac:dyDescent="0.25">
      <c r="A7117" t="s">
        <v>28344</v>
      </c>
      <c r="B7117" t="s">
        <v>28345</v>
      </c>
      <c r="C7117" t="s">
        <v>28346</v>
      </c>
      <c r="D7117" t="s">
        <v>28330</v>
      </c>
      <c r="E7117" t="s">
        <v>13</v>
      </c>
      <c r="F7117">
        <v>6965</v>
      </c>
      <c r="G7117" t="s">
        <v>28347</v>
      </c>
      <c r="H7117">
        <v>5.3346184954820002</v>
      </c>
      <c r="I7117">
        <v>51.635476038664002</v>
      </c>
      <c r="J7117" t="s">
        <v>62802</v>
      </c>
    </row>
    <row r="7118" spans="1:10" x14ac:dyDescent="0.25">
      <c r="A7118" t="s">
        <v>28340</v>
      </c>
      <c r="B7118" t="s">
        <v>28341</v>
      </c>
      <c r="C7118" t="s">
        <v>28342</v>
      </c>
      <c r="D7118" t="s">
        <v>28330</v>
      </c>
      <c r="E7118" t="s">
        <v>13</v>
      </c>
      <c r="F7118">
        <v>6964</v>
      </c>
      <c r="G7118" t="s">
        <v>28343</v>
      </c>
      <c r="H7118">
        <v>5.3246608959620003</v>
      </c>
      <c r="I7118">
        <v>51.648954940156997</v>
      </c>
      <c r="J7118" t="s">
        <v>62803</v>
      </c>
    </row>
    <row r="7119" spans="1:10" x14ac:dyDescent="0.25">
      <c r="A7119" t="s">
        <v>28336</v>
      </c>
      <c r="B7119" t="s">
        <v>28337</v>
      </c>
      <c r="C7119" t="s">
        <v>28338</v>
      </c>
      <c r="D7119" t="s">
        <v>28330</v>
      </c>
      <c r="E7119" t="s">
        <v>13</v>
      </c>
      <c r="F7119">
        <v>6963</v>
      </c>
      <c r="G7119" t="s">
        <v>28339</v>
      </c>
      <c r="H7119">
        <v>5.3620961613759999</v>
      </c>
      <c r="I7119">
        <v>51.644517189997998</v>
      </c>
      <c r="J7119" t="s">
        <v>62804</v>
      </c>
    </row>
    <row r="7120" spans="1:10" x14ac:dyDescent="0.25">
      <c r="A7120" t="s">
        <v>28332</v>
      </c>
      <c r="B7120" t="s">
        <v>28333</v>
      </c>
      <c r="C7120" t="s">
        <v>28334</v>
      </c>
      <c r="D7120" t="s">
        <v>28330</v>
      </c>
      <c r="E7120" t="s">
        <v>13</v>
      </c>
      <c r="F7120">
        <v>6962</v>
      </c>
      <c r="G7120" t="s">
        <v>28335</v>
      </c>
      <c r="H7120">
        <v>5.3383997035890003</v>
      </c>
      <c r="I7120">
        <v>51.637994468297997</v>
      </c>
      <c r="J7120" t="s">
        <v>62805</v>
      </c>
    </row>
    <row r="7121" spans="1:10" x14ac:dyDescent="0.25">
      <c r="A7121" t="s">
        <v>28327</v>
      </c>
      <c r="B7121" t="s">
        <v>28328</v>
      </c>
      <c r="C7121" t="s">
        <v>28329</v>
      </c>
      <c r="D7121" t="s">
        <v>28330</v>
      </c>
      <c r="E7121" t="s">
        <v>13</v>
      </c>
      <c r="F7121">
        <v>6961</v>
      </c>
      <c r="G7121" t="s">
        <v>28331</v>
      </c>
      <c r="H7121">
        <v>5.3509877754310002</v>
      </c>
      <c r="I7121">
        <v>51.644471662853</v>
      </c>
      <c r="J7121" t="s">
        <v>62806</v>
      </c>
    </row>
    <row r="7122" spans="1:10" x14ac:dyDescent="0.25">
      <c r="A7122" t="s">
        <v>28323</v>
      </c>
      <c r="B7122" t="s">
        <v>28324</v>
      </c>
      <c r="C7122" t="s">
        <v>28325</v>
      </c>
      <c r="D7122" t="s">
        <v>28285</v>
      </c>
      <c r="E7122" t="s">
        <v>13</v>
      </c>
      <c r="F7122">
        <v>6960</v>
      </c>
      <c r="G7122" t="s">
        <v>28326</v>
      </c>
      <c r="H7122">
        <v>4.5147649111829997</v>
      </c>
      <c r="I7122">
        <v>51.555753012578997</v>
      </c>
      <c r="J7122" t="s">
        <v>62807</v>
      </c>
    </row>
    <row r="7123" spans="1:10" x14ac:dyDescent="0.25">
      <c r="A7123" t="s">
        <v>28319</v>
      </c>
      <c r="B7123" t="s">
        <v>28320</v>
      </c>
      <c r="C7123" t="s">
        <v>28321</v>
      </c>
      <c r="D7123" t="s">
        <v>28285</v>
      </c>
      <c r="E7123" t="s">
        <v>13</v>
      </c>
      <c r="F7123">
        <v>6959</v>
      </c>
      <c r="G7123" t="s">
        <v>28322</v>
      </c>
      <c r="H7123">
        <v>4.5167626856369996</v>
      </c>
      <c r="I7123">
        <v>51.557800044144003</v>
      </c>
      <c r="J7123" t="s">
        <v>62808</v>
      </c>
    </row>
    <row r="7124" spans="1:10" x14ac:dyDescent="0.25">
      <c r="A7124" t="s">
        <v>28315</v>
      </c>
      <c r="B7124" t="s">
        <v>28316</v>
      </c>
      <c r="C7124" t="s">
        <v>28317</v>
      </c>
      <c r="D7124" t="s">
        <v>28285</v>
      </c>
      <c r="E7124" t="s">
        <v>13</v>
      </c>
      <c r="F7124">
        <v>6958</v>
      </c>
      <c r="G7124" t="s">
        <v>28318</v>
      </c>
      <c r="H7124">
        <v>4.5390278118360001</v>
      </c>
      <c r="I7124">
        <v>51.496628480456003</v>
      </c>
      <c r="J7124" t="s">
        <v>62809</v>
      </c>
    </row>
    <row r="7125" spans="1:10" x14ac:dyDescent="0.25">
      <c r="A7125" t="s">
        <v>28311</v>
      </c>
      <c r="B7125" t="s">
        <v>28312</v>
      </c>
      <c r="C7125" t="s">
        <v>28313</v>
      </c>
      <c r="D7125" t="s">
        <v>28285</v>
      </c>
      <c r="E7125" t="s">
        <v>13</v>
      </c>
      <c r="F7125">
        <v>6957</v>
      </c>
      <c r="G7125" t="s">
        <v>28314</v>
      </c>
      <c r="H7125">
        <v>4.5603539357639997</v>
      </c>
      <c r="I7125">
        <v>51.498505804673997</v>
      </c>
      <c r="J7125" t="s">
        <v>62810</v>
      </c>
    </row>
    <row r="7126" spans="1:10" x14ac:dyDescent="0.25">
      <c r="A7126" t="s">
        <v>28307</v>
      </c>
      <c r="B7126" t="s">
        <v>28308</v>
      </c>
      <c r="C7126" t="s">
        <v>28309</v>
      </c>
      <c r="D7126" t="s">
        <v>28285</v>
      </c>
      <c r="E7126" t="s">
        <v>13</v>
      </c>
      <c r="F7126">
        <v>6956</v>
      </c>
      <c r="G7126" t="s">
        <v>28310</v>
      </c>
      <c r="H7126">
        <v>4.609325195696</v>
      </c>
      <c r="I7126">
        <v>51.528780530474002</v>
      </c>
      <c r="J7126" t="s">
        <v>62811</v>
      </c>
    </row>
    <row r="7127" spans="1:10" x14ac:dyDescent="0.25">
      <c r="A7127" t="s">
        <v>28303</v>
      </c>
      <c r="B7127" t="s">
        <v>28304</v>
      </c>
      <c r="C7127" t="s">
        <v>28305</v>
      </c>
      <c r="D7127" t="s">
        <v>28285</v>
      </c>
      <c r="E7127" t="s">
        <v>13</v>
      </c>
      <c r="F7127">
        <v>6955</v>
      </c>
      <c r="G7127" t="s">
        <v>28306</v>
      </c>
      <c r="H7127">
        <v>4.5808779492939999</v>
      </c>
      <c r="I7127">
        <v>51.534782980422001</v>
      </c>
      <c r="J7127" t="s">
        <v>62812</v>
      </c>
    </row>
    <row r="7128" spans="1:10" x14ac:dyDescent="0.25">
      <c r="A7128" t="s">
        <v>28299</v>
      </c>
      <c r="B7128" t="s">
        <v>28300</v>
      </c>
      <c r="C7128" t="s">
        <v>28301</v>
      </c>
      <c r="D7128" t="s">
        <v>28285</v>
      </c>
      <c r="E7128" t="s">
        <v>13</v>
      </c>
      <c r="F7128">
        <v>6954</v>
      </c>
      <c r="G7128" t="s">
        <v>28302</v>
      </c>
      <c r="H7128">
        <v>4.597450295941</v>
      </c>
      <c r="I7128">
        <v>51.537715939468001</v>
      </c>
      <c r="J7128" t="s">
        <v>62813</v>
      </c>
    </row>
    <row r="7129" spans="1:10" x14ac:dyDescent="0.25">
      <c r="A7129" t="s">
        <v>28295</v>
      </c>
      <c r="B7129" t="s">
        <v>28296</v>
      </c>
      <c r="C7129" t="s">
        <v>28297</v>
      </c>
      <c r="D7129" t="s">
        <v>28285</v>
      </c>
      <c r="E7129" t="s">
        <v>13</v>
      </c>
      <c r="F7129">
        <v>6953</v>
      </c>
      <c r="G7129" t="s">
        <v>28298</v>
      </c>
      <c r="H7129">
        <v>4.5876137866629998</v>
      </c>
      <c r="I7129">
        <v>51.553405209981001</v>
      </c>
      <c r="J7129" t="s">
        <v>62814</v>
      </c>
    </row>
    <row r="7130" spans="1:10" x14ac:dyDescent="0.25">
      <c r="A7130" t="s">
        <v>28291</v>
      </c>
      <c r="B7130" t="s">
        <v>28292</v>
      </c>
      <c r="C7130" t="s">
        <v>28293</v>
      </c>
      <c r="D7130" t="s">
        <v>28285</v>
      </c>
      <c r="E7130" t="s">
        <v>13</v>
      </c>
      <c r="F7130">
        <v>6952</v>
      </c>
      <c r="G7130" t="s">
        <v>28294</v>
      </c>
      <c r="H7130">
        <v>4.5881787563680003</v>
      </c>
      <c r="I7130">
        <v>51.549820886359001</v>
      </c>
      <c r="J7130" t="s">
        <v>62815</v>
      </c>
    </row>
    <row r="7131" spans="1:10" x14ac:dyDescent="0.25">
      <c r="A7131" t="s">
        <v>28287</v>
      </c>
      <c r="B7131" t="s">
        <v>28288</v>
      </c>
      <c r="C7131" t="s">
        <v>28289</v>
      </c>
      <c r="D7131" t="s">
        <v>28285</v>
      </c>
      <c r="E7131" t="s">
        <v>13</v>
      </c>
      <c r="F7131">
        <v>6951</v>
      </c>
      <c r="G7131" t="s">
        <v>28290</v>
      </c>
      <c r="H7131">
        <v>4.5430523164989998</v>
      </c>
      <c r="I7131">
        <v>51.530158898252999</v>
      </c>
      <c r="J7131" t="s">
        <v>62816</v>
      </c>
    </row>
    <row r="7132" spans="1:10" x14ac:dyDescent="0.25">
      <c r="A7132" t="s">
        <v>28282</v>
      </c>
      <c r="B7132" t="s">
        <v>28283</v>
      </c>
      <c r="C7132" t="s">
        <v>28284</v>
      </c>
      <c r="D7132" t="s">
        <v>28285</v>
      </c>
      <c r="E7132" t="s">
        <v>13</v>
      </c>
      <c r="F7132">
        <v>6950</v>
      </c>
      <c r="G7132" t="s">
        <v>28286</v>
      </c>
      <c r="H7132">
        <v>4.5581876586180003</v>
      </c>
      <c r="I7132">
        <v>51.532811629915003</v>
      </c>
      <c r="J7132" t="s">
        <v>62817</v>
      </c>
    </row>
    <row r="7133" spans="1:10" x14ac:dyDescent="0.25">
      <c r="A7133" t="s">
        <v>28278</v>
      </c>
      <c r="B7133" t="s">
        <v>28279</v>
      </c>
      <c r="C7133" t="s">
        <v>28280</v>
      </c>
      <c r="D7133" t="s">
        <v>28119</v>
      </c>
      <c r="E7133" t="s">
        <v>13</v>
      </c>
      <c r="F7133">
        <v>6949</v>
      </c>
      <c r="G7133" t="s">
        <v>28281</v>
      </c>
      <c r="H7133">
        <v>4.9018434413670002</v>
      </c>
      <c r="I7133">
        <v>51.610465492590002</v>
      </c>
      <c r="J7133" t="s">
        <v>62818</v>
      </c>
    </row>
    <row r="7134" spans="1:10" x14ac:dyDescent="0.25">
      <c r="A7134" t="s">
        <v>28274</v>
      </c>
      <c r="B7134" t="s">
        <v>28275</v>
      </c>
      <c r="C7134" t="s">
        <v>28276</v>
      </c>
      <c r="D7134" t="s">
        <v>28119</v>
      </c>
      <c r="E7134" t="s">
        <v>13</v>
      </c>
      <c r="F7134">
        <v>6948</v>
      </c>
      <c r="G7134" t="s">
        <v>28277</v>
      </c>
      <c r="H7134">
        <v>4.870857035117</v>
      </c>
      <c r="I7134">
        <v>51.602575125318999</v>
      </c>
      <c r="J7134" t="s">
        <v>62819</v>
      </c>
    </row>
    <row r="7135" spans="1:10" x14ac:dyDescent="0.25">
      <c r="A7135" t="s">
        <v>28270</v>
      </c>
      <c r="B7135" t="s">
        <v>28271</v>
      </c>
      <c r="C7135" t="s">
        <v>28272</v>
      </c>
      <c r="D7135" t="s">
        <v>28119</v>
      </c>
      <c r="E7135" t="s">
        <v>13</v>
      </c>
      <c r="F7135">
        <v>6947</v>
      </c>
      <c r="G7135" t="s">
        <v>28273</v>
      </c>
      <c r="H7135">
        <v>4.8618536950879996</v>
      </c>
      <c r="I7135">
        <v>51.586283939262003</v>
      </c>
      <c r="J7135" t="s">
        <v>62820</v>
      </c>
    </row>
    <row r="7136" spans="1:10" x14ac:dyDescent="0.25">
      <c r="A7136" t="s">
        <v>28266</v>
      </c>
      <c r="B7136" t="s">
        <v>28267</v>
      </c>
      <c r="C7136" t="s">
        <v>28268</v>
      </c>
      <c r="D7136" t="s">
        <v>28119</v>
      </c>
      <c r="E7136" t="s">
        <v>13</v>
      </c>
      <c r="F7136">
        <v>6946</v>
      </c>
      <c r="G7136" t="s">
        <v>28269</v>
      </c>
      <c r="H7136">
        <v>4.8575455028530001</v>
      </c>
      <c r="I7136">
        <v>51.591796101191001</v>
      </c>
      <c r="J7136" t="s">
        <v>62821</v>
      </c>
    </row>
    <row r="7137" spans="1:10" x14ac:dyDescent="0.25">
      <c r="A7137" t="s">
        <v>28262</v>
      </c>
      <c r="B7137" t="s">
        <v>28263</v>
      </c>
      <c r="C7137" t="s">
        <v>28264</v>
      </c>
      <c r="D7137" t="s">
        <v>28119</v>
      </c>
      <c r="E7137" t="s">
        <v>13</v>
      </c>
      <c r="F7137">
        <v>6945</v>
      </c>
      <c r="G7137" t="s">
        <v>28265</v>
      </c>
      <c r="H7137">
        <v>4.9048901951459998</v>
      </c>
      <c r="I7137">
        <v>51.661706618883997</v>
      </c>
      <c r="J7137" t="s">
        <v>62822</v>
      </c>
    </row>
    <row r="7138" spans="1:10" x14ac:dyDescent="0.25">
      <c r="A7138" t="s">
        <v>28258</v>
      </c>
      <c r="B7138" t="s">
        <v>28259</v>
      </c>
      <c r="C7138" t="s">
        <v>28260</v>
      </c>
      <c r="D7138" t="s">
        <v>28119</v>
      </c>
      <c r="E7138" t="s">
        <v>13</v>
      </c>
      <c r="F7138">
        <v>6944</v>
      </c>
      <c r="G7138" t="s">
        <v>28261</v>
      </c>
      <c r="H7138">
        <v>4.9030357953279999</v>
      </c>
      <c r="I7138">
        <v>51.637720965094999</v>
      </c>
      <c r="J7138" t="s">
        <v>62823</v>
      </c>
    </row>
    <row r="7139" spans="1:10" x14ac:dyDescent="0.25">
      <c r="A7139" t="s">
        <v>28254</v>
      </c>
      <c r="B7139" t="s">
        <v>28255</v>
      </c>
      <c r="C7139" t="s">
        <v>28256</v>
      </c>
      <c r="D7139" t="s">
        <v>28119</v>
      </c>
      <c r="E7139" t="s">
        <v>13</v>
      </c>
      <c r="F7139">
        <v>6943</v>
      </c>
      <c r="G7139" t="s">
        <v>28257</v>
      </c>
      <c r="H7139">
        <v>4.908957304356</v>
      </c>
      <c r="I7139">
        <v>51.646909431955002</v>
      </c>
      <c r="J7139" t="s">
        <v>62824</v>
      </c>
    </row>
    <row r="7140" spans="1:10" x14ac:dyDescent="0.25">
      <c r="A7140" t="s">
        <v>28250</v>
      </c>
      <c r="B7140" t="s">
        <v>28251</v>
      </c>
      <c r="C7140" t="s">
        <v>28252</v>
      </c>
      <c r="D7140" t="s">
        <v>28119</v>
      </c>
      <c r="E7140" t="s">
        <v>13</v>
      </c>
      <c r="F7140">
        <v>6942</v>
      </c>
      <c r="G7140" t="s">
        <v>28253</v>
      </c>
      <c r="H7140">
        <v>4.8050975330889996</v>
      </c>
      <c r="I7140">
        <v>51.658866583452998</v>
      </c>
      <c r="J7140" t="s">
        <v>62825</v>
      </c>
    </row>
    <row r="7141" spans="1:10" x14ac:dyDescent="0.25">
      <c r="A7141" t="s">
        <v>28246</v>
      </c>
      <c r="B7141" t="s">
        <v>28247</v>
      </c>
      <c r="C7141" t="s">
        <v>28248</v>
      </c>
      <c r="D7141" t="s">
        <v>28119</v>
      </c>
      <c r="E7141" t="s">
        <v>13</v>
      </c>
      <c r="F7141">
        <v>6941</v>
      </c>
      <c r="G7141" t="s">
        <v>28249</v>
      </c>
      <c r="H7141">
        <v>4.815833436618</v>
      </c>
      <c r="I7141">
        <v>51.658023996489</v>
      </c>
      <c r="J7141" t="s">
        <v>62826</v>
      </c>
    </row>
    <row r="7142" spans="1:10" x14ac:dyDescent="0.25">
      <c r="A7142" t="s">
        <v>28242</v>
      </c>
      <c r="B7142" t="s">
        <v>28243</v>
      </c>
      <c r="C7142" t="s">
        <v>28244</v>
      </c>
      <c r="D7142" t="s">
        <v>28119</v>
      </c>
      <c r="E7142" t="s">
        <v>13</v>
      </c>
      <c r="F7142">
        <v>6940</v>
      </c>
      <c r="G7142" t="s">
        <v>28245</v>
      </c>
      <c r="H7142">
        <v>4.8270954411010001</v>
      </c>
      <c r="I7142">
        <v>51.629597058035003</v>
      </c>
      <c r="J7142" t="s">
        <v>62827</v>
      </c>
    </row>
    <row r="7143" spans="1:10" x14ac:dyDescent="0.25">
      <c r="A7143" t="s">
        <v>28238</v>
      </c>
      <c r="B7143" t="s">
        <v>28239</v>
      </c>
      <c r="C7143" t="s">
        <v>28240</v>
      </c>
      <c r="D7143" t="s">
        <v>28119</v>
      </c>
      <c r="E7143" t="s">
        <v>13</v>
      </c>
      <c r="F7143">
        <v>6939</v>
      </c>
      <c r="G7143" t="s">
        <v>28241</v>
      </c>
      <c r="H7143">
        <v>4.8605237260010004</v>
      </c>
      <c r="I7143">
        <v>51.674126111181003</v>
      </c>
      <c r="J7143" t="s">
        <v>62828</v>
      </c>
    </row>
    <row r="7144" spans="1:10" x14ac:dyDescent="0.25">
      <c r="A7144" t="s">
        <v>28234</v>
      </c>
      <c r="B7144" t="s">
        <v>28235</v>
      </c>
      <c r="C7144" t="s">
        <v>28236</v>
      </c>
      <c r="D7144" t="s">
        <v>28119</v>
      </c>
      <c r="E7144" t="s">
        <v>13</v>
      </c>
      <c r="F7144">
        <v>6938</v>
      </c>
      <c r="G7144" t="s">
        <v>28237</v>
      </c>
      <c r="H7144">
        <v>4.8367852755570002</v>
      </c>
      <c r="I7144">
        <v>51.672638083806</v>
      </c>
      <c r="J7144" t="s">
        <v>62829</v>
      </c>
    </row>
    <row r="7145" spans="1:10" x14ac:dyDescent="0.25">
      <c r="A7145" t="s">
        <v>28230</v>
      </c>
      <c r="B7145" t="s">
        <v>28231</v>
      </c>
      <c r="C7145" t="s">
        <v>28232</v>
      </c>
      <c r="D7145" t="s">
        <v>28119</v>
      </c>
      <c r="E7145" t="s">
        <v>13</v>
      </c>
      <c r="F7145">
        <v>6937</v>
      </c>
      <c r="G7145" t="s">
        <v>28233</v>
      </c>
      <c r="H7145">
        <v>4.8403269771549997</v>
      </c>
      <c r="I7145">
        <v>51.662071766981001</v>
      </c>
      <c r="J7145" t="s">
        <v>62830</v>
      </c>
    </row>
    <row r="7146" spans="1:10" x14ac:dyDescent="0.25">
      <c r="A7146" t="s">
        <v>28226</v>
      </c>
      <c r="B7146" t="s">
        <v>28227</v>
      </c>
      <c r="C7146" t="s">
        <v>28228</v>
      </c>
      <c r="D7146" t="s">
        <v>28119</v>
      </c>
      <c r="E7146" t="s">
        <v>13</v>
      </c>
      <c r="F7146">
        <v>6936</v>
      </c>
      <c r="G7146" t="s">
        <v>28229</v>
      </c>
      <c r="H7146">
        <v>4.851570133958</v>
      </c>
      <c r="I7146">
        <v>51.658958916562</v>
      </c>
      <c r="J7146" t="s">
        <v>62831</v>
      </c>
    </row>
    <row r="7147" spans="1:10" x14ac:dyDescent="0.25">
      <c r="A7147" t="s">
        <v>28222</v>
      </c>
      <c r="B7147" t="s">
        <v>28223</v>
      </c>
      <c r="C7147" t="s">
        <v>28224</v>
      </c>
      <c r="D7147" t="s">
        <v>28119</v>
      </c>
      <c r="E7147" t="s">
        <v>13</v>
      </c>
      <c r="F7147">
        <v>6935</v>
      </c>
      <c r="G7147" t="s">
        <v>28225</v>
      </c>
      <c r="H7147">
        <v>4.8853388407080001</v>
      </c>
      <c r="I7147">
        <v>51.631059879477</v>
      </c>
      <c r="J7147" t="s">
        <v>62832</v>
      </c>
    </row>
    <row r="7148" spans="1:10" x14ac:dyDescent="0.25">
      <c r="A7148" t="s">
        <v>28218</v>
      </c>
      <c r="B7148" t="s">
        <v>28219</v>
      </c>
      <c r="C7148" t="s">
        <v>28220</v>
      </c>
      <c r="D7148" t="s">
        <v>28119</v>
      </c>
      <c r="E7148" t="s">
        <v>13</v>
      </c>
      <c r="F7148">
        <v>6934</v>
      </c>
      <c r="G7148" t="s">
        <v>28221</v>
      </c>
      <c r="H7148">
        <v>4.8771755902590002</v>
      </c>
      <c r="I7148">
        <v>51.622293470060001</v>
      </c>
      <c r="J7148" t="s">
        <v>62833</v>
      </c>
    </row>
    <row r="7149" spans="1:10" x14ac:dyDescent="0.25">
      <c r="A7149" t="s">
        <v>28214</v>
      </c>
      <c r="B7149" t="s">
        <v>28215</v>
      </c>
      <c r="C7149" t="s">
        <v>28216</v>
      </c>
      <c r="D7149" t="s">
        <v>28119</v>
      </c>
      <c r="E7149" t="s">
        <v>13</v>
      </c>
      <c r="F7149">
        <v>6933</v>
      </c>
      <c r="G7149" t="s">
        <v>28217</v>
      </c>
      <c r="H7149">
        <v>4.8246224896910004</v>
      </c>
      <c r="I7149">
        <v>51.649477762445997</v>
      </c>
      <c r="J7149" t="s">
        <v>62834</v>
      </c>
    </row>
    <row r="7150" spans="1:10" x14ac:dyDescent="0.25">
      <c r="A7150" t="s">
        <v>28210</v>
      </c>
      <c r="B7150" t="s">
        <v>28211</v>
      </c>
      <c r="C7150" t="s">
        <v>28212</v>
      </c>
      <c r="D7150" t="s">
        <v>28119</v>
      </c>
      <c r="E7150" t="s">
        <v>13</v>
      </c>
      <c r="F7150">
        <v>6932</v>
      </c>
      <c r="G7150" t="s">
        <v>28213</v>
      </c>
      <c r="H7150">
        <v>4.8273043590129996</v>
      </c>
      <c r="I7150">
        <v>51.643920317244003</v>
      </c>
      <c r="J7150" t="s">
        <v>62835</v>
      </c>
    </row>
    <row r="7151" spans="1:10" x14ac:dyDescent="0.25">
      <c r="A7151" t="s">
        <v>28206</v>
      </c>
      <c r="B7151" t="s">
        <v>28207</v>
      </c>
      <c r="C7151" t="s">
        <v>28208</v>
      </c>
      <c r="D7151" t="s">
        <v>28119</v>
      </c>
      <c r="E7151" t="s">
        <v>13</v>
      </c>
      <c r="F7151">
        <v>6931</v>
      </c>
      <c r="G7151" t="s">
        <v>28209</v>
      </c>
      <c r="H7151">
        <v>4.8366509892460003</v>
      </c>
      <c r="I7151">
        <v>51.653606412506001</v>
      </c>
      <c r="J7151" t="s">
        <v>62836</v>
      </c>
    </row>
    <row r="7152" spans="1:10" x14ac:dyDescent="0.25">
      <c r="A7152" t="s">
        <v>28202</v>
      </c>
      <c r="B7152" t="s">
        <v>28203</v>
      </c>
      <c r="C7152" t="s">
        <v>28204</v>
      </c>
      <c r="D7152" t="s">
        <v>28119</v>
      </c>
      <c r="E7152" t="s">
        <v>13</v>
      </c>
      <c r="F7152">
        <v>6930</v>
      </c>
      <c r="G7152" t="s">
        <v>28205</v>
      </c>
      <c r="H7152">
        <v>4.8376674479639998</v>
      </c>
      <c r="I7152">
        <v>51.643135928329002</v>
      </c>
      <c r="J7152" t="s">
        <v>62837</v>
      </c>
    </row>
    <row r="7153" spans="1:10" x14ac:dyDescent="0.25">
      <c r="A7153" t="s">
        <v>28199</v>
      </c>
      <c r="B7153" t="s">
        <v>28200</v>
      </c>
      <c r="C7153" t="s">
        <v>81</v>
      </c>
      <c r="D7153" t="s">
        <v>28119</v>
      </c>
      <c r="E7153" t="s">
        <v>13</v>
      </c>
      <c r="F7153">
        <v>6929</v>
      </c>
      <c r="G7153" t="s">
        <v>28201</v>
      </c>
      <c r="H7153">
        <v>4.872043236653</v>
      </c>
      <c r="I7153">
        <v>51.663987673034001</v>
      </c>
      <c r="J7153" t="s">
        <v>62838</v>
      </c>
    </row>
    <row r="7154" spans="1:10" x14ac:dyDescent="0.25">
      <c r="A7154" t="s">
        <v>28195</v>
      </c>
      <c r="B7154" t="s">
        <v>28196</v>
      </c>
      <c r="C7154" t="s">
        <v>28197</v>
      </c>
      <c r="D7154" t="s">
        <v>28119</v>
      </c>
      <c r="E7154" t="s">
        <v>13</v>
      </c>
      <c r="F7154">
        <v>6928</v>
      </c>
      <c r="G7154" t="s">
        <v>28198</v>
      </c>
      <c r="H7154">
        <v>4.8599617906840002</v>
      </c>
      <c r="I7154">
        <v>51.665516254152998</v>
      </c>
      <c r="J7154" t="s">
        <v>62839</v>
      </c>
    </row>
    <row r="7155" spans="1:10" x14ac:dyDescent="0.25">
      <c r="A7155" t="s">
        <v>28192</v>
      </c>
      <c r="B7155" t="s">
        <v>28193</v>
      </c>
      <c r="C7155" t="s">
        <v>85</v>
      </c>
      <c r="D7155" t="s">
        <v>28119</v>
      </c>
      <c r="E7155" t="s">
        <v>13</v>
      </c>
      <c r="F7155">
        <v>6927</v>
      </c>
      <c r="G7155" t="s">
        <v>28194</v>
      </c>
      <c r="H7155">
        <v>4.8770127111199999</v>
      </c>
      <c r="I7155">
        <v>51.658188681311003</v>
      </c>
      <c r="J7155" t="s">
        <v>62840</v>
      </c>
    </row>
    <row r="7156" spans="1:10" x14ac:dyDescent="0.25">
      <c r="A7156" t="s">
        <v>28188</v>
      </c>
      <c r="B7156" t="s">
        <v>28189</v>
      </c>
      <c r="C7156" t="s">
        <v>28190</v>
      </c>
      <c r="D7156" t="s">
        <v>28119</v>
      </c>
      <c r="E7156" t="s">
        <v>13</v>
      </c>
      <c r="F7156">
        <v>6926</v>
      </c>
      <c r="G7156" t="s">
        <v>28191</v>
      </c>
      <c r="H7156">
        <v>4.8583492516510001</v>
      </c>
      <c r="I7156">
        <v>51.658304813565003</v>
      </c>
      <c r="J7156" t="s">
        <v>62841</v>
      </c>
    </row>
    <row r="7157" spans="1:10" x14ac:dyDescent="0.25">
      <c r="A7157" t="s">
        <v>28184</v>
      </c>
      <c r="B7157" t="s">
        <v>28185</v>
      </c>
      <c r="C7157" t="s">
        <v>28186</v>
      </c>
      <c r="D7157" t="s">
        <v>28119</v>
      </c>
      <c r="E7157" t="s">
        <v>13</v>
      </c>
      <c r="F7157">
        <v>6925</v>
      </c>
      <c r="G7157" t="s">
        <v>28187</v>
      </c>
      <c r="H7157">
        <v>4.8673621780909997</v>
      </c>
      <c r="I7157">
        <v>51.660705849383</v>
      </c>
      <c r="J7157" t="s">
        <v>62842</v>
      </c>
    </row>
    <row r="7158" spans="1:10" x14ac:dyDescent="0.25">
      <c r="A7158" t="s">
        <v>28180</v>
      </c>
      <c r="B7158" t="s">
        <v>28181</v>
      </c>
      <c r="C7158" t="s">
        <v>28182</v>
      </c>
      <c r="D7158" t="s">
        <v>28119</v>
      </c>
      <c r="E7158" t="s">
        <v>13</v>
      </c>
      <c r="F7158">
        <v>6924</v>
      </c>
      <c r="G7158" t="s">
        <v>28183</v>
      </c>
      <c r="H7158">
        <v>4.8666935237990003</v>
      </c>
      <c r="I7158">
        <v>51.657922739168001</v>
      </c>
      <c r="J7158" t="s">
        <v>62843</v>
      </c>
    </row>
    <row r="7159" spans="1:10" x14ac:dyDescent="0.25">
      <c r="A7159" t="s">
        <v>28177</v>
      </c>
      <c r="B7159" t="s">
        <v>28178</v>
      </c>
      <c r="C7159" t="s">
        <v>17625</v>
      </c>
      <c r="D7159" t="s">
        <v>28119</v>
      </c>
      <c r="E7159" t="s">
        <v>13</v>
      </c>
      <c r="F7159">
        <v>6923</v>
      </c>
      <c r="G7159" t="s">
        <v>28179</v>
      </c>
      <c r="H7159">
        <v>4.8664454601760001</v>
      </c>
      <c r="I7159">
        <v>51.654231192586003</v>
      </c>
      <c r="J7159" t="s">
        <v>62844</v>
      </c>
    </row>
    <row r="7160" spans="1:10" x14ac:dyDescent="0.25">
      <c r="A7160" t="s">
        <v>28174</v>
      </c>
      <c r="B7160" t="s">
        <v>28175</v>
      </c>
      <c r="C7160" t="s">
        <v>14681</v>
      </c>
      <c r="D7160" t="s">
        <v>28119</v>
      </c>
      <c r="E7160" t="s">
        <v>13</v>
      </c>
      <c r="F7160">
        <v>6922</v>
      </c>
      <c r="G7160" t="s">
        <v>28176</v>
      </c>
      <c r="H7160">
        <v>4.8761896531979998</v>
      </c>
      <c r="I7160">
        <v>51.652364262086998</v>
      </c>
      <c r="J7160" t="s">
        <v>62845</v>
      </c>
    </row>
    <row r="7161" spans="1:10" x14ac:dyDescent="0.25">
      <c r="A7161" t="s">
        <v>28170</v>
      </c>
      <c r="B7161" t="s">
        <v>28171</v>
      </c>
      <c r="C7161" t="s">
        <v>28172</v>
      </c>
      <c r="D7161" t="s">
        <v>28119</v>
      </c>
      <c r="E7161" t="s">
        <v>13</v>
      </c>
      <c r="F7161">
        <v>6921</v>
      </c>
      <c r="G7161" t="s">
        <v>28173</v>
      </c>
      <c r="H7161">
        <v>4.8541952635500003</v>
      </c>
      <c r="I7161">
        <v>51.629723745386997</v>
      </c>
      <c r="J7161" t="s">
        <v>62846</v>
      </c>
    </row>
    <row r="7162" spans="1:10" x14ac:dyDescent="0.25">
      <c r="A7162" t="s">
        <v>28166</v>
      </c>
      <c r="B7162" t="s">
        <v>28167</v>
      </c>
      <c r="C7162" t="s">
        <v>28168</v>
      </c>
      <c r="D7162" t="s">
        <v>28119</v>
      </c>
      <c r="E7162" t="s">
        <v>13</v>
      </c>
      <c r="F7162">
        <v>6920</v>
      </c>
      <c r="G7162" t="s">
        <v>28169</v>
      </c>
      <c r="H7162">
        <v>4.845385521301</v>
      </c>
      <c r="I7162">
        <v>51.630282284244998</v>
      </c>
      <c r="J7162" t="s">
        <v>62847</v>
      </c>
    </row>
    <row r="7163" spans="1:10" x14ac:dyDescent="0.25">
      <c r="A7163" t="s">
        <v>28163</v>
      </c>
      <c r="B7163" t="s">
        <v>28164</v>
      </c>
      <c r="C7163" t="s">
        <v>17501</v>
      </c>
      <c r="D7163" t="s">
        <v>28119</v>
      </c>
      <c r="E7163" t="s">
        <v>13</v>
      </c>
      <c r="F7163">
        <v>6919</v>
      </c>
      <c r="G7163" t="s">
        <v>28165</v>
      </c>
      <c r="H7163">
        <v>4.8496161680050003</v>
      </c>
      <c r="I7163">
        <v>51.624997030488998</v>
      </c>
      <c r="J7163" t="s">
        <v>62848</v>
      </c>
    </row>
    <row r="7164" spans="1:10" x14ac:dyDescent="0.25">
      <c r="A7164" t="s">
        <v>28160</v>
      </c>
      <c r="B7164" t="s">
        <v>28161</v>
      </c>
      <c r="C7164" t="s">
        <v>20137</v>
      </c>
      <c r="D7164" t="s">
        <v>28119</v>
      </c>
      <c r="E7164" t="s">
        <v>13</v>
      </c>
      <c r="F7164">
        <v>6918</v>
      </c>
      <c r="G7164" t="s">
        <v>28162</v>
      </c>
      <c r="H7164">
        <v>4.8572542817880002</v>
      </c>
      <c r="I7164">
        <v>51.620493908777</v>
      </c>
      <c r="J7164" t="s">
        <v>62849</v>
      </c>
    </row>
    <row r="7165" spans="1:10" x14ac:dyDescent="0.25">
      <c r="A7165" t="s">
        <v>28157</v>
      </c>
      <c r="B7165" t="s">
        <v>28158</v>
      </c>
      <c r="C7165" t="s">
        <v>89</v>
      </c>
      <c r="D7165" t="s">
        <v>28119</v>
      </c>
      <c r="E7165" t="s">
        <v>13</v>
      </c>
      <c r="F7165">
        <v>6917</v>
      </c>
      <c r="G7165" t="s">
        <v>28159</v>
      </c>
      <c r="H7165">
        <v>4.8604270921449997</v>
      </c>
      <c r="I7165">
        <v>51.623761448160998</v>
      </c>
      <c r="J7165" t="s">
        <v>62850</v>
      </c>
    </row>
    <row r="7166" spans="1:10" x14ac:dyDescent="0.25">
      <c r="A7166" t="s">
        <v>28154</v>
      </c>
      <c r="B7166" t="s">
        <v>28155</v>
      </c>
      <c r="C7166" t="s">
        <v>479</v>
      </c>
      <c r="D7166" t="s">
        <v>28119</v>
      </c>
      <c r="E7166" t="s">
        <v>13</v>
      </c>
      <c r="F7166">
        <v>6916</v>
      </c>
      <c r="G7166" t="s">
        <v>28156</v>
      </c>
      <c r="H7166">
        <v>4.8646840062979999</v>
      </c>
      <c r="I7166">
        <v>51.628073503132001</v>
      </c>
      <c r="J7166" t="s">
        <v>62851</v>
      </c>
    </row>
    <row r="7167" spans="1:10" x14ac:dyDescent="0.25">
      <c r="A7167" t="s">
        <v>28151</v>
      </c>
      <c r="B7167" t="s">
        <v>28152</v>
      </c>
      <c r="C7167" t="s">
        <v>14642</v>
      </c>
      <c r="D7167" t="s">
        <v>28119</v>
      </c>
      <c r="E7167" t="s">
        <v>13</v>
      </c>
      <c r="F7167">
        <v>6915</v>
      </c>
      <c r="G7167" t="s">
        <v>28153</v>
      </c>
      <c r="H7167">
        <v>4.8730114773219997</v>
      </c>
      <c r="I7167">
        <v>51.648442649011002</v>
      </c>
      <c r="J7167" t="s">
        <v>62852</v>
      </c>
    </row>
    <row r="7168" spans="1:10" x14ac:dyDescent="0.25">
      <c r="A7168" t="s">
        <v>28147</v>
      </c>
      <c r="B7168" t="s">
        <v>28148</v>
      </c>
      <c r="C7168" t="s">
        <v>28149</v>
      </c>
      <c r="D7168" t="s">
        <v>28119</v>
      </c>
      <c r="E7168" t="s">
        <v>13</v>
      </c>
      <c r="F7168">
        <v>6914</v>
      </c>
      <c r="G7168" t="s">
        <v>28150</v>
      </c>
      <c r="H7168">
        <v>4.8768754662880003</v>
      </c>
      <c r="I7168">
        <v>51.643418724804</v>
      </c>
      <c r="J7168" t="s">
        <v>62853</v>
      </c>
    </row>
    <row r="7169" spans="1:10" x14ac:dyDescent="0.25">
      <c r="A7169" t="s">
        <v>28144</v>
      </c>
      <c r="B7169" t="s">
        <v>28145</v>
      </c>
      <c r="C7169" t="s">
        <v>14674</v>
      </c>
      <c r="D7169" t="s">
        <v>28119</v>
      </c>
      <c r="E7169" t="s">
        <v>13</v>
      </c>
      <c r="F7169">
        <v>6913</v>
      </c>
      <c r="G7169" t="s">
        <v>28146</v>
      </c>
      <c r="H7169">
        <v>4.8647242809140003</v>
      </c>
      <c r="I7169">
        <v>51.650086192426997</v>
      </c>
      <c r="J7169" t="s">
        <v>62854</v>
      </c>
    </row>
    <row r="7170" spans="1:10" x14ac:dyDescent="0.25">
      <c r="A7170" t="s">
        <v>28141</v>
      </c>
      <c r="B7170" t="s">
        <v>28142</v>
      </c>
      <c r="C7170" t="s">
        <v>37</v>
      </c>
      <c r="D7170" t="s">
        <v>28119</v>
      </c>
      <c r="E7170" t="s">
        <v>13</v>
      </c>
      <c r="F7170">
        <v>6912</v>
      </c>
      <c r="G7170" t="s">
        <v>28143</v>
      </c>
      <c r="H7170">
        <v>4.8560802806070003</v>
      </c>
      <c r="I7170">
        <v>51.650757176831</v>
      </c>
      <c r="J7170" t="s">
        <v>62855</v>
      </c>
    </row>
    <row r="7171" spans="1:10" x14ac:dyDescent="0.25">
      <c r="A7171" t="s">
        <v>28137</v>
      </c>
      <c r="B7171" t="s">
        <v>28138</v>
      </c>
      <c r="C7171" t="s">
        <v>28139</v>
      </c>
      <c r="D7171" t="s">
        <v>28119</v>
      </c>
      <c r="E7171" t="s">
        <v>13</v>
      </c>
      <c r="F7171">
        <v>6911</v>
      </c>
      <c r="G7171" t="s">
        <v>28140</v>
      </c>
      <c r="H7171">
        <v>4.84267341305</v>
      </c>
      <c r="I7171">
        <v>51.644802786855003</v>
      </c>
      <c r="J7171" t="s">
        <v>62856</v>
      </c>
    </row>
    <row r="7172" spans="1:10" x14ac:dyDescent="0.25">
      <c r="A7172" t="s">
        <v>28133</v>
      </c>
      <c r="B7172" t="s">
        <v>28134</v>
      </c>
      <c r="C7172" t="s">
        <v>28135</v>
      </c>
      <c r="D7172" t="s">
        <v>28119</v>
      </c>
      <c r="E7172" t="s">
        <v>13</v>
      </c>
      <c r="F7172">
        <v>6910</v>
      </c>
      <c r="G7172" t="s">
        <v>28136</v>
      </c>
      <c r="H7172">
        <v>4.8473535554640002</v>
      </c>
      <c r="I7172">
        <v>51.642574283286997</v>
      </c>
      <c r="J7172" t="s">
        <v>62857</v>
      </c>
    </row>
    <row r="7173" spans="1:10" x14ac:dyDescent="0.25">
      <c r="A7173" t="s">
        <v>28129</v>
      </c>
      <c r="B7173" t="s">
        <v>28130</v>
      </c>
      <c r="C7173" t="s">
        <v>28131</v>
      </c>
      <c r="D7173" t="s">
        <v>28119</v>
      </c>
      <c r="E7173" t="s">
        <v>13</v>
      </c>
      <c r="F7173">
        <v>6909</v>
      </c>
      <c r="G7173" t="s">
        <v>28132</v>
      </c>
      <c r="H7173">
        <v>4.8535013647409997</v>
      </c>
      <c r="I7173">
        <v>51.637049667725002</v>
      </c>
      <c r="J7173" t="s">
        <v>62858</v>
      </c>
    </row>
    <row r="7174" spans="1:10" x14ac:dyDescent="0.25">
      <c r="A7174" t="s">
        <v>28125</v>
      </c>
      <c r="B7174" t="s">
        <v>28126</v>
      </c>
      <c r="C7174" t="s">
        <v>28127</v>
      </c>
      <c r="D7174" t="s">
        <v>28119</v>
      </c>
      <c r="E7174" t="s">
        <v>13</v>
      </c>
      <c r="F7174">
        <v>6908</v>
      </c>
      <c r="G7174" t="s">
        <v>28128</v>
      </c>
      <c r="H7174">
        <v>4.8640343855420003</v>
      </c>
      <c r="I7174">
        <v>51.636088302843</v>
      </c>
      <c r="J7174" t="s">
        <v>62859</v>
      </c>
    </row>
    <row r="7175" spans="1:10" x14ac:dyDescent="0.25">
      <c r="A7175" t="s">
        <v>28121</v>
      </c>
      <c r="B7175" t="s">
        <v>28122</v>
      </c>
      <c r="C7175" t="s">
        <v>28123</v>
      </c>
      <c r="D7175" t="s">
        <v>28119</v>
      </c>
      <c r="E7175" t="s">
        <v>13</v>
      </c>
      <c r="F7175">
        <v>6907</v>
      </c>
      <c r="G7175" t="s">
        <v>28124</v>
      </c>
      <c r="H7175">
        <v>4.8742138992789998</v>
      </c>
      <c r="I7175">
        <v>51.635367806424</v>
      </c>
      <c r="J7175" t="s">
        <v>62860</v>
      </c>
    </row>
    <row r="7176" spans="1:10" x14ac:dyDescent="0.25">
      <c r="A7176" t="s">
        <v>28117</v>
      </c>
      <c r="B7176" t="s">
        <v>28118</v>
      </c>
      <c r="C7176" t="s">
        <v>129</v>
      </c>
      <c r="D7176" t="s">
        <v>28119</v>
      </c>
      <c r="E7176" t="s">
        <v>13</v>
      </c>
      <c r="F7176">
        <v>6906</v>
      </c>
      <c r="G7176" t="s">
        <v>28120</v>
      </c>
      <c r="H7176">
        <v>4.86055341494</v>
      </c>
      <c r="I7176">
        <v>51.644086272193</v>
      </c>
      <c r="J7176" t="s">
        <v>62861</v>
      </c>
    </row>
    <row r="7177" spans="1:10" x14ac:dyDescent="0.25">
      <c r="A7177" t="s">
        <v>28113</v>
      </c>
      <c r="B7177" t="s">
        <v>28114</v>
      </c>
      <c r="C7177" t="s">
        <v>28115</v>
      </c>
      <c r="D7177" t="s">
        <v>28059</v>
      </c>
      <c r="E7177" t="s">
        <v>13</v>
      </c>
      <c r="F7177">
        <v>6905</v>
      </c>
      <c r="G7177" t="s">
        <v>28116</v>
      </c>
      <c r="H7177">
        <v>5.2753388487599997</v>
      </c>
      <c r="I7177">
        <v>51.477954834686003</v>
      </c>
      <c r="J7177" t="s">
        <v>62862</v>
      </c>
    </row>
    <row r="7178" spans="1:10" x14ac:dyDescent="0.25">
      <c r="A7178" t="s">
        <v>28109</v>
      </c>
      <c r="B7178" t="s">
        <v>28110</v>
      </c>
      <c r="C7178" t="s">
        <v>28111</v>
      </c>
      <c r="D7178" t="s">
        <v>28059</v>
      </c>
      <c r="E7178" t="s">
        <v>13</v>
      </c>
      <c r="F7178">
        <v>6904</v>
      </c>
      <c r="G7178" t="s">
        <v>28112</v>
      </c>
      <c r="H7178">
        <v>5.2689237452829998</v>
      </c>
      <c r="I7178">
        <v>51.472673933194997</v>
      </c>
      <c r="J7178" t="s">
        <v>62863</v>
      </c>
    </row>
    <row r="7179" spans="1:10" x14ac:dyDescent="0.25">
      <c r="A7179" t="s">
        <v>28105</v>
      </c>
      <c r="B7179" t="s">
        <v>28106</v>
      </c>
      <c r="C7179" t="s">
        <v>28107</v>
      </c>
      <c r="D7179" t="s">
        <v>28059</v>
      </c>
      <c r="E7179" t="s">
        <v>13</v>
      </c>
      <c r="F7179">
        <v>6903</v>
      </c>
      <c r="G7179" t="s">
        <v>28108</v>
      </c>
      <c r="H7179">
        <v>5.2419217861660004</v>
      </c>
      <c r="I7179">
        <v>51.464586175089003</v>
      </c>
      <c r="J7179" t="s">
        <v>62864</v>
      </c>
    </row>
    <row r="7180" spans="1:10" x14ac:dyDescent="0.25">
      <c r="A7180" t="s">
        <v>28101</v>
      </c>
      <c r="B7180" t="s">
        <v>28102</v>
      </c>
      <c r="C7180" t="s">
        <v>28103</v>
      </c>
      <c r="D7180" t="s">
        <v>28059</v>
      </c>
      <c r="E7180" t="s">
        <v>13</v>
      </c>
      <c r="F7180">
        <v>6902</v>
      </c>
      <c r="G7180" t="s">
        <v>28104</v>
      </c>
      <c r="H7180">
        <v>5.222311727708</v>
      </c>
      <c r="I7180">
        <v>51.445324262094999</v>
      </c>
      <c r="J7180" t="s">
        <v>62865</v>
      </c>
    </row>
    <row r="7181" spans="1:10" x14ac:dyDescent="0.25">
      <c r="A7181" t="s">
        <v>28097</v>
      </c>
      <c r="B7181" t="s">
        <v>28098</v>
      </c>
      <c r="C7181" t="s">
        <v>28099</v>
      </c>
      <c r="D7181" t="s">
        <v>28059</v>
      </c>
      <c r="E7181" t="s">
        <v>13</v>
      </c>
      <c r="F7181">
        <v>6901</v>
      </c>
      <c r="G7181" t="s">
        <v>28100</v>
      </c>
      <c r="H7181">
        <v>5.2507286076530004</v>
      </c>
      <c r="I7181">
        <v>51.466769376708001</v>
      </c>
      <c r="J7181" t="s">
        <v>62866</v>
      </c>
    </row>
    <row r="7182" spans="1:10" x14ac:dyDescent="0.25">
      <c r="A7182" t="s">
        <v>28093</v>
      </c>
      <c r="B7182" t="s">
        <v>28094</v>
      </c>
      <c r="C7182" t="s">
        <v>28095</v>
      </c>
      <c r="D7182" t="s">
        <v>28059</v>
      </c>
      <c r="E7182" t="s">
        <v>13</v>
      </c>
      <c r="F7182">
        <v>6900</v>
      </c>
      <c r="G7182" t="s">
        <v>28096</v>
      </c>
      <c r="H7182">
        <v>5.2679184617720001</v>
      </c>
      <c r="I7182">
        <v>51.523972432154999</v>
      </c>
      <c r="J7182" t="s">
        <v>62867</v>
      </c>
    </row>
    <row r="7183" spans="1:10" x14ac:dyDescent="0.25">
      <c r="A7183" t="s">
        <v>28089</v>
      </c>
      <c r="B7183" t="s">
        <v>28090</v>
      </c>
      <c r="C7183" t="s">
        <v>28091</v>
      </c>
      <c r="D7183" t="s">
        <v>28059</v>
      </c>
      <c r="E7183" t="s">
        <v>13</v>
      </c>
      <c r="F7183">
        <v>6899</v>
      </c>
      <c r="G7183" t="s">
        <v>28092</v>
      </c>
      <c r="H7183">
        <v>5.2705235715020002</v>
      </c>
      <c r="I7183">
        <v>51.518190563174002</v>
      </c>
      <c r="J7183" t="s">
        <v>62868</v>
      </c>
    </row>
    <row r="7184" spans="1:10" x14ac:dyDescent="0.25">
      <c r="A7184" t="s">
        <v>28085</v>
      </c>
      <c r="B7184" t="s">
        <v>28086</v>
      </c>
      <c r="C7184" t="s">
        <v>28087</v>
      </c>
      <c r="D7184" t="s">
        <v>28059</v>
      </c>
      <c r="E7184" t="s">
        <v>13</v>
      </c>
      <c r="F7184">
        <v>6898</v>
      </c>
      <c r="G7184" t="s">
        <v>28088</v>
      </c>
      <c r="H7184">
        <v>5.3238514957599996</v>
      </c>
      <c r="I7184">
        <v>51.533332833307</v>
      </c>
      <c r="J7184" t="s">
        <v>62869</v>
      </c>
    </row>
    <row r="7185" spans="1:10" x14ac:dyDescent="0.25">
      <c r="A7185" t="s">
        <v>28081</v>
      </c>
      <c r="B7185" t="s">
        <v>28082</v>
      </c>
      <c r="C7185" t="s">
        <v>28083</v>
      </c>
      <c r="D7185" t="s">
        <v>28059</v>
      </c>
      <c r="E7185" t="s">
        <v>13</v>
      </c>
      <c r="F7185">
        <v>6897</v>
      </c>
      <c r="G7185" t="s">
        <v>28084</v>
      </c>
      <c r="H7185">
        <v>5.3409994913669996</v>
      </c>
      <c r="I7185">
        <v>51.48335594273</v>
      </c>
      <c r="J7185" t="s">
        <v>62870</v>
      </c>
    </row>
    <row r="7186" spans="1:10" x14ac:dyDescent="0.25">
      <c r="A7186" t="s">
        <v>28077</v>
      </c>
      <c r="B7186" t="s">
        <v>28078</v>
      </c>
      <c r="C7186" t="s">
        <v>28079</v>
      </c>
      <c r="D7186" t="s">
        <v>28059</v>
      </c>
      <c r="E7186" t="s">
        <v>13</v>
      </c>
      <c r="F7186">
        <v>6896</v>
      </c>
      <c r="G7186" t="s">
        <v>28080</v>
      </c>
      <c r="H7186">
        <v>5.3445893112849996</v>
      </c>
      <c r="I7186">
        <v>51.506952264608003</v>
      </c>
      <c r="J7186" t="s">
        <v>62871</v>
      </c>
    </row>
    <row r="7187" spans="1:10" x14ac:dyDescent="0.25">
      <c r="A7187" t="s">
        <v>28073</v>
      </c>
      <c r="B7187" t="s">
        <v>28074</v>
      </c>
      <c r="C7187" t="s">
        <v>28075</v>
      </c>
      <c r="D7187" t="s">
        <v>28059</v>
      </c>
      <c r="E7187" t="s">
        <v>13</v>
      </c>
      <c r="F7187">
        <v>6895</v>
      </c>
      <c r="G7187" t="s">
        <v>28076</v>
      </c>
      <c r="H7187">
        <v>5.3340914467509997</v>
      </c>
      <c r="I7187">
        <v>51.517585657466</v>
      </c>
      <c r="J7187" t="s">
        <v>62872</v>
      </c>
    </row>
    <row r="7188" spans="1:10" x14ac:dyDescent="0.25">
      <c r="A7188" t="s">
        <v>28069</v>
      </c>
      <c r="B7188" t="s">
        <v>28070</v>
      </c>
      <c r="C7188" t="s">
        <v>28071</v>
      </c>
      <c r="D7188" t="s">
        <v>28059</v>
      </c>
      <c r="E7188" t="s">
        <v>13</v>
      </c>
      <c r="F7188">
        <v>6894</v>
      </c>
      <c r="G7188" t="s">
        <v>28072</v>
      </c>
      <c r="H7188">
        <v>5.3287271926540001</v>
      </c>
      <c r="I7188">
        <v>51.502538849647998</v>
      </c>
      <c r="J7188" t="s">
        <v>62873</v>
      </c>
    </row>
    <row r="7189" spans="1:10" x14ac:dyDescent="0.25">
      <c r="A7189" t="s">
        <v>28065</v>
      </c>
      <c r="B7189" t="s">
        <v>28066</v>
      </c>
      <c r="C7189" t="s">
        <v>28067</v>
      </c>
      <c r="D7189" t="s">
        <v>28059</v>
      </c>
      <c r="E7189" t="s">
        <v>13</v>
      </c>
      <c r="F7189">
        <v>6893</v>
      </c>
      <c r="G7189" t="s">
        <v>28068</v>
      </c>
      <c r="H7189">
        <v>5.319642581818</v>
      </c>
      <c r="I7189">
        <v>51.507802447797999</v>
      </c>
      <c r="J7189" t="s">
        <v>62874</v>
      </c>
    </row>
    <row r="7190" spans="1:10" x14ac:dyDescent="0.25">
      <c r="A7190" t="s">
        <v>28061</v>
      </c>
      <c r="B7190" t="s">
        <v>28062</v>
      </c>
      <c r="C7190" t="s">
        <v>28063</v>
      </c>
      <c r="D7190" t="s">
        <v>28059</v>
      </c>
      <c r="E7190" t="s">
        <v>13</v>
      </c>
      <c r="F7190">
        <v>6892</v>
      </c>
      <c r="G7190" t="s">
        <v>28064</v>
      </c>
      <c r="H7190">
        <v>5.2953548374350001</v>
      </c>
      <c r="I7190">
        <v>51.509367851119002</v>
      </c>
      <c r="J7190" t="s">
        <v>62875</v>
      </c>
    </row>
    <row r="7191" spans="1:10" x14ac:dyDescent="0.25">
      <c r="A7191" t="s">
        <v>28056</v>
      </c>
      <c r="B7191" t="s">
        <v>28057</v>
      </c>
      <c r="C7191" t="s">
        <v>28058</v>
      </c>
      <c r="D7191" t="s">
        <v>28059</v>
      </c>
      <c r="E7191" t="s">
        <v>13</v>
      </c>
      <c r="F7191">
        <v>6891</v>
      </c>
      <c r="G7191" t="s">
        <v>28060</v>
      </c>
      <c r="H7191">
        <v>5.306286504509</v>
      </c>
      <c r="I7191">
        <v>51.505440650003003</v>
      </c>
      <c r="J7191" t="s">
        <v>62876</v>
      </c>
    </row>
    <row r="7192" spans="1:10" x14ac:dyDescent="0.25">
      <c r="A7192" t="s">
        <v>28052</v>
      </c>
      <c r="B7192" t="s">
        <v>28053</v>
      </c>
      <c r="C7192" t="s">
        <v>28054</v>
      </c>
      <c r="D7192" t="s">
        <v>28018</v>
      </c>
      <c r="E7192" t="s">
        <v>13</v>
      </c>
      <c r="F7192">
        <v>6890</v>
      </c>
      <c r="G7192" t="s">
        <v>28055</v>
      </c>
      <c r="H7192">
        <v>5.5234938906749997</v>
      </c>
      <c r="I7192">
        <v>51.487365636782997</v>
      </c>
      <c r="J7192" t="s">
        <v>62877</v>
      </c>
    </row>
    <row r="7193" spans="1:10" x14ac:dyDescent="0.25">
      <c r="A7193" t="s">
        <v>28048</v>
      </c>
      <c r="B7193" t="s">
        <v>28049</v>
      </c>
      <c r="C7193" t="s">
        <v>28050</v>
      </c>
      <c r="D7193" t="s">
        <v>28018</v>
      </c>
      <c r="E7193" t="s">
        <v>13</v>
      </c>
      <c r="F7193">
        <v>6889</v>
      </c>
      <c r="G7193" t="s">
        <v>28051</v>
      </c>
      <c r="H7193">
        <v>5.5228745786799998</v>
      </c>
      <c r="I7193">
        <v>51.492298741931002</v>
      </c>
      <c r="J7193" t="s">
        <v>62878</v>
      </c>
    </row>
    <row r="7194" spans="1:10" x14ac:dyDescent="0.25">
      <c r="A7194" t="s">
        <v>28044</v>
      </c>
      <c r="B7194" t="s">
        <v>28045</v>
      </c>
      <c r="C7194" t="s">
        <v>28046</v>
      </c>
      <c r="D7194" t="s">
        <v>28018</v>
      </c>
      <c r="E7194" t="s">
        <v>13</v>
      </c>
      <c r="F7194">
        <v>6888</v>
      </c>
      <c r="G7194" t="s">
        <v>28047</v>
      </c>
      <c r="H7194">
        <v>5.5506802645970001</v>
      </c>
      <c r="I7194">
        <v>51.507024452787</v>
      </c>
      <c r="J7194" t="s">
        <v>62879</v>
      </c>
    </row>
    <row r="7195" spans="1:10" x14ac:dyDescent="0.25">
      <c r="A7195" t="s">
        <v>28040</v>
      </c>
      <c r="B7195" t="s">
        <v>28041</v>
      </c>
      <c r="C7195" t="s">
        <v>28042</v>
      </c>
      <c r="D7195" t="s">
        <v>28018</v>
      </c>
      <c r="E7195" t="s">
        <v>13</v>
      </c>
      <c r="F7195">
        <v>6887</v>
      </c>
      <c r="G7195" t="s">
        <v>28043</v>
      </c>
      <c r="H7195">
        <v>5.5631768239100001</v>
      </c>
      <c r="I7195">
        <v>51.485697592640001</v>
      </c>
      <c r="J7195" t="s">
        <v>62880</v>
      </c>
    </row>
    <row r="7196" spans="1:10" x14ac:dyDescent="0.25">
      <c r="A7196" t="s">
        <v>28036</v>
      </c>
      <c r="B7196" t="s">
        <v>28037</v>
      </c>
      <c r="C7196" t="s">
        <v>28038</v>
      </c>
      <c r="D7196" t="s">
        <v>28018</v>
      </c>
      <c r="E7196" t="s">
        <v>13</v>
      </c>
      <c r="F7196">
        <v>6886</v>
      </c>
      <c r="G7196" t="s">
        <v>28039</v>
      </c>
      <c r="H7196">
        <v>5.5788064987150001</v>
      </c>
      <c r="I7196">
        <v>51.465910616534998</v>
      </c>
      <c r="J7196" t="s">
        <v>62881</v>
      </c>
    </row>
    <row r="7197" spans="1:10" x14ac:dyDescent="0.25">
      <c r="A7197" t="s">
        <v>28032</v>
      </c>
      <c r="B7197" t="s">
        <v>28033</v>
      </c>
      <c r="C7197" t="s">
        <v>28034</v>
      </c>
      <c r="D7197" t="s">
        <v>28018</v>
      </c>
      <c r="E7197" t="s">
        <v>13</v>
      </c>
      <c r="F7197">
        <v>6885</v>
      </c>
      <c r="G7197" t="s">
        <v>28035</v>
      </c>
      <c r="H7197">
        <v>5.525771737616</v>
      </c>
      <c r="I7197">
        <v>51.467020885795002</v>
      </c>
      <c r="J7197" t="s">
        <v>62882</v>
      </c>
    </row>
    <row r="7198" spans="1:10" x14ac:dyDescent="0.25">
      <c r="A7198" t="s">
        <v>28028</v>
      </c>
      <c r="B7198" t="s">
        <v>28029</v>
      </c>
      <c r="C7198" t="s">
        <v>28030</v>
      </c>
      <c r="D7198" t="s">
        <v>28018</v>
      </c>
      <c r="E7198" t="s">
        <v>13</v>
      </c>
      <c r="F7198">
        <v>6884</v>
      </c>
      <c r="G7198" t="s">
        <v>28031</v>
      </c>
      <c r="H7198">
        <v>5.5532624387910001</v>
      </c>
      <c r="I7198">
        <v>51.448184031681997</v>
      </c>
      <c r="J7198" t="s">
        <v>62883</v>
      </c>
    </row>
    <row r="7199" spans="1:10" x14ac:dyDescent="0.25">
      <c r="A7199" t="s">
        <v>28024</v>
      </c>
      <c r="B7199" t="s">
        <v>28025</v>
      </c>
      <c r="C7199" t="s">
        <v>28026</v>
      </c>
      <c r="D7199" t="s">
        <v>28018</v>
      </c>
      <c r="E7199" t="s">
        <v>13</v>
      </c>
      <c r="F7199">
        <v>6883</v>
      </c>
      <c r="G7199" t="s">
        <v>28027</v>
      </c>
      <c r="H7199">
        <v>5.5654936421840002</v>
      </c>
      <c r="I7199">
        <v>51.472788243910003</v>
      </c>
      <c r="J7199" t="s">
        <v>62884</v>
      </c>
    </row>
    <row r="7200" spans="1:10" x14ac:dyDescent="0.25">
      <c r="A7200" t="s">
        <v>28020</v>
      </c>
      <c r="B7200" t="s">
        <v>28021</v>
      </c>
      <c r="C7200" t="s">
        <v>28022</v>
      </c>
      <c r="D7200" t="s">
        <v>28018</v>
      </c>
      <c r="E7200" t="s">
        <v>13</v>
      </c>
      <c r="F7200">
        <v>6882</v>
      </c>
      <c r="G7200" t="s">
        <v>28023</v>
      </c>
      <c r="H7200">
        <v>5.5467841785690002</v>
      </c>
      <c r="I7200">
        <v>51.464673372577998</v>
      </c>
      <c r="J7200" t="s">
        <v>62885</v>
      </c>
    </row>
    <row r="7201" spans="1:10" x14ac:dyDescent="0.25">
      <c r="A7201" t="s">
        <v>28015</v>
      </c>
      <c r="B7201" t="s">
        <v>28016</v>
      </c>
      <c r="C7201" t="s">
        <v>28017</v>
      </c>
      <c r="D7201" t="s">
        <v>28018</v>
      </c>
      <c r="E7201" t="s">
        <v>13</v>
      </c>
      <c r="F7201">
        <v>6881</v>
      </c>
      <c r="G7201" t="s">
        <v>28019</v>
      </c>
      <c r="H7201">
        <v>5.5453182927949998</v>
      </c>
      <c r="I7201">
        <v>51.476823967883</v>
      </c>
      <c r="J7201" t="s">
        <v>62886</v>
      </c>
    </row>
    <row r="7202" spans="1:10" x14ac:dyDescent="0.25">
      <c r="A7202" t="s">
        <v>28011</v>
      </c>
      <c r="B7202" t="s">
        <v>28012</v>
      </c>
      <c r="C7202" t="s">
        <v>28013</v>
      </c>
      <c r="D7202" t="s">
        <v>27957</v>
      </c>
      <c r="E7202" t="s">
        <v>13</v>
      </c>
      <c r="F7202">
        <v>6880</v>
      </c>
      <c r="G7202" t="s">
        <v>28014</v>
      </c>
      <c r="H7202">
        <v>5.7319725041340002</v>
      </c>
      <c r="I7202">
        <v>51.705291086491997</v>
      </c>
      <c r="J7202" t="s">
        <v>62887</v>
      </c>
    </row>
    <row r="7203" spans="1:10" x14ac:dyDescent="0.25">
      <c r="A7203" t="s">
        <v>28007</v>
      </c>
      <c r="B7203" t="s">
        <v>28008</v>
      </c>
      <c r="C7203" t="s">
        <v>28009</v>
      </c>
      <c r="D7203" t="s">
        <v>27957</v>
      </c>
      <c r="E7203" t="s">
        <v>13</v>
      </c>
      <c r="F7203">
        <v>6879</v>
      </c>
      <c r="G7203" t="s">
        <v>28010</v>
      </c>
      <c r="H7203">
        <v>5.7267936289390002</v>
      </c>
      <c r="I7203">
        <v>51.703932572580001</v>
      </c>
      <c r="J7203" t="s">
        <v>62888</v>
      </c>
    </row>
    <row r="7204" spans="1:10" x14ac:dyDescent="0.25">
      <c r="A7204" t="s">
        <v>28003</v>
      </c>
      <c r="B7204" t="s">
        <v>28004</v>
      </c>
      <c r="C7204" t="s">
        <v>28005</v>
      </c>
      <c r="D7204" t="s">
        <v>27957</v>
      </c>
      <c r="E7204" t="s">
        <v>13</v>
      </c>
      <c r="F7204">
        <v>6878</v>
      </c>
      <c r="G7204" t="s">
        <v>28006</v>
      </c>
      <c r="H7204">
        <v>5.7638582890289998</v>
      </c>
      <c r="I7204">
        <v>51.654636629187003</v>
      </c>
      <c r="J7204" t="s">
        <v>62889</v>
      </c>
    </row>
    <row r="7205" spans="1:10" x14ac:dyDescent="0.25">
      <c r="A7205" t="s">
        <v>27999</v>
      </c>
      <c r="B7205" t="s">
        <v>28000</v>
      </c>
      <c r="C7205" t="s">
        <v>28001</v>
      </c>
      <c r="D7205" t="s">
        <v>27957</v>
      </c>
      <c r="E7205" t="s">
        <v>13</v>
      </c>
      <c r="F7205">
        <v>6877</v>
      </c>
      <c r="G7205" t="s">
        <v>28002</v>
      </c>
      <c r="H7205">
        <v>5.7754823432359998</v>
      </c>
      <c r="I7205">
        <v>51.653346058364001</v>
      </c>
      <c r="J7205" t="s">
        <v>62890</v>
      </c>
    </row>
    <row r="7206" spans="1:10" x14ac:dyDescent="0.25">
      <c r="A7206" t="s">
        <v>27995</v>
      </c>
      <c r="B7206" t="s">
        <v>27996</v>
      </c>
      <c r="C7206" t="s">
        <v>27997</v>
      </c>
      <c r="D7206" t="s">
        <v>27957</v>
      </c>
      <c r="E7206" t="s">
        <v>13</v>
      </c>
      <c r="F7206">
        <v>6876</v>
      </c>
      <c r="G7206" t="s">
        <v>27998</v>
      </c>
      <c r="H7206">
        <v>5.8122777925570004</v>
      </c>
      <c r="I7206">
        <v>51.675595669967002</v>
      </c>
      <c r="J7206" t="s">
        <v>62891</v>
      </c>
    </row>
    <row r="7207" spans="1:10" x14ac:dyDescent="0.25">
      <c r="A7207" t="s">
        <v>27991</v>
      </c>
      <c r="B7207" t="s">
        <v>27992</v>
      </c>
      <c r="C7207" t="s">
        <v>27993</v>
      </c>
      <c r="D7207" t="s">
        <v>27957</v>
      </c>
      <c r="E7207" t="s">
        <v>13</v>
      </c>
      <c r="F7207">
        <v>6875</v>
      </c>
      <c r="G7207" t="s">
        <v>27994</v>
      </c>
      <c r="H7207">
        <v>5.8072382253440002</v>
      </c>
      <c r="I7207">
        <v>51.677539583885</v>
      </c>
      <c r="J7207" t="s">
        <v>62892</v>
      </c>
    </row>
    <row r="7208" spans="1:10" x14ac:dyDescent="0.25">
      <c r="A7208" t="s">
        <v>27987</v>
      </c>
      <c r="B7208" t="s">
        <v>27988</v>
      </c>
      <c r="C7208" t="s">
        <v>27989</v>
      </c>
      <c r="D7208" t="s">
        <v>27957</v>
      </c>
      <c r="E7208" t="s">
        <v>13</v>
      </c>
      <c r="F7208">
        <v>6874</v>
      </c>
      <c r="G7208" t="s">
        <v>27990</v>
      </c>
      <c r="H7208">
        <v>5.7588120037810002</v>
      </c>
      <c r="I7208">
        <v>51.693499436647997</v>
      </c>
      <c r="J7208" t="s">
        <v>62893</v>
      </c>
    </row>
    <row r="7209" spans="1:10" x14ac:dyDescent="0.25">
      <c r="A7209" t="s">
        <v>27983</v>
      </c>
      <c r="B7209" t="s">
        <v>27984</v>
      </c>
      <c r="C7209" t="s">
        <v>27985</v>
      </c>
      <c r="D7209" t="s">
        <v>27957</v>
      </c>
      <c r="E7209" t="s">
        <v>13</v>
      </c>
      <c r="F7209">
        <v>6873</v>
      </c>
      <c r="G7209" t="s">
        <v>27986</v>
      </c>
      <c r="H7209">
        <v>5.7903345450919996</v>
      </c>
      <c r="I7209">
        <v>51.701965945212002</v>
      </c>
      <c r="J7209" t="s">
        <v>62894</v>
      </c>
    </row>
    <row r="7210" spans="1:10" x14ac:dyDescent="0.25">
      <c r="A7210" t="s">
        <v>27979</v>
      </c>
      <c r="B7210" t="s">
        <v>27980</v>
      </c>
      <c r="C7210" t="s">
        <v>27981</v>
      </c>
      <c r="D7210" t="s">
        <v>27957</v>
      </c>
      <c r="E7210" t="s">
        <v>13</v>
      </c>
      <c r="F7210">
        <v>6872</v>
      </c>
      <c r="G7210" t="s">
        <v>27982</v>
      </c>
      <c r="H7210">
        <v>5.7536942569229996</v>
      </c>
      <c r="I7210">
        <v>51.672433215698</v>
      </c>
      <c r="J7210" t="s">
        <v>62895</v>
      </c>
    </row>
    <row r="7211" spans="1:10" x14ac:dyDescent="0.25">
      <c r="A7211" t="s">
        <v>27975</v>
      </c>
      <c r="B7211" t="s">
        <v>27976</v>
      </c>
      <c r="C7211" t="s">
        <v>27977</v>
      </c>
      <c r="D7211" t="s">
        <v>27957</v>
      </c>
      <c r="E7211" t="s">
        <v>13</v>
      </c>
      <c r="F7211">
        <v>6871</v>
      </c>
      <c r="G7211" t="s">
        <v>27978</v>
      </c>
      <c r="H7211">
        <v>5.7617107655859998</v>
      </c>
      <c r="I7211">
        <v>51.687198826033999</v>
      </c>
      <c r="J7211" t="s">
        <v>62896</v>
      </c>
    </row>
    <row r="7212" spans="1:10" x14ac:dyDescent="0.25">
      <c r="A7212" t="s">
        <v>27971</v>
      </c>
      <c r="B7212" t="s">
        <v>27972</v>
      </c>
      <c r="C7212" t="s">
        <v>27973</v>
      </c>
      <c r="D7212" t="s">
        <v>27957</v>
      </c>
      <c r="E7212" t="s">
        <v>13</v>
      </c>
      <c r="F7212">
        <v>6870</v>
      </c>
      <c r="G7212" t="s">
        <v>27974</v>
      </c>
      <c r="H7212">
        <v>5.7829541506490001</v>
      </c>
      <c r="I7212">
        <v>51.679598858246997</v>
      </c>
      <c r="J7212" t="s">
        <v>62897</v>
      </c>
    </row>
    <row r="7213" spans="1:10" x14ac:dyDescent="0.25">
      <c r="A7213" t="s">
        <v>27967</v>
      </c>
      <c r="B7213" t="s">
        <v>27968</v>
      </c>
      <c r="C7213" t="s">
        <v>27969</v>
      </c>
      <c r="D7213" t="s">
        <v>27957</v>
      </c>
      <c r="E7213" t="s">
        <v>13</v>
      </c>
      <c r="F7213">
        <v>6869</v>
      </c>
      <c r="G7213" t="s">
        <v>27970</v>
      </c>
      <c r="H7213">
        <v>5.784267610823</v>
      </c>
      <c r="I7213">
        <v>51.675387483354001</v>
      </c>
      <c r="J7213" t="s">
        <v>62898</v>
      </c>
    </row>
    <row r="7214" spans="1:10" x14ac:dyDescent="0.25">
      <c r="A7214" t="s">
        <v>27963</v>
      </c>
      <c r="B7214" t="s">
        <v>27964</v>
      </c>
      <c r="C7214" t="s">
        <v>27965</v>
      </c>
      <c r="D7214" t="s">
        <v>27957</v>
      </c>
      <c r="E7214" t="s">
        <v>13</v>
      </c>
      <c r="F7214">
        <v>6868</v>
      </c>
      <c r="G7214" t="s">
        <v>27966</v>
      </c>
      <c r="H7214">
        <v>5.7680253214019999</v>
      </c>
      <c r="I7214">
        <v>51.694787802886999</v>
      </c>
      <c r="J7214" t="s">
        <v>62899</v>
      </c>
    </row>
    <row r="7215" spans="1:10" x14ac:dyDescent="0.25">
      <c r="A7215" t="s">
        <v>27959</v>
      </c>
      <c r="B7215" t="s">
        <v>27960</v>
      </c>
      <c r="C7215" t="s">
        <v>27961</v>
      </c>
      <c r="D7215" t="s">
        <v>27957</v>
      </c>
      <c r="E7215" t="s">
        <v>13</v>
      </c>
      <c r="F7215">
        <v>6867</v>
      </c>
      <c r="G7215" t="s">
        <v>27962</v>
      </c>
      <c r="H7215">
        <v>5.7721257277660003</v>
      </c>
      <c r="I7215">
        <v>51.690135599009999</v>
      </c>
      <c r="J7215" t="s">
        <v>62900</v>
      </c>
    </row>
    <row r="7216" spans="1:10" x14ac:dyDescent="0.25">
      <c r="A7216" t="s">
        <v>27954</v>
      </c>
      <c r="B7216" t="s">
        <v>27955</v>
      </c>
      <c r="C7216" t="s">
        <v>27956</v>
      </c>
      <c r="D7216" t="s">
        <v>27957</v>
      </c>
      <c r="E7216" t="s">
        <v>13</v>
      </c>
      <c r="F7216">
        <v>6866</v>
      </c>
      <c r="G7216" t="s">
        <v>27958</v>
      </c>
      <c r="H7216">
        <v>5.7831318518249999</v>
      </c>
      <c r="I7216">
        <v>51.686948189996997</v>
      </c>
      <c r="J7216" t="s">
        <v>62901</v>
      </c>
    </row>
    <row r="7217" spans="1:10" x14ac:dyDescent="0.25">
      <c r="A7217" t="s">
        <v>27950</v>
      </c>
      <c r="B7217" t="s">
        <v>27951</v>
      </c>
      <c r="C7217" t="s">
        <v>27952</v>
      </c>
      <c r="D7217" t="s">
        <v>27834</v>
      </c>
      <c r="E7217" t="s">
        <v>13</v>
      </c>
      <c r="F7217">
        <v>6865</v>
      </c>
      <c r="G7217" t="s">
        <v>27953</v>
      </c>
      <c r="H7217">
        <v>5.0137717802140003</v>
      </c>
      <c r="I7217">
        <v>51.622820992911997</v>
      </c>
      <c r="J7217" t="s">
        <v>62902</v>
      </c>
    </row>
    <row r="7218" spans="1:10" x14ac:dyDescent="0.25">
      <c r="A7218" t="s">
        <v>27946</v>
      </c>
      <c r="B7218" t="s">
        <v>27947</v>
      </c>
      <c r="C7218" t="s">
        <v>27948</v>
      </c>
      <c r="D7218" t="s">
        <v>27834</v>
      </c>
      <c r="E7218" t="s">
        <v>13</v>
      </c>
      <c r="F7218">
        <v>6864</v>
      </c>
      <c r="G7218" t="s">
        <v>27949</v>
      </c>
      <c r="H7218">
        <v>5.0444775841349996</v>
      </c>
      <c r="I7218">
        <v>51.617056421686001</v>
      </c>
      <c r="J7218" t="s">
        <v>62903</v>
      </c>
    </row>
    <row r="7219" spans="1:10" x14ac:dyDescent="0.25">
      <c r="A7219" t="s">
        <v>27942</v>
      </c>
      <c r="B7219" t="s">
        <v>27943</v>
      </c>
      <c r="C7219" t="s">
        <v>27944</v>
      </c>
      <c r="D7219" t="s">
        <v>27834</v>
      </c>
      <c r="E7219" t="s">
        <v>13</v>
      </c>
      <c r="F7219">
        <v>6863</v>
      </c>
      <c r="G7219" t="s">
        <v>27945</v>
      </c>
      <c r="H7219">
        <v>5.0854012603629997</v>
      </c>
      <c r="I7219">
        <v>51.631342170320998</v>
      </c>
      <c r="J7219" t="s">
        <v>62904</v>
      </c>
    </row>
    <row r="7220" spans="1:10" x14ac:dyDescent="0.25">
      <c r="A7220" t="s">
        <v>27938</v>
      </c>
      <c r="B7220" t="s">
        <v>27939</v>
      </c>
      <c r="C7220" t="s">
        <v>27940</v>
      </c>
      <c r="D7220" t="s">
        <v>27834</v>
      </c>
      <c r="E7220" t="s">
        <v>13</v>
      </c>
      <c r="F7220">
        <v>6862</v>
      </c>
      <c r="G7220" t="s">
        <v>27941</v>
      </c>
      <c r="H7220">
        <v>5.040646370258</v>
      </c>
      <c r="I7220">
        <v>51.632589935905997</v>
      </c>
      <c r="J7220" t="s">
        <v>62905</v>
      </c>
    </row>
    <row r="7221" spans="1:10" x14ac:dyDescent="0.25">
      <c r="A7221" t="s">
        <v>27934</v>
      </c>
      <c r="B7221" t="s">
        <v>27935</v>
      </c>
      <c r="C7221" t="s">
        <v>27936</v>
      </c>
      <c r="D7221" t="s">
        <v>27834</v>
      </c>
      <c r="E7221" t="s">
        <v>13</v>
      </c>
      <c r="F7221">
        <v>6861</v>
      </c>
      <c r="G7221" t="s">
        <v>27937</v>
      </c>
      <c r="H7221">
        <v>5.0642091995680003</v>
      </c>
      <c r="I7221">
        <v>51.628085359579998</v>
      </c>
      <c r="J7221" t="s">
        <v>62906</v>
      </c>
    </row>
    <row r="7222" spans="1:10" x14ac:dyDescent="0.25">
      <c r="A7222" t="s">
        <v>27930</v>
      </c>
      <c r="B7222" t="s">
        <v>27931</v>
      </c>
      <c r="C7222" t="s">
        <v>27932</v>
      </c>
      <c r="D7222" t="s">
        <v>27834</v>
      </c>
      <c r="E7222" t="s">
        <v>13</v>
      </c>
      <c r="F7222">
        <v>6860</v>
      </c>
      <c r="G7222" t="s">
        <v>27933</v>
      </c>
      <c r="H7222">
        <v>5.0823844254740003</v>
      </c>
      <c r="I7222">
        <v>51.622613942777001</v>
      </c>
      <c r="J7222" t="s">
        <v>62907</v>
      </c>
    </row>
    <row r="7223" spans="1:10" x14ac:dyDescent="0.25">
      <c r="A7223" t="s">
        <v>27926</v>
      </c>
      <c r="B7223" t="s">
        <v>27927</v>
      </c>
      <c r="C7223" t="s">
        <v>27928</v>
      </c>
      <c r="D7223" t="s">
        <v>27834</v>
      </c>
      <c r="E7223" t="s">
        <v>13</v>
      </c>
      <c r="F7223">
        <v>6859</v>
      </c>
      <c r="G7223" t="s">
        <v>27929</v>
      </c>
      <c r="H7223">
        <v>5.0815938729310002</v>
      </c>
      <c r="I7223">
        <v>51.626132280712</v>
      </c>
      <c r="J7223" t="s">
        <v>62908</v>
      </c>
    </row>
    <row r="7224" spans="1:10" x14ac:dyDescent="0.25">
      <c r="A7224" t="s">
        <v>27922</v>
      </c>
      <c r="B7224" t="s">
        <v>27923</v>
      </c>
      <c r="C7224" t="s">
        <v>27924</v>
      </c>
      <c r="D7224" t="s">
        <v>27834</v>
      </c>
      <c r="E7224" t="s">
        <v>13</v>
      </c>
      <c r="F7224">
        <v>6858</v>
      </c>
      <c r="G7224" t="s">
        <v>27925</v>
      </c>
      <c r="H7224">
        <v>5.0812315836059998</v>
      </c>
      <c r="I7224">
        <v>51.630537998302003</v>
      </c>
      <c r="J7224" t="s">
        <v>62909</v>
      </c>
    </row>
    <row r="7225" spans="1:10" x14ac:dyDescent="0.25">
      <c r="A7225" t="s">
        <v>27918</v>
      </c>
      <c r="B7225" t="s">
        <v>27919</v>
      </c>
      <c r="C7225" t="s">
        <v>27920</v>
      </c>
      <c r="D7225" t="s">
        <v>27834</v>
      </c>
      <c r="E7225" t="s">
        <v>13</v>
      </c>
      <c r="F7225">
        <v>6857</v>
      </c>
      <c r="G7225" t="s">
        <v>27921</v>
      </c>
      <c r="H7225">
        <v>5.0656655900640004</v>
      </c>
      <c r="I7225">
        <v>51.625039969340001</v>
      </c>
      <c r="J7225" t="s">
        <v>62910</v>
      </c>
    </row>
    <row r="7226" spans="1:10" x14ac:dyDescent="0.25">
      <c r="A7226" t="s">
        <v>27914</v>
      </c>
      <c r="B7226" t="s">
        <v>27915</v>
      </c>
      <c r="C7226" t="s">
        <v>27916</v>
      </c>
      <c r="D7226" t="s">
        <v>27834</v>
      </c>
      <c r="E7226" t="s">
        <v>13</v>
      </c>
      <c r="F7226">
        <v>6856</v>
      </c>
      <c r="G7226" t="s">
        <v>27917</v>
      </c>
      <c r="H7226">
        <v>5.0410038424729997</v>
      </c>
      <c r="I7226">
        <v>51.647439180448998</v>
      </c>
      <c r="J7226" t="s">
        <v>62911</v>
      </c>
    </row>
    <row r="7227" spans="1:10" x14ac:dyDescent="0.25">
      <c r="A7227" t="s">
        <v>27910</v>
      </c>
      <c r="B7227" t="s">
        <v>27911</v>
      </c>
      <c r="C7227" t="s">
        <v>27912</v>
      </c>
      <c r="D7227" t="s">
        <v>27834</v>
      </c>
      <c r="E7227" t="s">
        <v>13</v>
      </c>
      <c r="F7227">
        <v>6855</v>
      </c>
      <c r="G7227" t="s">
        <v>27913</v>
      </c>
      <c r="H7227">
        <v>5.0789106752349999</v>
      </c>
      <c r="I7227">
        <v>51.659296990245998</v>
      </c>
      <c r="J7227" t="s">
        <v>62912</v>
      </c>
    </row>
    <row r="7228" spans="1:10" x14ac:dyDescent="0.25">
      <c r="A7228" t="s">
        <v>27907</v>
      </c>
      <c r="B7228" t="s">
        <v>27908</v>
      </c>
      <c r="C7228" t="s">
        <v>1296</v>
      </c>
      <c r="D7228" t="s">
        <v>27834</v>
      </c>
      <c r="E7228" t="s">
        <v>13</v>
      </c>
      <c r="F7228">
        <v>6854</v>
      </c>
      <c r="G7228" t="s">
        <v>27909</v>
      </c>
      <c r="H7228">
        <v>5.052153459546</v>
      </c>
      <c r="I7228">
        <v>51.652303616874001</v>
      </c>
      <c r="J7228" t="s">
        <v>62913</v>
      </c>
    </row>
    <row r="7229" spans="1:10" x14ac:dyDescent="0.25">
      <c r="A7229" t="s">
        <v>27903</v>
      </c>
      <c r="B7229" t="s">
        <v>27904</v>
      </c>
      <c r="C7229" t="s">
        <v>27905</v>
      </c>
      <c r="D7229" t="s">
        <v>27834</v>
      </c>
      <c r="E7229" t="s">
        <v>13</v>
      </c>
      <c r="F7229">
        <v>6853</v>
      </c>
      <c r="G7229" t="s">
        <v>27906</v>
      </c>
      <c r="H7229">
        <v>5.0489865750570004</v>
      </c>
      <c r="I7229">
        <v>51.657669502943001</v>
      </c>
      <c r="J7229" t="s">
        <v>62914</v>
      </c>
    </row>
    <row r="7230" spans="1:10" x14ac:dyDescent="0.25">
      <c r="A7230" t="s">
        <v>27899</v>
      </c>
      <c r="B7230" t="s">
        <v>27900</v>
      </c>
      <c r="C7230" t="s">
        <v>27901</v>
      </c>
      <c r="D7230" t="s">
        <v>27834</v>
      </c>
      <c r="E7230" t="s">
        <v>13</v>
      </c>
      <c r="F7230">
        <v>6852</v>
      </c>
      <c r="G7230" t="s">
        <v>27902</v>
      </c>
      <c r="H7230">
        <v>5.0455890633680003</v>
      </c>
      <c r="I7230">
        <v>51.661024700029998</v>
      </c>
      <c r="J7230" t="s">
        <v>62915</v>
      </c>
    </row>
    <row r="7231" spans="1:10" x14ac:dyDescent="0.25">
      <c r="A7231" t="s">
        <v>27895</v>
      </c>
      <c r="B7231" t="s">
        <v>27896</v>
      </c>
      <c r="C7231" t="s">
        <v>27897</v>
      </c>
      <c r="D7231" t="s">
        <v>27834</v>
      </c>
      <c r="E7231" t="s">
        <v>13</v>
      </c>
      <c r="F7231">
        <v>6851</v>
      </c>
      <c r="G7231" t="s">
        <v>27898</v>
      </c>
      <c r="H7231">
        <v>5.0409658482099999</v>
      </c>
      <c r="I7231">
        <v>51.658640590357003</v>
      </c>
      <c r="J7231" t="s">
        <v>62916</v>
      </c>
    </row>
    <row r="7232" spans="1:10" x14ac:dyDescent="0.25">
      <c r="A7232" t="s">
        <v>27891</v>
      </c>
      <c r="B7232" t="s">
        <v>27892</v>
      </c>
      <c r="C7232" t="s">
        <v>27893</v>
      </c>
      <c r="D7232" t="s">
        <v>27834</v>
      </c>
      <c r="E7232" t="s">
        <v>13</v>
      </c>
      <c r="F7232">
        <v>6850</v>
      </c>
      <c r="G7232" t="s">
        <v>27894</v>
      </c>
      <c r="H7232">
        <v>5.0398082015650001</v>
      </c>
      <c r="I7232">
        <v>51.655683889271998</v>
      </c>
      <c r="J7232" t="s">
        <v>62917</v>
      </c>
    </row>
    <row r="7233" spans="1:10" x14ac:dyDescent="0.25">
      <c r="A7233" t="s">
        <v>27887</v>
      </c>
      <c r="B7233" t="s">
        <v>27888</v>
      </c>
      <c r="C7233" t="s">
        <v>27889</v>
      </c>
      <c r="D7233" t="s">
        <v>27834</v>
      </c>
      <c r="E7233" t="s">
        <v>13</v>
      </c>
      <c r="F7233">
        <v>6849</v>
      </c>
      <c r="G7233" t="s">
        <v>27890</v>
      </c>
      <c r="H7233">
        <v>5.0353440806009999</v>
      </c>
      <c r="I7233">
        <v>51.657535033309998</v>
      </c>
      <c r="J7233" t="s">
        <v>62918</v>
      </c>
    </row>
    <row r="7234" spans="1:10" x14ac:dyDescent="0.25">
      <c r="A7234" t="s">
        <v>27883</v>
      </c>
      <c r="B7234" t="s">
        <v>27884</v>
      </c>
      <c r="C7234" t="s">
        <v>27885</v>
      </c>
      <c r="D7234" t="s">
        <v>27834</v>
      </c>
      <c r="E7234" t="s">
        <v>13</v>
      </c>
      <c r="F7234">
        <v>6848</v>
      </c>
      <c r="G7234" t="s">
        <v>27886</v>
      </c>
      <c r="H7234">
        <v>5.0350855159109997</v>
      </c>
      <c r="I7234">
        <v>51.653817864609998</v>
      </c>
      <c r="J7234" t="s">
        <v>62919</v>
      </c>
    </row>
    <row r="7235" spans="1:10" x14ac:dyDescent="0.25">
      <c r="A7235" t="s">
        <v>27880</v>
      </c>
      <c r="B7235" t="s">
        <v>27881</v>
      </c>
      <c r="C7235" t="s">
        <v>12856</v>
      </c>
      <c r="D7235" t="s">
        <v>27834</v>
      </c>
      <c r="E7235" t="s">
        <v>13</v>
      </c>
      <c r="F7235">
        <v>6847</v>
      </c>
      <c r="G7235" t="s">
        <v>27882</v>
      </c>
      <c r="H7235">
        <v>5.0060988523779999</v>
      </c>
      <c r="I7235">
        <v>51.648634779929999</v>
      </c>
      <c r="J7235" t="s">
        <v>62920</v>
      </c>
    </row>
    <row r="7236" spans="1:10" x14ac:dyDescent="0.25">
      <c r="A7236" t="s">
        <v>27876</v>
      </c>
      <c r="B7236" t="s">
        <v>27877</v>
      </c>
      <c r="C7236" t="s">
        <v>27878</v>
      </c>
      <c r="D7236" t="s">
        <v>27834</v>
      </c>
      <c r="E7236" t="s">
        <v>13</v>
      </c>
      <c r="F7236">
        <v>6846</v>
      </c>
      <c r="G7236" t="s">
        <v>27879</v>
      </c>
      <c r="H7236">
        <v>5.0031139326879996</v>
      </c>
      <c r="I7236">
        <v>51.666583734332001</v>
      </c>
      <c r="J7236" t="s">
        <v>62921</v>
      </c>
    </row>
    <row r="7237" spans="1:10" x14ac:dyDescent="0.25">
      <c r="A7237" t="s">
        <v>27872</v>
      </c>
      <c r="B7237" t="s">
        <v>27873</v>
      </c>
      <c r="C7237" t="s">
        <v>27874</v>
      </c>
      <c r="D7237" t="s">
        <v>27834</v>
      </c>
      <c r="E7237" t="s">
        <v>13</v>
      </c>
      <c r="F7237">
        <v>6845</v>
      </c>
      <c r="G7237" t="s">
        <v>27875</v>
      </c>
      <c r="H7237">
        <v>5.028647597889</v>
      </c>
      <c r="I7237">
        <v>51.664818591935003</v>
      </c>
      <c r="J7237" t="s">
        <v>62922</v>
      </c>
    </row>
    <row r="7238" spans="1:10" x14ac:dyDescent="0.25">
      <c r="A7238" t="s">
        <v>27868</v>
      </c>
      <c r="B7238" t="s">
        <v>27869</v>
      </c>
      <c r="C7238" t="s">
        <v>27870</v>
      </c>
      <c r="D7238" t="s">
        <v>27834</v>
      </c>
      <c r="E7238" t="s">
        <v>13</v>
      </c>
      <c r="F7238">
        <v>6844</v>
      </c>
      <c r="G7238" t="s">
        <v>27871</v>
      </c>
      <c r="H7238">
        <v>5.0267559207029997</v>
      </c>
      <c r="I7238">
        <v>51.661146079011999</v>
      </c>
      <c r="J7238" t="s">
        <v>62923</v>
      </c>
    </row>
    <row r="7239" spans="1:10" x14ac:dyDescent="0.25">
      <c r="A7239" t="s">
        <v>27864</v>
      </c>
      <c r="B7239" t="s">
        <v>27865</v>
      </c>
      <c r="C7239" t="s">
        <v>27866</v>
      </c>
      <c r="D7239" t="s">
        <v>27834</v>
      </c>
      <c r="E7239" t="s">
        <v>13</v>
      </c>
      <c r="F7239">
        <v>6843</v>
      </c>
      <c r="G7239" t="s">
        <v>27867</v>
      </c>
      <c r="H7239">
        <v>5.0199777792829998</v>
      </c>
      <c r="I7239">
        <v>51.661164308345001</v>
      </c>
      <c r="J7239" t="s">
        <v>62924</v>
      </c>
    </row>
    <row r="7240" spans="1:10" x14ac:dyDescent="0.25">
      <c r="A7240" t="s">
        <v>27861</v>
      </c>
      <c r="B7240" t="s">
        <v>27862</v>
      </c>
      <c r="C7240" t="s">
        <v>81</v>
      </c>
      <c r="D7240" t="s">
        <v>27834</v>
      </c>
      <c r="E7240" t="s">
        <v>13</v>
      </c>
      <c r="F7240">
        <v>6842</v>
      </c>
      <c r="G7240" t="s">
        <v>27863</v>
      </c>
      <c r="H7240">
        <v>5.026453157942</v>
      </c>
      <c r="I7240">
        <v>51.658117296581999</v>
      </c>
      <c r="J7240" t="s">
        <v>62925</v>
      </c>
    </row>
    <row r="7241" spans="1:10" x14ac:dyDescent="0.25">
      <c r="A7241" t="s">
        <v>27858</v>
      </c>
      <c r="B7241" t="s">
        <v>27859</v>
      </c>
      <c r="C7241" t="s">
        <v>89</v>
      </c>
      <c r="D7241" t="s">
        <v>27834</v>
      </c>
      <c r="E7241" t="s">
        <v>13</v>
      </c>
      <c r="F7241">
        <v>6841</v>
      </c>
      <c r="G7241" t="s">
        <v>27860</v>
      </c>
      <c r="H7241">
        <v>5.0309584723449996</v>
      </c>
      <c r="I7241">
        <v>51.657727270289001</v>
      </c>
      <c r="J7241" t="s">
        <v>62926</v>
      </c>
    </row>
    <row r="7242" spans="1:10" x14ac:dyDescent="0.25">
      <c r="A7242" t="s">
        <v>27855</v>
      </c>
      <c r="B7242" t="s">
        <v>27856</v>
      </c>
      <c r="C7242" t="s">
        <v>129</v>
      </c>
      <c r="D7242" t="s">
        <v>27834</v>
      </c>
      <c r="E7242" t="s">
        <v>13</v>
      </c>
      <c r="F7242">
        <v>6840</v>
      </c>
      <c r="G7242" t="s">
        <v>27857</v>
      </c>
      <c r="H7242">
        <v>5.0335651841460001</v>
      </c>
      <c r="I7242">
        <v>51.660735399121002</v>
      </c>
      <c r="J7242" t="s">
        <v>62927</v>
      </c>
    </row>
    <row r="7243" spans="1:10" x14ac:dyDescent="0.25">
      <c r="A7243" t="s">
        <v>27852</v>
      </c>
      <c r="B7243" t="s">
        <v>27853</v>
      </c>
      <c r="C7243" t="s">
        <v>479</v>
      </c>
      <c r="D7243" t="s">
        <v>27834</v>
      </c>
      <c r="E7243" t="s">
        <v>13</v>
      </c>
      <c r="F7243">
        <v>6839</v>
      </c>
      <c r="G7243" t="s">
        <v>27854</v>
      </c>
      <c r="H7243">
        <v>5.0204997963059999</v>
      </c>
      <c r="I7243">
        <v>51.658087951733002</v>
      </c>
      <c r="J7243" t="s">
        <v>62928</v>
      </c>
    </row>
    <row r="7244" spans="1:10" x14ac:dyDescent="0.25">
      <c r="A7244" t="s">
        <v>27848</v>
      </c>
      <c r="B7244" t="s">
        <v>27849</v>
      </c>
      <c r="C7244" t="s">
        <v>27850</v>
      </c>
      <c r="D7244" t="s">
        <v>27834</v>
      </c>
      <c r="E7244" t="s">
        <v>13</v>
      </c>
      <c r="F7244">
        <v>6838</v>
      </c>
      <c r="G7244" t="s">
        <v>27851</v>
      </c>
      <c r="H7244">
        <v>5.0262002950809999</v>
      </c>
      <c r="I7244">
        <v>51.655489894380999</v>
      </c>
      <c r="J7244" t="s">
        <v>62929</v>
      </c>
    </row>
    <row r="7245" spans="1:10" x14ac:dyDescent="0.25">
      <c r="A7245" t="s">
        <v>27844</v>
      </c>
      <c r="B7245" t="s">
        <v>27845</v>
      </c>
      <c r="C7245" t="s">
        <v>27846</v>
      </c>
      <c r="D7245" t="s">
        <v>27834</v>
      </c>
      <c r="E7245" t="s">
        <v>13</v>
      </c>
      <c r="F7245">
        <v>6837</v>
      </c>
      <c r="G7245" t="s">
        <v>27847</v>
      </c>
      <c r="H7245">
        <v>5.0205430219789999</v>
      </c>
      <c r="I7245">
        <v>51.655668595926997</v>
      </c>
      <c r="J7245" t="s">
        <v>62930</v>
      </c>
    </row>
    <row r="7246" spans="1:10" x14ac:dyDescent="0.25">
      <c r="A7246" t="s">
        <v>27840</v>
      </c>
      <c r="B7246" t="s">
        <v>27841</v>
      </c>
      <c r="C7246" t="s">
        <v>27842</v>
      </c>
      <c r="D7246" t="s">
        <v>27834</v>
      </c>
      <c r="E7246" t="s">
        <v>13</v>
      </c>
      <c r="F7246">
        <v>6836</v>
      </c>
      <c r="G7246" t="s">
        <v>27843</v>
      </c>
      <c r="H7246">
        <v>5.0280262463919998</v>
      </c>
      <c r="I7246">
        <v>51.652630126487999</v>
      </c>
      <c r="J7246" t="s">
        <v>62931</v>
      </c>
    </row>
    <row r="7247" spans="1:10" x14ac:dyDescent="0.25">
      <c r="A7247" t="s">
        <v>27836</v>
      </c>
      <c r="B7247" t="s">
        <v>27837</v>
      </c>
      <c r="C7247" t="s">
        <v>27838</v>
      </c>
      <c r="D7247" t="s">
        <v>27834</v>
      </c>
      <c r="E7247" t="s">
        <v>13</v>
      </c>
      <c r="F7247">
        <v>6835</v>
      </c>
      <c r="G7247" t="s">
        <v>27839</v>
      </c>
      <c r="H7247">
        <v>5.0302963267319996</v>
      </c>
      <c r="I7247">
        <v>51.654489778317</v>
      </c>
      <c r="J7247" t="s">
        <v>62932</v>
      </c>
    </row>
    <row r="7248" spans="1:10" x14ac:dyDescent="0.25">
      <c r="A7248" t="s">
        <v>27831</v>
      </c>
      <c r="B7248" t="s">
        <v>27832</v>
      </c>
      <c r="C7248" t="s">
        <v>27833</v>
      </c>
      <c r="D7248" t="s">
        <v>27834</v>
      </c>
      <c r="E7248" t="s">
        <v>13</v>
      </c>
      <c r="F7248">
        <v>6834</v>
      </c>
      <c r="G7248" t="s">
        <v>27835</v>
      </c>
      <c r="H7248">
        <v>5.0200487570409997</v>
      </c>
      <c r="I7248">
        <v>51.651677579557997</v>
      </c>
      <c r="J7248" t="s">
        <v>62933</v>
      </c>
    </row>
    <row r="7249" spans="1:10" x14ac:dyDescent="0.25">
      <c r="A7249" t="s">
        <v>27827</v>
      </c>
      <c r="B7249" t="s">
        <v>27828</v>
      </c>
      <c r="C7249" t="s">
        <v>27829</v>
      </c>
      <c r="D7249" t="s">
        <v>27789</v>
      </c>
      <c r="E7249" t="s">
        <v>13</v>
      </c>
      <c r="F7249">
        <v>6833</v>
      </c>
      <c r="G7249" t="s">
        <v>27830</v>
      </c>
      <c r="H7249">
        <v>5.2114424147570002</v>
      </c>
      <c r="I7249">
        <v>51.501116420761001</v>
      </c>
      <c r="J7249" t="s">
        <v>62934</v>
      </c>
    </row>
    <row r="7250" spans="1:10" x14ac:dyDescent="0.25">
      <c r="A7250" t="s">
        <v>27823</v>
      </c>
      <c r="B7250" t="s">
        <v>27824</v>
      </c>
      <c r="C7250" t="s">
        <v>27825</v>
      </c>
      <c r="D7250" t="s">
        <v>27789</v>
      </c>
      <c r="E7250" t="s">
        <v>13</v>
      </c>
      <c r="F7250">
        <v>6832</v>
      </c>
      <c r="G7250" t="s">
        <v>27826</v>
      </c>
      <c r="H7250">
        <v>5.2060328490650001</v>
      </c>
      <c r="I7250">
        <v>51.495472073625002</v>
      </c>
      <c r="J7250" t="s">
        <v>62935</v>
      </c>
    </row>
    <row r="7251" spans="1:10" x14ac:dyDescent="0.25">
      <c r="A7251" t="s">
        <v>27819</v>
      </c>
      <c r="B7251" t="s">
        <v>27820</v>
      </c>
      <c r="C7251" t="s">
        <v>27821</v>
      </c>
      <c r="D7251" t="s">
        <v>27789</v>
      </c>
      <c r="E7251" t="s">
        <v>13</v>
      </c>
      <c r="F7251">
        <v>6831</v>
      </c>
      <c r="G7251" t="s">
        <v>27822</v>
      </c>
      <c r="H7251">
        <v>5.1867460257250002</v>
      </c>
      <c r="I7251">
        <v>51.467817131875002</v>
      </c>
      <c r="J7251" t="s">
        <v>62936</v>
      </c>
    </row>
    <row r="7252" spans="1:10" x14ac:dyDescent="0.25">
      <c r="A7252" t="s">
        <v>27815</v>
      </c>
      <c r="B7252" t="s">
        <v>27816</v>
      </c>
      <c r="C7252" t="s">
        <v>27817</v>
      </c>
      <c r="D7252" t="s">
        <v>27789</v>
      </c>
      <c r="E7252" t="s">
        <v>13</v>
      </c>
      <c r="F7252">
        <v>6830</v>
      </c>
      <c r="G7252" t="s">
        <v>27818</v>
      </c>
      <c r="H7252">
        <v>5.1862309085479996</v>
      </c>
      <c r="I7252">
        <v>51.45760488805</v>
      </c>
      <c r="J7252" t="s">
        <v>62937</v>
      </c>
    </row>
    <row r="7253" spans="1:10" x14ac:dyDescent="0.25">
      <c r="A7253" t="s">
        <v>27811</v>
      </c>
      <c r="B7253" t="s">
        <v>27812</v>
      </c>
      <c r="C7253" t="s">
        <v>27813</v>
      </c>
      <c r="D7253" t="s">
        <v>27789</v>
      </c>
      <c r="E7253" t="s">
        <v>13</v>
      </c>
      <c r="F7253">
        <v>6829</v>
      </c>
      <c r="G7253" t="s">
        <v>27814</v>
      </c>
      <c r="H7253">
        <v>5.1766008755939996</v>
      </c>
      <c r="I7253">
        <v>51.477155742778002</v>
      </c>
      <c r="J7253" t="s">
        <v>62938</v>
      </c>
    </row>
    <row r="7254" spans="1:10" x14ac:dyDescent="0.25">
      <c r="A7254" t="s">
        <v>27807</v>
      </c>
      <c r="B7254" t="s">
        <v>27808</v>
      </c>
      <c r="C7254" t="s">
        <v>27809</v>
      </c>
      <c r="D7254" t="s">
        <v>27789</v>
      </c>
      <c r="E7254" t="s">
        <v>13</v>
      </c>
      <c r="F7254">
        <v>6828</v>
      </c>
      <c r="G7254" t="s">
        <v>27810</v>
      </c>
      <c r="H7254">
        <v>5.1566011168849997</v>
      </c>
      <c r="I7254">
        <v>51.506873744818002</v>
      </c>
      <c r="J7254" t="s">
        <v>62939</v>
      </c>
    </row>
    <row r="7255" spans="1:10" x14ac:dyDescent="0.25">
      <c r="A7255" t="s">
        <v>27803</v>
      </c>
      <c r="B7255" t="s">
        <v>27804</v>
      </c>
      <c r="C7255" t="s">
        <v>27805</v>
      </c>
      <c r="D7255" t="s">
        <v>27789</v>
      </c>
      <c r="E7255" t="s">
        <v>13</v>
      </c>
      <c r="F7255">
        <v>6827</v>
      </c>
      <c r="G7255" t="s">
        <v>27806</v>
      </c>
      <c r="H7255">
        <v>5.1592509960099999</v>
      </c>
      <c r="I7255">
        <v>51.508796557582002</v>
      </c>
      <c r="J7255" t="s">
        <v>62940</v>
      </c>
    </row>
    <row r="7256" spans="1:10" x14ac:dyDescent="0.25">
      <c r="A7256" t="s">
        <v>27799</v>
      </c>
      <c r="B7256" t="s">
        <v>27800</v>
      </c>
      <c r="C7256" t="s">
        <v>27801</v>
      </c>
      <c r="D7256" t="s">
        <v>27789</v>
      </c>
      <c r="E7256" t="s">
        <v>13</v>
      </c>
      <c r="F7256">
        <v>6826</v>
      </c>
      <c r="G7256" t="s">
        <v>27802</v>
      </c>
      <c r="H7256">
        <v>5.1292571891709997</v>
      </c>
      <c r="I7256">
        <v>51.450522367742003</v>
      </c>
      <c r="J7256" t="s">
        <v>62941</v>
      </c>
    </row>
    <row r="7257" spans="1:10" x14ac:dyDescent="0.25">
      <c r="A7257" t="s">
        <v>27795</v>
      </c>
      <c r="B7257" t="s">
        <v>27796</v>
      </c>
      <c r="C7257" t="s">
        <v>27797</v>
      </c>
      <c r="D7257" t="s">
        <v>27789</v>
      </c>
      <c r="E7257" t="s">
        <v>13</v>
      </c>
      <c r="F7257">
        <v>6825</v>
      </c>
      <c r="G7257" t="s">
        <v>27798</v>
      </c>
      <c r="H7257">
        <v>5.136526356599</v>
      </c>
      <c r="I7257">
        <v>51.462679835073999</v>
      </c>
      <c r="J7257" t="s">
        <v>62942</v>
      </c>
    </row>
    <row r="7258" spans="1:10" x14ac:dyDescent="0.25">
      <c r="A7258" t="s">
        <v>27791</v>
      </c>
      <c r="B7258" t="s">
        <v>27792</v>
      </c>
      <c r="C7258" t="s">
        <v>27793</v>
      </c>
      <c r="D7258" t="s">
        <v>27789</v>
      </c>
      <c r="E7258" t="s">
        <v>13</v>
      </c>
      <c r="F7258">
        <v>6824</v>
      </c>
      <c r="G7258" t="s">
        <v>27794</v>
      </c>
      <c r="H7258">
        <v>5.1063341496600003</v>
      </c>
      <c r="I7258">
        <v>51.498391276305</v>
      </c>
      <c r="J7258" t="s">
        <v>62943</v>
      </c>
    </row>
    <row r="7259" spans="1:10" x14ac:dyDescent="0.25">
      <c r="A7259" t="s">
        <v>27786</v>
      </c>
      <c r="B7259" t="s">
        <v>27787</v>
      </c>
      <c r="C7259" t="s">
        <v>27788</v>
      </c>
      <c r="D7259" t="s">
        <v>27789</v>
      </c>
      <c r="E7259" t="s">
        <v>13</v>
      </c>
      <c r="F7259">
        <v>6823</v>
      </c>
      <c r="G7259" t="s">
        <v>27790</v>
      </c>
      <c r="H7259">
        <v>5.1361217136119999</v>
      </c>
      <c r="I7259">
        <v>51.487124796768001</v>
      </c>
      <c r="J7259" t="s">
        <v>62944</v>
      </c>
    </row>
    <row r="7260" spans="1:10" x14ac:dyDescent="0.25">
      <c r="A7260" t="s">
        <v>27782</v>
      </c>
      <c r="B7260" t="s">
        <v>27783</v>
      </c>
      <c r="C7260" t="s">
        <v>27784</v>
      </c>
      <c r="D7260" t="s">
        <v>27720</v>
      </c>
      <c r="E7260" t="s">
        <v>13</v>
      </c>
      <c r="F7260">
        <v>6822</v>
      </c>
      <c r="G7260" t="s">
        <v>27785</v>
      </c>
      <c r="H7260">
        <v>5.1262617557050003</v>
      </c>
      <c r="I7260">
        <v>51.720536033633003</v>
      </c>
      <c r="J7260" t="s">
        <v>62945</v>
      </c>
    </row>
    <row r="7261" spans="1:10" x14ac:dyDescent="0.25">
      <c r="A7261" t="s">
        <v>27778</v>
      </c>
      <c r="B7261" t="s">
        <v>27779</v>
      </c>
      <c r="C7261" t="s">
        <v>27780</v>
      </c>
      <c r="D7261" t="s">
        <v>27720</v>
      </c>
      <c r="E7261" t="s">
        <v>13</v>
      </c>
      <c r="F7261">
        <v>6821</v>
      </c>
      <c r="G7261" t="s">
        <v>27781</v>
      </c>
      <c r="H7261">
        <v>5.1409391231530002</v>
      </c>
      <c r="I7261">
        <v>51.735439305311999</v>
      </c>
      <c r="J7261" t="s">
        <v>62946</v>
      </c>
    </row>
    <row r="7262" spans="1:10" x14ac:dyDescent="0.25">
      <c r="A7262" t="s">
        <v>27774</v>
      </c>
      <c r="B7262" t="s">
        <v>27775</v>
      </c>
      <c r="C7262" t="s">
        <v>27776</v>
      </c>
      <c r="D7262" t="s">
        <v>27720</v>
      </c>
      <c r="E7262" t="s">
        <v>13</v>
      </c>
      <c r="F7262">
        <v>6820</v>
      </c>
      <c r="G7262" t="s">
        <v>27777</v>
      </c>
      <c r="H7262">
        <v>5.1620949646270002</v>
      </c>
      <c r="I7262">
        <v>51.723029277088003</v>
      </c>
      <c r="J7262" t="s">
        <v>62947</v>
      </c>
    </row>
    <row r="7263" spans="1:10" x14ac:dyDescent="0.25">
      <c r="A7263" t="s">
        <v>27770</v>
      </c>
      <c r="B7263" t="s">
        <v>27771</v>
      </c>
      <c r="C7263" t="s">
        <v>27772</v>
      </c>
      <c r="D7263" t="s">
        <v>27720</v>
      </c>
      <c r="E7263" t="s">
        <v>13</v>
      </c>
      <c r="F7263">
        <v>6819</v>
      </c>
      <c r="G7263" t="s">
        <v>27773</v>
      </c>
      <c r="H7263">
        <v>5.1148855681120002</v>
      </c>
      <c r="I7263">
        <v>51.730385893655999</v>
      </c>
      <c r="J7263" t="s">
        <v>62948</v>
      </c>
    </row>
    <row r="7264" spans="1:10" x14ac:dyDescent="0.25">
      <c r="A7264" t="s">
        <v>27766</v>
      </c>
      <c r="B7264" t="s">
        <v>27767</v>
      </c>
      <c r="C7264" t="s">
        <v>27768</v>
      </c>
      <c r="D7264" t="s">
        <v>27720</v>
      </c>
      <c r="E7264" t="s">
        <v>13</v>
      </c>
      <c r="F7264">
        <v>6818</v>
      </c>
      <c r="G7264" t="s">
        <v>27769</v>
      </c>
      <c r="H7264">
        <v>5.188513471507</v>
      </c>
      <c r="I7264">
        <v>51.732543292731997</v>
      </c>
      <c r="J7264" t="s">
        <v>62949</v>
      </c>
    </row>
    <row r="7265" spans="1:10" x14ac:dyDescent="0.25">
      <c r="A7265" t="s">
        <v>27762</v>
      </c>
      <c r="B7265" t="s">
        <v>27763</v>
      </c>
      <c r="C7265" t="s">
        <v>27764</v>
      </c>
      <c r="D7265" t="s">
        <v>27720</v>
      </c>
      <c r="E7265" t="s">
        <v>13</v>
      </c>
      <c r="F7265">
        <v>6817</v>
      </c>
      <c r="G7265" t="s">
        <v>27765</v>
      </c>
      <c r="H7265">
        <v>5.0949075982389997</v>
      </c>
      <c r="I7265">
        <v>51.724264302793003</v>
      </c>
      <c r="J7265" t="s">
        <v>62950</v>
      </c>
    </row>
    <row r="7266" spans="1:10" x14ac:dyDescent="0.25">
      <c r="A7266" t="s">
        <v>27758</v>
      </c>
      <c r="B7266" t="s">
        <v>27759</v>
      </c>
      <c r="C7266" t="s">
        <v>27760</v>
      </c>
      <c r="D7266" t="s">
        <v>27720</v>
      </c>
      <c r="E7266" t="s">
        <v>13</v>
      </c>
      <c r="F7266">
        <v>6816</v>
      </c>
      <c r="G7266" t="s">
        <v>27761</v>
      </c>
      <c r="H7266">
        <v>5.201784796758</v>
      </c>
      <c r="I7266">
        <v>51.681902828109003</v>
      </c>
      <c r="J7266" t="s">
        <v>62951</v>
      </c>
    </row>
    <row r="7267" spans="1:10" x14ac:dyDescent="0.25">
      <c r="A7267" t="s">
        <v>27754</v>
      </c>
      <c r="B7267" t="s">
        <v>27755</v>
      </c>
      <c r="C7267" t="s">
        <v>27756</v>
      </c>
      <c r="D7267" t="s">
        <v>27720</v>
      </c>
      <c r="E7267" t="s">
        <v>13</v>
      </c>
      <c r="F7267">
        <v>6815</v>
      </c>
      <c r="G7267" t="s">
        <v>27757</v>
      </c>
      <c r="H7267">
        <v>5.2228598046629999</v>
      </c>
      <c r="I7267">
        <v>51.697039239513003</v>
      </c>
      <c r="J7267" t="s">
        <v>62952</v>
      </c>
    </row>
    <row r="7268" spans="1:10" x14ac:dyDescent="0.25">
      <c r="A7268" t="s">
        <v>27750</v>
      </c>
      <c r="B7268" t="s">
        <v>27751</v>
      </c>
      <c r="C7268" t="s">
        <v>27752</v>
      </c>
      <c r="D7268" t="s">
        <v>27720</v>
      </c>
      <c r="E7268" t="s">
        <v>13</v>
      </c>
      <c r="F7268">
        <v>6814</v>
      </c>
      <c r="G7268" t="s">
        <v>27753</v>
      </c>
      <c r="H7268">
        <v>5.2190720081900004</v>
      </c>
      <c r="I7268">
        <v>51.703696546541998</v>
      </c>
      <c r="J7268" t="s">
        <v>62953</v>
      </c>
    </row>
    <row r="7269" spans="1:10" x14ac:dyDescent="0.25">
      <c r="A7269" t="s">
        <v>27746</v>
      </c>
      <c r="B7269" t="s">
        <v>27747</v>
      </c>
      <c r="C7269" t="s">
        <v>27748</v>
      </c>
      <c r="D7269" t="s">
        <v>27720</v>
      </c>
      <c r="E7269" t="s">
        <v>13</v>
      </c>
      <c r="F7269">
        <v>6813</v>
      </c>
      <c r="G7269" t="s">
        <v>27749</v>
      </c>
      <c r="H7269">
        <v>5.1779909046319998</v>
      </c>
      <c r="I7269">
        <v>51.693484289940997</v>
      </c>
      <c r="J7269" t="s">
        <v>62954</v>
      </c>
    </row>
    <row r="7270" spans="1:10" x14ac:dyDescent="0.25">
      <c r="A7270" t="s">
        <v>27742</v>
      </c>
      <c r="B7270" t="s">
        <v>27743</v>
      </c>
      <c r="C7270" t="s">
        <v>27744</v>
      </c>
      <c r="D7270" t="s">
        <v>27720</v>
      </c>
      <c r="E7270" t="s">
        <v>13</v>
      </c>
      <c r="F7270">
        <v>6812</v>
      </c>
      <c r="G7270" t="s">
        <v>27745</v>
      </c>
      <c r="H7270">
        <v>5.1995427383730002</v>
      </c>
      <c r="I7270">
        <v>51.714475226038999</v>
      </c>
      <c r="J7270" t="s">
        <v>62955</v>
      </c>
    </row>
    <row r="7271" spans="1:10" x14ac:dyDescent="0.25">
      <c r="A7271" t="s">
        <v>27738</v>
      </c>
      <c r="B7271" t="s">
        <v>27739</v>
      </c>
      <c r="C7271" t="s">
        <v>27740</v>
      </c>
      <c r="D7271" t="s">
        <v>27720</v>
      </c>
      <c r="E7271" t="s">
        <v>13</v>
      </c>
      <c r="F7271">
        <v>6811</v>
      </c>
      <c r="G7271" t="s">
        <v>27741</v>
      </c>
      <c r="H7271">
        <v>5.1323900074709998</v>
      </c>
      <c r="I7271">
        <v>51.703490229930999</v>
      </c>
      <c r="J7271" t="s">
        <v>62956</v>
      </c>
    </row>
    <row r="7272" spans="1:10" x14ac:dyDescent="0.25">
      <c r="A7272" t="s">
        <v>27734</v>
      </c>
      <c r="B7272" t="s">
        <v>27735</v>
      </c>
      <c r="C7272" t="s">
        <v>27736</v>
      </c>
      <c r="D7272" t="s">
        <v>27720</v>
      </c>
      <c r="E7272" t="s">
        <v>13</v>
      </c>
      <c r="F7272">
        <v>6810</v>
      </c>
      <c r="G7272" t="s">
        <v>27737</v>
      </c>
      <c r="H7272">
        <v>5.1367760375460003</v>
      </c>
      <c r="I7272">
        <v>51.661812132111002</v>
      </c>
      <c r="J7272" t="s">
        <v>62957</v>
      </c>
    </row>
    <row r="7273" spans="1:10" x14ac:dyDescent="0.25">
      <c r="A7273" t="s">
        <v>27730</v>
      </c>
      <c r="B7273" t="s">
        <v>27731</v>
      </c>
      <c r="C7273" t="s">
        <v>27732</v>
      </c>
      <c r="D7273" t="s">
        <v>27720</v>
      </c>
      <c r="E7273" t="s">
        <v>13</v>
      </c>
      <c r="F7273">
        <v>6809</v>
      </c>
      <c r="G7273" t="s">
        <v>27733</v>
      </c>
      <c r="H7273">
        <v>5.11686140666</v>
      </c>
      <c r="I7273">
        <v>51.680083620586998</v>
      </c>
      <c r="J7273" t="s">
        <v>62958</v>
      </c>
    </row>
    <row r="7274" spans="1:10" x14ac:dyDescent="0.25">
      <c r="A7274" t="s">
        <v>27726</v>
      </c>
      <c r="B7274" t="s">
        <v>27727</v>
      </c>
      <c r="C7274" t="s">
        <v>27728</v>
      </c>
      <c r="D7274" t="s">
        <v>27720</v>
      </c>
      <c r="E7274" t="s">
        <v>13</v>
      </c>
      <c r="F7274">
        <v>6808</v>
      </c>
      <c r="G7274" t="s">
        <v>27729</v>
      </c>
      <c r="H7274">
        <v>5.1319581678809998</v>
      </c>
      <c r="I7274">
        <v>51.686104684594</v>
      </c>
      <c r="J7274" t="s">
        <v>62959</v>
      </c>
    </row>
    <row r="7275" spans="1:10" x14ac:dyDescent="0.25">
      <c r="A7275" t="s">
        <v>27722</v>
      </c>
      <c r="B7275" t="s">
        <v>27723</v>
      </c>
      <c r="C7275" t="s">
        <v>27724</v>
      </c>
      <c r="D7275" t="s">
        <v>27720</v>
      </c>
      <c r="E7275" t="s">
        <v>13</v>
      </c>
      <c r="F7275">
        <v>6807</v>
      </c>
      <c r="G7275" t="s">
        <v>27725</v>
      </c>
      <c r="H7275">
        <v>5.1493364994800004</v>
      </c>
      <c r="I7275">
        <v>51.691871405291003</v>
      </c>
      <c r="J7275" t="s">
        <v>62960</v>
      </c>
    </row>
    <row r="7276" spans="1:10" x14ac:dyDescent="0.25">
      <c r="A7276" t="s">
        <v>27717</v>
      </c>
      <c r="B7276" t="s">
        <v>27718</v>
      </c>
      <c r="C7276" t="s">
        <v>27719</v>
      </c>
      <c r="D7276" t="s">
        <v>27720</v>
      </c>
      <c r="E7276" t="s">
        <v>13</v>
      </c>
      <c r="F7276">
        <v>6806</v>
      </c>
      <c r="G7276" t="s">
        <v>27721</v>
      </c>
      <c r="H7276">
        <v>5.1237836039099998</v>
      </c>
      <c r="I7276">
        <v>51.690495400718</v>
      </c>
      <c r="J7276" t="s">
        <v>62961</v>
      </c>
    </row>
    <row r="7277" spans="1:10" x14ac:dyDescent="0.25">
      <c r="A7277" t="s">
        <v>27713</v>
      </c>
      <c r="B7277" t="s">
        <v>27714</v>
      </c>
      <c r="C7277" t="s">
        <v>27715</v>
      </c>
      <c r="D7277" t="s">
        <v>27302</v>
      </c>
      <c r="E7277" t="s">
        <v>13</v>
      </c>
      <c r="F7277">
        <v>6805</v>
      </c>
      <c r="G7277" t="s">
        <v>27716</v>
      </c>
      <c r="H7277">
        <v>5.4623386143769999</v>
      </c>
      <c r="I7277">
        <v>51.708734156502999</v>
      </c>
      <c r="J7277" t="s">
        <v>62962</v>
      </c>
    </row>
    <row r="7278" spans="1:10" x14ac:dyDescent="0.25">
      <c r="A7278" t="s">
        <v>27709</v>
      </c>
      <c r="B7278" t="s">
        <v>27710</v>
      </c>
      <c r="C7278" t="s">
        <v>27711</v>
      </c>
      <c r="D7278" t="s">
        <v>27302</v>
      </c>
      <c r="E7278" t="s">
        <v>13</v>
      </c>
      <c r="F7278">
        <v>6804</v>
      </c>
      <c r="G7278" t="s">
        <v>27712</v>
      </c>
      <c r="H7278">
        <v>5.4293670526789999</v>
      </c>
      <c r="I7278">
        <v>51.708511436659002</v>
      </c>
      <c r="J7278" t="s">
        <v>62963</v>
      </c>
    </row>
    <row r="7279" spans="1:10" x14ac:dyDescent="0.25">
      <c r="A7279" t="s">
        <v>27705</v>
      </c>
      <c r="B7279" t="s">
        <v>27706</v>
      </c>
      <c r="C7279" t="s">
        <v>27707</v>
      </c>
      <c r="D7279" t="s">
        <v>27302</v>
      </c>
      <c r="E7279" t="s">
        <v>13</v>
      </c>
      <c r="F7279">
        <v>6803</v>
      </c>
      <c r="G7279" t="s">
        <v>27708</v>
      </c>
      <c r="H7279">
        <v>5.4613270353110002</v>
      </c>
      <c r="I7279">
        <v>51.704695969238003</v>
      </c>
      <c r="J7279" t="s">
        <v>62964</v>
      </c>
    </row>
    <row r="7280" spans="1:10" x14ac:dyDescent="0.25">
      <c r="A7280" t="s">
        <v>27701</v>
      </c>
      <c r="B7280" t="s">
        <v>27702</v>
      </c>
      <c r="C7280" t="s">
        <v>27703</v>
      </c>
      <c r="D7280" t="s">
        <v>27302</v>
      </c>
      <c r="E7280" t="s">
        <v>13</v>
      </c>
      <c r="F7280">
        <v>6802</v>
      </c>
      <c r="G7280" t="s">
        <v>27704</v>
      </c>
      <c r="H7280">
        <v>5.4316027762210002</v>
      </c>
      <c r="I7280">
        <v>51.750418073501997</v>
      </c>
      <c r="J7280" t="s">
        <v>62965</v>
      </c>
    </row>
    <row r="7281" spans="1:10" x14ac:dyDescent="0.25">
      <c r="A7281" t="s">
        <v>27697</v>
      </c>
      <c r="B7281" t="s">
        <v>27698</v>
      </c>
      <c r="C7281" t="s">
        <v>27699</v>
      </c>
      <c r="D7281" t="s">
        <v>27302</v>
      </c>
      <c r="E7281" t="s">
        <v>13</v>
      </c>
      <c r="F7281">
        <v>6801</v>
      </c>
      <c r="G7281" t="s">
        <v>27700</v>
      </c>
      <c r="H7281">
        <v>5.4194843510949999</v>
      </c>
      <c r="I7281">
        <v>51.728002896988002</v>
      </c>
      <c r="J7281" t="s">
        <v>62966</v>
      </c>
    </row>
    <row r="7282" spans="1:10" x14ac:dyDescent="0.25">
      <c r="A7282" t="s">
        <v>27693</v>
      </c>
      <c r="B7282" t="s">
        <v>27694</v>
      </c>
      <c r="C7282" t="s">
        <v>27695</v>
      </c>
      <c r="D7282" t="s">
        <v>27302</v>
      </c>
      <c r="E7282" t="s">
        <v>13</v>
      </c>
      <c r="F7282">
        <v>6800</v>
      </c>
      <c r="G7282" t="s">
        <v>27696</v>
      </c>
      <c r="H7282">
        <v>5.4502276221120001</v>
      </c>
      <c r="I7282">
        <v>51.730672156216002</v>
      </c>
      <c r="J7282" t="s">
        <v>62967</v>
      </c>
    </row>
    <row r="7283" spans="1:10" x14ac:dyDescent="0.25">
      <c r="A7283" t="s">
        <v>27689</v>
      </c>
      <c r="B7283" t="s">
        <v>27690</v>
      </c>
      <c r="C7283" t="s">
        <v>27691</v>
      </c>
      <c r="D7283" t="s">
        <v>27302</v>
      </c>
      <c r="E7283" t="s">
        <v>13</v>
      </c>
      <c r="F7283">
        <v>6799</v>
      </c>
      <c r="G7283" t="s">
        <v>27692</v>
      </c>
      <c r="H7283">
        <v>5.4449906029020001</v>
      </c>
      <c r="I7283">
        <v>51.722897265420002</v>
      </c>
      <c r="J7283" t="s">
        <v>62968</v>
      </c>
    </row>
    <row r="7284" spans="1:10" x14ac:dyDescent="0.25">
      <c r="A7284" t="s">
        <v>27685</v>
      </c>
      <c r="B7284" t="s">
        <v>27686</v>
      </c>
      <c r="C7284" t="s">
        <v>27687</v>
      </c>
      <c r="D7284" t="s">
        <v>27302</v>
      </c>
      <c r="E7284" t="s">
        <v>13</v>
      </c>
      <c r="F7284">
        <v>6798</v>
      </c>
      <c r="G7284" t="s">
        <v>27688</v>
      </c>
      <c r="H7284">
        <v>5.4362067334040001</v>
      </c>
      <c r="I7284">
        <v>51.727018657427003</v>
      </c>
      <c r="J7284" t="s">
        <v>62969</v>
      </c>
    </row>
    <row r="7285" spans="1:10" x14ac:dyDescent="0.25">
      <c r="A7285" t="s">
        <v>27681</v>
      </c>
      <c r="B7285" t="s">
        <v>27682</v>
      </c>
      <c r="C7285" t="s">
        <v>27683</v>
      </c>
      <c r="D7285" t="s">
        <v>27302</v>
      </c>
      <c r="E7285" t="s">
        <v>13</v>
      </c>
      <c r="F7285">
        <v>6797</v>
      </c>
      <c r="G7285" t="s">
        <v>27684</v>
      </c>
      <c r="H7285">
        <v>5.2441732779640002</v>
      </c>
      <c r="I7285">
        <v>51.713989826746001</v>
      </c>
      <c r="J7285" t="s">
        <v>62970</v>
      </c>
    </row>
    <row r="7286" spans="1:10" x14ac:dyDescent="0.25">
      <c r="A7286" t="s">
        <v>27677</v>
      </c>
      <c r="B7286" t="s">
        <v>27678</v>
      </c>
      <c r="C7286" t="s">
        <v>27679</v>
      </c>
      <c r="D7286" t="s">
        <v>27302</v>
      </c>
      <c r="E7286" t="s">
        <v>13</v>
      </c>
      <c r="F7286">
        <v>6796</v>
      </c>
      <c r="G7286" t="s">
        <v>27680</v>
      </c>
      <c r="H7286">
        <v>5.2252555629310002</v>
      </c>
      <c r="I7286">
        <v>51.735420033676</v>
      </c>
      <c r="J7286" t="s">
        <v>62971</v>
      </c>
    </row>
    <row r="7287" spans="1:10" x14ac:dyDescent="0.25">
      <c r="A7287" t="s">
        <v>27673</v>
      </c>
      <c r="B7287" t="s">
        <v>27674</v>
      </c>
      <c r="C7287" t="s">
        <v>27675</v>
      </c>
      <c r="D7287" t="s">
        <v>27302</v>
      </c>
      <c r="E7287" t="s">
        <v>13</v>
      </c>
      <c r="F7287">
        <v>6795</v>
      </c>
      <c r="G7287" t="s">
        <v>27676</v>
      </c>
      <c r="H7287">
        <v>5.2508727050740003</v>
      </c>
      <c r="I7287">
        <v>51.726446142072</v>
      </c>
      <c r="J7287" t="s">
        <v>62972</v>
      </c>
    </row>
    <row r="7288" spans="1:10" x14ac:dyDescent="0.25">
      <c r="A7288" t="s">
        <v>27669</v>
      </c>
      <c r="B7288" t="s">
        <v>27670</v>
      </c>
      <c r="C7288" t="s">
        <v>27671</v>
      </c>
      <c r="D7288" t="s">
        <v>27302</v>
      </c>
      <c r="E7288" t="s">
        <v>13</v>
      </c>
      <c r="F7288">
        <v>6794</v>
      </c>
      <c r="G7288" t="s">
        <v>27672</v>
      </c>
      <c r="H7288">
        <v>5.2708270048159998</v>
      </c>
      <c r="I7288">
        <v>51.727902344497998</v>
      </c>
      <c r="J7288" t="s">
        <v>62973</v>
      </c>
    </row>
    <row r="7289" spans="1:10" x14ac:dyDescent="0.25">
      <c r="A7289" t="s">
        <v>27665</v>
      </c>
      <c r="B7289" t="s">
        <v>27666</v>
      </c>
      <c r="C7289" t="s">
        <v>27667</v>
      </c>
      <c r="D7289" t="s">
        <v>27302</v>
      </c>
      <c r="E7289" t="s">
        <v>13</v>
      </c>
      <c r="F7289">
        <v>6793</v>
      </c>
      <c r="G7289" t="s">
        <v>27668</v>
      </c>
      <c r="H7289">
        <v>5.2646072801050003</v>
      </c>
      <c r="I7289">
        <v>51.712810689153997</v>
      </c>
      <c r="J7289" t="s">
        <v>62974</v>
      </c>
    </row>
    <row r="7290" spans="1:10" x14ac:dyDescent="0.25">
      <c r="A7290" t="s">
        <v>27661</v>
      </c>
      <c r="B7290" t="s">
        <v>27662</v>
      </c>
      <c r="C7290" t="s">
        <v>27663</v>
      </c>
      <c r="D7290" t="s">
        <v>27302</v>
      </c>
      <c r="E7290" t="s">
        <v>13</v>
      </c>
      <c r="F7290">
        <v>6792</v>
      </c>
      <c r="G7290" t="s">
        <v>27664</v>
      </c>
      <c r="H7290">
        <v>5.2661855177710004</v>
      </c>
      <c r="I7290">
        <v>51.719491442570998</v>
      </c>
      <c r="J7290" t="s">
        <v>62975</v>
      </c>
    </row>
    <row r="7291" spans="1:10" x14ac:dyDescent="0.25">
      <c r="A7291" t="s">
        <v>27657</v>
      </c>
      <c r="B7291" t="s">
        <v>27658</v>
      </c>
      <c r="C7291" t="s">
        <v>27659</v>
      </c>
      <c r="D7291" t="s">
        <v>27302</v>
      </c>
      <c r="E7291" t="s">
        <v>13</v>
      </c>
      <c r="F7291">
        <v>6791</v>
      </c>
      <c r="G7291" t="s">
        <v>27660</v>
      </c>
      <c r="H7291">
        <v>5.2881681015749997</v>
      </c>
      <c r="I7291">
        <v>51.708920970476001</v>
      </c>
      <c r="J7291" t="s">
        <v>62976</v>
      </c>
    </row>
    <row r="7292" spans="1:10" x14ac:dyDescent="0.25">
      <c r="A7292" t="s">
        <v>27653</v>
      </c>
      <c r="B7292" t="s">
        <v>27654</v>
      </c>
      <c r="C7292" t="s">
        <v>27655</v>
      </c>
      <c r="D7292" t="s">
        <v>27302</v>
      </c>
      <c r="E7292" t="s">
        <v>13</v>
      </c>
      <c r="F7292">
        <v>6790</v>
      </c>
      <c r="G7292" t="s">
        <v>27656</v>
      </c>
      <c r="H7292">
        <v>5.2874303227270003</v>
      </c>
      <c r="I7292">
        <v>51.701888276630001</v>
      </c>
      <c r="J7292" t="s">
        <v>62977</v>
      </c>
    </row>
    <row r="7293" spans="1:10" x14ac:dyDescent="0.25">
      <c r="A7293" t="s">
        <v>27649</v>
      </c>
      <c r="B7293" t="s">
        <v>27650</v>
      </c>
      <c r="C7293" t="s">
        <v>27651</v>
      </c>
      <c r="D7293" t="s">
        <v>27302</v>
      </c>
      <c r="E7293" t="s">
        <v>13</v>
      </c>
      <c r="F7293">
        <v>6789</v>
      </c>
      <c r="G7293" t="s">
        <v>27652</v>
      </c>
      <c r="H7293">
        <v>5.2709216899740001</v>
      </c>
      <c r="I7293">
        <v>51.706830205052</v>
      </c>
      <c r="J7293" t="s">
        <v>62978</v>
      </c>
    </row>
    <row r="7294" spans="1:10" x14ac:dyDescent="0.25">
      <c r="A7294" t="s">
        <v>27645</v>
      </c>
      <c r="B7294" t="s">
        <v>27646</v>
      </c>
      <c r="C7294" t="s">
        <v>27647</v>
      </c>
      <c r="D7294" t="s">
        <v>27302</v>
      </c>
      <c r="E7294" t="s">
        <v>13</v>
      </c>
      <c r="F7294">
        <v>6788</v>
      </c>
      <c r="G7294" t="s">
        <v>27648</v>
      </c>
      <c r="H7294">
        <v>5.2799708389799997</v>
      </c>
      <c r="I7294">
        <v>51.698794297568</v>
      </c>
      <c r="J7294" t="s">
        <v>62979</v>
      </c>
    </row>
    <row r="7295" spans="1:10" x14ac:dyDescent="0.25">
      <c r="A7295" t="s">
        <v>27641</v>
      </c>
      <c r="B7295" t="s">
        <v>27642</v>
      </c>
      <c r="C7295" t="s">
        <v>27643</v>
      </c>
      <c r="D7295" t="s">
        <v>27302</v>
      </c>
      <c r="E7295" t="s">
        <v>13</v>
      </c>
      <c r="F7295">
        <v>6787</v>
      </c>
      <c r="G7295" t="s">
        <v>27644</v>
      </c>
      <c r="H7295">
        <v>5.2588502718600001</v>
      </c>
      <c r="I7295">
        <v>51.698617503944</v>
      </c>
      <c r="J7295" t="s">
        <v>62980</v>
      </c>
    </row>
    <row r="7296" spans="1:10" x14ac:dyDescent="0.25">
      <c r="A7296" t="s">
        <v>27637</v>
      </c>
      <c r="B7296" t="s">
        <v>27638</v>
      </c>
      <c r="C7296" t="s">
        <v>27639</v>
      </c>
      <c r="D7296" t="s">
        <v>27302</v>
      </c>
      <c r="E7296" t="s">
        <v>13</v>
      </c>
      <c r="F7296">
        <v>6786</v>
      </c>
      <c r="G7296" t="s">
        <v>27640</v>
      </c>
      <c r="H7296">
        <v>5.271188635243</v>
      </c>
      <c r="I7296">
        <v>51.693091858224001</v>
      </c>
      <c r="J7296" t="s">
        <v>62981</v>
      </c>
    </row>
    <row r="7297" spans="1:10" x14ac:dyDescent="0.25">
      <c r="A7297" t="s">
        <v>27633</v>
      </c>
      <c r="B7297" t="s">
        <v>27634</v>
      </c>
      <c r="C7297" t="s">
        <v>27635</v>
      </c>
      <c r="D7297" t="s">
        <v>27302</v>
      </c>
      <c r="E7297" t="s">
        <v>13</v>
      </c>
      <c r="F7297">
        <v>6785</v>
      </c>
      <c r="G7297" t="s">
        <v>27636</v>
      </c>
      <c r="H7297">
        <v>5.2497389715780001</v>
      </c>
      <c r="I7297">
        <v>51.688705264086998</v>
      </c>
      <c r="J7297" t="s">
        <v>62982</v>
      </c>
    </row>
    <row r="7298" spans="1:10" x14ac:dyDescent="0.25">
      <c r="A7298" t="s">
        <v>27629</v>
      </c>
      <c r="B7298" t="s">
        <v>27630</v>
      </c>
      <c r="C7298" t="s">
        <v>27631</v>
      </c>
      <c r="D7298" t="s">
        <v>27302</v>
      </c>
      <c r="E7298" t="s">
        <v>13</v>
      </c>
      <c r="F7298">
        <v>6784</v>
      </c>
      <c r="G7298" t="s">
        <v>27632</v>
      </c>
      <c r="H7298">
        <v>5.2791299548210002</v>
      </c>
      <c r="I7298">
        <v>51.688467809420999</v>
      </c>
      <c r="J7298" t="s">
        <v>62983</v>
      </c>
    </row>
    <row r="7299" spans="1:10" x14ac:dyDescent="0.25">
      <c r="A7299" t="s">
        <v>27625</v>
      </c>
      <c r="B7299" t="s">
        <v>27626</v>
      </c>
      <c r="C7299" t="s">
        <v>27627</v>
      </c>
      <c r="D7299" t="s">
        <v>27302</v>
      </c>
      <c r="E7299" t="s">
        <v>13</v>
      </c>
      <c r="F7299">
        <v>6783</v>
      </c>
      <c r="G7299" t="s">
        <v>27628</v>
      </c>
      <c r="H7299">
        <v>5.2821006171839997</v>
      </c>
      <c r="I7299">
        <v>51.683641314199001</v>
      </c>
      <c r="J7299" t="s">
        <v>62984</v>
      </c>
    </row>
    <row r="7300" spans="1:10" x14ac:dyDescent="0.25">
      <c r="A7300" t="s">
        <v>27621</v>
      </c>
      <c r="B7300" t="s">
        <v>27622</v>
      </c>
      <c r="C7300" t="s">
        <v>27623</v>
      </c>
      <c r="D7300" t="s">
        <v>27302</v>
      </c>
      <c r="E7300" t="s">
        <v>13</v>
      </c>
      <c r="F7300">
        <v>6782</v>
      </c>
      <c r="G7300" t="s">
        <v>27624</v>
      </c>
      <c r="H7300">
        <v>5.2880726408849998</v>
      </c>
      <c r="I7300">
        <v>51.688070766471</v>
      </c>
      <c r="J7300" t="s">
        <v>62985</v>
      </c>
    </row>
    <row r="7301" spans="1:10" x14ac:dyDescent="0.25">
      <c r="A7301" t="s">
        <v>27617</v>
      </c>
      <c r="B7301" t="s">
        <v>27618</v>
      </c>
      <c r="C7301" t="s">
        <v>27619</v>
      </c>
      <c r="D7301" t="s">
        <v>27302</v>
      </c>
      <c r="E7301" t="s">
        <v>13</v>
      </c>
      <c r="F7301">
        <v>6781</v>
      </c>
      <c r="G7301" t="s">
        <v>27620</v>
      </c>
      <c r="H7301">
        <v>5.2896253944970004</v>
      </c>
      <c r="I7301">
        <v>51.694337034798998</v>
      </c>
      <c r="J7301" t="s">
        <v>62986</v>
      </c>
    </row>
    <row r="7302" spans="1:10" x14ac:dyDescent="0.25">
      <c r="A7302" t="s">
        <v>27613</v>
      </c>
      <c r="B7302" t="s">
        <v>27614</v>
      </c>
      <c r="C7302" t="s">
        <v>27615</v>
      </c>
      <c r="D7302" t="s">
        <v>27302</v>
      </c>
      <c r="E7302" t="s">
        <v>13</v>
      </c>
      <c r="F7302">
        <v>6780</v>
      </c>
      <c r="G7302" t="s">
        <v>27616</v>
      </c>
      <c r="H7302">
        <v>5.2891173276660002</v>
      </c>
      <c r="I7302">
        <v>51.736119868678003</v>
      </c>
      <c r="J7302" t="s">
        <v>62987</v>
      </c>
    </row>
    <row r="7303" spans="1:10" x14ac:dyDescent="0.25">
      <c r="A7303" t="s">
        <v>27609</v>
      </c>
      <c r="B7303" t="s">
        <v>27610</v>
      </c>
      <c r="C7303" t="s">
        <v>27611</v>
      </c>
      <c r="D7303" t="s">
        <v>27302</v>
      </c>
      <c r="E7303" t="s">
        <v>13</v>
      </c>
      <c r="F7303">
        <v>6779</v>
      </c>
      <c r="G7303" t="s">
        <v>27612</v>
      </c>
      <c r="H7303">
        <v>5.286018813149</v>
      </c>
      <c r="I7303">
        <v>51.724501717240003</v>
      </c>
      <c r="J7303" t="s">
        <v>62988</v>
      </c>
    </row>
    <row r="7304" spans="1:10" x14ac:dyDescent="0.25">
      <c r="A7304" t="s">
        <v>27605</v>
      </c>
      <c r="B7304" t="s">
        <v>27606</v>
      </c>
      <c r="C7304" t="s">
        <v>27607</v>
      </c>
      <c r="D7304" t="s">
        <v>27302</v>
      </c>
      <c r="E7304" t="s">
        <v>13</v>
      </c>
      <c r="F7304">
        <v>6778</v>
      </c>
      <c r="G7304" t="s">
        <v>27608</v>
      </c>
      <c r="H7304">
        <v>5.2827643716830002</v>
      </c>
      <c r="I7304">
        <v>51.734351150267003</v>
      </c>
      <c r="J7304" t="s">
        <v>62989</v>
      </c>
    </row>
    <row r="7305" spans="1:10" x14ac:dyDescent="0.25">
      <c r="A7305" t="s">
        <v>27601</v>
      </c>
      <c r="B7305" t="s">
        <v>27602</v>
      </c>
      <c r="C7305" t="s">
        <v>27603</v>
      </c>
      <c r="D7305" t="s">
        <v>27302</v>
      </c>
      <c r="E7305" t="s">
        <v>13</v>
      </c>
      <c r="F7305">
        <v>6777</v>
      </c>
      <c r="G7305" t="s">
        <v>27604</v>
      </c>
      <c r="H7305">
        <v>5.2897921524580003</v>
      </c>
      <c r="I7305">
        <v>51.726309530412998</v>
      </c>
      <c r="J7305" t="s">
        <v>62990</v>
      </c>
    </row>
    <row r="7306" spans="1:10" x14ac:dyDescent="0.25">
      <c r="A7306" t="s">
        <v>27597</v>
      </c>
      <c r="B7306" t="s">
        <v>27598</v>
      </c>
      <c r="C7306" t="s">
        <v>27599</v>
      </c>
      <c r="D7306" t="s">
        <v>27302</v>
      </c>
      <c r="E7306" t="s">
        <v>13</v>
      </c>
      <c r="F7306">
        <v>6776</v>
      </c>
      <c r="G7306" t="s">
        <v>27600</v>
      </c>
      <c r="H7306">
        <v>5.2941784458210002</v>
      </c>
      <c r="I7306">
        <v>51.729004293076997</v>
      </c>
      <c r="J7306" t="s">
        <v>62991</v>
      </c>
    </row>
    <row r="7307" spans="1:10" x14ac:dyDescent="0.25">
      <c r="A7307" t="s">
        <v>27593</v>
      </c>
      <c r="B7307" t="s">
        <v>27594</v>
      </c>
      <c r="C7307" t="s">
        <v>27595</v>
      </c>
      <c r="D7307" t="s">
        <v>27302</v>
      </c>
      <c r="E7307" t="s">
        <v>13</v>
      </c>
      <c r="F7307">
        <v>6775</v>
      </c>
      <c r="G7307" t="s">
        <v>27596</v>
      </c>
      <c r="H7307">
        <v>5.3001532962880002</v>
      </c>
      <c r="I7307">
        <v>51.729976051861001</v>
      </c>
      <c r="J7307" t="s">
        <v>62992</v>
      </c>
    </row>
    <row r="7308" spans="1:10" x14ac:dyDescent="0.25">
      <c r="A7308" t="s">
        <v>27589</v>
      </c>
      <c r="B7308" t="s">
        <v>27590</v>
      </c>
      <c r="C7308" t="s">
        <v>27591</v>
      </c>
      <c r="D7308" t="s">
        <v>27302</v>
      </c>
      <c r="E7308" t="s">
        <v>13</v>
      </c>
      <c r="F7308">
        <v>6774</v>
      </c>
      <c r="G7308" t="s">
        <v>27592</v>
      </c>
      <c r="H7308">
        <v>5.3056463288779998</v>
      </c>
      <c r="I7308">
        <v>51.730844297102003</v>
      </c>
      <c r="J7308" t="s">
        <v>62993</v>
      </c>
    </row>
    <row r="7309" spans="1:10" x14ac:dyDescent="0.25">
      <c r="A7309" t="s">
        <v>27585</v>
      </c>
      <c r="B7309" t="s">
        <v>27586</v>
      </c>
      <c r="C7309" t="s">
        <v>27587</v>
      </c>
      <c r="D7309" t="s">
        <v>27302</v>
      </c>
      <c r="E7309" t="s">
        <v>13</v>
      </c>
      <c r="F7309">
        <v>6773</v>
      </c>
      <c r="G7309" t="s">
        <v>27588</v>
      </c>
      <c r="H7309">
        <v>5.3091575837390002</v>
      </c>
      <c r="I7309">
        <v>51.728032455171999</v>
      </c>
      <c r="J7309" t="s">
        <v>62994</v>
      </c>
    </row>
    <row r="7310" spans="1:10" x14ac:dyDescent="0.25">
      <c r="A7310" t="s">
        <v>27581</v>
      </c>
      <c r="B7310" t="s">
        <v>27582</v>
      </c>
      <c r="C7310" t="s">
        <v>27583</v>
      </c>
      <c r="D7310" t="s">
        <v>27302</v>
      </c>
      <c r="E7310" t="s">
        <v>13</v>
      </c>
      <c r="F7310">
        <v>6772</v>
      </c>
      <c r="G7310" t="s">
        <v>27584</v>
      </c>
      <c r="H7310">
        <v>5.3158917258000002</v>
      </c>
      <c r="I7310">
        <v>51.725602022741</v>
      </c>
      <c r="J7310" t="s">
        <v>62995</v>
      </c>
    </row>
    <row r="7311" spans="1:10" x14ac:dyDescent="0.25">
      <c r="A7311" t="s">
        <v>27577</v>
      </c>
      <c r="B7311" t="s">
        <v>27578</v>
      </c>
      <c r="C7311" t="s">
        <v>27579</v>
      </c>
      <c r="D7311" t="s">
        <v>27302</v>
      </c>
      <c r="E7311" t="s">
        <v>13</v>
      </c>
      <c r="F7311">
        <v>6771</v>
      </c>
      <c r="G7311" t="s">
        <v>27580</v>
      </c>
      <c r="H7311">
        <v>5.3083906213240004</v>
      </c>
      <c r="I7311">
        <v>51.722957462449997</v>
      </c>
      <c r="J7311" t="s">
        <v>62996</v>
      </c>
    </row>
    <row r="7312" spans="1:10" x14ac:dyDescent="0.25">
      <c r="A7312" t="s">
        <v>27573</v>
      </c>
      <c r="B7312" t="s">
        <v>27574</v>
      </c>
      <c r="C7312" t="s">
        <v>27575</v>
      </c>
      <c r="D7312" t="s">
        <v>27302</v>
      </c>
      <c r="E7312" t="s">
        <v>13</v>
      </c>
      <c r="F7312">
        <v>6770</v>
      </c>
      <c r="G7312" t="s">
        <v>27576</v>
      </c>
      <c r="H7312">
        <v>5.3004602588559999</v>
      </c>
      <c r="I7312">
        <v>51.721908542599998</v>
      </c>
      <c r="J7312" t="s">
        <v>62997</v>
      </c>
    </row>
    <row r="7313" spans="1:10" x14ac:dyDescent="0.25">
      <c r="A7313" t="s">
        <v>27569</v>
      </c>
      <c r="B7313" t="s">
        <v>27570</v>
      </c>
      <c r="C7313" t="s">
        <v>27571</v>
      </c>
      <c r="D7313" t="s">
        <v>27302</v>
      </c>
      <c r="E7313" t="s">
        <v>13</v>
      </c>
      <c r="F7313">
        <v>6769</v>
      </c>
      <c r="G7313" t="s">
        <v>27572</v>
      </c>
      <c r="H7313">
        <v>5.2938408641040002</v>
      </c>
      <c r="I7313">
        <v>51.714818658458</v>
      </c>
      <c r="J7313" t="s">
        <v>62998</v>
      </c>
    </row>
    <row r="7314" spans="1:10" x14ac:dyDescent="0.25">
      <c r="A7314" t="s">
        <v>27565</v>
      </c>
      <c r="B7314" t="s">
        <v>27566</v>
      </c>
      <c r="C7314" t="s">
        <v>27567</v>
      </c>
      <c r="D7314" t="s">
        <v>27302</v>
      </c>
      <c r="E7314" t="s">
        <v>13</v>
      </c>
      <c r="F7314">
        <v>6768</v>
      </c>
      <c r="G7314" t="s">
        <v>27568</v>
      </c>
      <c r="H7314">
        <v>5.2995908588429996</v>
      </c>
      <c r="I7314">
        <v>51.706197445283003</v>
      </c>
      <c r="J7314" t="s">
        <v>62999</v>
      </c>
    </row>
    <row r="7315" spans="1:10" x14ac:dyDescent="0.25">
      <c r="A7315" t="s">
        <v>27561</v>
      </c>
      <c r="B7315" t="s">
        <v>27562</v>
      </c>
      <c r="C7315" t="s">
        <v>27563</v>
      </c>
      <c r="D7315" t="s">
        <v>27302</v>
      </c>
      <c r="E7315" t="s">
        <v>13</v>
      </c>
      <c r="F7315">
        <v>6767</v>
      </c>
      <c r="G7315" t="s">
        <v>27564</v>
      </c>
      <c r="H7315">
        <v>5.307917621044</v>
      </c>
      <c r="I7315">
        <v>51.705941499051001</v>
      </c>
      <c r="J7315" t="s">
        <v>63000</v>
      </c>
    </row>
    <row r="7316" spans="1:10" x14ac:dyDescent="0.25">
      <c r="A7316" t="s">
        <v>27557</v>
      </c>
      <c r="B7316" t="s">
        <v>27558</v>
      </c>
      <c r="C7316" t="s">
        <v>27559</v>
      </c>
      <c r="D7316" t="s">
        <v>27302</v>
      </c>
      <c r="E7316" t="s">
        <v>13</v>
      </c>
      <c r="F7316">
        <v>6766</v>
      </c>
      <c r="G7316" t="s">
        <v>27560</v>
      </c>
      <c r="H7316">
        <v>5.3023235465610004</v>
      </c>
      <c r="I7316">
        <v>51.710589942436002</v>
      </c>
      <c r="J7316" t="s">
        <v>63001</v>
      </c>
    </row>
    <row r="7317" spans="1:10" x14ac:dyDescent="0.25">
      <c r="A7317" t="s">
        <v>27553</v>
      </c>
      <c r="B7317" t="s">
        <v>27554</v>
      </c>
      <c r="C7317" t="s">
        <v>27555</v>
      </c>
      <c r="D7317" t="s">
        <v>27302</v>
      </c>
      <c r="E7317" t="s">
        <v>13</v>
      </c>
      <c r="F7317">
        <v>6765</v>
      </c>
      <c r="G7317" t="s">
        <v>27556</v>
      </c>
      <c r="H7317">
        <v>5.299515017649</v>
      </c>
      <c r="I7317">
        <v>51.715605208066997</v>
      </c>
      <c r="J7317" t="s">
        <v>63002</v>
      </c>
    </row>
    <row r="7318" spans="1:10" x14ac:dyDescent="0.25">
      <c r="A7318" t="s">
        <v>27549</v>
      </c>
      <c r="B7318" t="s">
        <v>27550</v>
      </c>
      <c r="C7318" t="s">
        <v>27551</v>
      </c>
      <c r="D7318" t="s">
        <v>27302</v>
      </c>
      <c r="E7318" t="s">
        <v>13</v>
      </c>
      <c r="F7318">
        <v>6764</v>
      </c>
      <c r="G7318" t="s">
        <v>27552</v>
      </c>
      <c r="H7318">
        <v>5.3054458832040003</v>
      </c>
      <c r="I7318">
        <v>51.716759430981</v>
      </c>
      <c r="J7318" t="s">
        <v>63003</v>
      </c>
    </row>
    <row r="7319" spans="1:10" x14ac:dyDescent="0.25">
      <c r="A7319" t="s">
        <v>27545</v>
      </c>
      <c r="B7319" t="s">
        <v>27546</v>
      </c>
      <c r="C7319" t="s">
        <v>27547</v>
      </c>
      <c r="D7319" t="s">
        <v>27302</v>
      </c>
      <c r="E7319" t="s">
        <v>13</v>
      </c>
      <c r="F7319">
        <v>6763</v>
      </c>
      <c r="G7319" t="s">
        <v>27548</v>
      </c>
      <c r="H7319">
        <v>5.3077595478999999</v>
      </c>
      <c r="I7319">
        <v>51.712470894185003</v>
      </c>
      <c r="J7319" t="s">
        <v>63004</v>
      </c>
    </row>
    <row r="7320" spans="1:10" x14ac:dyDescent="0.25">
      <c r="A7320" t="s">
        <v>27541</v>
      </c>
      <c r="B7320" t="s">
        <v>27542</v>
      </c>
      <c r="C7320" t="s">
        <v>27543</v>
      </c>
      <c r="D7320" t="s">
        <v>27302</v>
      </c>
      <c r="E7320" t="s">
        <v>13</v>
      </c>
      <c r="F7320">
        <v>6762</v>
      </c>
      <c r="G7320" t="s">
        <v>27544</v>
      </c>
      <c r="H7320">
        <v>5.3136842943870004</v>
      </c>
      <c r="I7320">
        <v>51.715845387662</v>
      </c>
      <c r="J7320" t="s">
        <v>63005</v>
      </c>
    </row>
    <row r="7321" spans="1:10" x14ac:dyDescent="0.25">
      <c r="A7321" t="s">
        <v>27537</v>
      </c>
      <c r="B7321" t="s">
        <v>27538</v>
      </c>
      <c r="C7321" t="s">
        <v>27539</v>
      </c>
      <c r="D7321" t="s">
        <v>27302</v>
      </c>
      <c r="E7321" t="s">
        <v>13</v>
      </c>
      <c r="F7321">
        <v>6761</v>
      </c>
      <c r="G7321" t="s">
        <v>27540</v>
      </c>
      <c r="H7321">
        <v>5.3227664123379999</v>
      </c>
      <c r="I7321">
        <v>51.719331572889999</v>
      </c>
      <c r="J7321" t="s">
        <v>63006</v>
      </c>
    </row>
    <row r="7322" spans="1:10" x14ac:dyDescent="0.25">
      <c r="A7322" t="s">
        <v>27533</v>
      </c>
      <c r="B7322" t="s">
        <v>27534</v>
      </c>
      <c r="C7322" t="s">
        <v>27535</v>
      </c>
      <c r="D7322" t="s">
        <v>27302</v>
      </c>
      <c r="E7322" t="s">
        <v>13</v>
      </c>
      <c r="F7322">
        <v>6760</v>
      </c>
      <c r="G7322" t="s">
        <v>27536</v>
      </c>
      <c r="H7322">
        <v>5.3310736332130002</v>
      </c>
      <c r="I7322">
        <v>51.716879604901003</v>
      </c>
      <c r="J7322" t="s">
        <v>63007</v>
      </c>
    </row>
    <row r="7323" spans="1:10" x14ac:dyDescent="0.25">
      <c r="A7323" t="s">
        <v>27529</v>
      </c>
      <c r="B7323" t="s">
        <v>27530</v>
      </c>
      <c r="C7323" t="s">
        <v>27531</v>
      </c>
      <c r="D7323" t="s">
        <v>27302</v>
      </c>
      <c r="E7323" t="s">
        <v>13</v>
      </c>
      <c r="F7323">
        <v>6759</v>
      </c>
      <c r="G7323" t="s">
        <v>27532</v>
      </c>
      <c r="H7323">
        <v>5.325204402512</v>
      </c>
      <c r="I7323">
        <v>51.713972469986999</v>
      </c>
      <c r="J7323" t="s">
        <v>63008</v>
      </c>
    </row>
    <row r="7324" spans="1:10" x14ac:dyDescent="0.25">
      <c r="A7324" t="s">
        <v>27526</v>
      </c>
      <c r="B7324" t="s">
        <v>27527</v>
      </c>
      <c r="C7324" t="s">
        <v>9615</v>
      </c>
      <c r="D7324" t="s">
        <v>27302</v>
      </c>
      <c r="E7324" t="s">
        <v>13</v>
      </c>
      <c r="F7324">
        <v>6758</v>
      </c>
      <c r="G7324" t="s">
        <v>27528</v>
      </c>
      <c r="H7324">
        <v>5.3177882354730004</v>
      </c>
      <c r="I7324">
        <v>51.710763725688999</v>
      </c>
      <c r="J7324" t="s">
        <v>63009</v>
      </c>
    </row>
    <row r="7325" spans="1:10" x14ac:dyDescent="0.25">
      <c r="A7325" t="s">
        <v>27522</v>
      </c>
      <c r="B7325" t="s">
        <v>27523</v>
      </c>
      <c r="C7325" t="s">
        <v>27524</v>
      </c>
      <c r="D7325" t="s">
        <v>27302</v>
      </c>
      <c r="E7325" t="s">
        <v>13</v>
      </c>
      <c r="F7325">
        <v>6757</v>
      </c>
      <c r="G7325" t="s">
        <v>27525</v>
      </c>
      <c r="H7325">
        <v>5.3341288000200002</v>
      </c>
      <c r="I7325">
        <v>51.709206564595</v>
      </c>
      <c r="J7325" t="s">
        <v>63010</v>
      </c>
    </row>
    <row r="7326" spans="1:10" x14ac:dyDescent="0.25">
      <c r="A7326" t="s">
        <v>27518</v>
      </c>
      <c r="B7326" t="s">
        <v>27519</v>
      </c>
      <c r="C7326" t="s">
        <v>27520</v>
      </c>
      <c r="D7326" t="s">
        <v>27302</v>
      </c>
      <c r="E7326" t="s">
        <v>13</v>
      </c>
      <c r="F7326">
        <v>6756</v>
      </c>
      <c r="G7326" t="s">
        <v>27521</v>
      </c>
      <c r="H7326">
        <v>5.3237219413589996</v>
      </c>
      <c r="I7326">
        <v>51.706639396142997</v>
      </c>
      <c r="J7326" t="s">
        <v>63011</v>
      </c>
    </row>
    <row r="7327" spans="1:10" x14ac:dyDescent="0.25">
      <c r="A7327" t="s">
        <v>27514</v>
      </c>
      <c r="B7327" t="s">
        <v>27515</v>
      </c>
      <c r="C7327" t="s">
        <v>27516</v>
      </c>
      <c r="D7327" t="s">
        <v>27302</v>
      </c>
      <c r="E7327" t="s">
        <v>13</v>
      </c>
      <c r="F7327">
        <v>6755</v>
      </c>
      <c r="G7327" t="s">
        <v>27517</v>
      </c>
      <c r="H7327">
        <v>5.3154106778700001</v>
      </c>
      <c r="I7327">
        <v>51.704297230359998</v>
      </c>
      <c r="J7327" t="s">
        <v>63012</v>
      </c>
    </row>
    <row r="7328" spans="1:10" x14ac:dyDescent="0.25">
      <c r="A7328" t="s">
        <v>27510</v>
      </c>
      <c r="B7328" t="s">
        <v>27511</v>
      </c>
      <c r="C7328" t="s">
        <v>27512</v>
      </c>
      <c r="D7328" t="s">
        <v>27302</v>
      </c>
      <c r="E7328" t="s">
        <v>13</v>
      </c>
      <c r="F7328">
        <v>6754</v>
      </c>
      <c r="G7328" t="s">
        <v>27513</v>
      </c>
      <c r="H7328">
        <v>5.3368177589160002</v>
      </c>
      <c r="I7328">
        <v>51.744713120698997</v>
      </c>
      <c r="J7328" t="s">
        <v>63013</v>
      </c>
    </row>
    <row r="7329" spans="1:10" x14ac:dyDescent="0.25">
      <c r="A7329" t="s">
        <v>27506</v>
      </c>
      <c r="B7329" t="s">
        <v>27507</v>
      </c>
      <c r="C7329" t="s">
        <v>27508</v>
      </c>
      <c r="D7329" t="s">
        <v>27302</v>
      </c>
      <c r="E7329" t="s">
        <v>13</v>
      </c>
      <c r="F7329">
        <v>6753</v>
      </c>
      <c r="G7329" t="s">
        <v>27509</v>
      </c>
      <c r="H7329">
        <v>5.3314746593380002</v>
      </c>
      <c r="I7329">
        <v>51.730438304532001</v>
      </c>
      <c r="J7329" t="s">
        <v>63014</v>
      </c>
    </row>
    <row r="7330" spans="1:10" x14ac:dyDescent="0.25">
      <c r="A7330" t="s">
        <v>27502</v>
      </c>
      <c r="B7330" t="s">
        <v>27503</v>
      </c>
      <c r="C7330" t="s">
        <v>27504</v>
      </c>
      <c r="D7330" t="s">
        <v>27302</v>
      </c>
      <c r="E7330" t="s">
        <v>13</v>
      </c>
      <c r="F7330">
        <v>6752</v>
      </c>
      <c r="G7330" t="s">
        <v>27505</v>
      </c>
      <c r="H7330">
        <v>5.3192053674719997</v>
      </c>
      <c r="I7330">
        <v>51.734180428193</v>
      </c>
      <c r="J7330" t="s">
        <v>63015</v>
      </c>
    </row>
    <row r="7331" spans="1:10" x14ac:dyDescent="0.25">
      <c r="A7331" t="s">
        <v>27498</v>
      </c>
      <c r="B7331" t="s">
        <v>27499</v>
      </c>
      <c r="C7331" t="s">
        <v>27500</v>
      </c>
      <c r="D7331" t="s">
        <v>27302</v>
      </c>
      <c r="E7331" t="s">
        <v>13</v>
      </c>
      <c r="F7331">
        <v>6751</v>
      </c>
      <c r="G7331" t="s">
        <v>27501</v>
      </c>
      <c r="H7331">
        <v>5.3246345950469998</v>
      </c>
      <c r="I7331">
        <v>51.729457856737</v>
      </c>
      <c r="J7331" t="s">
        <v>63016</v>
      </c>
    </row>
    <row r="7332" spans="1:10" x14ac:dyDescent="0.25">
      <c r="A7332" t="s">
        <v>27494</v>
      </c>
      <c r="B7332" t="s">
        <v>27495</v>
      </c>
      <c r="C7332" t="s">
        <v>27496</v>
      </c>
      <c r="D7332" t="s">
        <v>27302</v>
      </c>
      <c r="E7332" t="s">
        <v>13</v>
      </c>
      <c r="F7332">
        <v>6750</v>
      </c>
      <c r="G7332" t="s">
        <v>27497</v>
      </c>
      <c r="H7332">
        <v>5.3621993022850001</v>
      </c>
      <c r="I7332">
        <v>51.741228775887997</v>
      </c>
      <c r="J7332" t="s">
        <v>63017</v>
      </c>
    </row>
    <row r="7333" spans="1:10" x14ac:dyDescent="0.25">
      <c r="A7333" t="s">
        <v>27490</v>
      </c>
      <c r="B7333" t="s">
        <v>27491</v>
      </c>
      <c r="C7333" t="s">
        <v>27492</v>
      </c>
      <c r="D7333" t="s">
        <v>27302</v>
      </c>
      <c r="E7333" t="s">
        <v>13</v>
      </c>
      <c r="F7333">
        <v>6749</v>
      </c>
      <c r="G7333" t="s">
        <v>27493</v>
      </c>
      <c r="H7333">
        <v>5.3414689918829996</v>
      </c>
      <c r="I7333">
        <v>51.732410660159999</v>
      </c>
      <c r="J7333" t="s">
        <v>63018</v>
      </c>
    </row>
    <row r="7334" spans="1:10" x14ac:dyDescent="0.25">
      <c r="A7334" t="s">
        <v>27487</v>
      </c>
      <c r="B7334" t="s">
        <v>27488</v>
      </c>
      <c r="C7334" t="s">
        <v>22545</v>
      </c>
      <c r="D7334" t="s">
        <v>27302</v>
      </c>
      <c r="E7334" t="s">
        <v>13</v>
      </c>
      <c r="F7334">
        <v>6748</v>
      </c>
      <c r="G7334" t="s">
        <v>27489</v>
      </c>
      <c r="H7334">
        <v>5.3495058798780004</v>
      </c>
      <c r="I7334">
        <v>51.737336402350998</v>
      </c>
      <c r="J7334" t="s">
        <v>63019</v>
      </c>
    </row>
    <row r="7335" spans="1:10" x14ac:dyDescent="0.25">
      <c r="A7335" t="s">
        <v>27484</v>
      </c>
      <c r="B7335" t="s">
        <v>27485</v>
      </c>
      <c r="C7335" t="s">
        <v>703</v>
      </c>
      <c r="D7335" t="s">
        <v>27302</v>
      </c>
      <c r="E7335" t="s">
        <v>13</v>
      </c>
      <c r="F7335">
        <v>6747</v>
      </c>
      <c r="G7335" t="s">
        <v>27486</v>
      </c>
      <c r="H7335">
        <v>5.350824366836</v>
      </c>
      <c r="I7335">
        <v>51.730579775880003</v>
      </c>
      <c r="J7335" t="s">
        <v>63020</v>
      </c>
    </row>
    <row r="7336" spans="1:10" x14ac:dyDescent="0.25">
      <c r="A7336" t="s">
        <v>27480</v>
      </c>
      <c r="B7336" t="s">
        <v>27481</v>
      </c>
      <c r="C7336" t="s">
        <v>27482</v>
      </c>
      <c r="D7336" t="s">
        <v>27302</v>
      </c>
      <c r="E7336" t="s">
        <v>13</v>
      </c>
      <c r="F7336">
        <v>6746</v>
      </c>
      <c r="G7336" t="s">
        <v>27483</v>
      </c>
      <c r="H7336">
        <v>5.372739713284</v>
      </c>
      <c r="I7336">
        <v>51.736962317653997</v>
      </c>
      <c r="J7336" t="s">
        <v>63021</v>
      </c>
    </row>
    <row r="7337" spans="1:10" x14ac:dyDescent="0.25">
      <c r="A7337" t="s">
        <v>27477</v>
      </c>
      <c r="B7337" t="s">
        <v>27478</v>
      </c>
      <c r="C7337" t="s">
        <v>10277</v>
      </c>
      <c r="D7337" t="s">
        <v>27302</v>
      </c>
      <c r="E7337" t="s">
        <v>13</v>
      </c>
      <c r="F7337">
        <v>6745</v>
      </c>
      <c r="G7337" t="s">
        <v>27479</v>
      </c>
      <c r="H7337">
        <v>5.3640830649540003</v>
      </c>
      <c r="I7337">
        <v>51.732510605439998</v>
      </c>
      <c r="J7337" t="s">
        <v>63022</v>
      </c>
    </row>
    <row r="7338" spans="1:10" x14ac:dyDescent="0.25">
      <c r="A7338" t="s">
        <v>27473</v>
      </c>
      <c r="B7338" t="s">
        <v>27474</v>
      </c>
      <c r="C7338" t="s">
        <v>27475</v>
      </c>
      <c r="D7338" t="s">
        <v>27302</v>
      </c>
      <c r="E7338" t="s">
        <v>13</v>
      </c>
      <c r="F7338">
        <v>6744</v>
      </c>
      <c r="G7338" t="s">
        <v>27476</v>
      </c>
      <c r="H7338">
        <v>5.3569766889289996</v>
      </c>
      <c r="I7338">
        <v>51.7279370746</v>
      </c>
      <c r="J7338" t="s">
        <v>63023</v>
      </c>
    </row>
    <row r="7339" spans="1:10" x14ac:dyDescent="0.25">
      <c r="A7339" t="s">
        <v>27469</v>
      </c>
      <c r="B7339" t="s">
        <v>27470</v>
      </c>
      <c r="C7339" t="s">
        <v>27471</v>
      </c>
      <c r="D7339" t="s">
        <v>27302</v>
      </c>
      <c r="E7339" t="s">
        <v>13</v>
      </c>
      <c r="F7339">
        <v>6743</v>
      </c>
      <c r="G7339" t="s">
        <v>27472</v>
      </c>
      <c r="H7339">
        <v>5.3490051168740003</v>
      </c>
      <c r="I7339">
        <v>51.724155816574999</v>
      </c>
      <c r="J7339" t="s">
        <v>63024</v>
      </c>
    </row>
    <row r="7340" spans="1:10" x14ac:dyDescent="0.25">
      <c r="A7340" t="s">
        <v>27465</v>
      </c>
      <c r="B7340" t="s">
        <v>27466</v>
      </c>
      <c r="C7340" t="s">
        <v>27467</v>
      </c>
      <c r="D7340" t="s">
        <v>27302</v>
      </c>
      <c r="E7340" t="s">
        <v>13</v>
      </c>
      <c r="F7340">
        <v>6742</v>
      </c>
      <c r="G7340" t="s">
        <v>27468</v>
      </c>
      <c r="H7340">
        <v>5.3394804068930002</v>
      </c>
      <c r="I7340">
        <v>51.722347477333003</v>
      </c>
      <c r="J7340" t="s">
        <v>63025</v>
      </c>
    </row>
    <row r="7341" spans="1:10" x14ac:dyDescent="0.25">
      <c r="A7341" t="s">
        <v>27461</v>
      </c>
      <c r="B7341" t="s">
        <v>27462</v>
      </c>
      <c r="C7341" t="s">
        <v>27463</v>
      </c>
      <c r="D7341" t="s">
        <v>27302</v>
      </c>
      <c r="E7341" t="s">
        <v>13</v>
      </c>
      <c r="F7341">
        <v>6741</v>
      </c>
      <c r="G7341" t="s">
        <v>27464</v>
      </c>
      <c r="H7341">
        <v>5.3947760896629999</v>
      </c>
      <c r="I7341">
        <v>51.748095350801002</v>
      </c>
      <c r="J7341" t="s">
        <v>63026</v>
      </c>
    </row>
    <row r="7342" spans="1:10" x14ac:dyDescent="0.25">
      <c r="A7342" t="s">
        <v>27457</v>
      </c>
      <c r="B7342" t="s">
        <v>27458</v>
      </c>
      <c r="C7342" t="s">
        <v>27459</v>
      </c>
      <c r="D7342" t="s">
        <v>27302</v>
      </c>
      <c r="E7342" t="s">
        <v>13</v>
      </c>
      <c r="F7342">
        <v>6740</v>
      </c>
      <c r="G7342" t="s">
        <v>27460</v>
      </c>
      <c r="H7342">
        <v>5.3456979049409998</v>
      </c>
      <c r="I7342">
        <v>51.713765065022002</v>
      </c>
      <c r="J7342" t="s">
        <v>63027</v>
      </c>
    </row>
    <row r="7343" spans="1:10" x14ac:dyDescent="0.25">
      <c r="A7343" t="s">
        <v>27453</v>
      </c>
      <c r="B7343" t="s">
        <v>27454</v>
      </c>
      <c r="C7343" t="s">
        <v>27455</v>
      </c>
      <c r="D7343" t="s">
        <v>27302</v>
      </c>
      <c r="E7343" t="s">
        <v>13</v>
      </c>
      <c r="F7343">
        <v>6739</v>
      </c>
      <c r="G7343" t="s">
        <v>27456</v>
      </c>
      <c r="H7343">
        <v>5.3553525029309998</v>
      </c>
      <c r="I7343">
        <v>51.720933270469999</v>
      </c>
      <c r="J7343" t="s">
        <v>63028</v>
      </c>
    </row>
    <row r="7344" spans="1:10" x14ac:dyDescent="0.25">
      <c r="A7344" t="s">
        <v>27449</v>
      </c>
      <c r="B7344" t="s">
        <v>27450</v>
      </c>
      <c r="C7344" t="s">
        <v>27451</v>
      </c>
      <c r="D7344" t="s">
        <v>27302</v>
      </c>
      <c r="E7344" t="s">
        <v>13</v>
      </c>
      <c r="F7344">
        <v>6738</v>
      </c>
      <c r="G7344" t="s">
        <v>27452</v>
      </c>
      <c r="H7344">
        <v>5.3677727280910004</v>
      </c>
      <c r="I7344">
        <v>51.726218036176</v>
      </c>
      <c r="J7344" t="s">
        <v>63029</v>
      </c>
    </row>
    <row r="7345" spans="1:10" x14ac:dyDescent="0.25">
      <c r="A7345" t="s">
        <v>27445</v>
      </c>
      <c r="B7345" t="s">
        <v>27446</v>
      </c>
      <c r="C7345" t="s">
        <v>27447</v>
      </c>
      <c r="D7345" t="s">
        <v>27302</v>
      </c>
      <c r="E7345" t="s">
        <v>13</v>
      </c>
      <c r="F7345">
        <v>6737</v>
      </c>
      <c r="G7345" t="s">
        <v>27448</v>
      </c>
      <c r="H7345">
        <v>5.4002989679270001</v>
      </c>
      <c r="I7345">
        <v>51.727315380043997</v>
      </c>
      <c r="J7345" t="s">
        <v>63030</v>
      </c>
    </row>
    <row r="7346" spans="1:10" x14ac:dyDescent="0.25">
      <c r="A7346" t="s">
        <v>27441</v>
      </c>
      <c r="B7346" t="s">
        <v>27442</v>
      </c>
      <c r="C7346" t="s">
        <v>27443</v>
      </c>
      <c r="D7346" t="s">
        <v>27302</v>
      </c>
      <c r="E7346" t="s">
        <v>13</v>
      </c>
      <c r="F7346">
        <v>6736</v>
      </c>
      <c r="G7346" t="s">
        <v>27444</v>
      </c>
      <c r="H7346">
        <v>5.3887596415930004</v>
      </c>
      <c r="I7346">
        <v>51.728976581319003</v>
      </c>
      <c r="J7346" t="s">
        <v>63031</v>
      </c>
    </row>
    <row r="7347" spans="1:10" x14ac:dyDescent="0.25">
      <c r="A7347" t="s">
        <v>27437</v>
      </c>
      <c r="B7347" t="s">
        <v>27438</v>
      </c>
      <c r="C7347" t="s">
        <v>27439</v>
      </c>
      <c r="D7347" t="s">
        <v>27302</v>
      </c>
      <c r="E7347" t="s">
        <v>13</v>
      </c>
      <c r="F7347">
        <v>6735</v>
      </c>
      <c r="G7347" t="s">
        <v>27440</v>
      </c>
      <c r="H7347">
        <v>5.3701094806220002</v>
      </c>
      <c r="I7347">
        <v>51.720128169906999</v>
      </c>
      <c r="J7347" t="s">
        <v>63032</v>
      </c>
    </row>
    <row r="7348" spans="1:10" x14ac:dyDescent="0.25">
      <c r="A7348" t="s">
        <v>27433</v>
      </c>
      <c r="B7348" t="s">
        <v>27434</v>
      </c>
      <c r="C7348" t="s">
        <v>27435</v>
      </c>
      <c r="D7348" t="s">
        <v>27302</v>
      </c>
      <c r="E7348" t="s">
        <v>13</v>
      </c>
      <c r="F7348">
        <v>6734</v>
      </c>
      <c r="G7348" t="s">
        <v>27436</v>
      </c>
      <c r="H7348">
        <v>5.3632720483709999</v>
      </c>
      <c r="I7348">
        <v>51.716258856392002</v>
      </c>
      <c r="J7348" t="s">
        <v>63033</v>
      </c>
    </row>
    <row r="7349" spans="1:10" x14ac:dyDescent="0.25">
      <c r="A7349" t="s">
        <v>27430</v>
      </c>
      <c r="B7349" t="s">
        <v>27431</v>
      </c>
      <c r="C7349" t="s">
        <v>26971</v>
      </c>
      <c r="D7349" t="s">
        <v>27302</v>
      </c>
      <c r="E7349" t="s">
        <v>13</v>
      </c>
      <c r="F7349">
        <v>6733</v>
      </c>
      <c r="G7349" t="s">
        <v>27432</v>
      </c>
      <c r="H7349">
        <v>5.3548189303080003</v>
      </c>
      <c r="I7349">
        <v>51.714930442270997</v>
      </c>
      <c r="J7349" t="s">
        <v>63034</v>
      </c>
    </row>
    <row r="7350" spans="1:10" x14ac:dyDescent="0.25">
      <c r="A7350" t="s">
        <v>27426</v>
      </c>
      <c r="B7350" t="s">
        <v>27427</v>
      </c>
      <c r="C7350" t="s">
        <v>27428</v>
      </c>
      <c r="D7350" t="s">
        <v>27302</v>
      </c>
      <c r="E7350" t="s">
        <v>13</v>
      </c>
      <c r="F7350">
        <v>6732</v>
      </c>
      <c r="G7350" t="s">
        <v>27429</v>
      </c>
      <c r="H7350">
        <v>5.3557393811939997</v>
      </c>
      <c r="I7350">
        <v>51.703206940275997</v>
      </c>
      <c r="J7350" t="s">
        <v>63035</v>
      </c>
    </row>
    <row r="7351" spans="1:10" x14ac:dyDescent="0.25">
      <c r="A7351" t="s">
        <v>27423</v>
      </c>
      <c r="B7351" t="s">
        <v>27424</v>
      </c>
      <c r="C7351" t="s">
        <v>4701</v>
      </c>
      <c r="D7351" t="s">
        <v>27302</v>
      </c>
      <c r="E7351" t="s">
        <v>13</v>
      </c>
      <c r="F7351">
        <v>6731</v>
      </c>
      <c r="G7351" t="s">
        <v>27425</v>
      </c>
      <c r="H7351">
        <v>5.3659459161580001</v>
      </c>
      <c r="I7351">
        <v>51.708942813848999</v>
      </c>
      <c r="J7351" t="s">
        <v>63036</v>
      </c>
    </row>
    <row r="7352" spans="1:10" x14ac:dyDescent="0.25">
      <c r="A7352" t="s">
        <v>27419</v>
      </c>
      <c r="B7352" t="s">
        <v>27420</v>
      </c>
      <c r="C7352" t="s">
        <v>27421</v>
      </c>
      <c r="D7352" t="s">
        <v>27302</v>
      </c>
      <c r="E7352" t="s">
        <v>13</v>
      </c>
      <c r="F7352">
        <v>6730</v>
      </c>
      <c r="G7352" t="s">
        <v>27422</v>
      </c>
      <c r="H7352">
        <v>5.3789421423599997</v>
      </c>
      <c r="I7352">
        <v>51.714927956921997</v>
      </c>
      <c r="J7352" t="s">
        <v>63037</v>
      </c>
    </row>
    <row r="7353" spans="1:10" x14ac:dyDescent="0.25">
      <c r="A7353" t="s">
        <v>27416</v>
      </c>
      <c r="B7353" t="s">
        <v>27417</v>
      </c>
      <c r="C7353" t="s">
        <v>22476</v>
      </c>
      <c r="D7353" t="s">
        <v>27302</v>
      </c>
      <c r="E7353" t="s">
        <v>13</v>
      </c>
      <c r="F7353">
        <v>6729</v>
      </c>
      <c r="G7353" t="s">
        <v>27418</v>
      </c>
      <c r="H7353">
        <v>5.3980935360329996</v>
      </c>
      <c r="I7353">
        <v>51.717196225374003</v>
      </c>
      <c r="J7353" t="s">
        <v>63038</v>
      </c>
    </row>
    <row r="7354" spans="1:10" x14ac:dyDescent="0.25">
      <c r="A7354" t="s">
        <v>27412</v>
      </c>
      <c r="B7354" t="s">
        <v>27413</v>
      </c>
      <c r="C7354" t="s">
        <v>27414</v>
      </c>
      <c r="D7354" t="s">
        <v>27302</v>
      </c>
      <c r="E7354" t="s">
        <v>13</v>
      </c>
      <c r="F7354">
        <v>6728</v>
      </c>
      <c r="G7354" t="s">
        <v>27415</v>
      </c>
      <c r="H7354">
        <v>5.4068726874740003</v>
      </c>
      <c r="I7354">
        <v>51.706189617779998</v>
      </c>
      <c r="J7354" t="s">
        <v>63039</v>
      </c>
    </row>
    <row r="7355" spans="1:10" x14ac:dyDescent="0.25">
      <c r="A7355" t="s">
        <v>27408</v>
      </c>
      <c r="B7355" t="s">
        <v>27409</v>
      </c>
      <c r="C7355" t="s">
        <v>27410</v>
      </c>
      <c r="D7355" t="s">
        <v>27302</v>
      </c>
      <c r="E7355" t="s">
        <v>13</v>
      </c>
      <c r="F7355">
        <v>6727</v>
      </c>
      <c r="G7355" t="s">
        <v>27411</v>
      </c>
      <c r="H7355">
        <v>5.3835917772719997</v>
      </c>
      <c r="I7355">
        <v>51.705133505856999</v>
      </c>
      <c r="J7355" t="s">
        <v>63040</v>
      </c>
    </row>
    <row r="7356" spans="1:10" x14ac:dyDescent="0.25">
      <c r="A7356" t="s">
        <v>27404</v>
      </c>
      <c r="B7356" t="s">
        <v>27405</v>
      </c>
      <c r="C7356" t="s">
        <v>27406</v>
      </c>
      <c r="D7356" t="s">
        <v>27302</v>
      </c>
      <c r="E7356" t="s">
        <v>13</v>
      </c>
      <c r="F7356">
        <v>6726</v>
      </c>
      <c r="G7356" t="s">
        <v>27407</v>
      </c>
      <c r="H7356">
        <v>5.3710480594850001</v>
      </c>
      <c r="I7356">
        <v>51.702583496837001</v>
      </c>
      <c r="J7356" t="s">
        <v>63041</v>
      </c>
    </row>
    <row r="7357" spans="1:10" x14ac:dyDescent="0.25">
      <c r="A7357" t="s">
        <v>27400</v>
      </c>
      <c r="B7357" t="s">
        <v>27401</v>
      </c>
      <c r="C7357" t="s">
        <v>27402</v>
      </c>
      <c r="D7357" t="s">
        <v>27302</v>
      </c>
      <c r="E7357" t="s">
        <v>13</v>
      </c>
      <c r="F7357">
        <v>6725</v>
      </c>
      <c r="G7357" t="s">
        <v>27403</v>
      </c>
      <c r="H7357">
        <v>5.3013065817129998</v>
      </c>
      <c r="I7357">
        <v>51.699171651020002</v>
      </c>
      <c r="J7357" t="s">
        <v>63042</v>
      </c>
    </row>
    <row r="7358" spans="1:10" x14ac:dyDescent="0.25">
      <c r="A7358" t="s">
        <v>27396</v>
      </c>
      <c r="B7358" t="s">
        <v>27397</v>
      </c>
      <c r="C7358" t="s">
        <v>27398</v>
      </c>
      <c r="D7358" t="s">
        <v>27302</v>
      </c>
      <c r="E7358" t="s">
        <v>13</v>
      </c>
      <c r="F7358">
        <v>6724</v>
      </c>
      <c r="G7358" t="s">
        <v>27399</v>
      </c>
      <c r="H7358">
        <v>5.3132038824940002</v>
      </c>
      <c r="I7358">
        <v>51.697722352904002</v>
      </c>
      <c r="J7358" t="s">
        <v>63043</v>
      </c>
    </row>
    <row r="7359" spans="1:10" x14ac:dyDescent="0.25">
      <c r="A7359" t="s">
        <v>27392</v>
      </c>
      <c r="B7359" t="s">
        <v>27393</v>
      </c>
      <c r="C7359" t="s">
        <v>27394</v>
      </c>
      <c r="D7359" t="s">
        <v>27302</v>
      </c>
      <c r="E7359" t="s">
        <v>13</v>
      </c>
      <c r="F7359">
        <v>6723</v>
      </c>
      <c r="G7359" t="s">
        <v>27395</v>
      </c>
      <c r="H7359">
        <v>5.3085829052960003</v>
      </c>
      <c r="I7359">
        <v>51.694512744751997</v>
      </c>
      <c r="J7359" t="s">
        <v>63044</v>
      </c>
    </row>
    <row r="7360" spans="1:10" x14ac:dyDescent="0.25">
      <c r="A7360" t="s">
        <v>27388</v>
      </c>
      <c r="B7360" t="s">
        <v>27389</v>
      </c>
      <c r="C7360" t="s">
        <v>27390</v>
      </c>
      <c r="D7360" t="s">
        <v>27302</v>
      </c>
      <c r="E7360" t="s">
        <v>13</v>
      </c>
      <c r="F7360">
        <v>6722</v>
      </c>
      <c r="G7360" t="s">
        <v>27391</v>
      </c>
      <c r="H7360">
        <v>5.3424102273010003</v>
      </c>
      <c r="I7360">
        <v>51.703563412500998</v>
      </c>
      <c r="J7360" t="s">
        <v>63045</v>
      </c>
    </row>
    <row r="7361" spans="1:10" x14ac:dyDescent="0.25">
      <c r="A7361" t="s">
        <v>27384</v>
      </c>
      <c r="B7361" t="s">
        <v>27385</v>
      </c>
      <c r="C7361" t="s">
        <v>27386</v>
      </c>
      <c r="D7361" t="s">
        <v>27302</v>
      </c>
      <c r="E7361" t="s">
        <v>13</v>
      </c>
      <c r="F7361">
        <v>6721</v>
      </c>
      <c r="G7361" t="s">
        <v>27387</v>
      </c>
      <c r="H7361">
        <v>5.3445210602769997</v>
      </c>
      <c r="I7361">
        <v>51.697576814252002</v>
      </c>
      <c r="J7361" t="s">
        <v>63046</v>
      </c>
    </row>
    <row r="7362" spans="1:10" x14ac:dyDescent="0.25">
      <c r="A7362" t="s">
        <v>27380</v>
      </c>
      <c r="B7362" t="s">
        <v>27381</v>
      </c>
      <c r="C7362" t="s">
        <v>27382</v>
      </c>
      <c r="D7362" t="s">
        <v>27302</v>
      </c>
      <c r="E7362" t="s">
        <v>13</v>
      </c>
      <c r="F7362">
        <v>6720</v>
      </c>
      <c r="G7362" t="s">
        <v>27383</v>
      </c>
      <c r="H7362">
        <v>5.3279970917619996</v>
      </c>
      <c r="I7362">
        <v>51.699505865657997</v>
      </c>
      <c r="J7362" t="s">
        <v>63047</v>
      </c>
    </row>
    <row r="7363" spans="1:10" x14ac:dyDescent="0.25">
      <c r="A7363" t="s">
        <v>27376</v>
      </c>
      <c r="B7363" t="s">
        <v>27377</v>
      </c>
      <c r="C7363" t="s">
        <v>27378</v>
      </c>
      <c r="D7363" t="s">
        <v>27302</v>
      </c>
      <c r="E7363" t="s">
        <v>13</v>
      </c>
      <c r="F7363">
        <v>6719</v>
      </c>
      <c r="G7363" t="s">
        <v>27379</v>
      </c>
      <c r="H7363">
        <v>5.3345132702429998</v>
      </c>
      <c r="I7363">
        <v>51.694911621952997</v>
      </c>
      <c r="J7363" t="s">
        <v>63048</v>
      </c>
    </row>
    <row r="7364" spans="1:10" x14ac:dyDescent="0.25">
      <c r="A7364" t="s">
        <v>27372</v>
      </c>
      <c r="B7364" t="s">
        <v>27373</v>
      </c>
      <c r="C7364" t="s">
        <v>27374</v>
      </c>
      <c r="D7364" t="s">
        <v>27302</v>
      </c>
      <c r="E7364" t="s">
        <v>13</v>
      </c>
      <c r="F7364">
        <v>6718</v>
      </c>
      <c r="G7364" t="s">
        <v>27375</v>
      </c>
      <c r="H7364">
        <v>5.3258585243630003</v>
      </c>
      <c r="I7364">
        <v>51.694088319857997</v>
      </c>
      <c r="J7364" t="s">
        <v>63049</v>
      </c>
    </row>
    <row r="7365" spans="1:10" x14ac:dyDescent="0.25">
      <c r="A7365" t="s">
        <v>27368</v>
      </c>
      <c r="B7365" t="s">
        <v>27369</v>
      </c>
      <c r="C7365" t="s">
        <v>27370</v>
      </c>
      <c r="D7365" t="s">
        <v>27302</v>
      </c>
      <c r="E7365" t="s">
        <v>13</v>
      </c>
      <c r="F7365">
        <v>6717</v>
      </c>
      <c r="G7365" t="s">
        <v>27371</v>
      </c>
      <c r="H7365">
        <v>5.3198505325480001</v>
      </c>
      <c r="I7365">
        <v>51.692177403396002</v>
      </c>
      <c r="J7365" t="s">
        <v>63050</v>
      </c>
    </row>
    <row r="7366" spans="1:10" x14ac:dyDescent="0.25">
      <c r="A7366" t="s">
        <v>27364</v>
      </c>
      <c r="B7366" t="s">
        <v>27365</v>
      </c>
      <c r="C7366" t="s">
        <v>27366</v>
      </c>
      <c r="D7366" t="s">
        <v>27302</v>
      </c>
      <c r="E7366" t="s">
        <v>13</v>
      </c>
      <c r="F7366">
        <v>6716</v>
      </c>
      <c r="G7366" t="s">
        <v>27367</v>
      </c>
      <c r="H7366">
        <v>5.3590040706439996</v>
      </c>
      <c r="I7366">
        <v>51.688412227505999</v>
      </c>
      <c r="J7366" t="s">
        <v>63051</v>
      </c>
    </row>
    <row r="7367" spans="1:10" x14ac:dyDescent="0.25">
      <c r="A7367" t="s">
        <v>27360</v>
      </c>
      <c r="B7367" t="s">
        <v>27361</v>
      </c>
      <c r="C7367" t="s">
        <v>27362</v>
      </c>
      <c r="D7367" t="s">
        <v>27302</v>
      </c>
      <c r="E7367" t="s">
        <v>13</v>
      </c>
      <c r="F7367">
        <v>6715</v>
      </c>
      <c r="G7367" t="s">
        <v>27363</v>
      </c>
      <c r="H7367">
        <v>5.3383674201089999</v>
      </c>
      <c r="I7367">
        <v>51.689358254181997</v>
      </c>
      <c r="J7367" t="s">
        <v>63052</v>
      </c>
    </row>
    <row r="7368" spans="1:10" x14ac:dyDescent="0.25">
      <c r="A7368" t="s">
        <v>27356</v>
      </c>
      <c r="B7368" t="s">
        <v>27357</v>
      </c>
      <c r="C7368" t="s">
        <v>27358</v>
      </c>
      <c r="D7368" t="s">
        <v>27302</v>
      </c>
      <c r="E7368" t="s">
        <v>13</v>
      </c>
      <c r="F7368">
        <v>6714</v>
      </c>
      <c r="G7368" t="s">
        <v>27359</v>
      </c>
      <c r="H7368">
        <v>5.3226873537910002</v>
      </c>
      <c r="I7368">
        <v>51.689812623100003</v>
      </c>
      <c r="J7368" t="s">
        <v>63053</v>
      </c>
    </row>
    <row r="7369" spans="1:10" x14ac:dyDescent="0.25">
      <c r="A7369" t="s">
        <v>27352</v>
      </c>
      <c r="B7369" t="s">
        <v>27353</v>
      </c>
      <c r="C7369" t="s">
        <v>27354</v>
      </c>
      <c r="D7369" t="s">
        <v>27302</v>
      </c>
      <c r="E7369" t="s">
        <v>13</v>
      </c>
      <c r="F7369">
        <v>6713</v>
      </c>
      <c r="G7369" t="s">
        <v>27355</v>
      </c>
      <c r="H7369">
        <v>5.3202197516050003</v>
      </c>
      <c r="I7369">
        <v>51.688625800449003</v>
      </c>
      <c r="J7369" t="s">
        <v>63054</v>
      </c>
    </row>
    <row r="7370" spans="1:10" x14ac:dyDescent="0.25">
      <c r="A7370" t="s">
        <v>27348</v>
      </c>
      <c r="B7370" t="s">
        <v>27349</v>
      </c>
      <c r="C7370" t="s">
        <v>27350</v>
      </c>
      <c r="D7370" t="s">
        <v>27302</v>
      </c>
      <c r="E7370" t="s">
        <v>13</v>
      </c>
      <c r="F7370">
        <v>6712</v>
      </c>
      <c r="G7370" t="s">
        <v>27351</v>
      </c>
      <c r="H7370">
        <v>5.343227658659</v>
      </c>
      <c r="I7370">
        <v>51.673495291633998</v>
      </c>
      <c r="J7370" t="s">
        <v>63055</v>
      </c>
    </row>
    <row r="7371" spans="1:10" x14ac:dyDescent="0.25">
      <c r="A7371" t="s">
        <v>27344</v>
      </c>
      <c r="B7371" t="s">
        <v>27345</v>
      </c>
      <c r="C7371" t="s">
        <v>27346</v>
      </c>
      <c r="D7371" t="s">
        <v>27302</v>
      </c>
      <c r="E7371" t="s">
        <v>13</v>
      </c>
      <c r="F7371">
        <v>6711</v>
      </c>
      <c r="G7371" t="s">
        <v>27347</v>
      </c>
      <c r="H7371">
        <v>5.3392448093759999</v>
      </c>
      <c r="I7371">
        <v>51.681558513452998</v>
      </c>
      <c r="J7371" t="s">
        <v>63056</v>
      </c>
    </row>
    <row r="7372" spans="1:10" x14ac:dyDescent="0.25">
      <c r="A7372" t="s">
        <v>27340</v>
      </c>
      <c r="B7372" t="s">
        <v>27341</v>
      </c>
      <c r="C7372" t="s">
        <v>27342</v>
      </c>
      <c r="D7372" t="s">
        <v>27302</v>
      </c>
      <c r="E7372" t="s">
        <v>13</v>
      </c>
      <c r="F7372">
        <v>6710</v>
      </c>
      <c r="G7372" t="s">
        <v>27343</v>
      </c>
      <c r="H7372">
        <v>5.3320395083590002</v>
      </c>
      <c r="I7372">
        <v>51.677451027955001</v>
      </c>
      <c r="J7372" t="s">
        <v>63057</v>
      </c>
    </row>
    <row r="7373" spans="1:10" x14ac:dyDescent="0.25">
      <c r="A7373" t="s">
        <v>27336</v>
      </c>
      <c r="B7373" t="s">
        <v>27337</v>
      </c>
      <c r="C7373" t="s">
        <v>27338</v>
      </c>
      <c r="D7373" t="s">
        <v>27302</v>
      </c>
      <c r="E7373" t="s">
        <v>13</v>
      </c>
      <c r="F7373">
        <v>6709</v>
      </c>
      <c r="G7373" t="s">
        <v>27339</v>
      </c>
      <c r="H7373">
        <v>5.3294653793549998</v>
      </c>
      <c r="I7373">
        <v>51.682343947378001</v>
      </c>
      <c r="J7373" t="s">
        <v>63058</v>
      </c>
    </row>
    <row r="7374" spans="1:10" x14ac:dyDescent="0.25">
      <c r="A7374" t="s">
        <v>27332</v>
      </c>
      <c r="B7374" t="s">
        <v>27333</v>
      </c>
      <c r="C7374" t="s">
        <v>27334</v>
      </c>
      <c r="D7374" t="s">
        <v>27302</v>
      </c>
      <c r="E7374" t="s">
        <v>13</v>
      </c>
      <c r="F7374">
        <v>6708</v>
      </c>
      <c r="G7374" t="s">
        <v>27335</v>
      </c>
      <c r="H7374">
        <v>5.3287018067779996</v>
      </c>
      <c r="I7374">
        <v>51.685881423856003</v>
      </c>
      <c r="J7374" t="s">
        <v>63059</v>
      </c>
    </row>
    <row r="7375" spans="1:10" x14ac:dyDescent="0.25">
      <c r="A7375" t="s">
        <v>27328</v>
      </c>
      <c r="B7375" t="s">
        <v>27329</v>
      </c>
      <c r="C7375" t="s">
        <v>27330</v>
      </c>
      <c r="D7375" t="s">
        <v>27302</v>
      </c>
      <c r="E7375" t="s">
        <v>13</v>
      </c>
      <c r="F7375">
        <v>6707</v>
      </c>
      <c r="G7375" t="s">
        <v>27331</v>
      </c>
      <c r="H7375">
        <v>5.3222950305339998</v>
      </c>
      <c r="I7375">
        <v>51.685570756695</v>
      </c>
      <c r="J7375" t="s">
        <v>63060</v>
      </c>
    </row>
    <row r="7376" spans="1:10" x14ac:dyDescent="0.25">
      <c r="A7376" t="s">
        <v>27325</v>
      </c>
      <c r="B7376" t="s">
        <v>27326</v>
      </c>
      <c r="C7376" t="s">
        <v>7559</v>
      </c>
      <c r="D7376" t="s">
        <v>27302</v>
      </c>
      <c r="E7376" t="s">
        <v>13</v>
      </c>
      <c r="F7376">
        <v>6706</v>
      </c>
      <c r="G7376" t="s">
        <v>27327</v>
      </c>
      <c r="H7376">
        <v>5.3184240864610004</v>
      </c>
      <c r="I7376">
        <v>51.678533131008997</v>
      </c>
      <c r="J7376" t="s">
        <v>63061</v>
      </c>
    </row>
    <row r="7377" spans="1:10" x14ac:dyDescent="0.25">
      <c r="A7377" t="s">
        <v>27321</v>
      </c>
      <c r="B7377" t="s">
        <v>27322</v>
      </c>
      <c r="C7377" t="s">
        <v>27323</v>
      </c>
      <c r="D7377" t="s">
        <v>27302</v>
      </c>
      <c r="E7377" t="s">
        <v>13</v>
      </c>
      <c r="F7377">
        <v>6705</v>
      </c>
      <c r="G7377" t="s">
        <v>27324</v>
      </c>
      <c r="H7377">
        <v>5.3034010021849998</v>
      </c>
      <c r="I7377">
        <v>51.675781043036999</v>
      </c>
      <c r="J7377" t="s">
        <v>63062</v>
      </c>
    </row>
    <row r="7378" spans="1:10" x14ac:dyDescent="0.25">
      <c r="A7378" t="s">
        <v>27317</v>
      </c>
      <c r="B7378" t="s">
        <v>27318</v>
      </c>
      <c r="C7378" t="s">
        <v>27319</v>
      </c>
      <c r="D7378" t="s">
        <v>27302</v>
      </c>
      <c r="E7378" t="s">
        <v>13</v>
      </c>
      <c r="F7378">
        <v>6704</v>
      </c>
      <c r="G7378" t="s">
        <v>27320</v>
      </c>
      <c r="H7378">
        <v>5.2930966248419997</v>
      </c>
      <c r="I7378">
        <v>51.677342629479</v>
      </c>
      <c r="J7378" t="s">
        <v>63063</v>
      </c>
    </row>
    <row r="7379" spans="1:10" x14ac:dyDescent="0.25">
      <c r="A7379" t="s">
        <v>27314</v>
      </c>
      <c r="B7379" t="s">
        <v>27315</v>
      </c>
      <c r="C7379" t="s">
        <v>990</v>
      </c>
      <c r="D7379" t="s">
        <v>27302</v>
      </c>
      <c r="E7379" t="s">
        <v>13</v>
      </c>
      <c r="F7379">
        <v>6703</v>
      </c>
      <c r="G7379" t="s">
        <v>27316</v>
      </c>
      <c r="H7379">
        <v>5.2959846390849998</v>
      </c>
      <c r="I7379">
        <v>51.690710959070998</v>
      </c>
      <c r="J7379" t="s">
        <v>63064</v>
      </c>
    </row>
    <row r="7380" spans="1:10" x14ac:dyDescent="0.25">
      <c r="A7380" t="s">
        <v>27311</v>
      </c>
      <c r="B7380" t="s">
        <v>27312</v>
      </c>
      <c r="C7380" t="s">
        <v>10141</v>
      </c>
      <c r="D7380" t="s">
        <v>27302</v>
      </c>
      <c r="E7380" t="s">
        <v>13</v>
      </c>
      <c r="F7380">
        <v>6702</v>
      </c>
      <c r="G7380" t="s">
        <v>27313</v>
      </c>
      <c r="H7380">
        <v>5.3067993623209997</v>
      </c>
      <c r="I7380">
        <v>51.693008527979998</v>
      </c>
      <c r="J7380" t="s">
        <v>63065</v>
      </c>
    </row>
    <row r="7381" spans="1:10" x14ac:dyDescent="0.25">
      <c r="A7381" t="s">
        <v>27307</v>
      </c>
      <c r="B7381" t="s">
        <v>27308</v>
      </c>
      <c r="C7381" t="s">
        <v>27309</v>
      </c>
      <c r="D7381" t="s">
        <v>27302</v>
      </c>
      <c r="E7381" t="s">
        <v>13</v>
      </c>
      <c r="F7381">
        <v>6701</v>
      </c>
      <c r="G7381" t="s">
        <v>27310</v>
      </c>
      <c r="H7381">
        <v>5.3153100696679996</v>
      </c>
      <c r="I7381">
        <v>51.690261225272998</v>
      </c>
      <c r="J7381" t="s">
        <v>63066</v>
      </c>
    </row>
    <row r="7382" spans="1:10" x14ac:dyDescent="0.25">
      <c r="A7382" t="s">
        <v>27304</v>
      </c>
      <c r="B7382" t="s">
        <v>27305</v>
      </c>
      <c r="C7382" t="s">
        <v>8762</v>
      </c>
      <c r="D7382" t="s">
        <v>27302</v>
      </c>
      <c r="E7382" t="s">
        <v>13</v>
      </c>
      <c r="F7382">
        <v>6700</v>
      </c>
      <c r="G7382" t="s">
        <v>27306</v>
      </c>
      <c r="H7382">
        <v>5.3111812243390002</v>
      </c>
      <c r="I7382">
        <v>51.687843928223998</v>
      </c>
      <c r="J7382" t="s">
        <v>63067</v>
      </c>
    </row>
    <row r="7383" spans="1:10" x14ac:dyDescent="0.25">
      <c r="A7383" t="s">
        <v>27300</v>
      </c>
      <c r="B7383" t="s">
        <v>27301</v>
      </c>
      <c r="C7383" t="s">
        <v>8753</v>
      </c>
      <c r="D7383" t="s">
        <v>27302</v>
      </c>
      <c r="E7383" t="s">
        <v>13</v>
      </c>
      <c r="F7383">
        <v>6699</v>
      </c>
      <c r="G7383" t="s">
        <v>27303</v>
      </c>
      <c r="H7383">
        <v>5.3017805485289999</v>
      </c>
      <c r="I7383">
        <v>51.688239550870001</v>
      </c>
      <c r="J7383" t="s">
        <v>63068</v>
      </c>
    </row>
    <row r="7384" spans="1:10" x14ac:dyDescent="0.25">
      <c r="A7384" t="s">
        <v>27296</v>
      </c>
      <c r="B7384" t="s">
        <v>27297</v>
      </c>
      <c r="C7384" t="s">
        <v>27298</v>
      </c>
      <c r="D7384" t="s">
        <v>27129</v>
      </c>
      <c r="E7384" t="s">
        <v>13</v>
      </c>
      <c r="F7384">
        <v>6698</v>
      </c>
      <c r="G7384" t="s">
        <v>27299</v>
      </c>
      <c r="H7384">
        <v>5.7080142803019998</v>
      </c>
      <c r="I7384">
        <v>51.446128693729001</v>
      </c>
      <c r="J7384" t="s">
        <v>63069</v>
      </c>
    </row>
    <row r="7385" spans="1:10" x14ac:dyDescent="0.25">
      <c r="A7385" t="s">
        <v>27293</v>
      </c>
      <c r="B7385" t="s">
        <v>27294</v>
      </c>
      <c r="C7385" t="s">
        <v>27015</v>
      </c>
      <c r="D7385" t="s">
        <v>27129</v>
      </c>
      <c r="E7385" t="s">
        <v>13</v>
      </c>
      <c r="F7385">
        <v>6697</v>
      </c>
      <c r="G7385" t="s">
        <v>27295</v>
      </c>
      <c r="H7385">
        <v>5.6811873416739997</v>
      </c>
      <c r="I7385">
        <v>51.462111331678997</v>
      </c>
      <c r="J7385" t="s">
        <v>63070</v>
      </c>
    </row>
    <row r="7386" spans="1:10" x14ac:dyDescent="0.25">
      <c r="A7386" t="s">
        <v>27289</v>
      </c>
      <c r="B7386" t="s">
        <v>27290</v>
      </c>
      <c r="C7386" t="s">
        <v>27291</v>
      </c>
      <c r="D7386" t="s">
        <v>27129</v>
      </c>
      <c r="E7386" t="s">
        <v>13</v>
      </c>
      <c r="F7386">
        <v>6696</v>
      </c>
      <c r="G7386" t="s">
        <v>27292</v>
      </c>
      <c r="H7386">
        <v>5.6063295417800001</v>
      </c>
      <c r="I7386">
        <v>51.464614493258999</v>
      </c>
      <c r="J7386" t="s">
        <v>63071</v>
      </c>
    </row>
    <row r="7387" spans="1:10" x14ac:dyDescent="0.25">
      <c r="A7387" t="s">
        <v>27285</v>
      </c>
      <c r="B7387" t="s">
        <v>27286</v>
      </c>
      <c r="C7387" t="s">
        <v>27287</v>
      </c>
      <c r="D7387" t="s">
        <v>27129</v>
      </c>
      <c r="E7387" t="s">
        <v>13</v>
      </c>
      <c r="F7387">
        <v>6695</v>
      </c>
      <c r="G7387" t="s">
        <v>27288</v>
      </c>
      <c r="H7387">
        <v>5.6018277316259999</v>
      </c>
      <c r="I7387">
        <v>51.465368999643999</v>
      </c>
      <c r="J7387" t="s">
        <v>63072</v>
      </c>
    </row>
    <row r="7388" spans="1:10" x14ac:dyDescent="0.25">
      <c r="A7388" t="s">
        <v>27281</v>
      </c>
      <c r="B7388" t="s">
        <v>27282</v>
      </c>
      <c r="C7388" t="s">
        <v>27283</v>
      </c>
      <c r="D7388" t="s">
        <v>27129</v>
      </c>
      <c r="E7388" t="s">
        <v>13</v>
      </c>
      <c r="F7388">
        <v>6694</v>
      </c>
      <c r="G7388" t="s">
        <v>27284</v>
      </c>
      <c r="H7388">
        <v>5.6061380662809999</v>
      </c>
      <c r="I7388">
        <v>51.454949454346</v>
      </c>
      <c r="J7388" t="s">
        <v>63073</v>
      </c>
    </row>
    <row r="7389" spans="1:10" x14ac:dyDescent="0.25">
      <c r="A7389" t="s">
        <v>27277</v>
      </c>
      <c r="B7389" t="s">
        <v>27278</v>
      </c>
      <c r="C7389" t="s">
        <v>27279</v>
      </c>
      <c r="D7389" t="s">
        <v>27129</v>
      </c>
      <c r="E7389" t="s">
        <v>13</v>
      </c>
      <c r="F7389">
        <v>6693</v>
      </c>
      <c r="G7389" t="s">
        <v>27280</v>
      </c>
      <c r="H7389">
        <v>5.6226091807709997</v>
      </c>
      <c r="I7389">
        <v>51.460810296871003</v>
      </c>
      <c r="J7389" t="s">
        <v>63074</v>
      </c>
    </row>
    <row r="7390" spans="1:10" x14ac:dyDescent="0.25">
      <c r="A7390" t="s">
        <v>27273</v>
      </c>
      <c r="B7390" t="s">
        <v>27274</v>
      </c>
      <c r="C7390" t="s">
        <v>27275</v>
      </c>
      <c r="D7390" t="s">
        <v>27129</v>
      </c>
      <c r="E7390" t="s">
        <v>13</v>
      </c>
      <c r="F7390">
        <v>6692</v>
      </c>
      <c r="G7390" t="s">
        <v>27276</v>
      </c>
      <c r="H7390">
        <v>5.6088675889730002</v>
      </c>
      <c r="I7390">
        <v>51.459687756008996</v>
      </c>
      <c r="J7390" t="s">
        <v>63075</v>
      </c>
    </row>
    <row r="7391" spans="1:10" x14ac:dyDescent="0.25">
      <c r="A7391" t="s">
        <v>27269</v>
      </c>
      <c r="B7391" t="s">
        <v>27270</v>
      </c>
      <c r="C7391" t="s">
        <v>27271</v>
      </c>
      <c r="D7391" t="s">
        <v>27129</v>
      </c>
      <c r="E7391" t="s">
        <v>13</v>
      </c>
      <c r="F7391">
        <v>6691</v>
      </c>
      <c r="G7391" t="s">
        <v>27272</v>
      </c>
      <c r="H7391">
        <v>5.6181317822620001</v>
      </c>
      <c r="I7391">
        <v>51.455637469035999</v>
      </c>
      <c r="J7391" t="s">
        <v>63076</v>
      </c>
    </row>
    <row r="7392" spans="1:10" x14ac:dyDescent="0.25">
      <c r="A7392" t="s">
        <v>27265</v>
      </c>
      <c r="B7392" t="s">
        <v>27266</v>
      </c>
      <c r="C7392" t="s">
        <v>27267</v>
      </c>
      <c r="D7392" t="s">
        <v>27129</v>
      </c>
      <c r="E7392" t="s">
        <v>13</v>
      </c>
      <c r="F7392">
        <v>6690</v>
      </c>
      <c r="G7392" t="s">
        <v>27268</v>
      </c>
      <c r="H7392">
        <v>5.6921483918030003</v>
      </c>
      <c r="I7392">
        <v>51.499490525517999</v>
      </c>
      <c r="J7392" t="s">
        <v>63077</v>
      </c>
    </row>
    <row r="7393" spans="1:10" x14ac:dyDescent="0.25">
      <c r="A7393" t="s">
        <v>27261</v>
      </c>
      <c r="B7393" t="s">
        <v>27262</v>
      </c>
      <c r="C7393" t="s">
        <v>27263</v>
      </c>
      <c r="D7393" t="s">
        <v>27129</v>
      </c>
      <c r="E7393" t="s">
        <v>13</v>
      </c>
      <c r="F7393">
        <v>6689</v>
      </c>
      <c r="G7393" t="s">
        <v>27264</v>
      </c>
      <c r="H7393">
        <v>5.6919772029160001</v>
      </c>
      <c r="I7393">
        <v>51.492004403716003</v>
      </c>
      <c r="J7393" t="s">
        <v>63078</v>
      </c>
    </row>
    <row r="7394" spans="1:10" x14ac:dyDescent="0.25">
      <c r="A7394" t="s">
        <v>27257</v>
      </c>
      <c r="B7394" t="s">
        <v>27258</v>
      </c>
      <c r="C7394" t="s">
        <v>27259</v>
      </c>
      <c r="D7394" t="s">
        <v>27129</v>
      </c>
      <c r="E7394" t="s">
        <v>13</v>
      </c>
      <c r="F7394">
        <v>6688</v>
      </c>
      <c r="G7394" t="s">
        <v>27260</v>
      </c>
      <c r="H7394">
        <v>5.7115674915039998</v>
      </c>
      <c r="I7394">
        <v>51.480770475325002</v>
      </c>
      <c r="J7394" t="s">
        <v>63079</v>
      </c>
    </row>
    <row r="7395" spans="1:10" x14ac:dyDescent="0.25">
      <c r="A7395" t="s">
        <v>27253</v>
      </c>
      <c r="B7395" t="s">
        <v>27254</v>
      </c>
      <c r="C7395" t="s">
        <v>27255</v>
      </c>
      <c r="D7395" t="s">
        <v>27129</v>
      </c>
      <c r="E7395" t="s">
        <v>13</v>
      </c>
      <c r="F7395">
        <v>6687</v>
      </c>
      <c r="G7395" t="s">
        <v>27256</v>
      </c>
      <c r="H7395">
        <v>5.6976407698180003</v>
      </c>
      <c r="I7395">
        <v>51.477497042614999</v>
      </c>
      <c r="J7395" t="s">
        <v>63080</v>
      </c>
    </row>
    <row r="7396" spans="1:10" x14ac:dyDescent="0.25">
      <c r="A7396" t="s">
        <v>27249</v>
      </c>
      <c r="B7396" t="s">
        <v>27250</v>
      </c>
      <c r="C7396" t="s">
        <v>27251</v>
      </c>
      <c r="D7396" t="s">
        <v>27129</v>
      </c>
      <c r="E7396" t="s">
        <v>13</v>
      </c>
      <c r="F7396">
        <v>6686</v>
      </c>
      <c r="G7396" t="s">
        <v>27252</v>
      </c>
      <c r="H7396">
        <v>5.7088932554799996</v>
      </c>
      <c r="I7396">
        <v>51.474812057107002</v>
      </c>
      <c r="J7396" t="s">
        <v>63081</v>
      </c>
    </row>
    <row r="7397" spans="1:10" x14ac:dyDescent="0.25">
      <c r="A7397" t="s">
        <v>27245</v>
      </c>
      <c r="B7397" t="s">
        <v>27246</v>
      </c>
      <c r="C7397" t="s">
        <v>27247</v>
      </c>
      <c r="D7397" t="s">
        <v>27129</v>
      </c>
      <c r="E7397" t="s">
        <v>13</v>
      </c>
      <c r="F7397">
        <v>6685</v>
      </c>
      <c r="G7397" t="s">
        <v>27248</v>
      </c>
      <c r="H7397">
        <v>5.5980644069769996</v>
      </c>
      <c r="I7397">
        <v>51.490719574030003</v>
      </c>
      <c r="J7397" t="s">
        <v>63082</v>
      </c>
    </row>
    <row r="7398" spans="1:10" x14ac:dyDescent="0.25">
      <c r="A7398" t="s">
        <v>27241</v>
      </c>
      <c r="B7398" t="s">
        <v>27242</v>
      </c>
      <c r="C7398" t="s">
        <v>27243</v>
      </c>
      <c r="D7398" t="s">
        <v>27129</v>
      </c>
      <c r="E7398" t="s">
        <v>13</v>
      </c>
      <c r="F7398">
        <v>6684</v>
      </c>
      <c r="G7398" t="s">
        <v>27244</v>
      </c>
      <c r="H7398">
        <v>5.623651925071</v>
      </c>
      <c r="I7398">
        <v>51.476175430323003</v>
      </c>
      <c r="J7398" t="s">
        <v>63083</v>
      </c>
    </row>
    <row r="7399" spans="1:10" x14ac:dyDescent="0.25">
      <c r="A7399" t="s">
        <v>27237</v>
      </c>
      <c r="B7399" t="s">
        <v>27238</v>
      </c>
      <c r="C7399" t="s">
        <v>27239</v>
      </c>
      <c r="D7399" t="s">
        <v>27129</v>
      </c>
      <c r="E7399" t="s">
        <v>13</v>
      </c>
      <c r="F7399">
        <v>6683</v>
      </c>
      <c r="G7399" t="s">
        <v>27240</v>
      </c>
      <c r="H7399">
        <v>5.6163113798089999</v>
      </c>
      <c r="I7399">
        <v>51.486870839940003</v>
      </c>
      <c r="J7399" t="s">
        <v>63084</v>
      </c>
    </row>
    <row r="7400" spans="1:10" x14ac:dyDescent="0.25">
      <c r="A7400" t="s">
        <v>27233</v>
      </c>
      <c r="B7400" t="s">
        <v>27234</v>
      </c>
      <c r="C7400" t="s">
        <v>27235</v>
      </c>
      <c r="D7400" t="s">
        <v>27129</v>
      </c>
      <c r="E7400" t="s">
        <v>13</v>
      </c>
      <c r="F7400">
        <v>6682</v>
      </c>
      <c r="G7400" t="s">
        <v>27236</v>
      </c>
      <c r="H7400">
        <v>5.6384641240639999</v>
      </c>
      <c r="I7400">
        <v>51.49220683235</v>
      </c>
      <c r="J7400" t="s">
        <v>63085</v>
      </c>
    </row>
    <row r="7401" spans="1:10" x14ac:dyDescent="0.25">
      <c r="A7401" t="s">
        <v>27229</v>
      </c>
      <c r="B7401" t="s">
        <v>27230</v>
      </c>
      <c r="C7401" t="s">
        <v>27231</v>
      </c>
      <c r="D7401" t="s">
        <v>27129</v>
      </c>
      <c r="E7401" t="s">
        <v>13</v>
      </c>
      <c r="F7401">
        <v>6681</v>
      </c>
      <c r="G7401" t="s">
        <v>27232</v>
      </c>
      <c r="H7401">
        <v>5.646378292813</v>
      </c>
      <c r="I7401">
        <v>51.489651973290002</v>
      </c>
      <c r="J7401" t="s">
        <v>63086</v>
      </c>
    </row>
    <row r="7402" spans="1:10" x14ac:dyDescent="0.25">
      <c r="A7402" t="s">
        <v>27226</v>
      </c>
      <c r="B7402" t="s">
        <v>27227</v>
      </c>
      <c r="C7402" t="s">
        <v>97</v>
      </c>
      <c r="D7402" t="s">
        <v>27129</v>
      </c>
      <c r="E7402" t="s">
        <v>13</v>
      </c>
      <c r="F7402">
        <v>6680</v>
      </c>
      <c r="G7402" t="s">
        <v>27228</v>
      </c>
      <c r="H7402">
        <v>5.639705873784</v>
      </c>
      <c r="I7402">
        <v>51.480221845974</v>
      </c>
      <c r="J7402" t="s">
        <v>63087</v>
      </c>
    </row>
    <row r="7403" spans="1:10" x14ac:dyDescent="0.25">
      <c r="A7403" t="s">
        <v>27222</v>
      </c>
      <c r="B7403" t="s">
        <v>27223</v>
      </c>
      <c r="C7403" t="s">
        <v>27224</v>
      </c>
      <c r="D7403" t="s">
        <v>27129</v>
      </c>
      <c r="E7403" t="s">
        <v>13</v>
      </c>
      <c r="F7403">
        <v>6679</v>
      </c>
      <c r="G7403" t="s">
        <v>27225</v>
      </c>
      <c r="H7403">
        <v>5.6526743141539999</v>
      </c>
      <c r="I7403">
        <v>51.469608583951</v>
      </c>
      <c r="J7403" t="s">
        <v>63088</v>
      </c>
    </row>
    <row r="7404" spans="1:10" x14ac:dyDescent="0.25">
      <c r="A7404" t="s">
        <v>27219</v>
      </c>
      <c r="B7404" t="s">
        <v>27220</v>
      </c>
      <c r="C7404" t="s">
        <v>978</v>
      </c>
      <c r="D7404" t="s">
        <v>27129</v>
      </c>
      <c r="E7404" t="s">
        <v>13</v>
      </c>
      <c r="F7404">
        <v>6678</v>
      </c>
      <c r="G7404" t="s">
        <v>27221</v>
      </c>
      <c r="H7404">
        <v>5.6439691591469998</v>
      </c>
      <c r="I7404">
        <v>51.47469812285</v>
      </c>
      <c r="J7404" t="s">
        <v>63089</v>
      </c>
    </row>
    <row r="7405" spans="1:10" x14ac:dyDescent="0.25">
      <c r="A7405" t="s">
        <v>27215</v>
      </c>
      <c r="B7405" t="s">
        <v>27216</v>
      </c>
      <c r="C7405" t="s">
        <v>27217</v>
      </c>
      <c r="D7405" t="s">
        <v>27129</v>
      </c>
      <c r="E7405" t="s">
        <v>13</v>
      </c>
      <c r="F7405">
        <v>6677</v>
      </c>
      <c r="G7405" t="s">
        <v>27218</v>
      </c>
      <c r="H7405">
        <v>5.710423698744</v>
      </c>
      <c r="I7405">
        <v>51.457326276045997</v>
      </c>
      <c r="J7405" t="s">
        <v>63090</v>
      </c>
    </row>
    <row r="7406" spans="1:10" x14ac:dyDescent="0.25">
      <c r="A7406" t="s">
        <v>27211</v>
      </c>
      <c r="B7406" t="s">
        <v>27212</v>
      </c>
      <c r="C7406" t="s">
        <v>27213</v>
      </c>
      <c r="D7406" t="s">
        <v>27129</v>
      </c>
      <c r="E7406" t="s">
        <v>13</v>
      </c>
      <c r="F7406">
        <v>6676</v>
      </c>
      <c r="G7406" t="s">
        <v>27214</v>
      </c>
      <c r="H7406">
        <v>5.7106034631940004</v>
      </c>
      <c r="I7406">
        <v>51.470423555088999</v>
      </c>
      <c r="J7406" t="s">
        <v>63091</v>
      </c>
    </row>
    <row r="7407" spans="1:10" x14ac:dyDescent="0.25">
      <c r="A7407" t="s">
        <v>27207</v>
      </c>
      <c r="B7407" t="s">
        <v>27208</v>
      </c>
      <c r="C7407" t="s">
        <v>27209</v>
      </c>
      <c r="D7407" t="s">
        <v>27129</v>
      </c>
      <c r="E7407" t="s">
        <v>13</v>
      </c>
      <c r="F7407">
        <v>6675</v>
      </c>
      <c r="G7407" t="s">
        <v>27210</v>
      </c>
      <c r="H7407">
        <v>5.7077469593719998</v>
      </c>
      <c r="I7407">
        <v>51.466028689927001</v>
      </c>
      <c r="J7407" t="s">
        <v>63092</v>
      </c>
    </row>
    <row r="7408" spans="1:10" x14ac:dyDescent="0.25">
      <c r="A7408" t="s">
        <v>27203</v>
      </c>
      <c r="B7408" t="s">
        <v>27204</v>
      </c>
      <c r="C7408" t="s">
        <v>27205</v>
      </c>
      <c r="D7408" t="s">
        <v>27129</v>
      </c>
      <c r="E7408" t="s">
        <v>13</v>
      </c>
      <c r="F7408">
        <v>6674</v>
      </c>
      <c r="G7408" t="s">
        <v>27206</v>
      </c>
      <c r="H7408">
        <v>5.6977683842250002</v>
      </c>
      <c r="I7408">
        <v>51.467999834761997</v>
      </c>
      <c r="J7408" t="s">
        <v>63093</v>
      </c>
    </row>
    <row r="7409" spans="1:10" x14ac:dyDescent="0.25">
      <c r="A7409" t="s">
        <v>27199</v>
      </c>
      <c r="B7409" t="s">
        <v>27200</v>
      </c>
      <c r="C7409" t="s">
        <v>27201</v>
      </c>
      <c r="D7409" t="s">
        <v>27129</v>
      </c>
      <c r="E7409" t="s">
        <v>13</v>
      </c>
      <c r="F7409">
        <v>6673</v>
      </c>
      <c r="G7409" t="s">
        <v>27202</v>
      </c>
      <c r="H7409">
        <v>5.7017101996430002</v>
      </c>
      <c r="I7409">
        <v>51.459491254889997</v>
      </c>
      <c r="J7409" t="s">
        <v>63094</v>
      </c>
    </row>
    <row r="7410" spans="1:10" x14ac:dyDescent="0.25">
      <c r="A7410" t="s">
        <v>27195</v>
      </c>
      <c r="B7410" t="s">
        <v>27196</v>
      </c>
      <c r="C7410" t="s">
        <v>27197</v>
      </c>
      <c r="D7410" t="s">
        <v>27129</v>
      </c>
      <c r="E7410" t="s">
        <v>13</v>
      </c>
      <c r="F7410">
        <v>6672</v>
      </c>
      <c r="G7410" t="s">
        <v>27198</v>
      </c>
      <c r="H7410">
        <v>5.6563595697829996</v>
      </c>
      <c r="I7410">
        <v>51.461400617041001</v>
      </c>
      <c r="J7410" t="s">
        <v>63095</v>
      </c>
    </row>
    <row r="7411" spans="1:10" x14ac:dyDescent="0.25">
      <c r="A7411" t="s">
        <v>27191</v>
      </c>
      <c r="B7411" t="s">
        <v>27192</v>
      </c>
      <c r="C7411" t="s">
        <v>27193</v>
      </c>
      <c r="D7411" t="s">
        <v>27129</v>
      </c>
      <c r="E7411" t="s">
        <v>13</v>
      </c>
      <c r="F7411">
        <v>6671</v>
      </c>
      <c r="G7411" t="s">
        <v>27194</v>
      </c>
      <c r="H7411">
        <v>5.6423982211119998</v>
      </c>
      <c r="I7411">
        <v>51.465198281051002</v>
      </c>
      <c r="J7411" t="s">
        <v>63096</v>
      </c>
    </row>
    <row r="7412" spans="1:10" x14ac:dyDescent="0.25">
      <c r="A7412" t="s">
        <v>27187</v>
      </c>
      <c r="B7412" t="s">
        <v>27188</v>
      </c>
      <c r="C7412" t="s">
        <v>27189</v>
      </c>
      <c r="D7412" t="s">
        <v>27129</v>
      </c>
      <c r="E7412" t="s">
        <v>13</v>
      </c>
      <c r="F7412">
        <v>6670</v>
      </c>
      <c r="G7412" t="s">
        <v>27190</v>
      </c>
      <c r="H7412">
        <v>5.6352636844479997</v>
      </c>
      <c r="I7412">
        <v>51.457424871998001</v>
      </c>
      <c r="J7412" t="s">
        <v>63097</v>
      </c>
    </row>
    <row r="7413" spans="1:10" x14ac:dyDescent="0.25">
      <c r="A7413" t="s">
        <v>27183</v>
      </c>
      <c r="B7413" t="s">
        <v>27184</v>
      </c>
      <c r="C7413" t="s">
        <v>27185</v>
      </c>
      <c r="D7413" t="s">
        <v>27129</v>
      </c>
      <c r="E7413" t="s">
        <v>13</v>
      </c>
      <c r="F7413">
        <v>6669</v>
      </c>
      <c r="G7413" t="s">
        <v>27186</v>
      </c>
      <c r="H7413">
        <v>5.6277368956040004</v>
      </c>
      <c r="I7413">
        <v>51.470841900110997</v>
      </c>
      <c r="J7413" t="s">
        <v>63098</v>
      </c>
    </row>
    <row r="7414" spans="1:10" x14ac:dyDescent="0.25">
      <c r="A7414" t="s">
        <v>27179</v>
      </c>
      <c r="B7414" t="s">
        <v>27180</v>
      </c>
      <c r="C7414" t="s">
        <v>27181</v>
      </c>
      <c r="D7414" t="s">
        <v>27129</v>
      </c>
      <c r="E7414" t="s">
        <v>13</v>
      </c>
      <c r="F7414">
        <v>6668</v>
      </c>
      <c r="G7414" t="s">
        <v>27182</v>
      </c>
      <c r="H7414">
        <v>5.6335476844840002</v>
      </c>
      <c r="I7414">
        <v>51.465600075403998</v>
      </c>
      <c r="J7414" t="s">
        <v>63099</v>
      </c>
    </row>
    <row r="7415" spans="1:10" x14ac:dyDescent="0.25">
      <c r="A7415" t="s">
        <v>27175</v>
      </c>
      <c r="B7415" t="s">
        <v>27176</v>
      </c>
      <c r="C7415" t="s">
        <v>27177</v>
      </c>
      <c r="D7415" t="s">
        <v>27129</v>
      </c>
      <c r="E7415" t="s">
        <v>13</v>
      </c>
      <c r="F7415">
        <v>6667</v>
      </c>
      <c r="G7415" t="s">
        <v>27178</v>
      </c>
      <c r="H7415">
        <v>5.6616140325439996</v>
      </c>
      <c r="I7415">
        <v>51.499564599800998</v>
      </c>
      <c r="J7415" t="s">
        <v>63100</v>
      </c>
    </row>
    <row r="7416" spans="1:10" x14ac:dyDescent="0.25">
      <c r="A7416" t="s">
        <v>27171</v>
      </c>
      <c r="B7416" t="s">
        <v>27172</v>
      </c>
      <c r="C7416" t="s">
        <v>27173</v>
      </c>
      <c r="D7416" t="s">
        <v>27129</v>
      </c>
      <c r="E7416" t="s">
        <v>13</v>
      </c>
      <c r="F7416">
        <v>6666</v>
      </c>
      <c r="G7416" t="s">
        <v>27174</v>
      </c>
      <c r="H7416">
        <v>5.6602130932739998</v>
      </c>
      <c r="I7416">
        <v>51.491063771714998</v>
      </c>
      <c r="J7416" t="s">
        <v>63101</v>
      </c>
    </row>
    <row r="7417" spans="1:10" x14ac:dyDescent="0.25">
      <c r="A7417" t="s">
        <v>27167</v>
      </c>
      <c r="B7417" t="s">
        <v>27168</v>
      </c>
      <c r="C7417" t="s">
        <v>27169</v>
      </c>
      <c r="D7417" t="s">
        <v>27129</v>
      </c>
      <c r="E7417" t="s">
        <v>13</v>
      </c>
      <c r="F7417">
        <v>6665</v>
      </c>
      <c r="G7417" t="s">
        <v>27170</v>
      </c>
      <c r="H7417">
        <v>5.6748111003529997</v>
      </c>
      <c r="I7417">
        <v>51.491971509682998</v>
      </c>
      <c r="J7417" t="s">
        <v>63102</v>
      </c>
    </row>
    <row r="7418" spans="1:10" x14ac:dyDescent="0.25">
      <c r="A7418" t="s">
        <v>27163</v>
      </c>
      <c r="B7418" t="s">
        <v>27164</v>
      </c>
      <c r="C7418" t="s">
        <v>27165</v>
      </c>
      <c r="D7418" t="s">
        <v>27129</v>
      </c>
      <c r="E7418" t="s">
        <v>13</v>
      </c>
      <c r="F7418">
        <v>6664</v>
      </c>
      <c r="G7418" t="s">
        <v>27166</v>
      </c>
      <c r="H7418">
        <v>5.6805702339510002</v>
      </c>
      <c r="I7418">
        <v>51.484014137408003</v>
      </c>
      <c r="J7418" t="s">
        <v>63103</v>
      </c>
    </row>
    <row r="7419" spans="1:10" x14ac:dyDescent="0.25">
      <c r="A7419" t="s">
        <v>27159</v>
      </c>
      <c r="B7419" t="s">
        <v>27160</v>
      </c>
      <c r="C7419" t="s">
        <v>27161</v>
      </c>
      <c r="D7419" t="s">
        <v>27129</v>
      </c>
      <c r="E7419" t="s">
        <v>13</v>
      </c>
      <c r="F7419">
        <v>6663</v>
      </c>
      <c r="G7419" t="s">
        <v>27162</v>
      </c>
      <c r="H7419">
        <v>5.6848334316229998</v>
      </c>
      <c r="I7419">
        <v>51.475930330087003</v>
      </c>
      <c r="J7419" t="s">
        <v>63104</v>
      </c>
    </row>
    <row r="7420" spans="1:10" x14ac:dyDescent="0.25">
      <c r="A7420" t="s">
        <v>27155</v>
      </c>
      <c r="B7420" t="s">
        <v>27156</v>
      </c>
      <c r="C7420" t="s">
        <v>27157</v>
      </c>
      <c r="D7420" t="s">
        <v>27129</v>
      </c>
      <c r="E7420" t="s">
        <v>13</v>
      </c>
      <c r="F7420">
        <v>6662</v>
      </c>
      <c r="G7420" t="s">
        <v>27158</v>
      </c>
      <c r="H7420">
        <v>5.6755841594490004</v>
      </c>
      <c r="I7420">
        <v>51.478530079956997</v>
      </c>
      <c r="J7420" t="s">
        <v>63105</v>
      </c>
    </row>
    <row r="7421" spans="1:10" x14ac:dyDescent="0.25">
      <c r="A7421" t="s">
        <v>27151</v>
      </c>
      <c r="B7421" t="s">
        <v>27152</v>
      </c>
      <c r="C7421" t="s">
        <v>27153</v>
      </c>
      <c r="D7421" t="s">
        <v>27129</v>
      </c>
      <c r="E7421" t="s">
        <v>13</v>
      </c>
      <c r="F7421">
        <v>6661</v>
      </c>
      <c r="G7421" t="s">
        <v>27154</v>
      </c>
      <c r="H7421">
        <v>5.6486146549600003</v>
      </c>
      <c r="I7421">
        <v>51.481357328759003</v>
      </c>
      <c r="J7421" t="s">
        <v>63106</v>
      </c>
    </row>
    <row r="7422" spans="1:10" x14ac:dyDescent="0.25">
      <c r="A7422" t="s">
        <v>27147</v>
      </c>
      <c r="B7422" t="s">
        <v>27148</v>
      </c>
      <c r="C7422" t="s">
        <v>27149</v>
      </c>
      <c r="D7422" t="s">
        <v>27129</v>
      </c>
      <c r="E7422" t="s">
        <v>13</v>
      </c>
      <c r="F7422">
        <v>6660</v>
      </c>
      <c r="G7422" t="s">
        <v>27150</v>
      </c>
      <c r="H7422">
        <v>5.6627929145509999</v>
      </c>
      <c r="I7422">
        <v>51.472438501597999</v>
      </c>
      <c r="J7422" t="s">
        <v>63107</v>
      </c>
    </row>
    <row r="7423" spans="1:10" x14ac:dyDescent="0.25">
      <c r="A7423" t="s">
        <v>27143</v>
      </c>
      <c r="B7423" t="s">
        <v>27144</v>
      </c>
      <c r="C7423" t="s">
        <v>27145</v>
      </c>
      <c r="D7423" t="s">
        <v>27129</v>
      </c>
      <c r="E7423" t="s">
        <v>13</v>
      </c>
      <c r="F7423">
        <v>6659</v>
      </c>
      <c r="G7423" t="s">
        <v>27146</v>
      </c>
      <c r="H7423">
        <v>5.6669689689469998</v>
      </c>
      <c r="I7423">
        <v>51.479364767276998</v>
      </c>
      <c r="J7423" t="s">
        <v>63108</v>
      </c>
    </row>
    <row r="7424" spans="1:10" x14ac:dyDescent="0.25">
      <c r="A7424" t="s">
        <v>27139</v>
      </c>
      <c r="B7424" t="s">
        <v>27140</v>
      </c>
      <c r="C7424" t="s">
        <v>27141</v>
      </c>
      <c r="D7424" t="s">
        <v>27129</v>
      </c>
      <c r="E7424" t="s">
        <v>13</v>
      </c>
      <c r="F7424">
        <v>6658</v>
      </c>
      <c r="G7424" t="s">
        <v>27142</v>
      </c>
      <c r="H7424">
        <v>5.6584551057979997</v>
      </c>
      <c r="I7424">
        <v>51.475778337904003</v>
      </c>
      <c r="J7424" t="s">
        <v>63109</v>
      </c>
    </row>
    <row r="7425" spans="1:10" x14ac:dyDescent="0.25">
      <c r="A7425" t="s">
        <v>27135</v>
      </c>
      <c r="B7425" t="s">
        <v>27136</v>
      </c>
      <c r="C7425" t="s">
        <v>27137</v>
      </c>
      <c r="D7425" t="s">
        <v>27129</v>
      </c>
      <c r="E7425" t="s">
        <v>13</v>
      </c>
      <c r="F7425">
        <v>6657</v>
      </c>
      <c r="G7425" t="s">
        <v>27138</v>
      </c>
      <c r="H7425">
        <v>5.664037771167</v>
      </c>
      <c r="I7425">
        <v>51.483377328879001</v>
      </c>
      <c r="J7425" t="s">
        <v>63110</v>
      </c>
    </row>
    <row r="7426" spans="1:10" x14ac:dyDescent="0.25">
      <c r="A7426" t="s">
        <v>27131</v>
      </c>
      <c r="B7426" t="s">
        <v>27132</v>
      </c>
      <c r="C7426" t="s">
        <v>27133</v>
      </c>
      <c r="D7426" t="s">
        <v>27129</v>
      </c>
      <c r="E7426" t="s">
        <v>13</v>
      </c>
      <c r="F7426">
        <v>6656</v>
      </c>
      <c r="G7426" t="s">
        <v>27134</v>
      </c>
      <c r="H7426">
        <v>5.6686152543860002</v>
      </c>
      <c r="I7426">
        <v>51.486100488152999</v>
      </c>
      <c r="J7426" t="s">
        <v>63111</v>
      </c>
    </row>
    <row r="7427" spans="1:10" x14ac:dyDescent="0.25">
      <c r="A7427" t="s">
        <v>27127</v>
      </c>
      <c r="B7427" t="s">
        <v>27128</v>
      </c>
      <c r="C7427" t="s">
        <v>129</v>
      </c>
      <c r="D7427" t="s">
        <v>27129</v>
      </c>
      <c r="E7427" t="s">
        <v>13</v>
      </c>
      <c r="F7427">
        <v>6655</v>
      </c>
      <c r="G7427" t="s">
        <v>27130</v>
      </c>
      <c r="H7427">
        <v>5.6555311267780004</v>
      </c>
      <c r="I7427">
        <v>51.481028472555003</v>
      </c>
      <c r="J7427" t="s">
        <v>63112</v>
      </c>
    </row>
    <row r="7428" spans="1:10" x14ac:dyDescent="0.25">
      <c r="A7428" t="s">
        <v>27123</v>
      </c>
      <c r="B7428" t="s">
        <v>27124</v>
      </c>
      <c r="C7428" t="s">
        <v>27125</v>
      </c>
      <c r="D7428" t="s">
        <v>27064</v>
      </c>
      <c r="E7428" t="s">
        <v>13</v>
      </c>
      <c r="F7428">
        <v>6654</v>
      </c>
      <c r="G7428" t="s">
        <v>27126</v>
      </c>
      <c r="H7428">
        <v>5.7487650005970004</v>
      </c>
      <c r="I7428">
        <v>51.752459554498003</v>
      </c>
      <c r="J7428" t="s">
        <v>63113</v>
      </c>
    </row>
    <row r="7429" spans="1:10" x14ac:dyDescent="0.25">
      <c r="A7429" t="s">
        <v>27119</v>
      </c>
      <c r="B7429" t="s">
        <v>27120</v>
      </c>
      <c r="C7429" t="s">
        <v>27121</v>
      </c>
      <c r="D7429" t="s">
        <v>27064</v>
      </c>
      <c r="E7429" t="s">
        <v>13</v>
      </c>
      <c r="F7429">
        <v>6653</v>
      </c>
      <c r="G7429" t="s">
        <v>27122</v>
      </c>
      <c r="H7429">
        <v>5.7346035736680001</v>
      </c>
      <c r="I7429">
        <v>51.765844464701999</v>
      </c>
      <c r="J7429" t="s">
        <v>63114</v>
      </c>
    </row>
    <row r="7430" spans="1:10" x14ac:dyDescent="0.25">
      <c r="A7430" t="s">
        <v>27116</v>
      </c>
      <c r="B7430" t="s">
        <v>27117</v>
      </c>
      <c r="C7430" t="s">
        <v>2874</v>
      </c>
      <c r="D7430" t="s">
        <v>27064</v>
      </c>
      <c r="E7430" t="s">
        <v>13</v>
      </c>
      <c r="F7430">
        <v>6652</v>
      </c>
      <c r="G7430" t="s">
        <v>27118</v>
      </c>
      <c r="H7430">
        <v>5.7390315958790001</v>
      </c>
      <c r="I7430">
        <v>51.758557936526003</v>
      </c>
      <c r="J7430" t="s">
        <v>63115</v>
      </c>
    </row>
    <row r="7431" spans="1:10" x14ac:dyDescent="0.25">
      <c r="A7431" t="s">
        <v>27112</v>
      </c>
      <c r="B7431" t="s">
        <v>27113</v>
      </c>
      <c r="C7431" t="s">
        <v>27114</v>
      </c>
      <c r="D7431" t="s">
        <v>27064</v>
      </c>
      <c r="E7431" t="s">
        <v>13</v>
      </c>
      <c r="F7431">
        <v>6651</v>
      </c>
      <c r="G7431" t="s">
        <v>27115</v>
      </c>
      <c r="H7431">
        <v>5.7296525824640003</v>
      </c>
      <c r="I7431">
        <v>51.762426095759999</v>
      </c>
      <c r="J7431" t="s">
        <v>63116</v>
      </c>
    </row>
    <row r="7432" spans="1:10" x14ac:dyDescent="0.25">
      <c r="A7432" t="s">
        <v>27108</v>
      </c>
      <c r="B7432" t="s">
        <v>27109</v>
      </c>
      <c r="C7432" t="s">
        <v>27110</v>
      </c>
      <c r="D7432" t="s">
        <v>27064</v>
      </c>
      <c r="E7432" t="s">
        <v>13</v>
      </c>
      <c r="F7432">
        <v>6650</v>
      </c>
      <c r="G7432" t="s">
        <v>27111</v>
      </c>
      <c r="H7432">
        <v>5.7288037718559996</v>
      </c>
      <c r="I7432">
        <v>51.754185158315003</v>
      </c>
      <c r="J7432" t="s">
        <v>63117</v>
      </c>
    </row>
    <row r="7433" spans="1:10" x14ac:dyDescent="0.25">
      <c r="A7433" t="s">
        <v>27104</v>
      </c>
      <c r="B7433" t="s">
        <v>27105</v>
      </c>
      <c r="C7433" t="s">
        <v>27106</v>
      </c>
      <c r="D7433" t="s">
        <v>27064</v>
      </c>
      <c r="E7433" t="s">
        <v>13</v>
      </c>
      <c r="F7433">
        <v>6649</v>
      </c>
      <c r="G7433" t="s">
        <v>27107</v>
      </c>
      <c r="H7433">
        <v>5.737730673562</v>
      </c>
      <c r="I7433">
        <v>51.751487722248001</v>
      </c>
      <c r="J7433" t="s">
        <v>63118</v>
      </c>
    </row>
    <row r="7434" spans="1:10" x14ac:dyDescent="0.25">
      <c r="A7434" t="s">
        <v>27100</v>
      </c>
      <c r="B7434" t="s">
        <v>27101</v>
      </c>
      <c r="C7434" t="s">
        <v>27102</v>
      </c>
      <c r="D7434" t="s">
        <v>27064</v>
      </c>
      <c r="E7434" t="s">
        <v>13</v>
      </c>
      <c r="F7434">
        <v>6648</v>
      </c>
      <c r="G7434" t="s">
        <v>27103</v>
      </c>
      <c r="H7434">
        <v>5.7291327879690002</v>
      </c>
      <c r="I7434">
        <v>51.758254372586002</v>
      </c>
      <c r="J7434" t="s">
        <v>63119</v>
      </c>
    </row>
    <row r="7435" spans="1:10" x14ac:dyDescent="0.25">
      <c r="A7435" t="s">
        <v>27096</v>
      </c>
      <c r="B7435" t="s">
        <v>27097</v>
      </c>
      <c r="C7435" t="s">
        <v>27098</v>
      </c>
      <c r="D7435" t="s">
        <v>27064</v>
      </c>
      <c r="E7435" t="s">
        <v>13</v>
      </c>
      <c r="F7435">
        <v>6647</v>
      </c>
      <c r="G7435" t="s">
        <v>27099</v>
      </c>
      <c r="H7435">
        <v>5.7791006677050003</v>
      </c>
      <c r="I7435">
        <v>51.741340362434997</v>
      </c>
      <c r="J7435" t="s">
        <v>63120</v>
      </c>
    </row>
    <row r="7436" spans="1:10" x14ac:dyDescent="0.25">
      <c r="A7436" t="s">
        <v>27092</v>
      </c>
      <c r="B7436" t="s">
        <v>27093</v>
      </c>
      <c r="C7436" t="s">
        <v>27094</v>
      </c>
      <c r="D7436" t="s">
        <v>27064</v>
      </c>
      <c r="E7436" t="s">
        <v>13</v>
      </c>
      <c r="F7436">
        <v>6646</v>
      </c>
      <c r="G7436" t="s">
        <v>27095</v>
      </c>
      <c r="H7436">
        <v>5.7807722086729996</v>
      </c>
      <c r="I7436">
        <v>51.735174369734999</v>
      </c>
      <c r="J7436" t="s">
        <v>63121</v>
      </c>
    </row>
    <row r="7437" spans="1:10" x14ac:dyDescent="0.25">
      <c r="A7437" t="s">
        <v>27088</v>
      </c>
      <c r="B7437" t="s">
        <v>27089</v>
      </c>
      <c r="C7437" t="s">
        <v>27090</v>
      </c>
      <c r="D7437" t="s">
        <v>27064</v>
      </c>
      <c r="E7437" t="s">
        <v>13</v>
      </c>
      <c r="F7437">
        <v>6645</v>
      </c>
      <c r="G7437" t="s">
        <v>27091</v>
      </c>
      <c r="H7437">
        <v>5.7181015810440003</v>
      </c>
      <c r="I7437">
        <v>51.760667586768001</v>
      </c>
      <c r="J7437" t="s">
        <v>63122</v>
      </c>
    </row>
    <row r="7438" spans="1:10" x14ac:dyDescent="0.25">
      <c r="A7438" t="s">
        <v>27084</v>
      </c>
      <c r="B7438" t="s">
        <v>27085</v>
      </c>
      <c r="C7438" t="s">
        <v>27086</v>
      </c>
      <c r="D7438" t="s">
        <v>27064</v>
      </c>
      <c r="E7438" t="s">
        <v>13</v>
      </c>
      <c r="F7438">
        <v>6644</v>
      </c>
      <c r="G7438" t="s">
        <v>27087</v>
      </c>
      <c r="H7438">
        <v>5.7128021159509998</v>
      </c>
      <c r="I7438">
        <v>51.760361239700003</v>
      </c>
      <c r="J7438" t="s">
        <v>63123</v>
      </c>
    </row>
    <row r="7439" spans="1:10" x14ac:dyDescent="0.25">
      <c r="A7439" t="s">
        <v>27080</v>
      </c>
      <c r="B7439" t="s">
        <v>27081</v>
      </c>
      <c r="C7439" t="s">
        <v>27082</v>
      </c>
      <c r="D7439" t="s">
        <v>27064</v>
      </c>
      <c r="E7439" t="s">
        <v>13</v>
      </c>
      <c r="F7439">
        <v>6643</v>
      </c>
      <c r="G7439" t="s">
        <v>27083</v>
      </c>
      <c r="H7439">
        <v>5.7303701902680002</v>
      </c>
      <c r="I7439">
        <v>51.750232590783</v>
      </c>
      <c r="J7439" t="s">
        <v>63124</v>
      </c>
    </row>
    <row r="7440" spans="1:10" x14ac:dyDescent="0.25">
      <c r="A7440" t="s">
        <v>27077</v>
      </c>
      <c r="B7440" t="s">
        <v>27078</v>
      </c>
      <c r="C7440" t="s">
        <v>18522</v>
      </c>
      <c r="D7440" t="s">
        <v>27064</v>
      </c>
      <c r="E7440" t="s">
        <v>13</v>
      </c>
      <c r="F7440">
        <v>6642</v>
      </c>
      <c r="G7440" t="s">
        <v>27079</v>
      </c>
      <c r="H7440">
        <v>5.7174859717980002</v>
      </c>
      <c r="I7440">
        <v>51.740302351093</v>
      </c>
      <c r="J7440" t="s">
        <v>63125</v>
      </c>
    </row>
    <row r="7441" spans="1:10" x14ac:dyDescent="0.25">
      <c r="A7441" t="s">
        <v>27073</v>
      </c>
      <c r="B7441" t="s">
        <v>27074</v>
      </c>
      <c r="C7441" t="s">
        <v>27075</v>
      </c>
      <c r="D7441" t="s">
        <v>27064</v>
      </c>
      <c r="E7441" t="s">
        <v>13</v>
      </c>
      <c r="F7441">
        <v>6641</v>
      </c>
      <c r="G7441" t="s">
        <v>27076</v>
      </c>
      <c r="H7441">
        <v>5.7150808505019999</v>
      </c>
      <c r="I7441">
        <v>51.748154722934999</v>
      </c>
      <c r="J7441" t="s">
        <v>63126</v>
      </c>
    </row>
    <row r="7442" spans="1:10" x14ac:dyDescent="0.25">
      <c r="A7442" t="s">
        <v>27069</v>
      </c>
      <c r="B7442" t="s">
        <v>27070</v>
      </c>
      <c r="C7442" t="s">
        <v>27071</v>
      </c>
      <c r="D7442" t="s">
        <v>27064</v>
      </c>
      <c r="E7442" t="s">
        <v>13</v>
      </c>
      <c r="F7442">
        <v>6640</v>
      </c>
      <c r="G7442" t="s">
        <v>27072</v>
      </c>
      <c r="H7442">
        <v>5.7335100728250001</v>
      </c>
      <c r="I7442">
        <v>51.731196250529997</v>
      </c>
      <c r="J7442" t="s">
        <v>63127</v>
      </c>
    </row>
    <row r="7443" spans="1:10" x14ac:dyDescent="0.25">
      <c r="A7443" t="s">
        <v>27066</v>
      </c>
      <c r="B7443" t="s">
        <v>27067</v>
      </c>
      <c r="C7443" t="s">
        <v>26307</v>
      </c>
      <c r="D7443" t="s">
        <v>27064</v>
      </c>
      <c r="E7443" t="s">
        <v>13</v>
      </c>
      <c r="F7443">
        <v>6639</v>
      </c>
      <c r="G7443" t="s">
        <v>27068</v>
      </c>
      <c r="H7443">
        <v>5.7566111838790004</v>
      </c>
      <c r="I7443">
        <v>51.737572443947997</v>
      </c>
      <c r="J7443" t="s">
        <v>63128</v>
      </c>
    </row>
    <row r="7444" spans="1:10" x14ac:dyDescent="0.25">
      <c r="A7444" t="s">
        <v>27061</v>
      </c>
      <c r="B7444" t="s">
        <v>27062</v>
      </c>
      <c r="C7444" t="s">
        <v>27063</v>
      </c>
      <c r="D7444" t="s">
        <v>27064</v>
      </c>
      <c r="E7444" t="s">
        <v>13</v>
      </c>
      <c r="F7444">
        <v>6638</v>
      </c>
      <c r="G7444" t="s">
        <v>27065</v>
      </c>
      <c r="H7444">
        <v>5.7461055280729996</v>
      </c>
      <c r="I7444">
        <v>51.742830109798</v>
      </c>
      <c r="J7444" t="s">
        <v>63129</v>
      </c>
    </row>
    <row r="7445" spans="1:10" x14ac:dyDescent="0.25">
      <c r="A7445" t="s">
        <v>27057</v>
      </c>
      <c r="B7445" t="s">
        <v>27058</v>
      </c>
      <c r="C7445" t="s">
        <v>27059</v>
      </c>
      <c r="D7445" t="s">
        <v>26940</v>
      </c>
      <c r="E7445" t="s">
        <v>13</v>
      </c>
      <c r="F7445">
        <v>6637</v>
      </c>
      <c r="G7445" t="s">
        <v>27060</v>
      </c>
      <c r="H7445">
        <v>4.9974712563069996</v>
      </c>
      <c r="I7445">
        <v>51.516657199754</v>
      </c>
      <c r="J7445" t="s">
        <v>63130</v>
      </c>
    </row>
    <row r="7446" spans="1:10" x14ac:dyDescent="0.25">
      <c r="A7446" t="s">
        <v>27053</v>
      </c>
      <c r="B7446" t="s">
        <v>27054</v>
      </c>
      <c r="C7446" t="s">
        <v>27055</v>
      </c>
      <c r="D7446" t="s">
        <v>26940</v>
      </c>
      <c r="E7446" t="s">
        <v>13</v>
      </c>
      <c r="F7446">
        <v>6636</v>
      </c>
      <c r="G7446" t="s">
        <v>27056</v>
      </c>
      <c r="H7446">
        <v>5.0188713452369997</v>
      </c>
      <c r="I7446">
        <v>51.518778815254002</v>
      </c>
      <c r="J7446" t="s">
        <v>63131</v>
      </c>
    </row>
    <row r="7447" spans="1:10" x14ac:dyDescent="0.25">
      <c r="A7447" t="s">
        <v>27049</v>
      </c>
      <c r="B7447" t="s">
        <v>27050</v>
      </c>
      <c r="C7447" t="s">
        <v>27051</v>
      </c>
      <c r="D7447" t="s">
        <v>26940</v>
      </c>
      <c r="E7447" t="s">
        <v>13</v>
      </c>
      <c r="F7447">
        <v>6635</v>
      </c>
      <c r="G7447" t="s">
        <v>27052</v>
      </c>
      <c r="H7447">
        <v>5.014667018231</v>
      </c>
      <c r="I7447">
        <v>51.521133074613999</v>
      </c>
      <c r="J7447" t="s">
        <v>63132</v>
      </c>
    </row>
    <row r="7448" spans="1:10" x14ac:dyDescent="0.25">
      <c r="A7448" t="s">
        <v>27045</v>
      </c>
      <c r="B7448" t="s">
        <v>27046</v>
      </c>
      <c r="C7448" t="s">
        <v>27047</v>
      </c>
      <c r="D7448" t="s">
        <v>26940</v>
      </c>
      <c r="E7448" t="s">
        <v>13</v>
      </c>
      <c r="F7448">
        <v>6634</v>
      </c>
      <c r="G7448" t="s">
        <v>27048</v>
      </c>
      <c r="H7448">
        <v>5.0138871261359998</v>
      </c>
      <c r="I7448">
        <v>51.528480319655003</v>
      </c>
      <c r="J7448" t="s">
        <v>63133</v>
      </c>
    </row>
    <row r="7449" spans="1:10" x14ac:dyDescent="0.25">
      <c r="A7449" t="s">
        <v>27041</v>
      </c>
      <c r="B7449" t="s">
        <v>27042</v>
      </c>
      <c r="C7449" t="s">
        <v>27043</v>
      </c>
      <c r="D7449" t="s">
        <v>26940</v>
      </c>
      <c r="E7449" t="s">
        <v>13</v>
      </c>
      <c r="F7449">
        <v>6633</v>
      </c>
      <c r="G7449" t="s">
        <v>27044</v>
      </c>
      <c r="H7449">
        <v>5.0227282549050001</v>
      </c>
      <c r="I7449">
        <v>51.525465530613999</v>
      </c>
      <c r="J7449" t="s">
        <v>63134</v>
      </c>
    </row>
    <row r="7450" spans="1:10" x14ac:dyDescent="0.25">
      <c r="A7450" t="s">
        <v>27037</v>
      </c>
      <c r="B7450" t="s">
        <v>27038</v>
      </c>
      <c r="C7450" t="s">
        <v>27039</v>
      </c>
      <c r="D7450" t="s">
        <v>26940</v>
      </c>
      <c r="E7450" t="s">
        <v>13</v>
      </c>
      <c r="F7450">
        <v>6632</v>
      </c>
      <c r="G7450" t="s">
        <v>27040</v>
      </c>
      <c r="H7450">
        <v>5.0500267603470004</v>
      </c>
      <c r="I7450">
        <v>51.504484052141002</v>
      </c>
      <c r="J7450" t="s">
        <v>63135</v>
      </c>
    </row>
    <row r="7451" spans="1:10" x14ac:dyDescent="0.25">
      <c r="A7451" t="s">
        <v>27033</v>
      </c>
      <c r="B7451" t="s">
        <v>27034</v>
      </c>
      <c r="C7451" t="s">
        <v>27035</v>
      </c>
      <c r="D7451" t="s">
        <v>26940</v>
      </c>
      <c r="E7451" t="s">
        <v>13</v>
      </c>
      <c r="F7451">
        <v>6631</v>
      </c>
      <c r="G7451" t="s">
        <v>27036</v>
      </c>
      <c r="H7451">
        <v>5.0527292181599996</v>
      </c>
      <c r="I7451">
        <v>51.509236160286001</v>
      </c>
      <c r="J7451" t="s">
        <v>63136</v>
      </c>
    </row>
    <row r="7452" spans="1:10" x14ac:dyDescent="0.25">
      <c r="A7452" t="s">
        <v>27029</v>
      </c>
      <c r="B7452" t="s">
        <v>27030</v>
      </c>
      <c r="C7452" t="s">
        <v>27031</v>
      </c>
      <c r="D7452" t="s">
        <v>26940</v>
      </c>
      <c r="E7452" t="s">
        <v>13</v>
      </c>
      <c r="F7452">
        <v>6630</v>
      </c>
      <c r="G7452" t="s">
        <v>27032</v>
      </c>
      <c r="H7452">
        <v>5.0547827182920004</v>
      </c>
      <c r="I7452">
        <v>51.514316715870997</v>
      </c>
      <c r="J7452" t="s">
        <v>63137</v>
      </c>
    </row>
    <row r="7453" spans="1:10" x14ac:dyDescent="0.25">
      <c r="A7453" t="s">
        <v>27025</v>
      </c>
      <c r="B7453" t="s">
        <v>27026</v>
      </c>
      <c r="C7453" t="s">
        <v>27027</v>
      </c>
      <c r="D7453" t="s">
        <v>26940</v>
      </c>
      <c r="E7453" t="s">
        <v>13</v>
      </c>
      <c r="F7453">
        <v>6629</v>
      </c>
      <c r="G7453" t="s">
        <v>27028</v>
      </c>
      <c r="H7453">
        <v>5.048419326686</v>
      </c>
      <c r="I7453">
        <v>51.516123413264999</v>
      </c>
      <c r="J7453" t="s">
        <v>63138</v>
      </c>
    </row>
    <row r="7454" spans="1:10" x14ac:dyDescent="0.25">
      <c r="A7454" t="s">
        <v>27021</v>
      </c>
      <c r="B7454" t="s">
        <v>27022</v>
      </c>
      <c r="C7454" t="s">
        <v>27023</v>
      </c>
      <c r="D7454" t="s">
        <v>26940</v>
      </c>
      <c r="E7454" t="s">
        <v>13</v>
      </c>
      <c r="F7454">
        <v>6628</v>
      </c>
      <c r="G7454" t="s">
        <v>27024</v>
      </c>
      <c r="H7454">
        <v>5.0523225615170002</v>
      </c>
      <c r="I7454">
        <v>51.519204458181001</v>
      </c>
      <c r="J7454" t="s">
        <v>63139</v>
      </c>
    </row>
    <row r="7455" spans="1:10" x14ac:dyDescent="0.25">
      <c r="A7455" t="s">
        <v>27017</v>
      </c>
      <c r="B7455" t="s">
        <v>27018</v>
      </c>
      <c r="C7455" t="s">
        <v>27019</v>
      </c>
      <c r="D7455" t="s">
        <v>26940</v>
      </c>
      <c r="E7455" t="s">
        <v>13</v>
      </c>
      <c r="F7455">
        <v>6627</v>
      </c>
      <c r="G7455" t="s">
        <v>27020</v>
      </c>
      <c r="H7455">
        <v>5.0552228412720002</v>
      </c>
      <c r="I7455">
        <v>51.521132048528997</v>
      </c>
      <c r="J7455" t="s">
        <v>63140</v>
      </c>
    </row>
    <row r="7456" spans="1:10" x14ac:dyDescent="0.25">
      <c r="A7456" t="s">
        <v>27013</v>
      </c>
      <c r="B7456" t="s">
        <v>27014</v>
      </c>
      <c r="C7456" t="s">
        <v>27015</v>
      </c>
      <c r="D7456" t="s">
        <v>26940</v>
      </c>
      <c r="E7456" t="s">
        <v>13</v>
      </c>
      <c r="F7456">
        <v>6626</v>
      </c>
      <c r="G7456" t="s">
        <v>27016</v>
      </c>
      <c r="H7456">
        <v>5.0574408625959997</v>
      </c>
      <c r="I7456">
        <v>51.522680276591998</v>
      </c>
      <c r="J7456" t="s">
        <v>63141</v>
      </c>
    </row>
    <row r="7457" spans="1:10" x14ac:dyDescent="0.25">
      <c r="A7457" t="s">
        <v>27009</v>
      </c>
      <c r="B7457" t="s">
        <v>27010</v>
      </c>
      <c r="C7457" t="s">
        <v>27011</v>
      </c>
      <c r="D7457" t="s">
        <v>26940</v>
      </c>
      <c r="E7457" t="s">
        <v>13</v>
      </c>
      <c r="F7457">
        <v>6625</v>
      </c>
      <c r="G7457" t="s">
        <v>27012</v>
      </c>
      <c r="H7457">
        <v>5.0443224400120004</v>
      </c>
      <c r="I7457">
        <v>51.519769828675997</v>
      </c>
      <c r="J7457" t="s">
        <v>63142</v>
      </c>
    </row>
    <row r="7458" spans="1:10" x14ac:dyDescent="0.25">
      <c r="A7458" t="s">
        <v>27005</v>
      </c>
      <c r="B7458" t="s">
        <v>27006</v>
      </c>
      <c r="C7458" t="s">
        <v>27007</v>
      </c>
      <c r="D7458" t="s">
        <v>26940</v>
      </c>
      <c r="E7458" t="s">
        <v>13</v>
      </c>
      <c r="F7458">
        <v>6624</v>
      </c>
      <c r="G7458" t="s">
        <v>27008</v>
      </c>
      <c r="H7458">
        <v>5.0467287703729999</v>
      </c>
      <c r="I7458">
        <v>51.528500781007999</v>
      </c>
      <c r="J7458" t="s">
        <v>63143</v>
      </c>
    </row>
    <row r="7459" spans="1:10" x14ac:dyDescent="0.25">
      <c r="A7459" t="s">
        <v>27001</v>
      </c>
      <c r="B7459" t="s">
        <v>27002</v>
      </c>
      <c r="C7459" t="s">
        <v>27003</v>
      </c>
      <c r="D7459" t="s">
        <v>26940</v>
      </c>
      <c r="E7459" t="s">
        <v>13</v>
      </c>
      <c r="F7459">
        <v>6623</v>
      </c>
      <c r="G7459" t="s">
        <v>27004</v>
      </c>
      <c r="H7459">
        <v>5.0444136293200001</v>
      </c>
      <c r="I7459">
        <v>51.524951864515003</v>
      </c>
      <c r="J7459" t="s">
        <v>63144</v>
      </c>
    </row>
    <row r="7460" spans="1:10" x14ac:dyDescent="0.25">
      <c r="A7460" t="s">
        <v>26997</v>
      </c>
      <c r="B7460" t="s">
        <v>26998</v>
      </c>
      <c r="C7460" t="s">
        <v>26999</v>
      </c>
      <c r="D7460" t="s">
        <v>26940</v>
      </c>
      <c r="E7460" t="s">
        <v>13</v>
      </c>
      <c r="F7460">
        <v>6622</v>
      </c>
      <c r="G7460" t="s">
        <v>27000</v>
      </c>
      <c r="H7460">
        <v>5.046854712999</v>
      </c>
      <c r="I7460">
        <v>51.521576293644998</v>
      </c>
      <c r="J7460" t="s">
        <v>63145</v>
      </c>
    </row>
    <row r="7461" spans="1:10" x14ac:dyDescent="0.25">
      <c r="A7461" t="s">
        <v>26993</v>
      </c>
      <c r="B7461" t="s">
        <v>26994</v>
      </c>
      <c r="C7461" t="s">
        <v>26995</v>
      </c>
      <c r="D7461" t="s">
        <v>26940</v>
      </c>
      <c r="E7461" t="s">
        <v>13</v>
      </c>
      <c r="F7461">
        <v>6621</v>
      </c>
      <c r="G7461" t="s">
        <v>26996</v>
      </c>
      <c r="H7461">
        <v>5.0499634376970004</v>
      </c>
      <c r="I7461">
        <v>51.523549769534</v>
      </c>
      <c r="J7461" t="s">
        <v>63146</v>
      </c>
    </row>
    <row r="7462" spans="1:10" x14ac:dyDescent="0.25">
      <c r="A7462" t="s">
        <v>26989</v>
      </c>
      <c r="B7462" t="s">
        <v>26990</v>
      </c>
      <c r="C7462" t="s">
        <v>26991</v>
      </c>
      <c r="D7462" t="s">
        <v>26940</v>
      </c>
      <c r="E7462" t="s">
        <v>13</v>
      </c>
      <c r="F7462">
        <v>6620</v>
      </c>
      <c r="G7462" t="s">
        <v>26992</v>
      </c>
      <c r="H7462">
        <v>5.052069959222</v>
      </c>
      <c r="I7462">
        <v>51.526626320555003</v>
      </c>
      <c r="J7462" t="s">
        <v>63147</v>
      </c>
    </row>
    <row r="7463" spans="1:10" x14ac:dyDescent="0.25">
      <c r="A7463" t="s">
        <v>26985</v>
      </c>
      <c r="B7463" t="s">
        <v>26986</v>
      </c>
      <c r="C7463" t="s">
        <v>26987</v>
      </c>
      <c r="D7463" t="s">
        <v>26940</v>
      </c>
      <c r="E7463" t="s">
        <v>13</v>
      </c>
      <c r="F7463">
        <v>6619</v>
      </c>
      <c r="G7463" t="s">
        <v>26988</v>
      </c>
      <c r="H7463">
        <v>5.0706027886539999</v>
      </c>
      <c r="I7463">
        <v>51.533833917586001</v>
      </c>
      <c r="J7463" t="s">
        <v>63148</v>
      </c>
    </row>
    <row r="7464" spans="1:10" x14ac:dyDescent="0.25">
      <c r="A7464" t="s">
        <v>26981</v>
      </c>
      <c r="B7464" t="s">
        <v>26982</v>
      </c>
      <c r="C7464" t="s">
        <v>26983</v>
      </c>
      <c r="D7464" t="s">
        <v>26940</v>
      </c>
      <c r="E7464" t="s">
        <v>13</v>
      </c>
      <c r="F7464">
        <v>6618</v>
      </c>
      <c r="G7464" t="s">
        <v>26984</v>
      </c>
      <c r="H7464">
        <v>5.0566711288840001</v>
      </c>
      <c r="I7464">
        <v>51.532901336941002</v>
      </c>
      <c r="J7464" t="s">
        <v>63149</v>
      </c>
    </row>
    <row r="7465" spans="1:10" x14ac:dyDescent="0.25">
      <c r="A7465" t="s">
        <v>26977</v>
      </c>
      <c r="B7465" t="s">
        <v>26978</v>
      </c>
      <c r="C7465" t="s">
        <v>26979</v>
      </c>
      <c r="D7465" t="s">
        <v>26940</v>
      </c>
      <c r="E7465" t="s">
        <v>13</v>
      </c>
      <c r="F7465">
        <v>6617</v>
      </c>
      <c r="G7465" t="s">
        <v>26980</v>
      </c>
      <c r="H7465">
        <v>5.0638685215730002</v>
      </c>
      <c r="I7465">
        <v>51.532724258724002</v>
      </c>
      <c r="J7465" t="s">
        <v>63150</v>
      </c>
    </row>
    <row r="7466" spans="1:10" x14ac:dyDescent="0.25">
      <c r="A7466" t="s">
        <v>26973</v>
      </c>
      <c r="B7466" t="s">
        <v>26974</v>
      </c>
      <c r="C7466" t="s">
        <v>26975</v>
      </c>
      <c r="D7466" t="s">
        <v>26940</v>
      </c>
      <c r="E7466" t="s">
        <v>13</v>
      </c>
      <c r="F7466">
        <v>6616</v>
      </c>
      <c r="G7466" t="s">
        <v>26976</v>
      </c>
      <c r="H7466">
        <v>5.0615934028670004</v>
      </c>
      <c r="I7466">
        <v>51.523924192693997</v>
      </c>
      <c r="J7466" t="s">
        <v>63151</v>
      </c>
    </row>
    <row r="7467" spans="1:10" x14ac:dyDescent="0.25">
      <c r="A7467" t="s">
        <v>26969</v>
      </c>
      <c r="B7467" t="s">
        <v>26970</v>
      </c>
      <c r="C7467" t="s">
        <v>26971</v>
      </c>
      <c r="D7467" t="s">
        <v>26940</v>
      </c>
      <c r="E7467" t="s">
        <v>13</v>
      </c>
      <c r="F7467">
        <v>6615</v>
      </c>
      <c r="G7467" t="s">
        <v>26972</v>
      </c>
      <c r="H7467">
        <v>5.0587645459679997</v>
      </c>
      <c r="I7467">
        <v>51.527045316898999</v>
      </c>
      <c r="J7467" t="s">
        <v>63152</v>
      </c>
    </row>
    <row r="7468" spans="1:10" x14ac:dyDescent="0.25">
      <c r="A7468" t="s">
        <v>26965</v>
      </c>
      <c r="B7468" t="s">
        <v>26966</v>
      </c>
      <c r="C7468" t="s">
        <v>26967</v>
      </c>
      <c r="D7468" t="s">
        <v>26940</v>
      </c>
      <c r="E7468" t="s">
        <v>13</v>
      </c>
      <c r="F7468">
        <v>6614</v>
      </c>
      <c r="G7468" t="s">
        <v>26968</v>
      </c>
      <c r="H7468">
        <v>5.0628987039800002</v>
      </c>
      <c r="I7468">
        <v>51.517809942653003</v>
      </c>
      <c r="J7468" t="s">
        <v>63153</v>
      </c>
    </row>
    <row r="7469" spans="1:10" x14ac:dyDescent="0.25">
      <c r="A7469" t="s">
        <v>26961</v>
      </c>
      <c r="B7469" t="s">
        <v>26962</v>
      </c>
      <c r="C7469" t="s">
        <v>26963</v>
      </c>
      <c r="D7469" t="s">
        <v>26940</v>
      </c>
      <c r="E7469" t="s">
        <v>13</v>
      </c>
      <c r="F7469">
        <v>6613</v>
      </c>
      <c r="G7469" t="s">
        <v>26964</v>
      </c>
      <c r="H7469">
        <v>5.073854419711</v>
      </c>
      <c r="I7469">
        <v>51.520890754741998</v>
      </c>
      <c r="J7469" t="s">
        <v>63154</v>
      </c>
    </row>
    <row r="7470" spans="1:10" x14ac:dyDescent="0.25">
      <c r="A7470" t="s">
        <v>26958</v>
      </c>
      <c r="B7470" t="s">
        <v>26959</v>
      </c>
      <c r="C7470" t="s">
        <v>4895</v>
      </c>
      <c r="D7470" t="s">
        <v>26940</v>
      </c>
      <c r="E7470" t="s">
        <v>13</v>
      </c>
      <c r="F7470">
        <v>6612</v>
      </c>
      <c r="G7470" t="s">
        <v>26960</v>
      </c>
      <c r="H7470">
        <v>5.0861449481719996</v>
      </c>
      <c r="I7470">
        <v>51.528671393185</v>
      </c>
      <c r="J7470" t="s">
        <v>63155</v>
      </c>
    </row>
    <row r="7471" spans="1:10" x14ac:dyDescent="0.25">
      <c r="A7471" t="s">
        <v>26954</v>
      </c>
      <c r="B7471" t="s">
        <v>26955</v>
      </c>
      <c r="C7471" t="s">
        <v>26956</v>
      </c>
      <c r="D7471" t="s">
        <v>26940</v>
      </c>
      <c r="E7471" t="s">
        <v>13</v>
      </c>
      <c r="F7471">
        <v>6611</v>
      </c>
      <c r="G7471" t="s">
        <v>26957</v>
      </c>
      <c r="H7471">
        <v>5.0852502544769997</v>
      </c>
      <c r="I7471">
        <v>51.530685932627001</v>
      </c>
      <c r="J7471" t="s">
        <v>63156</v>
      </c>
    </row>
    <row r="7472" spans="1:10" x14ac:dyDescent="0.25">
      <c r="A7472" t="s">
        <v>26950</v>
      </c>
      <c r="B7472" t="s">
        <v>26951</v>
      </c>
      <c r="C7472" t="s">
        <v>26952</v>
      </c>
      <c r="D7472" t="s">
        <v>26940</v>
      </c>
      <c r="E7472" t="s">
        <v>13</v>
      </c>
      <c r="F7472">
        <v>6610</v>
      </c>
      <c r="G7472" t="s">
        <v>26953</v>
      </c>
      <c r="H7472">
        <v>5.0807116554140004</v>
      </c>
      <c r="I7472">
        <v>51.52532344822</v>
      </c>
      <c r="J7472" t="s">
        <v>63157</v>
      </c>
    </row>
    <row r="7473" spans="1:10" x14ac:dyDescent="0.25">
      <c r="A7473" t="s">
        <v>26946</v>
      </c>
      <c r="B7473" t="s">
        <v>26947</v>
      </c>
      <c r="C7473" t="s">
        <v>26948</v>
      </c>
      <c r="D7473" t="s">
        <v>26940</v>
      </c>
      <c r="E7473" t="s">
        <v>13</v>
      </c>
      <c r="F7473">
        <v>6609</v>
      </c>
      <c r="G7473" t="s">
        <v>26949</v>
      </c>
      <c r="H7473">
        <v>5.0781861850069996</v>
      </c>
      <c r="I7473">
        <v>51.527782746564</v>
      </c>
      <c r="J7473" t="s">
        <v>63158</v>
      </c>
    </row>
    <row r="7474" spans="1:10" x14ac:dyDescent="0.25">
      <c r="A7474" t="s">
        <v>26942</v>
      </c>
      <c r="B7474" t="s">
        <v>26943</v>
      </c>
      <c r="C7474" t="s">
        <v>26944</v>
      </c>
      <c r="D7474" t="s">
        <v>26940</v>
      </c>
      <c r="E7474" t="s">
        <v>13</v>
      </c>
      <c r="F7474">
        <v>6608</v>
      </c>
      <c r="G7474" t="s">
        <v>26945</v>
      </c>
      <c r="H7474">
        <v>5.0696080671969996</v>
      </c>
      <c r="I7474">
        <v>51.526822354798</v>
      </c>
      <c r="J7474" t="s">
        <v>63159</v>
      </c>
    </row>
    <row r="7475" spans="1:10" x14ac:dyDescent="0.25">
      <c r="A7475" t="s">
        <v>26937</v>
      </c>
      <c r="B7475" t="s">
        <v>26938</v>
      </c>
      <c r="C7475" t="s">
        <v>26939</v>
      </c>
      <c r="D7475" t="s">
        <v>26940</v>
      </c>
      <c r="E7475" t="s">
        <v>13</v>
      </c>
      <c r="F7475">
        <v>6607</v>
      </c>
      <c r="G7475" t="s">
        <v>26941</v>
      </c>
      <c r="H7475">
        <v>5.0683046319090002</v>
      </c>
      <c r="I7475">
        <v>51.521672640208003</v>
      </c>
      <c r="J7475" t="s">
        <v>63160</v>
      </c>
    </row>
    <row r="7476" spans="1:10" x14ac:dyDescent="0.25">
      <c r="A7476" t="s">
        <v>26933</v>
      </c>
      <c r="B7476" t="s">
        <v>26934</v>
      </c>
      <c r="C7476" t="s">
        <v>26935</v>
      </c>
      <c r="D7476" t="s">
        <v>26895</v>
      </c>
      <c r="E7476" t="s">
        <v>13</v>
      </c>
      <c r="F7476">
        <v>6606</v>
      </c>
      <c r="G7476" t="s">
        <v>26936</v>
      </c>
      <c r="H7476">
        <v>4.8371075618979997</v>
      </c>
      <c r="I7476">
        <v>51.698175986178001</v>
      </c>
      <c r="J7476" t="s">
        <v>63161</v>
      </c>
    </row>
    <row r="7477" spans="1:10" x14ac:dyDescent="0.25">
      <c r="A7477" t="s">
        <v>26929</v>
      </c>
      <c r="B7477" t="s">
        <v>26930</v>
      </c>
      <c r="C7477" t="s">
        <v>26931</v>
      </c>
      <c r="D7477" t="s">
        <v>26895</v>
      </c>
      <c r="E7477" t="s">
        <v>13</v>
      </c>
      <c r="F7477">
        <v>6605</v>
      </c>
      <c r="G7477" t="s">
        <v>26932</v>
      </c>
      <c r="H7477">
        <v>4.8472245874529998</v>
      </c>
      <c r="I7477">
        <v>51.709177304417999</v>
      </c>
      <c r="J7477" t="s">
        <v>63162</v>
      </c>
    </row>
    <row r="7478" spans="1:10" x14ac:dyDescent="0.25">
      <c r="A7478" t="s">
        <v>26925</v>
      </c>
      <c r="B7478" t="s">
        <v>26926</v>
      </c>
      <c r="C7478" t="s">
        <v>26927</v>
      </c>
      <c r="D7478" t="s">
        <v>26895</v>
      </c>
      <c r="E7478" t="s">
        <v>13</v>
      </c>
      <c r="F7478">
        <v>6604</v>
      </c>
      <c r="G7478" t="s">
        <v>26928</v>
      </c>
      <c r="H7478">
        <v>4.8557195581109998</v>
      </c>
      <c r="I7478">
        <v>51.705096251912003</v>
      </c>
      <c r="J7478" t="s">
        <v>63163</v>
      </c>
    </row>
    <row r="7479" spans="1:10" x14ac:dyDescent="0.25">
      <c r="A7479" t="s">
        <v>26921</v>
      </c>
      <c r="B7479" t="s">
        <v>26922</v>
      </c>
      <c r="C7479" t="s">
        <v>26923</v>
      </c>
      <c r="D7479" t="s">
        <v>26895</v>
      </c>
      <c r="E7479" t="s">
        <v>13</v>
      </c>
      <c r="F7479">
        <v>6603</v>
      </c>
      <c r="G7479" t="s">
        <v>26924</v>
      </c>
      <c r="H7479">
        <v>4.8480158704590002</v>
      </c>
      <c r="I7479">
        <v>51.701182616141999</v>
      </c>
      <c r="J7479" t="s">
        <v>63164</v>
      </c>
    </row>
    <row r="7480" spans="1:10" x14ac:dyDescent="0.25">
      <c r="A7480" t="s">
        <v>26917</v>
      </c>
      <c r="B7480" t="s">
        <v>26918</v>
      </c>
      <c r="C7480" t="s">
        <v>26919</v>
      </c>
      <c r="D7480" t="s">
        <v>26895</v>
      </c>
      <c r="E7480" t="s">
        <v>13</v>
      </c>
      <c r="F7480">
        <v>6602</v>
      </c>
      <c r="G7480" t="s">
        <v>26920</v>
      </c>
      <c r="H7480">
        <v>4.8606869456490003</v>
      </c>
      <c r="I7480">
        <v>51.700187639260001</v>
      </c>
      <c r="J7480" t="s">
        <v>63165</v>
      </c>
    </row>
    <row r="7481" spans="1:10" x14ac:dyDescent="0.25">
      <c r="A7481" t="s">
        <v>26913</v>
      </c>
      <c r="B7481" t="s">
        <v>26914</v>
      </c>
      <c r="C7481" t="s">
        <v>26915</v>
      </c>
      <c r="D7481" t="s">
        <v>26895</v>
      </c>
      <c r="E7481" t="s">
        <v>13</v>
      </c>
      <c r="F7481">
        <v>6601</v>
      </c>
      <c r="G7481" t="s">
        <v>26916</v>
      </c>
      <c r="H7481">
        <v>4.9051650958359998</v>
      </c>
      <c r="I7481">
        <v>51.696001120555003</v>
      </c>
      <c r="J7481" t="s">
        <v>63166</v>
      </c>
    </row>
    <row r="7482" spans="1:10" x14ac:dyDescent="0.25">
      <c r="A7482" t="s">
        <v>26909</v>
      </c>
      <c r="B7482" t="s">
        <v>26910</v>
      </c>
      <c r="C7482" t="s">
        <v>26911</v>
      </c>
      <c r="D7482" t="s">
        <v>26895</v>
      </c>
      <c r="E7482" t="s">
        <v>13</v>
      </c>
      <c r="F7482">
        <v>6600</v>
      </c>
      <c r="G7482" t="s">
        <v>26912</v>
      </c>
      <c r="H7482">
        <v>4.9100388876560004</v>
      </c>
      <c r="I7482">
        <v>51.687318346521003</v>
      </c>
      <c r="J7482" t="s">
        <v>63167</v>
      </c>
    </row>
    <row r="7483" spans="1:10" x14ac:dyDescent="0.25">
      <c r="A7483" t="s">
        <v>26905</v>
      </c>
      <c r="B7483" t="s">
        <v>26906</v>
      </c>
      <c r="C7483" t="s">
        <v>26907</v>
      </c>
      <c r="D7483" t="s">
        <v>26895</v>
      </c>
      <c r="E7483" t="s">
        <v>13</v>
      </c>
      <c r="F7483">
        <v>6599</v>
      </c>
      <c r="G7483" t="s">
        <v>26908</v>
      </c>
      <c r="H7483">
        <v>4.8634807451819997</v>
      </c>
      <c r="I7483">
        <v>51.684927783319999</v>
      </c>
      <c r="J7483" t="s">
        <v>63168</v>
      </c>
    </row>
    <row r="7484" spans="1:10" x14ac:dyDescent="0.25">
      <c r="A7484" t="s">
        <v>26901</v>
      </c>
      <c r="B7484" t="s">
        <v>26902</v>
      </c>
      <c r="C7484" t="s">
        <v>26903</v>
      </c>
      <c r="D7484" t="s">
        <v>26895</v>
      </c>
      <c r="E7484" t="s">
        <v>13</v>
      </c>
      <c r="F7484">
        <v>6598</v>
      </c>
      <c r="G7484" t="s">
        <v>26904</v>
      </c>
      <c r="H7484">
        <v>4.8727449498480002</v>
      </c>
      <c r="I7484">
        <v>51.713248255322</v>
      </c>
      <c r="J7484" t="s">
        <v>63169</v>
      </c>
    </row>
    <row r="7485" spans="1:10" x14ac:dyDescent="0.25">
      <c r="A7485" t="s">
        <v>26897</v>
      </c>
      <c r="B7485" t="s">
        <v>26898</v>
      </c>
      <c r="C7485" t="s">
        <v>26899</v>
      </c>
      <c r="D7485" t="s">
        <v>26895</v>
      </c>
      <c r="E7485" t="s">
        <v>13</v>
      </c>
      <c r="F7485">
        <v>6597</v>
      </c>
      <c r="G7485" t="s">
        <v>26900</v>
      </c>
      <c r="H7485">
        <v>4.8770990262940002</v>
      </c>
      <c r="I7485">
        <v>51.702491355781</v>
      </c>
      <c r="J7485" t="s">
        <v>63170</v>
      </c>
    </row>
    <row r="7486" spans="1:10" x14ac:dyDescent="0.25">
      <c r="A7486" t="s">
        <v>26892</v>
      </c>
      <c r="B7486" t="s">
        <v>26893</v>
      </c>
      <c r="C7486" t="s">
        <v>26894</v>
      </c>
      <c r="D7486" t="s">
        <v>26895</v>
      </c>
      <c r="E7486" t="s">
        <v>13</v>
      </c>
      <c r="F7486">
        <v>6596</v>
      </c>
      <c r="G7486" t="s">
        <v>26896</v>
      </c>
      <c r="H7486">
        <v>4.87367442574</v>
      </c>
      <c r="I7486">
        <v>51.693172757747</v>
      </c>
      <c r="J7486" t="s">
        <v>63171</v>
      </c>
    </row>
    <row r="7487" spans="1:10" x14ac:dyDescent="0.25">
      <c r="A7487" t="s">
        <v>26888</v>
      </c>
      <c r="B7487" t="s">
        <v>26889</v>
      </c>
      <c r="C7487" t="s">
        <v>26890</v>
      </c>
      <c r="D7487" t="s">
        <v>26436</v>
      </c>
      <c r="E7487" t="s">
        <v>13</v>
      </c>
      <c r="F7487">
        <v>6595</v>
      </c>
      <c r="G7487" t="s">
        <v>26891</v>
      </c>
      <c r="H7487">
        <v>5.4321933916880001</v>
      </c>
      <c r="I7487">
        <v>51.409952973914002</v>
      </c>
      <c r="J7487" t="s">
        <v>63172</v>
      </c>
    </row>
    <row r="7488" spans="1:10" x14ac:dyDescent="0.25">
      <c r="A7488" t="s">
        <v>26884</v>
      </c>
      <c r="B7488" t="s">
        <v>26885</v>
      </c>
      <c r="C7488" t="s">
        <v>26886</v>
      </c>
      <c r="D7488" t="s">
        <v>26436</v>
      </c>
      <c r="E7488" t="s">
        <v>13</v>
      </c>
      <c r="F7488">
        <v>6594</v>
      </c>
      <c r="G7488" t="s">
        <v>26887</v>
      </c>
      <c r="H7488">
        <v>5.4410791519919997</v>
      </c>
      <c r="I7488">
        <v>51.415319409885001</v>
      </c>
      <c r="J7488" t="s">
        <v>63173</v>
      </c>
    </row>
    <row r="7489" spans="1:10" x14ac:dyDescent="0.25">
      <c r="A7489" t="s">
        <v>26880</v>
      </c>
      <c r="B7489" t="s">
        <v>26881</v>
      </c>
      <c r="C7489" t="s">
        <v>26882</v>
      </c>
      <c r="D7489" t="s">
        <v>26436</v>
      </c>
      <c r="E7489" t="s">
        <v>13</v>
      </c>
      <c r="F7489">
        <v>6593</v>
      </c>
      <c r="G7489" t="s">
        <v>26883</v>
      </c>
      <c r="H7489">
        <v>5.4384376719759997</v>
      </c>
      <c r="I7489">
        <v>51.422577481810997</v>
      </c>
      <c r="J7489" t="s">
        <v>63174</v>
      </c>
    </row>
    <row r="7490" spans="1:10" x14ac:dyDescent="0.25">
      <c r="A7490" t="s">
        <v>26876</v>
      </c>
      <c r="B7490" t="s">
        <v>26877</v>
      </c>
      <c r="C7490" t="s">
        <v>26878</v>
      </c>
      <c r="D7490" t="s">
        <v>26436</v>
      </c>
      <c r="E7490" t="s">
        <v>13</v>
      </c>
      <c r="F7490">
        <v>6592</v>
      </c>
      <c r="G7490" t="s">
        <v>26879</v>
      </c>
      <c r="H7490">
        <v>5.4514945168390003</v>
      </c>
      <c r="I7490">
        <v>51.409549093641999</v>
      </c>
      <c r="J7490" t="s">
        <v>63175</v>
      </c>
    </row>
    <row r="7491" spans="1:10" x14ac:dyDescent="0.25">
      <c r="A7491" t="s">
        <v>26872</v>
      </c>
      <c r="B7491" t="s">
        <v>26873</v>
      </c>
      <c r="C7491" t="s">
        <v>26874</v>
      </c>
      <c r="D7491" t="s">
        <v>26436</v>
      </c>
      <c r="E7491" t="s">
        <v>13</v>
      </c>
      <c r="F7491">
        <v>6591</v>
      </c>
      <c r="G7491" t="s">
        <v>26875</v>
      </c>
      <c r="H7491">
        <v>5.4712242356100003</v>
      </c>
      <c r="I7491">
        <v>51.414133594943998</v>
      </c>
      <c r="J7491" t="s">
        <v>63176</v>
      </c>
    </row>
    <row r="7492" spans="1:10" x14ac:dyDescent="0.25">
      <c r="A7492" t="s">
        <v>26868</v>
      </c>
      <c r="B7492" t="s">
        <v>26869</v>
      </c>
      <c r="C7492" t="s">
        <v>26870</v>
      </c>
      <c r="D7492" t="s">
        <v>26436</v>
      </c>
      <c r="E7492" t="s">
        <v>13</v>
      </c>
      <c r="F7492">
        <v>6590</v>
      </c>
      <c r="G7492" t="s">
        <v>26871</v>
      </c>
      <c r="H7492">
        <v>5.4524075723180001</v>
      </c>
      <c r="I7492">
        <v>51.417835031054999</v>
      </c>
      <c r="J7492" t="s">
        <v>63177</v>
      </c>
    </row>
    <row r="7493" spans="1:10" x14ac:dyDescent="0.25">
      <c r="A7493" t="s">
        <v>26864</v>
      </c>
      <c r="B7493" t="s">
        <v>26865</v>
      </c>
      <c r="C7493" t="s">
        <v>26866</v>
      </c>
      <c r="D7493" t="s">
        <v>26436</v>
      </c>
      <c r="E7493" t="s">
        <v>13</v>
      </c>
      <c r="F7493">
        <v>6589</v>
      </c>
      <c r="G7493" t="s">
        <v>26867</v>
      </c>
      <c r="H7493">
        <v>5.463292776936</v>
      </c>
      <c r="I7493">
        <v>51.419714085864001</v>
      </c>
      <c r="J7493" t="s">
        <v>63178</v>
      </c>
    </row>
    <row r="7494" spans="1:10" x14ac:dyDescent="0.25">
      <c r="A7494" t="s">
        <v>26860</v>
      </c>
      <c r="B7494" t="s">
        <v>26861</v>
      </c>
      <c r="C7494" t="s">
        <v>26862</v>
      </c>
      <c r="D7494" t="s">
        <v>26436</v>
      </c>
      <c r="E7494" t="s">
        <v>13</v>
      </c>
      <c r="F7494">
        <v>6588</v>
      </c>
      <c r="G7494" t="s">
        <v>26863</v>
      </c>
      <c r="H7494">
        <v>5.4665596715409999</v>
      </c>
      <c r="I7494">
        <v>51.424780563949</v>
      </c>
      <c r="J7494" t="s">
        <v>63179</v>
      </c>
    </row>
    <row r="7495" spans="1:10" x14ac:dyDescent="0.25">
      <c r="A7495" t="s">
        <v>26856</v>
      </c>
      <c r="B7495" t="s">
        <v>26857</v>
      </c>
      <c r="C7495" t="s">
        <v>26858</v>
      </c>
      <c r="D7495" t="s">
        <v>26436</v>
      </c>
      <c r="E7495" t="s">
        <v>13</v>
      </c>
      <c r="F7495">
        <v>6587</v>
      </c>
      <c r="G7495" t="s">
        <v>26859</v>
      </c>
      <c r="H7495">
        <v>5.4573960039039999</v>
      </c>
      <c r="I7495">
        <v>51.424491739372002</v>
      </c>
      <c r="J7495" t="s">
        <v>63180</v>
      </c>
    </row>
    <row r="7496" spans="1:10" x14ac:dyDescent="0.25">
      <c r="A7496" t="s">
        <v>26852</v>
      </c>
      <c r="B7496" t="s">
        <v>26853</v>
      </c>
      <c r="C7496" t="s">
        <v>26854</v>
      </c>
      <c r="D7496" t="s">
        <v>26436</v>
      </c>
      <c r="E7496" t="s">
        <v>13</v>
      </c>
      <c r="F7496">
        <v>6586</v>
      </c>
      <c r="G7496" t="s">
        <v>26855</v>
      </c>
      <c r="H7496">
        <v>5.4523233241169997</v>
      </c>
      <c r="I7496">
        <v>51.426483135060998</v>
      </c>
      <c r="J7496" t="s">
        <v>63181</v>
      </c>
    </row>
    <row r="7497" spans="1:10" x14ac:dyDescent="0.25">
      <c r="A7497" t="s">
        <v>26848</v>
      </c>
      <c r="B7497" t="s">
        <v>26849</v>
      </c>
      <c r="C7497" t="s">
        <v>26850</v>
      </c>
      <c r="D7497" t="s">
        <v>26436</v>
      </c>
      <c r="E7497" t="s">
        <v>13</v>
      </c>
      <c r="F7497">
        <v>6585</v>
      </c>
      <c r="G7497" t="s">
        <v>26851</v>
      </c>
      <c r="H7497">
        <v>5.4609919656030002</v>
      </c>
      <c r="I7497">
        <v>51.432049064445998</v>
      </c>
      <c r="J7497" t="s">
        <v>63182</v>
      </c>
    </row>
    <row r="7498" spans="1:10" x14ac:dyDescent="0.25">
      <c r="A7498" t="s">
        <v>26844</v>
      </c>
      <c r="B7498" t="s">
        <v>26845</v>
      </c>
      <c r="C7498" t="s">
        <v>26846</v>
      </c>
      <c r="D7498" t="s">
        <v>26436</v>
      </c>
      <c r="E7498" t="s">
        <v>13</v>
      </c>
      <c r="F7498">
        <v>6584</v>
      </c>
      <c r="G7498" t="s">
        <v>26847</v>
      </c>
      <c r="H7498">
        <v>5.4663991818330002</v>
      </c>
      <c r="I7498">
        <v>51.431276825411999</v>
      </c>
      <c r="J7498" t="s">
        <v>63183</v>
      </c>
    </row>
    <row r="7499" spans="1:10" x14ac:dyDescent="0.25">
      <c r="A7499" t="s">
        <v>26841</v>
      </c>
      <c r="B7499" t="s">
        <v>26842</v>
      </c>
      <c r="C7499" t="s">
        <v>89</v>
      </c>
      <c r="D7499" t="s">
        <v>26436</v>
      </c>
      <c r="E7499" t="s">
        <v>13</v>
      </c>
      <c r="F7499">
        <v>6583</v>
      </c>
      <c r="G7499" t="s">
        <v>26843</v>
      </c>
      <c r="H7499">
        <v>5.4721645446049996</v>
      </c>
      <c r="I7499">
        <v>51.429291446459999</v>
      </c>
      <c r="J7499" t="s">
        <v>63184</v>
      </c>
    </row>
    <row r="7500" spans="1:10" x14ac:dyDescent="0.25">
      <c r="A7500" t="s">
        <v>26837</v>
      </c>
      <c r="B7500" t="s">
        <v>26838</v>
      </c>
      <c r="C7500" t="s">
        <v>26839</v>
      </c>
      <c r="D7500" t="s">
        <v>26436</v>
      </c>
      <c r="E7500" t="s">
        <v>13</v>
      </c>
      <c r="F7500">
        <v>6582</v>
      </c>
      <c r="G7500" t="s">
        <v>26840</v>
      </c>
      <c r="H7500">
        <v>5.405317262873</v>
      </c>
      <c r="I7500">
        <v>51.441399983075002</v>
      </c>
      <c r="J7500" t="s">
        <v>63185</v>
      </c>
    </row>
    <row r="7501" spans="1:10" x14ac:dyDescent="0.25">
      <c r="A7501" t="s">
        <v>26833</v>
      </c>
      <c r="B7501" t="s">
        <v>26834</v>
      </c>
      <c r="C7501" t="s">
        <v>26835</v>
      </c>
      <c r="D7501" t="s">
        <v>26436</v>
      </c>
      <c r="E7501" t="s">
        <v>13</v>
      </c>
      <c r="F7501">
        <v>6581</v>
      </c>
      <c r="G7501" t="s">
        <v>26836</v>
      </c>
      <c r="H7501">
        <v>5.4163448233839997</v>
      </c>
      <c r="I7501">
        <v>51.444429536869002</v>
      </c>
      <c r="J7501" t="s">
        <v>63186</v>
      </c>
    </row>
    <row r="7502" spans="1:10" x14ac:dyDescent="0.25">
      <c r="A7502" t="s">
        <v>26829</v>
      </c>
      <c r="B7502" t="s">
        <v>26830</v>
      </c>
      <c r="C7502" t="s">
        <v>26831</v>
      </c>
      <c r="D7502" t="s">
        <v>26436</v>
      </c>
      <c r="E7502" t="s">
        <v>13</v>
      </c>
      <c r="F7502">
        <v>6580</v>
      </c>
      <c r="G7502" t="s">
        <v>26832</v>
      </c>
      <c r="H7502">
        <v>5.3765584964470001</v>
      </c>
      <c r="I7502">
        <v>51.452426738010999</v>
      </c>
      <c r="J7502" t="s">
        <v>63187</v>
      </c>
    </row>
    <row r="7503" spans="1:10" x14ac:dyDescent="0.25">
      <c r="A7503" t="s">
        <v>26825</v>
      </c>
      <c r="B7503" t="s">
        <v>26826</v>
      </c>
      <c r="C7503" t="s">
        <v>26827</v>
      </c>
      <c r="D7503" t="s">
        <v>26436</v>
      </c>
      <c r="E7503" t="s">
        <v>13</v>
      </c>
      <c r="F7503">
        <v>6579</v>
      </c>
      <c r="G7503" t="s">
        <v>26828</v>
      </c>
      <c r="H7503">
        <v>5.3990717131329999</v>
      </c>
      <c r="I7503">
        <v>51.452872744609003</v>
      </c>
      <c r="J7503" t="s">
        <v>63188</v>
      </c>
    </row>
    <row r="7504" spans="1:10" x14ac:dyDescent="0.25">
      <c r="A7504" t="s">
        <v>26821</v>
      </c>
      <c r="B7504" t="s">
        <v>26822</v>
      </c>
      <c r="C7504" t="s">
        <v>26823</v>
      </c>
      <c r="D7504" t="s">
        <v>26436</v>
      </c>
      <c r="E7504" t="s">
        <v>13</v>
      </c>
      <c r="F7504">
        <v>6578</v>
      </c>
      <c r="G7504" t="s">
        <v>26824</v>
      </c>
      <c r="H7504">
        <v>5.3875171094420002</v>
      </c>
      <c r="I7504">
        <v>51.441087745952998</v>
      </c>
      <c r="J7504" t="s">
        <v>63189</v>
      </c>
    </row>
    <row r="7505" spans="1:10" x14ac:dyDescent="0.25">
      <c r="A7505" t="s">
        <v>26818</v>
      </c>
      <c r="B7505" t="s">
        <v>26819</v>
      </c>
      <c r="C7505" t="s">
        <v>20656</v>
      </c>
      <c r="D7505" t="s">
        <v>26436</v>
      </c>
      <c r="E7505" t="s">
        <v>13</v>
      </c>
      <c r="F7505">
        <v>6577</v>
      </c>
      <c r="G7505" t="s">
        <v>26820</v>
      </c>
      <c r="H7505">
        <v>5.3981972181430002</v>
      </c>
      <c r="I7505">
        <v>51.437354307008</v>
      </c>
      <c r="J7505" t="s">
        <v>63190</v>
      </c>
    </row>
    <row r="7506" spans="1:10" x14ac:dyDescent="0.25">
      <c r="A7506" t="s">
        <v>26814</v>
      </c>
      <c r="B7506" t="s">
        <v>26815</v>
      </c>
      <c r="C7506" t="s">
        <v>26816</v>
      </c>
      <c r="D7506" t="s">
        <v>26436</v>
      </c>
      <c r="E7506" t="s">
        <v>13</v>
      </c>
      <c r="F7506">
        <v>6576</v>
      </c>
      <c r="G7506" t="s">
        <v>26817</v>
      </c>
      <c r="H7506">
        <v>5.4083627098819997</v>
      </c>
      <c r="I7506">
        <v>51.447181714613002</v>
      </c>
      <c r="J7506" t="s">
        <v>63191</v>
      </c>
    </row>
    <row r="7507" spans="1:10" x14ac:dyDescent="0.25">
      <c r="A7507" t="s">
        <v>26810</v>
      </c>
      <c r="B7507" t="s">
        <v>26811</v>
      </c>
      <c r="C7507" t="s">
        <v>26812</v>
      </c>
      <c r="D7507" t="s">
        <v>26436</v>
      </c>
      <c r="E7507" t="s">
        <v>13</v>
      </c>
      <c r="F7507">
        <v>6575</v>
      </c>
      <c r="G7507" t="s">
        <v>26813</v>
      </c>
      <c r="H7507">
        <v>5.4180744409220001</v>
      </c>
      <c r="I7507">
        <v>51.436691571121997</v>
      </c>
      <c r="J7507" t="s">
        <v>63192</v>
      </c>
    </row>
    <row r="7508" spans="1:10" x14ac:dyDescent="0.25">
      <c r="A7508" t="s">
        <v>26806</v>
      </c>
      <c r="B7508" t="s">
        <v>26807</v>
      </c>
      <c r="C7508" t="s">
        <v>26808</v>
      </c>
      <c r="D7508" t="s">
        <v>26436</v>
      </c>
      <c r="E7508" t="s">
        <v>13</v>
      </c>
      <c r="F7508">
        <v>6574</v>
      </c>
      <c r="G7508" t="s">
        <v>26809</v>
      </c>
      <c r="H7508">
        <v>5.416666222251</v>
      </c>
      <c r="I7508">
        <v>51.450699220661001</v>
      </c>
      <c r="J7508" t="s">
        <v>63193</v>
      </c>
    </row>
    <row r="7509" spans="1:10" x14ac:dyDescent="0.25">
      <c r="A7509" t="s">
        <v>26802</v>
      </c>
      <c r="B7509" t="s">
        <v>26803</v>
      </c>
      <c r="C7509" t="s">
        <v>26804</v>
      </c>
      <c r="D7509" t="s">
        <v>26436</v>
      </c>
      <c r="E7509" t="s">
        <v>13</v>
      </c>
      <c r="F7509">
        <v>6573</v>
      </c>
      <c r="G7509" t="s">
        <v>26805</v>
      </c>
      <c r="H7509">
        <v>5.4005903040950001</v>
      </c>
      <c r="I7509">
        <v>51.471150780965999</v>
      </c>
      <c r="J7509" t="s">
        <v>63194</v>
      </c>
    </row>
    <row r="7510" spans="1:10" x14ac:dyDescent="0.25">
      <c r="A7510" t="s">
        <v>26798</v>
      </c>
      <c r="B7510" t="s">
        <v>26799</v>
      </c>
      <c r="C7510" t="s">
        <v>26800</v>
      </c>
      <c r="D7510" t="s">
        <v>26436</v>
      </c>
      <c r="E7510" t="s">
        <v>13</v>
      </c>
      <c r="F7510">
        <v>6572</v>
      </c>
      <c r="G7510" t="s">
        <v>26801</v>
      </c>
      <c r="H7510">
        <v>5.4147841451109997</v>
      </c>
      <c r="I7510">
        <v>51.472103949641998</v>
      </c>
      <c r="J7510" t="s">
        <v>63195</v>
      </c>
    </row>
    <row r="7511" spans="1:10" x14ac:dyDescent="0.25">
      <c r="A7511" t="s">
        <v>26794</v>
      </c>
      <c r="B7511" t="s">
        <v>26795</v>
      </c>
      <c r="C7511" t="s">
        <v>26796</v>
      </c>
      <c r="D7511" t="s">
        <v>26436</v>
      </c>
      <c r="E7511" t="s">
        <v>13</v>
      </c>
      <c r="F7511">
        <v>6571</v>
      </c>
      <c r="G7511" t="s">
        <v>26797</v>
      </c>
      <c r="H7511">
        <v>5.4341673287459997</v>
      </c>
      <c r="I7511">
        <v>51.461711974037001</v>
      </c>
      <c r="J7511" t="s">
        <v>63196</v>
      </c>
    </row>
    <row r="7512" spans="1:10" x14ac:dyDescent="0.25">
      <c r="A7512" t="s">
        <v>26790</v>
      </c>
      <c r="B7512" t="s">
        <v>26791</v>
      </c>
      <c r="C7512" t="s">
        <v>26792</v>
      </c>
      <c r="D7512" t="s">
        <v>26436</v>
      </c>
      <c r="E7512" t="s">
        <v>13</v>
      </c>
      <c r="F7512">
        <v>6570</v>
      </c>
      <c r="G7512" t="s">
        <v>26793</v>
      </c>
      <c r="H7512">
        <v>5.4270781692619998</v>
      </c>
      <c r="I7512">
        <v>51.455501312225003</v>
      </c>
      <c r="J7512" t="s">
        <v>63197</v>
      </c>
    </row>
    <row r="7513" spans="1:10" x14ac:dyDescent="0.25">
      <c r="A7513" t="s">
        <v>26786</v>
      </c>
      <c r="B7513" t="s">
        <v>26787</v>
      </c>
      <c r="C7513" t="s">
        <v>26788</v>
      </c>
      <c r="D7513" t="s">
        <v>26436</v>
      </c>
      <c r="E7513" t="s">
        <v>13</v>
      </c>
      <c r="F7513">
        <v>6569</v>
      </c>
      <c r="G7513" t="s">
        <v>26789</v>
      </c>
      <c r="H7513">
        <v>5.449181929451</v>
      </c>
      <c r="I7513">
        <v>51.451438295076997</v>
      </c>
      <c r="J7513" t="s">
        <v>63198</v>
      </c>
    </row>
    <row r="7514" spans="1:10" x14ac:dyDescent="0.25">
      <c r="A7514" t="s">
        <v>26782</v>
      </c>
      <c r="B7514" t="s">
        <v>26783</v>
      </c>
      <c r="C7514" t="s">
        <v>26784</v>
      </c>
      <c r="D7514" t="s">
        <v>26436</v>
      </c>
      <c r="E7514" t="s">
        <v>13</v>
      </c>
      <c r="F7514">
        <v>6568</v>
      </c>
      <c r="G7514" t="s">
        <v>26785</v>
      </c>
      <c r="H7514">
        <v>5.4436330755439997</v>
      </c>
      <c r="I7514">
        <v>51.446957718035002</v>
      </c>
      <c r="J7514" t="s">
        <v>63199</v>
      </c>
    </row>
    <row r="7515" spans="1:10" x14ac:dyDescent="0.25">
      <c r="A7515" t="s">
        <v>26778</v>
      </c>
      <c r="B7515" t="s">
        <v>26779</v>
      </c>
      <c r="C7515" t="s">
        <v>26780</v>
      </c>
      <c r="D7515" t="s">
        <v>26436</v>
      </c>
      <c r="E7515" t="s">
        <v>13</v>
      </c>
      <c r="F7515">
        <v>6567</v>
      </c>
      <c r="G7515" t="s">
        <v>26781</v>
      </c>
      <c r="H7515">
        <v>5.4321478269609997</v>
      </c>
      <c r="I7515">
        <v>51.443553529945</v>
      </c>
      <c r="J7515" t="s">
        <v>63200</v>
      </c>
    </row>
    <row r="7516" spans="1:10" x14ac:dyDescent="0.25">
      <c r="A7516" t="s">
        <v>26774</v>
      </c>
      <c r="B7516" t="s">
        <v>26775</v>
      </c>
      <c r="C7516" t="s">
        <v>26776</v>
      </c>
      <c r="D7516" t="s">
        <v>26436</v>
      </c>
      <c r="E7516" t="s">
        <v>13</v>
      </c>
      <c r="F7516">
        <v>6566</v>
      </c>
      <c r="G7516" t="s">
        <v>26777</v>
      </c>
      <c r="H7516">
        <v>5.4431679871250003</v>
      </c>
      <c r="I7516">
        <v>51.439363532750001</v>
      </c>
      <c r="J7516" t="s">
        <v>63201</v>
      </c>
    </row>
    <row r="7517" spans="1:10" x14ac:dyDescent="0.25">
      <c r="A7517" t="s">
        <v>26770</v>
      </c>
      <c r="B7517" t="s">
        <v>26771</v>
      </c>
      <c r="C7517" t="s">
        <v>26772</v>
      </c>
      <c r="D7517" t="s">
        <v>26436</v>
      </c>
      <c r="E7517" t="s">
        <v>13</v>
      </c>
      <c r="F7517">
        <v>6565</v>
      </c>
      <c r="G7517" t="s">
        <v>26773</v>
      </c>
      <c r="H7517">
        <v>5.4373992872769996</v>
      </c>
      <c r="I7517">
        <v>51.431177246955002</v>
      </c>
      <c r="J7517" t="s">
        <v>63202</v>
      </c>
    </row>
    <row r="7518" spans="1:10" x14ac:dyDescent="0.25">
      <c r="A7518" t="s">
        <v>26766</v>
      </c>
      <c r="B7518" t="s">
        <v>26767</v>
      </c>
      <c r="C7518" t="s">
        <v>26768</v>
      </c>
      <c r="D7518" t="s">
        <v>26436</v>
      </c>
      <c r="E7518" t="s">
        <v>13</v>
      </c>
      <c r="F7518">
        <v>6564</v>
      </c>
      <c r="G7518" t="s">
        <v>26769</v>
      </c>
      <c r="H7518">
        <v>5.4576922273579997</v>
      </c>
      <c r="I7518">
        <v>51.446674866212</v>
      </c>
      <c r="J7518" t="s">
        <v>63203</v>
      </c>
    </row>
    <row r="7519" spans="1:10" x14ac:dyDescent="0.25">
      <c r="A7519" t="s">
        <v>26762</v>
      </c>
      <c r="B7519" t="s">
        <v>26763</v>
      </c>
      <c r="C7519" t="s">
        <v>26764</v>
      </c>
      <c r="D7519" t="s">
        <v>26436</v>
      </c>
      <c r="E7519" t="s">
        <v>13</v>
      </c>
      <c r="F7519">
        <v>6563</v>
      </c>
      <c r="G7519" t="s">
        <v>26765</v>
      </c>
      <c r="H7519">
        <v>5.4533145640500003</v>
      </c>
      <c r="I7519">
        <v>51.443686846378</v>
      </c>
      <c r="J7519" t="s">
        <v>63204</v>
      </c>
    </row>
    <row r="7520" spans="1:10" x14ac:dyDescent="0.25">
      <c r="A7520" t="s">
        <v>26758</v>
      </c>
      <c r="B7520" t="s">
        <v>26759</v>
      </c>
      <c r="C7520" t="s">
        <v>26760</v>
      </c>
      <c r="D7520" t="s">
        <v>26436</v>
      </c>
      <c r="E7520" t="s">
        <v>13</v>
      </c>
      <c r="F7520">
        <v>6562</v>
      </c>
      <c r="G7520" t="s">
        <v>26761</v>
      </c>
      <c r="H7520">
        <v>5.4540460968340003</v>
      </c>
      <c r="I7520">
        <v>51.438838188887999</v>
      </c>
      <c r="J7520" t="s">
        <v>63205</v>
      </c>
    </row>
    <row r="7521" spans="1:10" x14ac:dyDescent="0.25">
      <c r="A7521" t="s">
        <v>26754</v>
      </c>
      <c r="B7521" t="s">
        <v>26755</v>
      </c>
      <c r="C7521" t="s">
        <v>26756</v>
      </c>
      <c r="D7521" t="s">
        <v>26436</v>
      </c>
      <c r="E7521" t="s">
        <v>13</v>
      </c>
      <c r="F7521">
        <v>6561</v>
      </c>
      <c r="G7521" t="s">
        <v>26757</v>
      </c>
      <c r="H7521">
        <v>5.4573985800999996</v>
      </c>
      <c r="I7521">
        <v>51.435282836582999</v>
      </c>
      <c r="J7521" t="s">
        <v>63206</v>
      </c>
    </row>
    <row r="7522" spans="1:10" x14ac:dyDescent="0.25">
      <c r="A7522" t="s">
        <v>26750</v>
      </c>
      <c r="B7522" t="s">
        <v>26751</v>
      </c>
      <c r="C7522" t="s">
        <v>26752</v>
      </c>
      <c r="D7522" t="s">
        <v>26436</v>
      </c>
      <c r="E7522" t="s">
        <v>13</v>
      </c>
      <c r="F7522">
        <v>6560</v>
      </c>
      <c r="G7522" t="s">
        <v>26753</v>
      </c>
      <c r="H7522">
        <v>5.4634719034419996</v>
      </c>
      <c r="I7522">
        <v>51.441200144637001</v>
      </c>
      <c r="J7522" t="s">
        <v>63207</v>
      </c>
    </row>
    <row r="7523" spans="1:10" x14ac:dyDescent="0.25">
      <c r="A7523" t="s">
        <v>26746</v>
      </c>
      <c r="B7523" t="s">
        <v>26747</v>
      </c>
      <c r="C7523" t="s">
        <v>26748</v>
      </c>
      <c r="D7523" t="s">
        <v>26436</v>
      </c>
      <c r="E7523" t="s">
        <v>13</v>
      </c>
      <c r="F7523">
        <v>6559</v>
      </c>
      <c r="G7523" t="s">
        <v>26749</v>
      </c>
      <c r="H7523">
        <v>5.4659437926069998</v>
      </c>
      <c r="I7523">
        <v>51.436638705138002</v>
      </c>
      <c r="J7523" t="s">
        <v>63208</v>
      </c>
    </row>
    <row r="7524" spans="1:10" x14ac:dyDescent="0.25">
      <c r="A7524" t="s">
        <v>26742</v>
      </c>
      <c r="B7524" t="s">
        <v>26743</v>
      </c>
      <c r="C7524" t="s">
        <v>26744</v>
      </c>
      <c r="D7524" t="s">
        <v>26436</v>
      </c>
      <c r="E7524" t="s">
        <v>13</v>
      </c>
      <c r="F7524">
        <v>6558</v>
      </c>
      <c r="G7524" t="s">
        <v>26745</v>
      </c>
      <c r="H7524">
        <v>5.5044178988830001</v>
      </c>
      <c r="I7524">
        <v>51.491687464469003</v>
      </c>
      <c r="J7524" t="s">
        <v>63209</v>
      </c>
    </row>
    <row r="7525" spans="1:10" x14ac:dyDescent="0.25">
      <c r="A7525" t="s">
        <v>26738</v>
      </c>
      <c r="B7525" t="s">
        <v>26739</v>
      </c>
      <c r="C7525" t="s">
        <v>26740</v>
      </c>
      <c r="D7525" t="s">
        <v>26436</v>
      </c>
      <c r="E7525" t="s">
        <v>13</v>
      </c>
      <c r="F7525">
        <v>6557</v>
      </c>
      <c r="G7525" t="s">
        <v>26741</v>
      </c>
      <c r="H7525">
        <v>5.4897746192919996</v>
      </c>
      <c r="I7525">
        <v>51.492214355911997</v>
      </c>
      <c r="J7525" t="s">
        <v>63210</v>
      </c>
    </row>
    <row r="7526" spans="1:10" x14ac:dyDescent="0.25">
      <c r="A7526" t="s">
        <v>26734</v>
      </c>
      <c r="B7526" t="s">
        <v>26735</v>
      </c>
      <c r="C7526" t="s">
        <v>26736</v>
      </c>
      <c r="D7526" t="s">
        <v>26436</v>
      </c>
      <c r="E7526" t="s">
        <v>13</v>
      </c>
      <c r="F7526">
        <v>6556</v>
      </c>
      <c r="G7526" t="s">
        <v>26737</v>
      </c>
      <c r="H7526">
        <v>5.4981223668480004</v>
      </c>
      <c r="I7526">
        <v>51.484170690950002</v>
      </c>
      <c r="J7526" t="s">
        <v>63211</v>
      </c>
    </row>
    <row r="7527" spans="1:10" x14ac:dyDescent="0.25">
      <c r="A7527" t="s">
        <v>26730</v>
      </c>
      <c r="B7527" t="s">
        <v>26731</v>
      </c>
      <c r="C7527" t="s">
        <v>26732</v>
      </c>
      <c r="D7527" t="s">
        <v>26436</v>
      </c>
      <c r="E7527" t="s">
        <v>13</v>
      </c>
      <c r="F7527">
        <v>6555</v>
      </c>
      <c r="G7527" t="s">
        <v>26733</v>
      </c>
      <c r="H7527">
        <v>5.4986519928639996</v>
      </c>
      <c r="I7527">
        <v>51.478604386386003</v>
      </c>
      <c r="J7527" t="s">
        <v>63212</v>
      </c>
    </row>
    <row r="7528" spans="1:10" x14ac:dyDescent="0.25">
      <c r="A7528" t="s">
        <v>26726</v>
      </c>
      <c r="B7528" t="s">
        <v>26727</v>
      </c>
      <c r="C7528" t="s">
        <v>26728</v>
      </c>
      <c r="D7528" t="s">
        <v>26436</v>
      </c>
      <c r="E7528" t="s">
        <v>13</v>
      </c>
      <c r="F7528">
        <v>6554</v>
      </c>
      <c r="G7528" t="s">
        <v>26729</v>
      </c>
      <c r="H7528">
        <v>5.50349241277</v>
      </c>
      <c r="I7528">
        <v>51.470488481327997</v>
      </c>
      <c r="J7528" t="s">
        <v>63213</v>
      </c>
    </row>
    <row r="7529" spans="1:10" x14ac:dyDescent="0.25">
      <c r="A7529" t="s">
        <v>26722</v>
      </c>
      <c r="B7529" t="s">
        <v>26723</v>
      </c>
      <c r="C7529" t="s">
        <v>26724</v>
      </c>
      <c r="D7529" t="s">
        <v>26436</v>
      </c>
      <c r="E7529" t="s">
        <v>13</v>
      </c>
      <c r="F7529">
        <v>6553</v>
      </c>
      <c r="G7529" t="s">
        <v>26725</v>
      </c>
      <c r="H7529">
        <v>5.4934038216700003</v>
      </c>
      <c r="I7529">
        <v>51.471887298915</v>
      </c>
      <c r="J7529" t="s">
        <v>63214</v>
      </c>
    </row>
    <row r="7530" spans="1:10" x14ac:dyDescent="0.25">
      <c r="A7530" t="s">
        <v>26718</v>
      </c>
      <c r="B7530" t="s">
        <v>26719</v>
      </c>
      <c r="C7530" t="s">
        <v>26720</v>
      </c>
      <c r="D7530" t="s">
        <v>26436</v>
      </c>
      <c r="E7530" t="s">
        <v>13</v>
      </c>
      <c r="F7530">
        <v>6552</v>
      </c>
      <c r="G7530" t="s">
        <v>26721</v>
      </c>
      <c r="H7530">
        <v>5.4584548419559997</v>
      </c>
      <c r="I7530">
        <v>51.492839261176997</v>
      </c>
      <c r="J7530" t="s">
        <v>63215</v>
      </c>
    </row>
    <row r="7531" spans="1:10" x14ac:dyDescent="0.25">
      <c r="A7531" t="s">
        <v>26714</v>
      </c>
      <c r="B7531" t="s">
        <v>26715</v>
      </c>
      <c r="C7531" t="s">
        <v>26716</v>
      </c>
      <c r="D7531" t="s">
        <v>26436</v>
      </c>
      <c r="E7531" t="s">
        <v>13</v>
      </c>
      <c r="F7531">
        <v>6551</v>
      </c>
      <c r="G7531" t="s">
        <v>26717</v>
      </c>
      <c r="H7531">
        <v>5.4769217995529997</v>
      </c>
      <c r="I7531">
        <v>51.489838304109</v>
      </c>
      <c r="J7531" t="s">
        <v>63216</v>
      </c>
    </row>
    <row r="7532" spans="1:10" x14ac:dyDescent="0.25">
      <c r="A7532" t="s">
        <v>26710</v>
      </c>
      <c r="B7532" t="s">
        <v>26711</v>
      </c>
      <c r="C7532" t="s">
        <v>26712</v>
      </c>
      <c r="D7532" t="s">
        <v>26436</v>
      </c>
      <c r="E7532" t="s">
        <v>13</v>
      </c>
      <c r="F7532">
        <v>6550</v>
      </c>
      <c r="G7532" t="s">
        <v>26713</v>
      </c>
      <c r="H7532">
        <v>5.462325410499</v>
      </c>
      <c r="I7532">
        <v>51.487255340319997</v>
      </c>
      <c r="J7532" t="s">
        <v>63217</v>
      </c>
    </row>
    <row r="7533" spans="1:10" x14ac:dyDescent="0.25">
      <c r="A7533" t="s">
        <v>26706</v>
      </c>
      <c r="B7533" t="s">
        <v>26707</v>
      </c>
      <c r="C7533" t="s">
        <v>26708</v>
      </c>
      <c r="D7533" t="s">
        <v>26436</v>
      </c>
      <c r="E7533" t="s">
        <v>13</v>
      </c>
      <c r="F7533">
        <v>6549</v>
      </c>
      <c r="G7533" t="s">
        <v>26709</v>
      </c>
      <c r="H7533">
        <v>5.4798637579390004</v>
      </c>
      <c r="I7533">
        <v>51.480295518117003</v>
      </c>
      <c r="J7533" t="s">
        <v>63218</v>
      </c>
    </row>
    <row r="7534" spans="1:10" x14ac:dyDescent="0.25">
      <c r="A7534" t="s">
        <v>26702</v>
      </c>
      <c r="B7534" t="s">
        <v>26703</v>
      </c>
      <c r="C7534" t="s">
        <v>26704</v>
      </c>
      <c r="D7534" t="s">
        <v>26436</v>
      </c>
      <c r="E7534" t="s">
        <v>13</v>
      </c>
      <c r="F7534">
        <v>6548</v>
      </c>
      <c r="G7534" t="s">
        <v>26705</v>
      </c>
      <c r="H7534">
        <v>5.4632594174360003</v>
      </c>
      <c r="I7534">
        <v>51.479977715282999</v>
      </c>
      <c r="J7534" t="s">
        <v>63219</v>
      </c>
    </row>
    <row r="7535" spans="1:10" x14ac:dyDescent="0.25">
      <c r="A7535" t="s">
        <v>26698</v>
      </c>
      <c r="B7535" t="s">
        <v>26699</v>
      </c>
      <c r="C7535" t="s">
        <v>26700</v>
      </c>
      <c r="D7535" t="s">
        <v>26436</v>
      </c>
      <c r="E7535" t="s">
        <v>13</v>
      </c>
      <c r="F7535">
        <v>6547</v>
      </c>
      <c r="G7535" t="s">
        <v>26701</v>
      </c>
      <c r="H7535">
        <v>5.4461792602869998</v>
      </c>
      <c r="I7535">
        <v>51.490464455873003</v>
      </c>
      <c r="J7535" t="s">
        <v>63220</v>
      </c>
    </row>
    <row r="7536" spans="1:10" x14ac:dyDescent="0.25">
      <c r="A7536" t="s">
        <v>26694</v>
      </c>
      <c r="B7536" t="s">
        <v>26695</v>
      </c>
      <c r="C7536" t="s">
        <v>26696</v>
      </c>
      <c r="D7536" t="s">
        <v>26436</v>
      </c>
      <c r="E7536" t="s">
        <v>13</v>
      </c>
      <c r="F7536">
        <v>6546</v>
      </c>
      <c r="G7536" t="s">
        <v>26697</v>
      </c>
      <c r="H7536">
        <v>5.4372218076459999</v>
      </c>
      <c r="I7536">
        <v>51.486241322163004</v>
      </c>
      <c r="J7536" t="s">
        <v>63221</v>
      </c>
    </row>
    <row r="7537" spans="1:10" x14ac:dyDescent="0.25">
      <c r="A7537" t="s">
        <v>26690</v>
      </c>
      <c r="B7537" t="s">
        <v>26691</v>
      </c>
      <c r="C7537" t="s">
        <v>26692</v>
      </c>
      <c r="D7537" t="s">
        <v>26436</v>
      </c>
      <c r="E7537" t="s">
        <v>13</v>
      </c>
      <c r="F7537">
        <v>6545</v>
      </c>
      <c r="G7537" t="s">
        <v>26693</v>
      </c>
      <c r="H7537">
        <v>5.4473754990129999</v>
      </c>
      <c r="I7537">
        <v>51.480352757653002</v>
      </c>
      <c r="J7537" t="s">
        <v>63222</v>
      </c>
    </row>
    <row r="7538" spans="1:10" x14ac:dyDescent="0.25">
      <c r="A7538" t="s">
        <v>26686</v>
      </c>
      <c r="B7538" t="s">
        <v>26687</v>
      </c>
      <c r="C7538" t="s">
        <v>26688</v>
      </c>
      <c r="D7538" t="s">
        <v>26436</v>
      </c>
      <c r="E7538" t="s">
        <v>13</v>
      </c>
      <c r="F7538">
        <v>6544</v>
      </c>
      <c r="G7538" t="s">
        <v>26689</v>
      </c>
      <c r="H7538">
        <v>5.4314005465050004</v>
      </c>
      <c r="I7538">
        <v>51.476922095462001</v>
      </c>
      <c r="J7538" t="s">
        <v>63223</v>
      </c>
    </row>
    <row r="7539" spans="1:10" x14ac:dyDescent="0.25">
      <c r="A7539" t="s">
        <v>26682</v>
      </c>
      <c r="B7539" t="s">
        <v>26683</v>
      </c>
      <c r="C7539" t="s">
        <v>26684</v>
      </c>
      <c r="D7539" t="s">
        <v>26436</v>
      </c>
      <c r="E7539" t="s">
        <v>13</v>
      </c>
      <c r="F7539">
        <v>6543</v>
      </c>
      <c r="G7539" t="s">
        <v>26685</v>
      </c>
      <c r="H7539">
        <v>5.4219043233360003</v>
      </c>
      <c r="I7539">
        <v>51.484000835014001</v>
      </c>
      <c r="J7539" t="s">
        <v>63224</v>
      </c>
    </row>
    <row r="7540" spans="1:10" x14ac:dyDescent="0.25">
      <c r="A7540" t="s">
        <v>26678</v>
      </c>
      <c r="B7540" t="s">
        <v>26679</v>
      </c>
      <c r="C7540" t="s">
        <v>26680</v>
      </c>
      <c r="D7540" t="s">
        <v>26436</v>
      </c>
      <c r="E7540" t="s">
        <v>13</v>
      </c>
      <c r="F7540">
        <v>6542</v>
      </c>
      <c r="G7540" t="s">
        <v>26681</v>
      </c>
      <c r="H7540">
        <v>5.4833954739420001</v>
      </c>
      <c r="I7540">
        <v>51.471857061750001</v>
      </c>
      <c r="J7540" t="s">
        <v>63225</v>
      </c>
    </row>
    <row r="7541" spans="1:10" x14ac:dyDescent="0.25">
      <c r="A7541" t="s">
        <v>26675</v>
      </c>
      <c r="B7541" t="s">
        <v>26676</v>
      </c>
      <c r="C7541" t="s">
        <v>3334</v>
      </c>
      <c r="D7541" t="s">
        <v>26436</v>
      </c>
      <c r="E7541" t="s">
        <v>13</v>
      </c>
      <c r="F7541">
        <v>6541</v>
      </c>
      <c r="G7541" t="s">
        <v>26677</v>
      </c>
      <c r="H7541">
        <v>5.4755224974349996</v>
      </c>
      <c r="I7541">
        <v>51.469159030870998</v>
      </c>
      <c r="J7541" t="s">
        <v>63226</v>
      </c>
    </row>
    <row r="7542" spans="1:10" x14ac:dyDescent="0.25">
      <c r="A7542" t="s">
        <v>26671</v>
      </c>
      <c r="B7542" t="s">
        <v>26672</v>
      </c>
      <c r="C7542" t="s">
        <v>26673</v>
      </c>
      <c r="D7542" t="s">
        <v>26436</v>
      </c>
      <c r="E7542" t="s">
        <v>13</v>
      </c>
      <c r="F7542">
        <v>6540</v>
      </c>
      <c r="G7542" t="s">
        <v>26674</v>
      </c>
      <c r="H7542">
        <v>5.4753477132589996</v>
      </c>
      <c r="I7542">
        <v>51.473608397135997</v>
      </c>
      <c r="J7542" t="s">
        <v>63227</v>
      </c>
    </row>
    <row r="7543" spans="1:10" x14ac:dyDescent="0.25">
      <c r="A7543" t="s">
        <v>26667</v>
      </c>
      <c r="B7543" t="s">
        <v>26668</v>
      </c>
      <c r="C7543" t="s">
        <v>26669</v>
      </c>
      <c r="D7543" t="s">
        <v>26436</v>
      </c>
      <c r="E7543" t="s">
        <v>13</v>
      </c>
      <c r="F7543">
        <v>6539</v>
      </c>
      <c r="G7543" t="s">
        <v>26670</v>
      </c>
      <c r="H7543">
        <v>5.4674855315980002</v>
      </c>
      <c r="I7543">
        <v>51.472368319246002</v>
      </c>
      <c r="J7543" t="s">
        <v>63228</v>
      </c>
    </row>
    <row r="7544" spans="1:10" x14ac:dyDescent="0.25">
      <c r="A7544" t="s">
        <v>26663</v>
      </c>
      <c r="B7544" t="s">
        <v>26664</v>
      </c>
      <c r="C7544" t="s">
        <v>26665</v>
      </c>
      <c r="D7544" t="s">
        <v>26436</v>
      </c>
      <c r="E7544" t="s">
        <v>13</v>
      </c>
      <c r="F7544">
        <v>6538</v>
      </c>
      <c r="G7544" t="s">
        <v>26666</v>
      </c>
      <c r="H7544">
        <v>5.4584768445389997</v>
      </c>
      <c r="I7544">
        <v>51.468295303345002</v>
      </c>
      <c r="J7544" t="s">
        <v>63229</v>
      </c>
    </row>
    <row r="7545" spans="1:10" x14ac:dyDescent="0.25">
      <c r="A7545" t="s">
        <v>26659</v>
      </c>
      <c r="B7545" t="s">
        <v>26660</v>
      </c>
      <c r="C7545" t="s">
        <v>26661</v>
      </c>
      <c r="D7545" t="s">
        <v>26436</v>
      </c>
      <c r="E7545" t="s">
        <v>13</v>
      </c>
      <c r="F7545">
        <v>6537</v>
      </c>
      <c r="G7545" t="s">
        <v>26662</v>
      </c>
      <c r="H7545">
        <v>5.451263006464</v>
      </c>
      <c r="I7545">
        <v>51.473399570174003</v>
      </c>
      <c r="J7545" t="s">
        <v>63230</v>
      </c>
    </row>
    <row r="7546" spans="1:10" x14ac:dyDescent="0.25">
      <c r="A7546" t="s">
        <v>26655</v>
      </c>
      <c r="B7546" t="s">
        <v>26656</v>
      </c>
      <c r="C7546" t="s">
        <v>26657</v>
      </c>
      <c r="D7546" t="s">
        <v>26436</v>
      </c>
      <c r="E7546" t="s">
        <v>13</v>
      </c>
      <c r="F7546">
        <v>6536</v>
      </c>
      <c r="G7546" t="s">
        <v>26658</v>
      </c>
      <c r="H7546">
        <v>5.5062324345300002</v>
      </c>
      <c r="I7546">
        <v>51.464966475658997</v>
      </c>
      <c r="J7546" t="s">
        <v>63231</v>
      </c>
    </row>
    <row r="7547" spans="1:10" x14ac:dyDescent="0.25">
      <c r="A7547" t="s">
        <v>26651</v>
      </c>
      <c r="B7547" t="s">
        <v>26652</v>
      </c>
      <c r="C7547" t="s">
        <v>26653</v>
      </c>
      <c r="D7547" t="s">
        <v>26436</v>
      </c>
      <c r="E7547" t="s">
        <v>13</v>
      </c>
      <c r="F7547">
        <v>6535</v>
      </c>
      <c r="G7547" t="s">
        <v>26654</v>
      </c>
      <c r="H7547">
        <v>5.4967292009679998</v>
      </c>
      <c r="I7547">
        <v>51.463431559280998</v>
      </c>
      <c r="J7547" t="s">
        <v>63232</v>
      </c>
    </row>
    <row r="7548" spans="1:10" x14ac:dyDescent="0.25">
      <c r="A7548" t="s">
        <v>26647</v>
      </c>
      <c r="B7548" t="s">
        <v>26648</v>
      </c>
      <c r="C7548" t="s">
        <v>26649</v>
      </c>
      <c r="D7548" t="s">
        <v>26436</v>
      </c>
      <c r="E7548" t="s">
        <v>13</v>
      </c>
      <c r="F7548">
        <v>6534</v>
      </c>
      <c r="G7548" t="s">
        <v>26650</v>
      </c>
      <c r="H7548">
        <v>5.4899889555690002</v>
      </c>
      <c r="I7548">
        <v>51.461915473763</v>
      </c>
      <c r="J7548" t="s">
        <v>63233</v>
      </c>
    </row>
    <row r="7549" spans="1:10" x14ac:dyDescent="0.25">
      <c r="A7549" t="s">
        <v>26643</v>
      </c>
      <c r="B7549" t="s">
        <v>26644</v>
      </c>
      <c r="C7549" t="s">
        <v>26645</v>
      </c>
      <c r="D7549" t="s">
        <v>26436</v>
      </c>
      <c r="E7549" t="s">
        <v>13</v>
      </c>
      <c r="F7549">
        <v>6533</v>
      </c>
      <c r="G7549" t="s">
        <v>26646</v>
      </c>
      <c r="H7549">
        <v>5.4909864167959999</v>
      </c>
      <c r="I7549">
        <v>51.455120787029003</v>
      </c>
      <c r="J7549" t="s">
        <v>63234</v>
      </c>
    </row>
    <row r="7550" spans="1:10" x14ac:dyDescent="0.25">
      <c r="A7550" t="s">
        <v>26639</v>
      </c>
      <c r="B7550" t="s">
        <v>26640</v>
      </c>
      <c r="C7550" t="s">
        <v>26641</v>
      </c>
      <c r="D7550" t="s">
        <v>26436</v>
      </c>
      <c r="E7550" t="s">
        <v>13</v>
      </c>
      <c r="F7550">
        <v>6532</v>
      </c>
      <c r="G7550" t="s">
        <v>26642</v>
      </c>
      <c r="H7550">
        <v>5.4813269985310002</v>
      </c>
      <c r="I7550">
        <v>51.455237848709999</v>
      </c>
      <c r="J7550" t="s">
        <v>63235</v>
      </c>
    </row>
    <row r="7551" spans="1:10" x14ac:dyDescent="0.25">
      <c r="A7551" t="s">
        <v>26635</v>
      </c>
      <c r="B7551" t="s">
        <v>26636</v>
      </c>
      <c r="C7551" t="s">
        <v>26637</v>
      </c>
      <c r="D7551" t="s">
        <v>26436</v>
      </c>
      <c r="E7551" t="s">
        <v>13</v>
      </c>
      <c r="F7551">
        <v>6531</v>
      </c>
      <c r="G7551" t="s">
        <v>26638</v>
      </c>
      <c r="H7551">
        <v>5.4810942911540002</v>
      </c>
      <c r="I7551">
        <v>51.462764948626997</v>
      </c>
      <c r="J7551" t="s">
        <v>63236</v>
      </c>
    </row>
    <row r="7552" spans="1:10" x14ac:dyDescent="0.25">
      <c r="A7552" t="s">
        <v>26631</v>
      </c>
      <c r="B7552" t="s">
        <v>26632</v>
      </c>
      <c r="C7552" t="s">
        <v>26633</v>
      </c>
      <c r="D7552" t="s">
        <v>26436</v>
      </c>
      <c r="E7552" t="s">
        <v>13</v>
      </c>
      <c r="F7552">
        <v>6530</v>
      </c>
      <c r="G7552" t="s">
        <v>26634</v>
      </c>
      <c r="H7552">
        <v>5.4438989603100003</v>
      </c>
      <c r="I7552">
        <v>51.465629721326003</v>
      </c>
      <c r="J7552" t="s">
        <v>63237</v>
      </c>
    </row>
    <row r="7553" spans="1:10" x14ac:dyDescent="0.25">
      <c r="A7553" t="s">
        <v>26627</v>
      </c>
      <c r="B7553" t="s">
        <v>26628</v>
      </c>
      <c r="C7553" t="s">
        <v>26629</v>
      </c>
      <c r="D7553" t="s">
        <v>26436</v>
      </c>
      <c r="E7553" t="s">
        <v>13</v>
      </c>
      <c r="F7553">
        <v>6529</v>
      </c>
      <c r="G7553" t="s">
        <v>26630</v>
      </c>
      <c r="H7553">
        <v>5.472422120149</v>
      </c>
      <c r="I7553">
        <v>51.462527087242002</v>
      </c>
      <c r="J7553" t="s">
        <v>63238</v>
      </c>
    </row>
    <row r="7554" spans="1:10" x14ac:dyDescent="0.25">
      <c r="A7554" t="s">
        <v>26623</v>
      </c>
      <c r="B7554" t="s">
        <v>26624</v>
      </c>
      <c r="C7554" t="s">
        <v>26625</v>
      </c>
      <c r="D7554" t="s">
        <v>26436</v>
      </c>
      <c r="E7554" t="s">
        <v>13</v>
      </c>
      <c r="F7554">
        <v>6528</v>
      </c>
      <c r="G7554" t="s">
        <v>26626</v>
      </c>
      <c r="H7554">
        <v>5.4659852910779998</v>
      </c>
      <c r="I7554">
        <v>51.462059911898997</v>
      </c>
      <c r="J7554" t="s">
        <v>63239</v>
      </c>
    </row>
    <row r="7555" spans="1:10" x14ac:dyDescent="0.25">
      <c r="A7555" t="s">
        <v>26619</v>
      </c>
      <c r="B7555" t="s">
        <v>26620</v>
      </c>
      <c r="C7555" t="s">
        <v>26621</v>
      </c>
      <c r="D7555" t="s">
        <v>26436</v>
      </c>
      <c r="E7555" t="s">
        <v>13</v>
      </c>
      <c r="F7555">
        <v>6527</v>
      </c>
      <c r="G7555" t="s">
        <v>26622</v>
      </c>
      <c r="H7555">
        <v>5.4592090966309996</v>
      </c>
      <c r="I7555">
        <v>51.460750724965997</v>
      </c>
      <c r="J7555" t="s">
        <v>63240</v>
      </c>
    </row>
    <row r="7556" spans="1:10" x14ac:dyDescent="0.25">
      <c r="A7556" t="s">
        <v>26615</v>
      </c>
      <c r="B7556" t="s">
        <v>26616</v>
      </c>
      <c r="C7556" t="s">
        <v>26617</v>
      </c>
      <c r="D7556" t="s">
        <v>26436</v>
      </c>
      <c r="E7556" t="s">
        <v>13</v>
      </c>
      <c r="F7556">
        <v>6526</v>
      </c>
      <c r="G7556" t="s">
        <v>26618</v>
      </c>
      <c r="H7556">
        <v>5.4684037714259999</v>
      </c>
      <c r="I7556">
        <v>51.455406116089002</v>
      </c>
      <c r="J7556" t="s">
        <v>63241</v>
      </c>
    </row>
    <row r="7557" spans="1:10" x14ac:dyDescent="0.25">
      <c r="A7557" t="s">
        <v>26611</v>
      </c>
      <c r="B7557" t="s">
        <v>26612</v>
      </c>
      <c r="C7557" t="s">
        <v>26613</v>
      </c>
      <c r="D7557" t="s">
        <v>26436</v>
      </c>
      <c r="E7557" t="s">
        <v>13</v>
      </c>
      <c r="F7557">
        <v>6525</v>
      </c>
      <c r="G7557" t="s">
        <v>26614</v>
      </c>
      <c r="H7557">
        <v>5.4562524994529999</v>
      </c>
      <c r="I7557">
        <v>51.455293079983001</v>
      </c>
      <c r="J7557" t="s">
        <v>63242</v>
      </c>
    </row>
    <row r="7558" spans="1:10" x14ac:dyDescent="0.25">
      <c r="A7558" t="s">
        <v>26607</v>
      </c>
      <c r="B7558" t="s">
        <v>26608</v>
      </c>
      <c r="C7558" t="s">
        <v>26609</v>
      </c>
      <c r="D7558" t="s">
        <v>26436</v>
      </c>
      <c r="E7558" t="s">
        <v>13</v>
      </c>
      <c r="F7558">
        <v>6524</v>
      </c>
      <c r="G7558" t="s">
        <v>26610</v>
      </c>
      <c r="H7558">
        <v>5.4800348322919996</v>
      </c>
      <c r="I7558">
        <v>51.449981507243997</v>
      </c>
      <c r="J7558" t="s">
        <v>63243</v>
      </c>
    </row>
    <row r="7559" spans="1:10" x14ac:dyDescent="0.25">
      <c r="A7559" t="s">
        <v>26603</v>
      </c>
      <c r="B7559" t="s">
        <v>26604</v>
      </c>
      <c r="C7559" t="s">
        <v>26605</v>
      </c>
      <c r="D7559" t="s">
        <v>26436</v>
      </c>
      <c r="E7559" t="s">
        <v>13</v>
      </c>
      <c r="F7559">
        <v>6523</v>
      </c>
      <c r="G7559" t="s">
        <v>26606</v>
      </c>
      <c r="H7559">
        <v>5.4754426270429999</v>
      </c>
      <c r="I7559">
        <v>51.450202318355998</v>
      </c>
      <c r="J7559" t="s">
        <v>63244</v>
      </c>
    </row>
    <row r="7560" spans="1:10" x14ac:dyDescent="0.25">
      <c r="A7560" t="s">
        <v>26599</v>
      </c>
      <c r="B7560" t="s">
        <v>26600</v>
      </c>
      <c r="C7560" t="s">
        <v>26601</v>
      </c>
      <c r="D7560" t="s">
        <v>26436</v>
      </c>
      <c r="E7560" t="s">
        <v>13</v>
      </c>
      <c r="F7560">
        <v>6522</v>
      </c>
      <c r="G7560" t="s">
        <v>26602</v>
      </c>
      <c r="H7560">
        <v>5.4708144799239999</v>
      </c>
      <c r="I7560">
        <v>51.448965849733</v>
      </c>
      <c r="J7560" t="s">
        <v>63245</v>
      </c>
    </row>
    <row r="7561" spans="1:10" x14ac:dyDescent="0.25">
      <c r="A7561" t="s">
        <v>26595</v>
      </c>
      <c r="B7561" t="s">
        <v>26596</v>
      </c>
      <c r="C7561" t="s">
        <v>26597</v>
      </c>
      <c r="D7561" t="s">
        <v>26436</v>
      </c>
      <c r="E7561" t="s">
        <v>13</v>
      </c>
      <c r="F7561">
        <v>6521</v>
      </c>
      <c r="G7561" t="s">
        <v>26598</v>
      </c>
      <c r="H7561">
        <v>5.4637518043810003</v>
      </c>
      <c r="I7561">
        <v>51.448565673970002</v>
      </c>
      <c r="J7561" t="s">
        <v>63246</v>
      </c>
    </row>
    <row r="7562" spans="1:10" x14ac:dyDescent="0.25">
      <c r="A7562" t="s">
        <v>26591</v>
      </c>
      <c r="B7562" t="s">
        <v>26592</v>
      </c>
      <c r="C7562" t="s">
        <v>26593</v>
      </c>
      <c r="D7562" t="s">
        <v>26436</v>
      </c>
      <c r="E7562" t="s">
        <v>13</v>
      </c>
      <c r="F7562">
        <v>6520</v>
      </c>
      <c r="G7562" t="s">
        <v>26594</v>
      </c>
      <c r="H7562">
        <v>5.4683889090240001</v>
      </c>
      <c r="I7562">
        <v>51.444540928049001</v>
      </c>
      <c r="J7562" t="s">
        <v>63247</v>
      </c>
    </row>
    <row r="7563" spans="1:10" x14ac:dyDescent="0.25">
      <c r="A7563" t="s">
        <v>26587</v>
      </c>
      <c r="B7563" t="s">
        <v>26588</v>
      </c>
      <c r="C7563" t="s">
        <v>26589</v>
      </c>
      <c r="D7563" t="s">
        <v>26436</v>
      </c>
      <c r="E7563" t="s">
        <v>13</v>
      </c>
      <c r="F7563">
        <v>6519</v>
      </c>
      <c r="G7563" t="s">
        <v>26590</v>
      </c>
      <c r="H7563">
        <v>5.514935138457</v>
      </c>
      <c r="I7563">
        <v>51.458555757817997</v>
      </c>
      <c r="J7563" t="s">
        <v>63248</v>
      </c>
    </row>
    <row r="7564" spans="1:10" x14ac:dyDescent="0.25">
      <c r="A7564" t="s">
        <v>26583</v>
      </c>
      <c r="B7564" t="s">
        <v>26584</v>
      </c>
      <c r="C7564" t="s">
        <v>26585</v>
      </c>
      <c r="D7564" t="s">
        <v>26436</v>
      </c>
      <c r="E7564" t="s">
        <v>13</v>
      </c>
      <c r="F7564">
        <v>6518</v>
      </c>
      <c r="G7564" t="s">
        <v>26586</v>
      </c>
      <c r="H7564">
        <v>5.5029969268589998</v>
      </c>
      <c r="I7564">
        <v>51.452956927384001</v>
      </c>
      <c r="J7564" t="s">
        <v>63249</v>
      </c>
    </row>
    <row r="7565" spans="1:10" x14ac:dyDescent="0.25">
      <c r="A7565" t="s">
        <v>26579</v>
      </c>
      <c r="B7565" t="s">
        <v>26580</v>
      </c>
      <c r="C7565" t="s">
        <v>26581</v>
      </c>
      <c r="D7565" t="s">
        <v>26436</v>
      </c>
      <c r="E7565" t="s">
        <v>13</v>
      </c>
      <c r="F7565">
        <v>6517</v>
      </c>
      <c r="G7565" t="s">
        <v>26582</v>
      </c>
      <c r="H7565">
        <v>5.5200626388130001</v>
      </c>
      <c r="I7565">
        <v>51.449982503657999</v>
      </c>
      <c r="J7565" t="s">
        <v>63250</v>
      </c>
    </row>
    <row r="7566" spans="1:10" x14ac:dyDescent="0.25">
      <c r="A7566" t="s">
        <v>26575</v>
      </c>
      <c r="B7566" t="s">
        <v>26576</v>
      </c>
      <c r="C7566" t="s">
        <v>26577</v>
      </c>
      <c r="D7566" t="s">
        <v>26436</v>
      </c>
      <c r="E7566" t="s">
        <v>13</v>
      </c>
      <c r="F7566">
        <v>6516</v>
      </c>
      <c r="G7566" t="s">
        <v>26578</v>
      </c>
      <c r="H7566">
        <v>5.5357207348340003</v>
      </c>
      <c r="I7566">
        <v>51.439566129828997</v>
      </c>
      <c r="J7566" t="s">
        <v>63251</v>
      </c>
    </row>
    <row r="7567" spans="1:10" x14ac:dyDescent="0.25">
      <c r="A7567" t="s">
        <v>26571</v>
      </c>
      <c r="B7567" t="s">
        <v>26572</v>
      </c>
      <c r="C7567" t="s">
        <v>26573</v>
      </c>
      <c r="D7567" t="s">
        <v>26436</v>
      </c>
      <c r="E7567" t="s">
        <v>13</v>
      </c>
      <c r="F7567">
        <v>6515</v>
      </c>
      <c r="G7567" t="s">
        <v>26574</v>
      </c>
      <c r="H7567">
        <v>5.5210165227320003</v>
      </c>
      <c r="I7567">
        <v>51.444358358502001</v>
      </c>
      <c r="J7567" t="s">
        <v>63252</v>
      </c>
    </row>
    <row r="7568" spans="1:10" x14ac:dyDescent="0.25">
      <c r="A7568" t="s">
        <v>26567</v>
      </c>
      <c r="B7568" t="s">
        <v>26568</v>
      </c>
      <c r="C7568" t="s">
        <v>26569</v>
      </c>
      <c r="D7568" t="s">
        <v>26436</v>
      </c>
      <c r="E7568" t="s">
        <v>13</v>
      </c>
      <c r="F7568">
        <v>6514</v>
      </c>
      <c r="G7568" t="s">
        <v>26570</v>
      </c>
      <c r="H7568">
        <v>5.5252675741159996</v>
      </c>
      <c r="I7568">
        <v>51.435243329347003</v>
      </c>
      <c r="J7568" t="s">
        <v>63253</v>
      </c>
    </row>
    <row r="7569" spans="1:10" x14ac:dyDescent="0.25">
      <c r="A7569" t="s">
        <v>26563</v>
      </c>
      <c r="B7569" t="s">
        <v>26564</v>
      </c>
      <c r="C7569" t="s">
        <v>26565</v>
      </c>
      <c r="D7569" t="s">
        <v>26436</v>
      </c>
      <c r="E7569" t="s">
        <v>13</v>
      </c>
      <c r="F7569">
        <v>6513</v>
      </c>
      <c r="G7569" t="s">
        <v>26566</v>
      </c>
      <c r="H7569">
        <v>5.5170090715570002</v>
      </c>
      <c r="I7569">
        <v>51.438214711213</v>
      </c>
      <c r="J7569" t="s">
        <v>63254</v>
      </c>
    </row>
    <row r="7570" spans="1:10" x14ac:dyDescent="0.25">
      <c r="A7570" t="s">
        <v>26559</v>
      </c>
      <c r="B7570" t="s">
        <v>26560</v>
      </c>
      <c r="C7570" t="s">
        <v>26561</v>
      </c>
      <c r="D7570" t="s">
        <v>26436</v>
      </c>
      <c r="E7570" t="s">
        <v>13</v>
      </c>
      <c r="F7570">
        <v>6512</v>
      </c>
      <c r="G7570" t="s">
        <v>26562</v>
      </c>
      <c r="H7570">
        <v>5.5088234544230001</v>
      </c>
      <c r="I7570">
        <v>51.439668648222003</v>
      </c>
      <c r="J7570" t="s">
        <v>63255</v>
      </c>
    </row>
    <row r="7571" spans="1:10" x14ac:dyDescent="0.25">
      <c r="A7571" t="s">
        <v>26555</v>
      </c>
      <c r="B7571" t="s">
        <v>26556</v>
      </c>
      <c r="C7571" t="s">
        <v>26557</v>
      </c>
      <c r="D7571" t="s">
        <v>26436</v>
      </c>
      <c r="E7571" t="s">
        <v>13</v>
      </c>
      <c r="F7571">
        <v>6511</v>
      </c>
      <c r="G7571" t="s">
        <v>26558</v>
      </c>
      <c r="H7571">
        <v>5.4994295225869996</v>
      </c>
      <c r="I7571">
        <v>51.438323130171</v>
      </c>
      <c r="J7571" t="s">
        <v>63256</v>
      </c>
    </row>
    <row r="7572" spans="1:10" x14ac:dyDescent="0.25">
      <c r="A7572" t="s">
        <v>26552</v>
      </c>
      <c r="B7572" t="s">
        <v>26553</v>
      </c>
      <c r="C7572" t="s">
        <v>10408</v>
      </c>
      <c r="D7572" t="s">
        <v>26436</v>
      </c>
      <c r="E7572" t="s">
        <v>13</v>
      </c>
      <c r="F7572">
        <v>6510</v>
      </c>
      <c r="G7572" t="s">
        <v>26554</v>
      </c>
      <c r="H7572">
        <v>5.492889214012</v>
      </c>
      <c r="I7572">
        <v>51.440970314101001</v>
      </c>
      <c r="J7572" t="s">
        <v>63257</v>
      </c>
    </row>
    <row r="7573" spans="1:10" x14ac:dyDescent="0.25">
      <c r="A7573" t="s">
        <v>26548</v>
      </c>
      <c r="B7573" t="s">
        <v>26549</v>
      </c>
      <c r="C7573" t="s">
        <v>26550</v>
      </c>
      <c r="D7573" t="s">
        <v>26436</v>
      </c>
      <c r="E7573" t="s">
        <v>13</v>
      </c>
      <c r="F7573">
        <v>6509</v>
      </c>
      <c r="G7573" t="s">
        <v>26551</v>
      </c>
      <c r="H7573">
        <v>5.5215949162540001</v>
      </c>
      <c r="I7573">
        <v>51.416595317979002</v>
      </c>
      <c r="J7573" t="s">
        <v>63258</v>
      </c>
    </row>
    <row r="7574" spans="1:10" x14ac:dyDescent="0.25">
      <c r="A7574" t="s">
        <v>26544</v>
      </c>
      <c r="B7574" t="s">
        <v>26545</v>
      </c>
      <c r="C7574" t="s">
        <v>26546</v>
      </c>
      <c r="D7574" t="s">
        <v>26436</v>
      </c>
      <c r="E7574" t="s">
        <v>13</v>
      </c>
      <c r="F7574">
        <v>6508</v>
      </c>
      <c r="G7574" t="s">
        <v>26547</v>
      </c>
      <c r="H7574">
        <v>5.510360809332</v>
      </c>
      <c r="I7574">
        <v>51.408686626963998</v>
      </c>
      <c r="J7574" t="s">
        <v>63259</v>
      </c>
    </row>
    <row r="7575" spans="1:10" x14ac:dyDescent="0.25">
      <c r="A7575" t="s">
        <v>26540</v>
      </c>
      <c r="B7575" t="s">
        <v>26541</v>
      </c>
      <c r="C7575" t="s">
        <v>26542</v>
      </c>
      <c r="D7575" t="s">
        <v>26436</v>
      </c>
      <c r="E7575" t="s">
        <v>13</v>
      </c>
      <c r="F7575">
        <v>6507</v>
      </c>
      <c r="G7575" t="s">
        <v>26543</v>
      </c>
      <c r="H7575">
        <v>5.5029780960980004</v>
      </c>
      <c r="I7575">
        <v>51.415138721746999</v>
      </c>
      <c r="J7575" t="s">
        <v>63260</v>
      </c>
    </row>
    <row r="7576" spans="1:10" x14ac:dyDescent="0.25">
      <c r="A7576" t="s">
        <v>26537</v>
      </c>
      <c r="B7576" t="s">
        <v>26538</v>
      </c>
      <c r="C7576" t="s">
        <v>14681</v>
      </c>
      <c r="D7576" t="s">
        <v>26436</v>
      </c>
      <c r="E7576" t="s">
        <v>13</v>
      </c>
      <c r="F7576">
        <v>6506</v>
      </c>
      <c r="G7576" t="s">
        <v>26539</v>
      </c>
      <c r="H7576">
        <v>5.4999140448370003</v>
      </c>
      <c r="I7576">
        <v>51.419297781894002</v>
      </c>
      <c r="J7576" t="s">
        <v>63261</v>
      </c>
    </row>
    <row r="7577" spans="1:10" x14ac:dyDescent="0.25">
      <c r="A7577" t="s">
        <v>26533</v>
      </c>
      <c r="B7577" t="s">
        <v>26534</v>
      </c>
      <c r="C7577" t="s">
        <v>26535</v>
      </c>
      <c r="D7577" t="s">
        <v>26436</v>
      </c>
      <c r="E7577" t="s">
        <v>13</v>
      </c>
      <c r="F7577">
        <v>6505</v>
      </c>
      <c r="G7577" t="s">
        <v>26536</v>
      </c>
      <c r="H7577">
        <v>5.4962408960870004</v>
      </c>
      <c r="I7577">
        <v>51.422904272718</v>
      </c>
      <c r="J7577" t="s">
        <v>63262</v>
      </c>
    </row>
    <row r="7578" spans="1:10" x14ac:dyDescent="0.25">
      <c r="A7578" t="s">
        <v>26529</v>
      </c>
      <c r="B7578" t="s">
        <v>26530</v>
      </c>
      <c r="C7578" t="s">
        <v>26531</v>
      </c>
      <c r="D7578" t="s">
        <v>26436</v>
      </c>
      <c r="E7578" t="s">
        <v>13</v>
      </c>
      <c r="F7578">
        <v>6504</v>
      </c>
      <c r="G7578" t="s">
        <v>26532</v>
      </c>
      <c r="H7578">
        <v>5.5138829047850004</v>
      </c>
      <c r="I7578">
        <v>51.418645713293998</v>
      </c>
      <c r="J7578" t="s">
        <v>63263</v>
      </c>
    </row>
    <row r="7579" spans="1:10" x14ac:dyDescent="0.25">
      <c r="A7579" t="s">
        <v>26525</v>
      </c>
      <c r="B7579" t="s">
        <v>26526</v>
      </c>
      <c r="C7579" t="s">
        <v>26527</v>
      </c>
      <c r="D7579" t="s">
        <v>26436</v>
      </c>
      <c r="E7579" t="s">
        <v>13</v>
      </c>
      <c r="F7579">
        <v>6503</v>
      </c>
      <c r="G7579" t="s">
        <v>26528</v>
      </c>
      <c r="H7579">
        <v>5.5075016299420003</v>
      </c>
      <c r="I7579">
        <v>51.420619866949998</v>
      </c>
      <c r="J7579" t="s">
        <v>63264</v>
      </c>
    </row>
    <row r="7580" spans="1:10" x14ac:dyDescent="0.25">
      <c r="A7580" t="s">
        <v>26521</v>
      </c>
      <c r="B7580" t="s">
        <v>26522</v>
      </c>
      <c r="C7580" t="s">
        <v>26523</v>
      </c>
      <c r="D7580" t="s">
        <v>26436</v>
      </c>
      <c r="E7580" t="s">
        <v>13</v>
      </c>
      <c r="F7580">
        <v>6502</v>
      </c>
      <c r="G7580" t="s">
        <v>26524</v>
      </c>
      <c r="H7580">
        <v>5.5012905715810003</v>
      </c>
      <c r="I7580">
        <v>51.424168595639998</v>
      </c>
      <c r="J7580" t="s">
        <v>63265</v>
      </c>
    </row>
    <row r="7581" spans="1:10" x14ac:dyDescent="0.25">
      <c r="A7581" t="s">
        <v>26517</v>
      </c>
      <c r="B7581" t="s">
        <v>26518</v>
      </c>
      <c r="C7581" t="s">
        <v>26519</v>
      </c>
      <c r="D7581" t="s">
        <v>26436</v>
      </c>
      <c r="E7581" t="s">
        <v>13</v>
      </c>
      <c r="F7581">
        <v>6501</v>
      </c>
      <c r="G7581" t="s">
        <v>26520</v>
      </c>
      <c r="H7581">
        <v>5.506692237677</v>
      </c>
      <c r="I7581">
        <v>51.427862356128003</v>
      </c>
      <c r="J7581" t="s">
        <v>63266</v>
      </c>
    </row>
    <row r="7582" spans="1:10" x14ac:dyDescent="0.25">
      <c r="A7582" t="s">
        <v>26513</v>
      </c>
      <c r="B7582" t="s">
        <v>26514</v>
      </c>
      <c r="C7582" t="s">
        <v>26515</v>
      </c>
      <c r="D7582" t="s">
        <v>26436</v>
      </c>
      <c r="E7582" t="s">
        <v>13</v>
      </c>
      <c r="F7582">
        <v>6500</v>
      </c>
      <c r="G7582" t="s">
        <v>26516</v>
      </c>
      <c r="H7582">
        <v>5.5181976949629998</v>
      </c>
      <c r="I7582">
        <v>51.431216728632997</v>
      </c>
      <c r="J7582" t="s">
        <v>63267</v>
      </c>
    </row>
    <row r="7583" spans="1:10" x14ac:dyDescent="0.25">
      <c r="A7583" t="s">
        <v>26509</v>
      </c>
      <c r="B7583" t="s">
        <v>26510</v>
      </c>
      <c r="C7583" t="s">
        <v>26511</v>
      </c>
      <c r="D7583" t="s">
        <v>26436</v>
      </c>
      <c r="E7583" t="s">
        <v>13</v>
      </c>
      <c r="F7583">
        <v>6499</v>
      </c>
      <c r="G7583" t="s">
        <v>26512</v>
      </c>
      <c r="H7583">
        <v>5.5148924618099997</v>
      </c>
      <c r="I7583">
        <v>51.425981477416002</v>
      </c>
      <c r="J7583" t="s">
        <v>63268</v>
      </c>
    </row>
    <row r="7584" spans="1:10" x14ac:dyDescent="0.25">
      <c r="A7584" t="s">
        <v>26505</v>
      </c>
      <c r="B7584" t="s">
        <v>26506</v>
      </c>
      <c r="C7584" t="s">
        <v>26507</v>
      </c>
      <c r="D7584" t="s">
        <v>26436</v>
      </c>
      <c r="E7584" t="s">
        <v>13</v>
      </c>
      <c r="F7584">
        <v>6498</v>
      </c>
      <c r="G7584" t="s">
        <v>26508</v>
      </c>
      <c r="H7584">
        <v>5.4788019332919999</v>
      </c>
      <c r="I7584">
        <v>51.411546970631001</v>
      </c>
      <c r="J7584" t="s">
        <v>63269</v>
      </c>
    </row>
    <row r="7585" spans="1:10" x14ac:dyDescent="0.25">
      <c r="A7585" t="s">
        <v>26501</v>
      </c>
      <c r="B7585" t="s">
        <v>26502</v>
      </c>
      <c r="C7585" t="s">
        <v>26503</v>
      </c>
      <c r="D7585" t="s">
        <v>26436</v>
      </c>
      <c r="E7585" t="s">
        <v>13</v>
      </c>
      <c r="F7585">
        <v>6497</v>
      </c>
      <c r="G7585" t="s">
        <v>26504</v>
      </c>
      <c r="H7585">
        <v>5.4862453571309997</v>
      </c>
      <c r="I7585">
        <v>51.410243495513001</v>
      </c>
      <c r="J7585" t="s">
        <v>63270</v>
      </c>
    </row>
    <row r="7586" spans="1:10" x14ac:dyDescent="0.25">
      <c r="A7586" t="s">
        <v>26497</v>
      </c>
      <c r="B7586" t="s">
        <v>26498</v>
      </c>
      <c r="C7586" t="s">
        <v>26499</v>
      </c>
      <c r="D7586" t="s">
        <v>26436</v>
      </c>
      <c r="E7586" t="s">
        <v>13</v>
      </c>
      <c r="F7586">
        <v>6496</v>
      </c>
      <c r="G7586" t="s">
        <v>26500</v>
      </c>
      <c r="H7586">
        <v>5.4959509277520002</v>
      </c>
      <c r="I7586">
        <v>51.409078916174998</v>
      </c>
      <c r="J7586" t="s">
        <v>63271</v>
      </c>
    </row>
    <row r="7587" spans="1:10" x14ac:dyDescent="0.25">
      <c r="A7587" t="s">
        <v>26493</v>
      </c>
      <c r="B7587" t="s">
        <v>26494</v>
      </c>
      <c r="C7587" t="s">
        <v>26495</v>
      </c>
      <c r="D7587" t="s">
        <v>26436</v>
      </c>
      <c r="E7587" t="s">
        <v>13</v>
      </c>
      <c r="F7587">
        <v>6495</v>
      </c>
      <c r="G7587" t="s">
        <v>26496</v>
      </c>
      <c r="H7587">
        <v>5.4816317913650003</v>
      </c>
      <c r="I7587">
        <v>51.420922751269998</v>
      </c>
      <c r="J7587" t="s">
        <v>63272</v>
      </c>
    </row>
    <row r="7588" spans="1:10" x14ac:dyDescent="0.25">
      <c r="A7588" t="s">
        <v>26489</v>
      </c>
      <c r="B7588" t="s">
        <v>26490</v>
      </c>
      <c r="C7588" t="s">
        <v>26491</v>
      </c>
      <c r="D7588" t="s">
        <v>26436</v>
      </c>
      <c r="E7588" t="s">
        <v>13</v>
      </c>
      <c r="F7588">
        <v>6494</v>
      </c>
      <c r="G7588" t="s">
        <v>26492</v>
      </c>
      <c r="H7588">
        <v>5.4885078653569996</v>
      </c>
      <c r="I7588">
        <v>51.420106451347998</v>
      </c>
      <c r="J7588" t="s">
        <v>63273</v>
      </c>
    </row>
    <row r="7589" spans="1:10" x14ac:dyDescent="0.25">
      <c r="A7589" t="s">
        <v>26485</v>
      </c>
      <c r="B7589" t="s">
        <v>26486</v>
      </c>
      <c r="C7589" t="s">
        <v>26487</v>
      </c>
      <c r="D7589" t="s">
        <v>26436</v>
      </c>
      <c r="E7589" t="s">
        <v>13</v>
      </c>
      <c r="F7589">
        <v>6493</v>
      </c>
      <c r="G7589" t="s">
        <v>26488</v>
      </c>
      <c r="H7589">
        <v>5.4941084212210001</v>
      </c>
      <c r="I7589">
        <v>51.418601002278997</v>
      </c>
      <c r="J7589" t="s">
        <v>63274</v>
      </c>
    </row>
    <row r="7590" spans="1:10" x14ac:dyDescent="0.25">
      <c r="A7590" t="s">
        <v>26481</v>
      </c>
      <c r="B7590" t="s">
        <v>26482</v>
      </c>
      <c r="C7590" t="s">
        <v>26483</v>
      </c>
      <c r="D7590" t="s">
        <v>26436</v>
      </c>
      <c r="E7590" t="s">
        <v>13</v>
      </c>
      <c r="F7590">
        <v>6492</v>
      </c>
      <c r="G7590" t="s">
        <v>26484</v>
      </c>
      <c r="H7590">
        <v>5.478576709106</v>
      </c>
      <c r="I7590">
        <v>51.426886413517998</v>
      </c>
      <c r="J7590" t="s">
        <v>63275</v>
      </c>
    </row>
    <row r="7591" spans="1:10" x14ac:dyDescent="0.25">
      <c r="A7591" t="s">
        <v>26477</v>
      </c>
      <c r="B7591" t="s">
        <v>26478</v>
      </c>
      <c r="C7591" t="s">
        <v>26479</v>
      </c>
      <c r="D7591" t="s">
        <v>26436</v>
      </c>
      <c r="E7591" t="s">
        <v>13</v>
      </c>
      <c r="F7591">
        <v>6491</v>
      </c>
      <c r="G7591" t="s">
        <v>26480</v>
      </c>
      <c r="H7591">
        <v>5.4836282996890002</v>
      </c>
      <c r="I7591">
        <v>51.426555880324003</v>
      </c>
      <c r="J7591" t="s">
        <v>63276</v>
      </c>
    </row>
    <row r="7592" spans="1:10" x14ac:dyDescent="0.25">
      <c r="A7592" t="s">
        <v>26473</v>
      </c>
      <c r="B7592" t="s">
        <v>26474</v>
      </c>
      <c r="C7592" t="s">
        <v>26475</v>
      </c>
      <c r="D7592" t="s">
        <v>26436</v>
      </c>
      <c r="E7592" t="s">
        <v>13</v>
      </c>
      <c r="F7592">
        <v>6490</v>
      </c>
      <c r="G7592" t="s">
        <v>26476</v>
      </c>
      <c r="H7592">
        <v>5.4884009034190004</v>
      </c>
      <c r="I7592">
        <v>51.425526815898998</v>
      </c>
      <c r="J7592" t="s">
        <v>63277</v>
      </c>
    </row>
    <row r="7593" spans="1:10" x14ac:dyDescent="0.25">
      <c r="A7593" t="s">
        <v>26469</v>
      </c>
      <c r="B7593" t="s">
        <v>26470</v>
      </c>
      <c r="C7593" t="s">
        <v>26471</v>
      </c>
      <c r="D7593" t="s">
        <v>26436</v>
      </c>
      <c r="E7593" t="s">
        <v>13</v>
      </c>
      <c r="F7593">
        <v>6489</v>
      </c>
      <c r="G7593" t="s">
        <v>26472</v>
      </c>
      <c r="H7593">
        <v>5.4904877198340003</v>
      </c>
      <c r="I7593">
        <v>51.427233637169998</v>
      </c>
      <c r="J7593" t="s">
        <v>63278</v>
      </c>
    </row>
    <row r="7594" spans="1:10" x14ac:dyDescent="0.25">
      <c r="A7594" t="s">
        <v>26466</v>
      </c>
      <c r="B7594" t="s">
        <v>26467</v>
      </c>
      <c r="C7594" t="s">
        <v>2443</v>
      </c>
      <c r="D7594" t="s">
        <v>26436</v>
      </c>
      <c r="E7594" t="s">
        <v>13</v>
      </c>
      <c r="F7594">
        <v>6488</v>
      </c>
      <c r="G7594" t="s">
        <v>26468</v>
      </c>
      <c r="H7594">
        <v>5.4954963160919998</v>
      </c>
      <c r="I7594">
        <v>51.429318105786002</v>
      </c>
      <c r="J7594" t="s">
        <v>63279</v>
      </c>
    </row>
    <row r="7595" spans="1:10" x14ac:dyDescent="0.25">
      <c r="A7595" t="s">
        <v>26462</v>
      </c>
      <c r="B7595" t="s">
        <v>26463</v>
      </c>
      <c r="C7595" t="s">
        <v>26464</v>
      </c>
      <c r="D7595" t="s">
        <v>26436</v>
      </c>
      <c r="E7595" t="s">
        <v>13</v>
      </c>
      <c r="F7595">
        <v>6487</v>
      </c>
      <c r="G7595" t="s">
        <v>26465</v>
      </c>
      <c r="H7595">
        <v>5.4819889500089998</v>
      </c>
      <c r="I7595">
        <v>51.431143147368999</v>
      </c>
      <c r="J7595" t="s">
        <v>63280</v>
      </c>
    </row>
    <row r="7596" spans="1:10" x14ac:dyDescent="0.25">
      <c r="A7596" t="s">
        <v>26458</v>
      </c>
      <c r="B7596" t="s">
        <v>26459</v>
      </c>
      <c r="C7596" t="s">
        <v>26460</v>
      </c>
      <c r="D7596" t="s">
        <v>26436</v>
      </c>
      <c r="E7596" t="s">
        <v>13</v>
      </c>
      <c r="F7596">
        <v>6486</v>
      </c>
      <c r="G7596" t="s">
        <v>26461</v>
      </c>
      <c r="H7596">
        <v>5.4882176914979999</v>
      </c>
      <c r="I7596">
        <v>51.432138542966001</v>
      </c>
      <c r="J7596" t="s">
        <v>63281</v>
      </c>
    </row>
    <row r="7597" spans="1:10" x14ac:dyDescent="0.25">
      <c r="A7597" t="s">
        <v>26454</v>
      </c>
      <c r="B7597" t="s">
        <v>26455</v>
      </c>
      <c r="C7597" t="s">
        <v>26456</v>
      </c>
      <c r="D7597" t="s">
        <v>26436</v>
      </c>
      <c r="E7597" t="s">
        <v>13</v>
      </c>
      <c r="F7597">
        <v>6485</v>
      </c>
      <c r="G7597" t="s">
        <v>26457</v>
      </c>
      <c r="H7597">
        <v>5.4946312002470004</v>
      </c>
      <c r="I7597">
        <v>51.434372001451997</v>
      </c>
      <c r="J7597" t="s">
        <v>63282</v>
      </c>
    </row>
    <row r="7598" spans="1:10" x14ac:dyDescent="0.25">
      <c r="A7598" t="s">
        <v>26450</v>
      </c>
      <c r="B7598" t="s">
        <v>26451</v>
      </c>
      <c r="C7598" t="s">
        <v>26452</v>
      </c>
      <c r="D7598" t="s">
        <v>26436</v>
      </c>
      <c r="E7598" t="s">
        <v>13</v>
      </c>
      <c r="F7598">
        <v>6484</v>
      </c>
      <c r="G7598" t="s">
        <v>26453</v>
      </c>
      <c r="H7598">
        <v>5.4906557043930002</v>
      </c>
      <c r="I7598">
        <v>51.447390030584003</v>
      </c>
      <c r="J7598" t="s">
        <v>63283</v>
      </c>
    </row>
    <row r="7599" spans="1:10" x14ac:dyDescent="0.25">
      <c r="A7599" t="s">
        <v>26446</v>
      </c>
      <c r="B7599" t="s">
        <v>26447</v>
      </c>
      <c r="C7599" t="s">
        <v>26448</v>
      </c>
      <c r="D7599" t="s">
        <v>26436</v>
      </c>
      <c r="E7599" t="s">
        <v>13</v>
      </c>
      <c r="F7599">
        <v>6483</v>
      </c>
      <c r="G7599" t="s">
        <v>26449</v>
      </c>
      <c r="H7599">
        <v>5.4772526650589999</v>
      </c>
      <c r="I7599">
        <v>51.444260593453997</v>
      </c>
      <c r="J7599" t="s">
        <v>63284</v>
      </c>
    </row>
    <row r="7600" spans="1:10" x14ac:dyDescent="0.25">
      <c r="A7600" t="s">
        <v>26442</v>
      </c>
      <c r="B7600" t="s">
        <v>26443</v>
      </c>
      <c r="C7600" t="s">
        <v>26444</v>
      </c>
      <c r="D7600" t="s">
        <v>26436</v>
      </c>
      <c r="E7600" t="s">
        <v>13</v>
      </c>
      <c r="F7600">
        <v>6482</v>
      </c>
      <c r="G7600" t="s">
        <v>26445</v>
      </c>
      <c r="H7600">
        <v>5.4725735539839997</v>
      </c>
      <c r="I7600">
        <v>51.440417092971003</v>
      </c>
      <c r="J7600" t="s">
        <v>63285</v>
      </c>
    </row>
    <row r="7601" spans="1:10" x14ac:dyDescent="0.25">
      <c r="A7601" t="s">
        <v>26438</v>
      </c>
      <c r="B7601" t="s">
        <v>26439</v>
      </c>
      <c r="C7601" t="s">
        <v>26440</v>
      </c>
      <c r="D7601" t="s">
        <v>26436</v>
      </c>
      <c r="E7601" t="s">
        <v>13</v>
      </c>
      <c r="F7601">
        <v>6481</v>
      </c>
      <c r="G7601" t="s">
        <v>26441</v>
      </c>
      <c r="H7601">
        <v>5.4753548810590003</v>
      </c>
      <c r="I7601">
        <v>51.435250964013001</v>
      </c>
      <c r="J7601" t="s">
        <v>63286</v>
      </c>
    </row>
    <row r="7602" spans="1:10" x14ac:dyDescent="0.25">
      <c r="A7602" t="s">
        <v>26434</v>
      </c>
      <c r="B7602" t="s">
        <v>26435</v>
      </c>
      <c r="C7602" t="s">
        <v>2874</v>
      </c>
      <c r="D7602" t="s">
        <v>26436</v>
      </c>
      <c r="E7602" t="s">
        <v>13</v>
      </c>
      <c r="F7602">
        <v>6480</v>
      </c>
      <c r="G7602" t="s">
        <v>26437</v>
      </c>
      <c r="H7602">
        <v>5.4810864329299998</v>
      </c>
      <c r="I7602">
        <v>51.438743177848998</v>
      </c>
      <c r="J7602" t="s">
        <v>63287</v>
      </c>
    </row>
    <row r="7603" spans="1:10" x14ac:dyDescent="0.25">
      <c r="A7603" t="s">
        <v>26430</v>
      </c>
      <c r="B7603" t="s">
        <v>26431</v>
      </c>
      <c r="C7603" t="s">
        <v>26432</v>
      </c>
      <c r="D7603" t="s">
        <v>26340</v>
      </c>
      <c r="E7603" t="s">
        <v>13</v>
      </c>
      <c r="F7603">
        <v>6479</v>
      </c>
      <c r="G7603" t="s">
        <v>26433</v>
      </c>
      <c r="H7603">
        <v>5.3345970645429999</v>
      </c>
      <c r="I7603">
        <v>51.394631711153004</v>
      </c>
      <c r="J7603" t="s">
        <v>63288</v>
      </c>
    </row>
    <row r="7604" spans="1:10" x14ac:dyDescent="0.25">
      <c r="A7604" t="s">
        <v>26426</v>
      </c>
      <c r="B7604" t="s">
        <v>26427</v>
      </c>
      <c r="C7604" t="s">
        <v>26428</v>
      </c>
      <c r="D7604" t="s">
        <v>26340</v>
      </c>
      <c r="E7604" t="s">
        <v>13</v>
      </c>
      <c r="F7604">
        <v>6478</v>
      </c>
      <c r="G7604" t="s">
        <v>26429</v>
      </c>
      <c r="H7604">
        <v>5.3626618369279999</v>
      </c>
      <c r="I7604">
        <v>51.394437948718</v>
      </c>
      <c r="J7604" t="s">
        <v>63289</v>
      </c>
    </row>
    <row r="7605" spans="1:10" x14ac:dyDescent="0.25">
      <c r="A7605" t="s">
        <v>26422</v>
      </c>
      <c r="B7605" t="s">
        <v>26423</v>
      </c>
      <c r="C7605" t="s">
        <v>26424</v>
      </c>
      <c r="D7605" t="s">
        <v>26340</v>
      </c>
      <c r="E7605" t="s">
        <v>13</v>
      </c>
      <c r="F7605">
        <v>6477</v>
      </c>
      <c r="G7605" t="s">
        <v>26425</v>
      </c>
      <c r="H7605">
        <v>5.3468876543509998</v>
      </c>
      <c r="I7605">
        <v>51.399524192836999</v>
      </c>
      <c r="J7605" t="s">
        <v>63290</v>
      </c>
    </row>
    <row r="7606" spans="1:10" x14ac:dyDescent="0.25">
      <c r="A7606" t="s">
        <v>26418</v>
      </c>
      <c r="B7606" t="s">
        <v>26419</v>
      </c>
      <c r="C7606" t="s">
        <v>26420</v>
      </c>
      <c r="D7606" t="s">
        <v>26340</v>
      </c>
      <c r="E7606" t="s">
        <v>13</v>
      </c>
      <c r="F7606">
        <v>6476</v>
      </c>
      <c r="G7606" t="s">
        <v>26421</v>
      </c>
      <c r="H7606">
        <v>5.328112152738</v>
      </c>
      <c r="I7606">
        <v>51.446708534979997</v>
      </c>
      <c r="J7606" t="s">
        <v>63291</v>
      </c>
    </row>
    <row r="7607" spans="1:10" x14ac:dyDescent="0.25">
      <c r="A7607" t="s">
        <v>26414</v>
      </c>
      <c r="B7607" t="s">
        <v>26415</v>
      </c>
      <c r="C7607" t="s">
        <v>26416</v>
      </c>
      <c r="D7607" t="s">
        <v>26340</v>
      </c>
      <c r="E7607" t="s">
        <v>13</v>
      </c>
      <c r="F7607">
        <v>6475</v>
      </c>
      <c r="G7607" t="s">
        <v>26417</v>
      </c>
      <c r="H7607">
        <v>5.3411375645739998</v>
      </c>
      <c r="I7607">
        <v>51.444127036386</v>
      </c>
      <c r="J7607" t="s">
        <v>63292</v>
      </c>
    </row>
    <row r="7608" spans="1:10" x14ac:dyDescent="0.25">
      <c r="A7608" t="s">
        <v>26410</v>
      </c>
      <c r="B7608" t="s">
        <v>26411</v>
      </c>
      <c r="C7608" t="s">
        <v>26412</v>
      </c>
      <c r="D7608" t="s">
        <v>26340</v>
      </c>
      <c r="E7608" t="s">
        <v>13</v>
      </c>
      <c r="F7608">
        <v>6474</v>
      </c>
      <c r="G7608" t="s">
        <v>26413</v>
      </c>
      <c r="H7608">
        <v>5.2802881732460003</v>
      </c>
      <c r="I7608">
        <v>51.427521207421997</v>
      </c>
      <c r="J7608" t="s">
        <v>63293</v>
      </c>
    </row>
    <row r="7609" spans="1:10" x14ac:dyDescent="0.25">
      <c r="A7609" t="s">
        <v>26406</v>
      </c>
      <c r="B7609" t="s">
        <v>26407</v>
      </c>
      <c r="C7609" t="s">
        <v>26408</v>
      </c>
      <c r="D7609" t="s">
        <v>26340</v>
      </c>
      <c r="E7609" t="s">
        <v>13</v>
      </c>
      <c r="F7609">
        <v>6473</v>
      </c>
      <c r="G7609" t="s">
        <v>26409</v>
      </c>
      <c r="H7609">
        <v>5.2884442578969999</v>
      </c>
      <c r="I7609">
        <v>51.422435974480997</v>
      </c>
      <c r="J7609" t="s">
        <v>63294</v>
      </c>
    </row>
    <row r="7610" spans="1:10" x14ac:dyDescent="0.25">
      <c r="A7610" t="s">
        <v>26402</v>
      </c>
      <c r="B7610" t="s">
        <v>26403</v>
      </c>
      <c r="C7610" t="s">
        <v>26404</v>
      </c>
      <c r="D7610" t="s">
        <v>26340</v>
      </c>
      <c r="E7610" t="s">
        <v>13</v>
      </c>
      <c r="F7610">
        <v>6472</v>
      </c>
      <c r="G7610" t="s">
        <v>26405</v>
      </c>
      <c r="H7610">
        <v>5.3628199415250002</v>
      </c>
      <c r="I7610">
        <v>51.376828797294998</v>
      </c>
      <c r="J7610" t="s">
        <v>63295</v>
      </c>
    </row>
    <row r="7611" spans="1:10" x14ac:dyDescent="0.25">
      <c r="A7611" t="s">
        <v>26398</v>
      </c>
      <c r="B7611" t="s">
        <v>26399</v>
      </c>
      <c r="C7611" t="s">
        <v>26400</v>
      </c>
      <c r="D7611" t="s">
        <v>26340</v>
      </c>
      <c r="E7611" t="s">
        <v>13</v>
      </c>
      <c r="F7611">
        <v>6471</v>
      </c>
      <c r="G7611" t="s">
        <v>26401</v>
      </c>
      <c r="H7611">
        <v>5.3555047113649996</v>
      </c>
      <c r="I7611">
        <v>51.377590687278001</v>
      </c>
      <c r="J7611" t="s">
        <v>63296</v>
      </c>
    </row>
    <row r="7612" spans="1:10" x14ac:dyDescent="0.25">
      <c r="A7612" t="s">
        <v>26394</v>
      </c>
      <c r="B7612" t="s">
        <v>26395</v>
      </c>
      <c r="C7612" t="s">
        <v>26396</v>
      </c>
      <c r="D7612" t="s">
        <v>26340</v>
      </c>
      <c r="E7612" t="s">
        <v>13</v>
      </c>
      <c r="F7612">
        <v>6470</v>
      </c>
      <c r="G7612" t="s">
        <v>26397</v>
      </c>
      <c r="H7612">
        <v>5.2955329604959998</v>
      </c>
      <c r="I7612">
        <v>51.376980475585</v>
      </c>
      <c r="J7612" t="s">
        <v>63297</v>
      </c>
    </row>
    <row r="7613" spans="1:10" x14ac:dyDescent="0.25">
      <c r="A7613" t="s">
        <v>26390</v>
      </c>
      <c r="B7613" t="s">
        <v>26391</v>
      </c>
      <c r="C7613" t="s">
        <v>26392</v>
      </c>
      <c r="D7613" t="s">
        <v>26340</v>
      </c>
      <c r="E7613" t="s">
        <v>13</v>
      </c>
      <c r="F7613">
        <v>6469</v>
      </c>
      <c r="G7613" t="s">
        <v>26393</v>
      </c>
      <c r="H7613">
        <v>5.2932838597189997</v>
      </c>
      <c r="I7613">
        <v>51.363914661759999</v>
      </c>
      <c r="J7613" t="s">
        <v>63298</v>
      </c>
    </row>
    <row r="7614" spans="1:10" x14ac:dyDescent="0.25">
      <c r="A7614" t="s">
        <v>26386</v>
      </c>
      <c r="B7614" t="s">
        <v>26387</v>
      </c>
      <c r="C7614" t="s">
        <v>26388</v>
      </c>
      <c r="D7614" t="s">
        <v>26340</v>
      </c>
      <c r="E7614" t="s">
        <v>13</v>
      </c>
      <c r="F7614">
        <v>6468</v>
      </c>
      <c r="G7614" t="s">
        <v>26389</v>
      </c>
      <c r="H7614">
        <v>5.2815252697380002</v>
      </c>
      <c r="I7614">
        <v>51.362416347862002</v>
      </c>
      <c r="J7614" t="s">
        <v>63299</v>
      </c>
    </row>
    <row r="7615" spans="1:10" x14ac:dyDescent="0.25">
      <c r="A7615" t="s">
        <v>26382</v>
      </c>
      <c r="B7615" t="s">
        <v>26383</v>
      </c>
      <c r="C7615" t="s">
        <v>26384</v>
      </c>
      <c r="D7615" t="s">
        <v>26340</v>
      </c>
      <c r="E7615" t="s">
        <v>13</v>
      </c>
      <c r="F7615">
        <v>6467</v>
      </c>
      <c r="G7615" t="s">
        <v>26385</v>
      </c>
      <c r="H7615">
        <v>5.2987091730040001</v>
      </c>
      <c r="I7615">
        <v>51.368964175805999</v>
      </c>
      <c r="J7615" t="s">
        <v>63300</v>
      </c>
    </row>
    <row r="7616" spans="1:10" x14ac:dyDescent="0.25">
      <c r="A7616" t="s">
        <v>26378</v>
      </c>
      <c r="B7616" t="s">
        <v>26379</v>
      </c>
      <c r="C7616" t="s">
        <v>26380</v>
      </c>
      <c r="D7616" t="s">
        <v>26340</v>
      </c>
      <c r="E7616" t="s">
        <v>13</v>
      </c>
      <c r="F7616">
        <v>6466</v>
      </c>
      <c r="G7616" t="s">
        <v>26381</v>
      </c>
      <c r="H7616">
        <v>5.3273603926859998</v>
      </c>
      <c r="I7616">
        <v>51.356832306412997</v>
      </c>
      <c r="J7616" t="s">
        <v>63301</v>
      </c>
    </row>
    <row r="7617" spans="1:10" x14ac:dyDescent="0.25">
      <c r="A7617" t="s">
        <v>26374</v>
      </c>
      <c r="B7617" t="s">
        <v>26375</v>
      </c>
      <c r="C7617" t="s">
        <v>26376</v>
      </c>
      <c r="D7617" t="s">
        <v>26340</v>
      </c>
      <c r="E7617" t="s">
        <v>13</v>
      </c>
      <c r="F7617">
        <v>6465</v>
      </c>
      <c r="G7617" t="s">
        <v>26377</v>
      </c>
      <c r="H7617">
        <v>5.3015667381310001</v>
      </c>
      <c r="I7617">
        <v>51.337002813620003</v>
      </c>
      <c r="J7617" t="s">
        <v>63302</v>
      </c>
    </row>
    <row r="7618" spans="1:10" x14ac:dyDescent="0.25">
      <c r="A7618" t="s">
        <v>26370</v>
      </c>
      <c r="B7618" t="s">
        <v>26371</v>
      </c>
      <c r="C7618" t="s">
        <v>26372</v>
      </c>
      <c r="D7618" t="s">
        <v>26340</v>
      </c>
      <c r="E7618" t="s">
        <v>13</v>
      </c>
      <c r="F7618">
        <v>6464</v>
      </c>
      <c r="G7618" t="s">
        <v>26373</v>
      </c>
      <c r="H7618">
        <v>5.3310743064160002</v>
      </c>
      <c r="I7618">
        <v>51.374044330122999</v>
      </c>
      <c r="J7618" t="s">
        <v>63303</v>
      </c>
    </row>
    <row r="7619" spans="1:10" x14ac:dyDescent="0.25">
      <c r="A7619" t="s">
        <v>26366</v>
      </c>
      <c r="B7619" t="s">
        <v>26367</v>
      </c>
      <c r="C7619" t="s">
        <v>26368</v>
      </c>
      <c r="D7619" t="s">
        <v>26340</v>
      </c>
      <c r="E7619" t="s">
        <v>13</v>
      </c>
      <c r="F7619">
        <v>6463</v>
      </c>
      <c r="G7619" t="s">
        <v>26369</v>
      </c>
      <c r="H7619">
        <v>5.3358434438430002</v>
      </c>
      <c r="I7619">
        <v>51.347986492299</v>
      </c>
      <c r="J7619" t="s">
        <v>63304</v>
      </c>
    </row>
    <row r="7620" spans="1:10" x14ac:dyDescent="0.25">
      <c r="A7620" t="s">
        <v>26362</v>
      </c>
      <c r="B7620" t="s">
        <v>26363</v>
      </c>
      <c r="C7620" t="s">
        <v>26364</v>
      </c>
      <c r="D7620" t="s">
        <v>26340</v>
      </c>
      <c r="E7620" t="s">
        <v>13</v>
      </c>
      <c r="F7620">
        <v>6462</v>
      </c>
      <c r="G7620" t="s">
        <v>26365</v>
      </c>
      <c r="H7620">
        <v>5.3420955035670001</v>
      </c>
      <c r="I7620">
        <v>51.362819266412998</v>
      </c>
      <c r="J7620" t="s">
        <v>63305</v>
      </c>
    </row>
    <row r="7621" spans="1:10" x14ac:dyDescent="0.25">
      <c r="A7621" t="s">
        <v>26358</v>
      </c>
      <c r="B7621" t="s">
        <v>26359</v>
      </c>
      <c r="C7621" t="s">
        <v>26360</v>
      </c>
      <c r="D7621" t="s">
        <v>26340</v>
      </c>
      <c r="E7621" t="s">
        <v>13</v>
      </c>
      <c r="F7621">
        <v>6461</v>
      </c>
      <c r="G7621" t="s">
        <v>26361</v>
      </c>
      <c r="H7621">
        <v>5.3161225912869998</v>
      </c>
      <c r="I7621">
        <v>51.371087919114998</v>
      </c>
      <c r="J7621" t="s">
        <v>63306</v>
      </c>
    </row>
    <row r="7622" spans="1:10" x14ac:dyDescent="0.25">
      <c r="A7622" t="s">
        <v>26354</v>
      </c>
      <c r="B7622" t="s">
        <v>26355</v>
      </c>
      <c r="C7622" t="s">
        <v>26356</v>
      </c>
      <c r="D7622" t="s">
        <v>26340</v>
      </c>
      <c r="E7622" t="s">
        <v>13</v>
      </c>
      <c r="F7622">
        <v>6460</v>
      </c>
      <c r="G7622" t="s">
        <v>26357</v>
      </c>
      <c r="H7622">
        <v>5.3035561017120001</v>
      </c>
      <c r="I7622">
        <v>51.353819111040998</v>
      </c>
      <c r="J7622" t="s">
        <v>63307</v>
      </c>
    </row>
    <row r="7623" spans="1:10" x14ac:dyDescent="0.25">
      <c r="A7623" t="s">
        <v>26350</v>
      </c>
      <c r="B7623" t="s">
        <v>26351</v>
      </c>
      <c r="C7623" t="s">
        <v>26352</v>
      </c>
      <c r="D7623" t="s">
        <v>26340</v>
      </c>
      <c r="E7623" t="s">
        <v>13</v>
      </c>
      <c r="F7623">
        <v>6459</v>
      </c>
      <c r="G7623" t="s">
        <v>26353</v>
      </c>
      <c r="H7623">
        <v>5.3079756840099996</v>
      </c>
      <c r="I7623">
        <v>51.351184875877003</v>
      </c>
      <c r="J7623" t="s">
        <v>63308</v>
      </c>
    </row>
    <row r="7624" spans="1:10" x14ac:dyDescent="0.25">
      <c r="A7624" t="s">
        <v>26346</v>
      </c>
      <c r="B7624" t="s">
        <v>26347</v>
      </c>
      <c r="C7624" t="s">
        <v>26348</v>
      </c>
      <c r="D7624" t="s">
        <v>26340</v>
      </c>
      <c r="E7624" t="s">
        <v>13</v>
      </c>
      <c r="F7624">
        <v>6458</v>
      </c>
      <c r="G7624" t="s">
        <v>26349</v>
      </c>
      <c r="H7624">
        <v>5.317912456887</v>
      </c>
      <c r="I7624">
        <v>51.354020753105999</v>
      </c>
      <c r="J7624" t="s">
        <v>63309</v>
      </c>
    </row>
    <row r="7625" spans="1:10" x14ac:dyDescent="0.25">
      <c r="A7625" t="s">
        <v>26342</v>
      </c>
      <c r="B7625" t="s">
        <v>26343</v>
      </c>
      <c r="C7625" t="s">
        <v>26344</v>
      </c>
      <c r="D7625" t="s">
        <v>26340</v>
      </c>
      <c r="E7625" t="s">
        <v>13</v>
      </c>
      <c r="F7625">
        <v>6457</v>
      </c>
      <c r="G7625" t="s">
        <v>26345</v>
      </c>
      <c r="H7625">
        <v>5.3279628623270003</v>
      </c>
      <c r="I7625">
        <v>51.361154503809999</v>
      </c>
      <c r="J7625" t="s">
        <v>63310</v>
      </c>
    </row>
    <row r="7626" spans="1:10" x14ac:dyDescent="0.25">
      <c r="A7626" t="s">
        <v>26337</v>
      </c>
      <c r="B7626" t="s">
        <v>26338</v>
      </c>
      <c r="C7626" t="s">
        <v>26339</v>
      </c>
      <c r="D7626" t="s">
        <v>26340</v>
      </c>
      <c r="E7626" t="s">
        <v>13</v>
      </c>
      <c r="F7626">
        <v>6456</v>
      </c>
      <c r="G7626" t="s">
        <v>26341</v>
      </c>
      <c r="H7626">
        <v>5.3112815016540003</v>
      </c>
      <c r="I7626">
        <v>51.360665511794998</v>
      </c>
      <c r="J7626" t="s">
        <v>63311</v>
      </c>
    </row>
    <row r="7627" spans="1:10" x14ac:dyDescent="0.25">
      <c r="A7627" t="s">
        <v>26333</v>
      </c>
      <c r="B7627" t="s">
        <v>26334</v>
      </c>
      <c r="C7627" t="s">
        <v>26335</v>
      </c>
      <c r="D7627" t="s">
        <v>26274</v>
      </c>
      <c r="E7627" t="s">
        <v>13</v>
      </c>
      <c r="F7627">
        <v>6455</v>
      </c>
      <c r="G7627" t="s">
        <v>26336</v>
      </c>
      <c r="H7627">
        <v>4.9403740049889997</v>
      </c>
      <c r="I7627">
        <v>51.669514508138001</v>
      </c>
      <c r="J7627" t="s">
        <v>63312</v>
      </c>
    </row>
    <row r="7628" spans="1:10" x14ac:dyDescent="0.25">
      <c r="A7628" t="s">
        <v>26329</v>
      </c>
      <c r="B7628" t="s">
        <v>26330</v>
      </c>
      <c r="C7628" t="s">
        <v>26331</v>
      </c>
      <c r="D7628" t="s">
        <v>26274</v>
      </c>
      <c r="E7628" t="s">
        <v>13</v>
      </c>
      <c r="F7628">
        <v>6454</v>
      </c>
      <c r="G7628" t="s">
        <v>26332</v>
      </c>
      <c r="H7628">
        <v>4.9457669160220004</v>
      </c>
      <c r="I7628">
        <v>51.656185876476997</v>
      </c>
      <c r="J7628" t="s">
        <v>63313</v>
      </c>
    </row>
    <row r="7629" spans="1:10" x14ac:dyDescent="0.25">
      <c r="A7629" t="s">
        <v>26325</v>
      </c>
      <c r="B7629" t="s">
        <v>26326</v>
      </c>
      <c r="C7629" t="s">
        <v>26327</v>
      </c>
      <c r="D7629" t="s">
        <v>26274</v>
      </c>
      <c r="E7629" t="s">
        <v>13</v>
      </c>
      <c r="F7629">
        <v>6453</v>
      </c>
      <c r="G7629" t="s">
        <v>26328</v>
      </c>
      <c r="H7629">
        <v>4.9964979449840001</v>
      </c>
      <c r="I7629">
        <v>51.611056171276999</v>
      </c>
      <c r="J7629" t="s">
        <v>63314</v>
      </c>
    </row>
    <row r="7630" spans="1:10" x14ac:dyDescent="0.25">
      <c r="A7630" t="s">
        <v>26321</v>
      </c>
      <c r="B7630" t="s">
        <v>26322</v>
      </c>
      <c r="C7630" t="s">
        <v>26323</v>
      </c>
      <c r="D7630" t="s">
        <v>26274</v>
      </c>
      <c r="E7630" t="s">
        <v>13</v>
      </c>
      <c r="F7630">
        <v>6452</v>
      </c>
      <c r="G7630" t="s">
        <v>26324</v>
      </c>
      <c r="H7630">
        <v>4.9294107005969998</v>
      </c>
      <c r="I7630">
        <v>51.616285903905002</v>
      </c>
      <c r="J7630" t="s">
        <v>63315</v>
      </c>
    </row>
    <row r="7631" spans="1:10" x14ac:dyDescent="0.25">
      <c r="A7631" t="s">
        <v>26317</v>
      </c>
      <c r="B7631" t="s">
        <v>26318</v>
      </c>
      <c r="C7631" t="s">
        <v>26319</v>
      </c>
      <c r="D7631" t="s">
        <v>26274</v>
      </c>
      <c r="E7631" t="s">
        <v>13</v>
      </c>
      <c r="F7631">
        <v>6451</v>
      </c>
      <c r="G7631" t="s">
        <v>26320</v>
      </c>
      <c r="H7631">
        <v>4.9830571893969999</v>
      </c>
      <c r="I7631">
        <v>51.633335820775997</v>
      </c>
      <c r="J7631" t="s">
        <v>63316</v>
      </c>
    </row>
    <row r="7632" spans="1:10" x14ac:dyDescent="0.25">
      <c r="A7632" t="s">
        <v>26313</v>
      </c>
      <c r="B7632" t="s">
        <v>26314</v>
      </c>
      <c r="C7632" t="s">
        <v>26315</v>
      </c>
      <c r="D7632" t="s">
        <v>26274</v>
      </c>
      <c r="E7632" t="s">
        <v>13</v>
      </c>
      <c r="F7632">
        <v>6450</v>
      </c>
      <c r="G7632" t="s">
        <v>26316</v>
      </c>
      <c r="H7632">
        <v>4.9711657548819996</v>
      </c>
      <c r="I7632">
        <v>51.648651359294</v>
      </c>
      <c r="J7632" t="s">
        <v>63317</v>
      </c>
    </row>
    <row r="7633" spans="1:10" x14ac:dyDescent="0.25">
      <c r="A7633" t="s">
        <v>26309</v>
      </c>
      <c r="B7633" t="s">
        <v>26310</v>
      </c>
      <c r="C7633" t="s">
        <v>26311</v>
      </c>
      <c r="D7633" t="s">
        <v>26274</v>
      </c>
      <c r="E7633" t="s">
        <v>13</v>
      </c>
      <c r="F7633">
        <v>6449</v>
      </c>
      <c r="G7633" t="s">
        <v>26312</v>
      </c>
      <c r="H7633">
        <v>4.950237440725</v>
      </c>
      <c r="I7633">
        <v>51.643752773656999</v>
      </c>
      <c r="J7633" t="s">
        <v>63318</v>
      </c>
    </row>
    <row r="7634" spans="1:10" x14ac:dyDescent="0.25">
      <c r="A7634" t="s">
        <v>26305</v>
      </c>
      <c r="B7634" t="s">
        <v>26306</v>
      </c>
      <c r="C7634" t="s">
        <v>26307</v>
      </c>
      <c r="D7634" t="s">
        <v>26274</v>
      </c>
      <c r="E7634" t="s">
        <v>13</v>
      </c>
      <c r="F7634">
        <v>6448</v>
      </c>
      <c r="G7634" t="s">
        <v>26308</v>
      </c>
      <c r="H7634">
        <v>4.9734791854239999</v>
      </c>
      <c r="I7634">
        <v>51.620864571826999</v>
      </c>
      <c r="J7634" t="s">
        <v>63319</v>
      </c>
    </row>
    <row r="7635" spans="1:10" x14ac:dyDescent="0.25">
      <c r="A7635" t="s">
        <v>26301</v>
      </c>
      <c r="B7635" t="s">
        <v>26302</v>
      </c>
      <c r="C7635" t="s">
        <v>26303</v>
      </c>
      <c r="D7635" t="s">
        <v>26274</v>
      </c>
      <c r="E7635" t="s">
        <v>13</v>
      </c>
      <c r="F7635">
        <v>6447</v>
      </c>
      <c r="G7635" t="s">
        <v>26304</v>
      </c>
      <c r="H7635">
        <v>4.9462771543580004</v>
      </c>
      <c r="I7635">
        <v>51.619050531360003</v>
      </c>
      <c r="J7635" t="s">
        <v>63320</v>
      </c>
    </row>
    <row r="7636" spans="1:10" x14ac:dyDescent="0.25">
      <c r="A7636" t="s">
        <v>26297</v>
      </c>
      <c r="B7636" t="s">
        <v>26298</v>
      </c>
      <c r="C7636" t="s">
        <v>26299</v>
      </c>
      <c r="D7636" t="s">
        <v>26274</v>
      </c>
      <c r="E7636" t="s">
        <v>13</v>
      </c>
      <c r="F7636">
        <v>6446</v>
      </c>
      <c r="G7636" t="s">
        <v>26300</v>
      </c>
      <c r="H7636">
        <v>4.9551058546369999</v>
      </c>
      <c r="I7636">
        <v>51.625737773563998</v>
      </c>
      <c r="J7636" t="s">
        <v>63321</v>
      </c>
    </row>
    <row r="7637" spans="1:10" x14ac:dyDescent="0.25">
      <c r="A7637" t="s">
        <v>26294</v>
      </c>
      <c r="B7637" t="s">
        <v>26295</v>
      </c>
      <c r="C7637" t="s">
        <v>10977</v>
      </c>
      <c r="D7637" t="s">
        <v>26274</v>
      </c>
      <c r="E7637" t="s">
        <v>13</v>
      </c>
      <c r="F7637">
        <v>6445</v>
      </c>
      <c r="G7637" t="s">
        <v>26296</v>
      </c>
      <c r="H7637">
        <v>4.9469250202610002</v>
      </c>
      <c r="I7637">
        <v>51.633172123607999</v>
      </c>
      <c r="J7637" t="s">
        <v>63322</v>
      </c>
    </row>
    <row r="7638" spans="1:10" x14ac:dyDescent="0.25">
      <c r="A7638" t="s">
        <v>26290</v>
      </c>
      <c r="B7638" t="s">
        <v>26291</v>
      </c>
      <c r="C7638" t="s">
        <v>26292</v>
      </c>
      <c r="D7638" t="s">
        <v>26274</v>
      </c>
      <c r="E7638" t="s">
        <v>13</v>
      </c>
      <c r="F7638">
        <v>6444</v>
      </c>
      <c r="G7638" t="s">
        <v>26293</v>
      </c>
      <c r="H7638">
        <v>4.9399251982179999</v>
      </c>
      <c r="I7638">
        <v>51.636215243795</v>
      </c>
      <c r="J7638" t="s">
        <v>63323</v>
      </c>
    </row>
    <row r="7639" spans="1:10" x14ac:dyDescent="0.25">
      <c r="A7639" t="s">
        <v>26287</v>
      </c>
      <c r="B7639" t="s">
        <v>26288</v>
      </c>
      <c r="C7639" t="s">
        <v>129</v>
      </c>
      <c r="D7639" t="s">
        <v>26274</v>
      </c>
      <c r="E7639" t="s">
        <v>13</v>
      </c>
      <c r="F7639">
        <v>6443</v>
      </c>
      <c r="G7639" t="s">
        <v>26289</v>
      </c>
      <c r="H7639">
        <v>4.9422298673</v>
      </c>
      <c r="I7639">
        <v>51.626828845703997</v>
      </c>
      <c r="J7639" t="s">
        <v>63324</v>
      </c>
    </row>
    <row r="7640" spans="1:10" x14ac:dyDescent="0.25">
      <c r="A7640" t="s">
        <v>26283</v>
      </c>
      <c r="B7640" t="s">
        <v>26284</v>
      </c>
      <c r="C7640" t="s">
        <v>26285</v>
      </c>
      <c r="D7640" t="s">
        <v>26274</v>
      </c>
      <c r="E7640" t="s">
        <v>13</v>
      </c>
      <c r="F7640">
        <v>6442</v>
      </c>
      <c r="G7640" t="s">
        <v>26286</v>
      </c>
      <c r="H7640">
        <v>4.9284388381340003</v>
      </c>
      <c r="I7640">
        <v>51.639877958257003</v>
      </c>
      <c r="J7640" t="s">
        <v>63325</v>
      </c>
    </row>
    <row r="7641" spans="1:10" x14ac:dyDescent="0.25">
      <c r="A7641" t="s">
        <v>26280</v>
      </c>
      <c r="B7641" t="s">
        <v>26281</v>
      </c>
      <c r="C7641" t="s">
        <v>24324</v>
      </c>
      <c r="D7641" t="s">
        <v>26274</v>
      </c>
      <c r="E7641" t="s">
        <v>13</v>
      </c>
      <c r="F7641">
        <v>6441</v>
      </c>
      <c r="G7641" t="s">
        <v>26282</v>
      </c>
      <c r="H7641">
        <v>4.925516674671</v>
      </c>
      <c r="I7641">
        <v>51.631894978128997</v>
      </c>
      <c r="J7641" t="s">
        <v>63326</v>
      </c>
    </row>
    <row r="7642" spans="1:10" x14ac:dyDescent="0.25">
      <c r="A7642" t="s">
        <v>26276</v>
      </c>
      <c r="B7642" t="s">
        <v>26277</v>
      </c>
      <c r="C7642" t="s">
        <v>26278</v>
      </c>
      <c r="D7642" t="s">
        <v>26274</v>
      </c>
      <c r="E7642" t="s">
        <v>13</v>
      </c>
      <c r="F7642">
        <v>6440</v>
      </c>
      <c r="G7642" t="s">
        <v>26279</v>
      </c>
      <c r="H7642">
        <v>4.912922715923</v>
      </c>
      <c r="I7642">
        <v>51.626422086322997</v>
      </c>
      <c r="J7642" t="s">
        <v>63327</v>
      </c>
    </row>
    <row r="7643" spans="1:10" x14ac:dyDescent="0.25">
      <c r="A7643" t="s">
        <v>26272</v>
      </c>
      <c r="B7643" t="s">
        <v>26273</v>
      </c>
      <c r="C7643" t="s">
        <v>24305</v>
      </c>
      <c r="D7643" t="s">
        <v>26274</v>
      </c>
      <c r="E7643" t="s">
        <v>13</v>
      </c>
      <c r="F7643">
        <v>6439</v>
      </c>
      <c r="G7643" t="s">
        <v>26275</v>
      </c>
      <c r="H7643">
        <v>4.9248011941760002</v>
      </c>
      <c r="I7643">
        <v>51.625703851440001</v>
      </c>
      <c r="J7643" t="s">
        <v>63328</v>
      </c>
    </row>
    <row r="7644" spans="1:10" x14ac:dyDescent="0.25">
      <c r="A7644" t="s">
        <v>26268</v>
      </c>
      <c r="B7644" t="s">
        <v>26269</v>
      </c>
      <c r="C7644" t="s">
        <v>26270</v>
      </c>
      <c r="D7644" t="s">
        <v>26254</v>
      </c>
      <c r="E7644" t="s">
        <v>13</v>
      </c>
      <c r="F7644">
        <v>6438</v>
      </c>
      <c r="G7644" t="s">
        <v>26271</v>
      </c>
      <c r="H7644">
        <v>6.9619619214290003</v>
      </c>
      <c r="I7644">
        <v>53.054110764976002</v>
      </c>
      <c r="J7644" t="s">
        <v>63329</v>
      </c>
    </row>
    <row r="7645" spans="1:10" x14ac:dyDescent="0.25">
      <c r="A7645" t="s">
        <v>26264</v>
      </c>
      <c r="B7645" t="s">
        <v>26265</v>
      </c>
      <c r="C7645" t="s">
        <v>26266</v>
      </c>
      <c r="D7645" t="s">
        <v>26254</v>
      </c>
      <c r="E7645" t="s">
        <v>13</v>
      </c>
      <c r="F7645">
        <v>6437</v>
      </c>
      <c r="G7645" t="s">
        <v>26267</v>
      </c>
      <c r="H7645">
        <v>6.9337769351169998</v>
      </c>
      <c r="I7645">
        <v>53.036040862306997</v>
      </c>
      <c r="J7645" t="s">
        <v>63330</v>
      </c>
    </row>
    <row r="7646" spans="1:10" x14ac:dyDescent="0.25">
      <c r="A7646" t="s">
        <v>26260</v>
      </c>
      <c r="B7646" t="s">
        <v>26261</v>
      </c>
      <c r="C7646" t="s">
        <v>26262</v>
      </c>
      <c r="D7646" t="s">
        <v>26254</v>
      </c>
      <c r="E7646" t="s">
        <v>13</v>
      </c>
      <c r="F7646">
        <v>6436</v>
      </c>
      <c r="G7646" t="s">
        <v>26263</v>
      </c>
      <c r="H7646">
        <v>6.9635681418899997</v>
      </c>
      <c r="I7646">
        <v>53.066766881950002</v>
      </c>
      <c r="J7646" t="s">
        <v>63331</v>
      </c>
    </row>
    <row r="7647" spans="1:10" x14ac:dyDescent="0.25">
      <c r="A7647" t="s">
        <v>26256</v>
      </c>
      <c r="B7647" t="s">
        <v>26257</v>
      </c>
      <c r="C7647" t="s">
        <v>26258</v>
      </c>
      <c r="D7647" t="s">
        <v>26254</v>
      </c>
      <c r="E7647" t="s">
        <v>13</v>
      </c>
      <c r="F7647">
        <v>6435</v>
      </c>
      <c r="G7647" t="s">
        <v>26259</v>
      </c>
      <c r="H7647">
        <v>6.9947893208730001</v>
      </c>
      <c r="I7647">
        <v>53.097668092520003</v>
      </c>
      <c r="J7647" t="s">
        <v>63332</v>
      </c>
    </row>
    <row r="7648" spans="1:10" x14ac:dyDescent="0.25">
      <c r="A7648" t="s">
        <v>26251</v>
      </c>
      <c r="B7648" t="s">
        <v>26252</v>
      </c>
      <c r="C7648" t="s">
        <v>26253</v>
      </c>
      <c r="D7648" t="s">
        <v>26254</v>
      </c>
      <c r="E7648" t="s">
        <v>13</v>
      </c>
      <c r="F7648">
        <v>6434</v>
      </c>
      <c r="G7648" t="s">
        <v>26255</v>
      </c>
      <c r="H7648">
        <v>7.0061433097070003</v>
      </c>
      <c r="I7648">
        <v>53.095491976863002</v>
      </c>
      <c r="J7648" t="s">
        <v>63333</v>
      </c>
    </row>
    <row r="7649" spans="1:10" x14ac:dyDescent="0.25">
      <c r="A7649" t="s">
        <v>26247</v>
      </c>
      <c r="B7649" t="s">
        <v>26248</v>
      </c>
      <c r="C7649" t="s">
        <v>26249</v>
      </c>
      <c r="D7649" t="s">
        <v>26186</v>
      </c>
      <c r="E7649" t="s">
        <v>13</v>
      </c>
      <c r="F7649">
        <v>6433</v>
      </c>
      <c r="G7649" t="s">
        <v>26250</v>
      </c>
      <c r="H7649">
        <v>5.8902687001530003</v>
      </c>
      <c r="I7649">
        <v>51.404636336473999</v>
      </c>
      <c r="J7649" t="s">
        <v>63334</v>
      </c>
    </row>
    <row r="7650" spans="1:10" x14ac:dyDescent="0.25">
      <c r="A7650" t="s">
        <v>26243</v>
      </c>
      <c r="B7650" t="s">
        <v>26244</v>
      </c>
      <c r="C7650" t="s">
        <v>26245</v>
      </c>
      <c r="D7650" t="s">
        <v>26186</v>
      </c>
      <c r="E7650" t="s">
        <v>13</v>
      </c>
      <c r="F7650">
        <v>6432</v>
      </c>
      <c r="G7650" t="s">
        <v>26246</v>
      </c>
      <c r="H7650">
        <v>5.9176888908459997</v>
      </c>
      <c r="I7650">
        <v>51.387851454645002</v>
      </c>
      <c r="J7650" t="s">
        <v>63335</v>
      </c>
    </row>
    <row r="7651" spans="1:10" x14ac:dyDescent="0.25">
      <c r="A7651" t="s">
        <v>26239</v>
      </c>
      <c r="B7651" t="s">
        <v>26240</v>
      </c>
      <c r="C7651" t="s">
        <v>26241</v>
      </c>
      <c r="D7651" t="s">
        <v>26186</v>
      </c>
      <c r="E7651" t="s">
        <v>13</v>
      </c>
      <c r="F7651">
        <v>6431</v>
      </c>
      <c r="G7651" t="s">
        <v>26242</v>
      </c>
      <c r="H7651">
        <v>5.8680505344779998</v>
      </c>
      <c r="I7651">
        <v>51.374739114335</v>
      </c>
      <c r="J7651" t="s">
        <v>63336</v>
      </c>
    </row>
    <row r="7652" spans="1:10" x14ac:dyDescent="0.25">
      <c r="A7652" t="s">
        <v>26235</v>
      </c>
      <c r="B7652" t="s">
        <v>26236</v>
      </c>
      <c r="C7652" t="s">
        <v>26237</v>
      </c>
      <c r="D7652" t="s">
        <v>26186</v>
      </c>
      <c r="E7652" t="s">
        <v>13</v>
      </c>
      <c r="F7652">
        <v>6430</v>
      </c>
      <c r="G7652" t="s">
        <v>26238</v>
      </c>
      <c r="H7652">
        <v>5.8647864278619997</v>
      </c>
      <c r="I7652">
        <v>51.369003236570002</v>
      </c>
      <c r="J7652" t="s">
        <v>63337</v>
      </c>
    </row>
    <row r="7653" spans="1:10" x14ac:dyDescent="0.25">
      <c r="A7653" t="s">
        <v>26231</v>
      </c>
      <c r="B7653" t="s">
        <v>26232</v>
      </c>
      <c r="C7653" t="s">
        <v>26233</v>
      </c>
      <c r="D7653" t="s">
        <v>26186</v>
      </c>
      <c r="E7653" t="s">
        <v>13</v>
      </c>
      <c r="F7653">
        <v>6429</v>
      </c>
      <c r="G7653" t="s">
        <v>26234</v>
      </c>
      <c r="H7653">
        <v>5.8372305092610004</v>
      </c>
      <c r="I7653">
        <v>51.413158181097003</v>
      </c>
      <c r="J7653" t="s">
        <v>63338</v>
      </c>
    </row>
    <row r="7654" spans="1:10" x14ac:dyDescent="0.25">
      <c r="A7654" t="s">
        <v>26227</v>
      </c>
      <c r="B7654" t="s">
        <v>26228</v>
      </c>
      <c r="C7654" t="s">
        <v>26229</v>
      </c>
      <c r="D7654" t="s">
        <v>26186</v>
      </c>
      <c r="E7654" t="s">
        <v>13</v>
      </c>
      <c r="F7654">
        <v>6428</v>
      </c>
      <c r="G7654" t="s">
        <v>26230</v>
      </c>
      <c r="H7654">
        <v>5.8191440770650003</v>
      </c>
      <c r="I7654">
        <v>51.415629233990998</v>
      </c>
      <c r="J7654" t="s">
        <v>63339</v>
      </c>
    </row>
    <row r="7655" spans="1:10" x14ac:dyDescent="0.25">
      <c r="A7655" t="s">
        <v>26223</v>
      </c>
      <c r="B7655" t="s">
        <v>26224</v>
      </c>
      <c r="C7655" t="s">
        <v>26225</v>
      </c>
      <c r="D7655" t="s">
        <v>26186</v>
      </c>
      <c r="E7655" t="s">
        <v>13</v>
      </c>
      <c r="F7655">
        <v>6427</v>
      </c>
      <c r="G7655" t="s">
        <v>26226</v>
      </c>
      <c r="H7655">
        <v>5.7526670809610003</v>
      </c>
      <c r="I7655">
        <v>51.443070766952999</v>
      </c>
      <c r="J7655" t="s">
        <v>63340</v>
      </c>
    </row>
    <row r="7656" spans="1:10" x14ac:dyDescent="0.25">
      <c r="A7656" t="s">
        <v>26219</v>
      </c>
      <c r="B7656" t="s">
        <v>26220</v>
      </c>
      <c r="C7656" t="s">
        <v>26221</v>
      </c>
      <c r="D7656" t="s">
        <v>26186</v>
      </c>
      <c r="E7656" t="s">
        <v>13</v>
      </c>
      <c r="F7656">
        <v>6426</v>
      </c>
      <c r="G7656" t="s">
        <v>26222</v>
      </c>
      <c r="H7656">
        <v>5.7591895878130002</v>
      </c>
      <c r="I7656">
        <v>51.444363137495998</v>
      </c>
      <c r="J7656" t="s">
        <v>63341</v>
      </c>
    </row>
    <row r="7657" spans="1:10" x14ac:dyDescent="0.25">
      <c r="A7657" t="s">
        <v>26215</v>
      </c>
      <c r="B7657" t="s">
        <v>26216</v>
      </c>
      <c r="C7657" t="s">
        <v>26217</v>
      </c>
      <c r="D7657" t="s">
        <v>26186</v>
      </c>
      <c r="E7657" t="s">
        <v>13</v>
      </c>
      <c r="F7657">
        <v>6425</v>
      </c>
      <c r="G7657" t="s">
        <v>26218</v>
      </c>
      <c r="H7657">
        <v>5.8131645181440001</v>
      </c>
      <c r="I7657">
        <v>51.465665925109001</v>
      </c>
      <c r="J7657" t="s">
        <v>63342</v>
      </c>
    </row>
    <row r="7658" spans="1:10" x14ac:dyDescent="0.25">
      <c r="A7658" t="s">
        <v>26211</v>
      </c>
      <c r="B7658" t="s">
        <v>26212</v>
      </c>
      <c r="C7658" t="s">
        <v>26213</v>
      </c>
      <c r="D7658" t="s">
        <v>26186</v>
      </c>
      <c r="E7658" t="s">
        <v>13</v>
      </c>
      <c r="F7658">
        <v>6424</v>
      </c>
      <c r="G7658" t="s">
        <v>26214</v>
      </c>
      <c r="H7658">
        <v>5.7756535761909999</v>
      </c>
      <c r="I7658">
        <v>51.462139603274998</v>
      </c>
      <c r="J7658" t="s">
        <v>63343</v>
      </c>
    </row>
    <row r="7659" spans="1:10" x14ac:dyDescent="0.25">
      <c r="A7659" t="s">
        <v>26208</v>
      </c>
      <c r="B7659" t="s">
        <v>26209</v>
      </c>
      <c r="C7659" t="s">
        <v>1560</v>
      </c>
      <c r="D7659" t="s">
        <v>26186</v>
      </c>
      <c r="E7659" t="s">
        <v>13</v>
      </c>
      <c r="F7659">
        <v>6423</v>
      </c>
      <c r="G7659" t="s">
        <v>26210</v>
      </c>
      <c r="H7659">
        <v>5.7940577036030003</v>
      </c>
      <c r="I7659">
        <v>51.453581792553997</v>
      </c>
      <c r="J7659" t="s">
        <v>63344</v>
      </c>
    </row>
    <row r="7660" spans="1:10" x14ac:dyDescent="0.25">
      <c r="A7660" t="s">
        <v>26204</v>
      </c>
      <c r="B7660" t="s">
        <v>26205</v>
      </c>
      <c r="C7660" t="s">
        <v>26206</v>
      </c>
      <c r="D7660" t="s">
        <v>26186</v>
      </c>
      <c r="E7660" t="s">
        <v>13</v>
      </c>
      <c r="F7660">
        <v>6422</v>
      </c>
      <c r="G7660" t="s">
        <v>26207</v>
      </c>
      <c r="H7660">
        <v>5.8092531208549998</v>
      </c>
      <c r="I7660">
        <v>51.465726773508003</v>
      </c>
      <c r="J7660" t="s">
        <v>63345</v>
      </c>
    </row>
    <row r="7661" spans="1:10" x14ac:dyDescent="0.25">
      <c r="A7661" t="s">
        <v>26200</v>
      </c>
      <c r="B7661" t="s">
        <v>26201</v>
      </c>
      <c r="C7661" t="s">
        <v>26202</v>
      </c>
      <c r="D7661" t="s">
        <v>26186</v>
      </c>
      <c r="E7661" t="s">
        <v>13</v>
      </c>
      <c r="F7661">
        <v>6421</v>
      </c>
      <c r="G7661" t="s">
        <v>26203</v>
      </c>
      <c r="H7661">
        <v>5.80325741517</v>
      </c>
      <c r="I7661">
        <v>51.457943257205002</v>
      </c>
      <c r="J7661" t="s">
        <v>63346</v>
      </c>
    </row>
    <row r="7662" spans="1:10" x14ac:dyDescent="0.25">
      <c r="A7662" t="s">
        <v>26196</v>
      </c>
      <c r="B7662" t="s">
        <v>26197</v>
      </c>
      <c r="C7662" t="s">
        <v>26198</v>
      </c>
      <c r="D7662" t="s">
        <v>26186</v>
      </c>
      <c r="E7662" t="s">
        <v>13</v>
      </c>
      <c r="F7662">
        <v>6420</v>
      </c>
      <c r="G7662" t="s">
        <v>26199</v>
      </c>
      <c r="H7662">
        <v>5.8070252411860004</v>
      </c>
      <c r="I7662">
        <v>51.475113625330998</v>
      </c>
      <c r="J7662" t="s">
        <v>63347</v>
      </c>
    </row>
    <row r="7663" spans="1:10" x14ac:dyDescent="0.25">
      <c r="A7663" t="s">
        <v>26192</v>
      </c>
      <c r="B7663" t="s">
        <v>26193</v>
      </c>
      <c r="C7663" t="s">
        <v>26194</v>
      </c>
      <c r="D7663" t="s">
        <v>26186</v>
      </c>
      <c r="E7663" t="s">
        <v>13</v>
      </c>
      <c r="F7663">
        <v>6419</v>
      </c>
      <c r="G7663" t="s">
        <v>26195</v>
      </c>
      <c r="H7663">
        <v>5.8167575894169996</v>
      </c>
      <c r="I7663">
        <v>51.457310892690998</v>
      </c>
      <c r="J7663" t="s">
        <v>63348</v>
      </c>
    </row>
    <row r="7664" spans="1:10" x14ac:dyDescent="0.25">
      <c r="A7664" t="s">
        <v>26188</v>
      </c>
      <c r="B7664" t="s">
        <v>26189</v>
      </c>
      <c r="C7664" t="s">
        <v>26190</v>
      </c>
      <c r="D7664" t="s">
        <v>26186</v>
      </c>
      <c r="E7664" t="s">
        <v>13</v>
      </c>
      <c r="F7664">
        <v>6418</v>
      </c>
      <c r="G7664" t="s">
        <v>26191</v>
      </c>
      <c r="H7664">
        <v>5.7837276846789996</v>
      </c>
      <c r="I7664">
        <v>51.450684285690002</v>
      </c>
      <c r="J7664" t="s">
        <v>63349</v>
      </c>
    </row>
    <row r="7665" spans="1:10" x14ac:dyDescent="0.25">
      <c r="A7665" t="s">
        <v>26183</v>
      </c>
      <c r="B7665" t="s">
        <v>26184</v>
      </c>
      <c r="C7665" t="s">
        <v>26185</v>
      </c>
      <c r="D7665" t="s">
        <v>26186</v>
      </c>
      <c r="E7665" t="s">
        <v>13</v>
      </c>
      <c r="F7665">
        <v>6417</v>
      </c>
      <c r="G7665" t="s">
        <v>26187</v>
      </c>
      <c r="H7665">
        <v>5.7911924823990004</v>
      </c>
      <c r="I7665">
        <v>51.463544416603</v>
      </c>
      <c r="J7665" t="s">
        <v>63350</v>
      </c>
    </row>
    <row r="7666" spans="1:10" x14ac:dyDescent="0.25">
      <c r="A7666" t="s">
        <v>26179</v>
      </c>
      <c r="B7666" t="s">
        <v>26180</v>
      </c>
      <c r="C7666" t="s">
        <v>26181</v>
      </c>
      <c r="D7666" t="s">
        <v>26061</v>
      </c>
      <c r="E7666" t="s">
        <v>13</v>
      </c>
      <c r="F7666">
        <v>6416</v>
      </c>
      <c r="G7666" t="s">
        <v>26182</v>
      </c>
      <c r="H7666">
        <v>6.0036359662959997</v>
      </c>
      <c r="I7666">
        <v>51.576604778718</v>
      </c>
      <c r="J7666" t="s">
        <v>63351</v>
      </c>
    </row>
    <row r="7667" spans="1:10" x14ac:dyDescent="0.25">
      <c r="A7667" t="s">
        <v>26175</v>
      </c>
      <c r="B7667" t="s">
        <v>26176</v>
      </c>
      <c r="C7667" t="s">
        <v>26177</v>
      </c>
      <c r="D7667" t="s">
        <v>26061</v>
      </c>
      <c r="E7667" t="s">
        <v>13</v>
      </c>
      <c r="F7667">
        <v>6415</v>
      </c>
      <c r="G7667" t="s">
        <v>26178</v>
      </c>
      <c r="H7667">
        <v>6.0055319235980003</v>
      </c>
      <c r="I7667">
        <v>51.573780880083</v>
      </c>
      <c r="J7667" t="s">
        <v>63352</v>
      </c>
    </row>
    <row r="7668" spans="1:10" x14ac:dyDescent="0.25">
      <c r="A7668" t="s">
        <v>26171</v>
      </c>
      <c r="B7668" t="s">
        <v>26172</v>
      </c>
      <c r="C7668" t="s">
        <v>26173</v>
      </c>
      <c r="D7668" t="s">
        <v>26061</v>
      </c>
      <c r="E7668" t="s">
        <v>13</v>
      </c>
      <c r="F7668">
        <v>6414</v>
      </c>
      <c r="G7668" t="s">
        <v>26174</v>
      </c>
      <c r="H7668">
        <v>6.0283511369070002</v>
      </c>
      <c r="I7668">
        <v>51.571424172950998</v>
      </c>
      <c r="J7668" t="s">
        <v>63353</v>
      </c>
    </row>
    <row r="7669" spans="1:10" x14ac:dyDescent="0.25">
      <c r="A7669" t="s">
        <v>26167</v>
      </c>
      <c r="B7669" t="s">
        <v>26168</v>
      </c>
      <c r="C7669" t="s">
        <v>26169</v>
      </c>
      <c r="D7669" t="s">
        <v>26061</v>
      </c>
      <c r="E7669" t="s">
        <v>13</v>
      </c>
      <c r="F7669">
        <v>6413</v>
      </c>
      <c r="G7669" t="s">
        <v>26170</v>
      </c>
      <c r="H7669">
        <v>6.0325235232959997</v>
      </c>
      <c r="I7669">
        <v>51.570858526588999</v>
      </c>
      <c r="J7669" t="s">
        <v>63354</v>
      </c>
    </row>
    <row r="7670" spans="1:10" x14ac:dyDescent="0.25">
      <c r="A7670" t="s">
        <v>26163</v>
      </c>
      <c r="B7670" t="s">
        <v>26164</v>
      </c>
      <c r="C7670" t="s">
        <v>26165</v>
      </c>
      <c r="D7670" t="s">
        <v>26061</v>
      </c>
      <c r="E7670" t="s">
        <v>13</v>
      </c>
      <c r="F7670">
        <v>6412</v>
      </c>
      <c r="G7670" t="s">
        <v>26166</v>
      </c>
      <c r="H7670">
        <v>5.9387403697829999</v>
      </c>
      <c r="I7670">
        <v>51.570942035365</v>
      </c>
      <c r="J7670" t="s">
        <v>63355</v>
      </c>
    </row>
    <row r="7671" spans="1:10" x14ac:dyDescent="0.25">
      <c r="A7671" t="s">
        <v>26159</v>
      </c>
      <c r="B7671" t="s">
        <v>26160</v>
      </c>
      <c r="C7671" t="s">
        <v>26161</v>
      </c>
      <c r="D7671" t="s">
        <v>26061</v>
      </c>
      <c r="E7671" t="s">
        <v>13</v>
      </c>
      <c r="F7671">
        <v>6411</v>
      </c>
      <c r="G7671" t="s">
        <v>26162</v>
      </c>
      <c r="H7671">
        <v>5.93552542712</v>
      </c>
      <c r="I7671">
        <v>51.593848435947997</v>
      </c>
      <c r="J7671" t="s">
        <v>63356</v>
      </c>
    </row>
    <row r="7672" spans="1:10" x14ac:dyDescent="0.25">
      <c r="A7672" t="s">
        <v>26155</v>
      </c>
      <c r="B7672" t="s">
        <v>26156</v>
      </c>
      <c r="C7672" t="s">
        <v>26157</v>
      </c>
      <c r="D7672" t="s">
        <v>26061</v>
      </c>
      <c r="E7672" t="s">
        <v>13</v>
      </c>
      <c r="F7672">
        <v>6410</v>
      </c>
      <c r="G7672" t="s">
        <v>26158</v>
      </c>
      <c r="H7672">
        <v>5.8868897232670001</v>
      </c>
      <c r="I7672">
        <v>51.573345377643001</v>
      </c>
      <c r="J7672" t="s">
        <v>63357</v>
      </c>
    </row>
    <row r="7673" spans="1:10" x14ac:dyDescent="0.25">
      <c r="A7673" t="s">
        <v>26151</v>
      </c>
      <c r="B7673" t="s">
        <v>26152</v>
      </c>
      <c r="C7673" t="s">
        <v>26153</v>
      </c>
      <c r="D7673" t="s">
        <v>26061</v>
      </c>
      <c r="E7673" t="s">
        <v>13</v>
      </c>
      <c r="F7673">
        <v>6409</v>
      </c>
      <c r="G7673" t="s">
        <v>26154</v>
      </c>
      <c r="H7673">
        <v>5.9468728667380004</v>
      </c>
      <c r="I7673">
        <v>51.571499135110997</v>
      </c>
      <c r="J7673" t="s">
        <v>63358</v>
      </c>
    </row>
    <row r="7674" spans="1:10" x14ac:dyDescent="0.25">
      <c r="A7674" t="s">
        <v>26147</v>
      </c>
      <c r="B7674" t="s">
        <v>26148</v>
      </c>
      <c r="C7674" t="s">
        <v>26149</v>
      </c>
      <c r="D7674" t="s">
        <v>26061</v>
      </c>
      <c r="E7674" t="s">
        <v>13</v>
      </c>
      <c r="F7674">
        <v>6408</v>
      </c>
      <c r="G7674" t="s">
        <v>26150</v>
      </c>
      <c r="H7674">
        <v>5.994085896204</v>
      </c>
      <c r="I7674">
        <v>51.602258578030998</v>
      </c>
      <c r="J7674" t="s">
        <v>63359</v>
      </c>
    </row>
    <row r="7675" spans="1:10" x14ac:dyDescent="0.25">
      <c r="A7675" t="s">
        <v>26143</v>
      </c>
      <c r="B7675" t="s">
        <v>26144</v>
      </c>
      <c r="C7675" t="s">
        <v>26145</v>
      </c>
      <c r="D7675" t="s">
        <v>26061</v>
      </c>
      <c r="E7675" t="s">
        <v>13</v>
      </c>
      <c r="F7675">
        <v>6407</v>
      </c>
      <c r="G7675" t="s">
        <v>26146</v>
      </c>
      <c r="H7675">
        <v>5.9972799089419997</v>
      </c>
      <c r="I7675">
        <v>51.607693787046998</v>
      </c>
      <c r="J7675" t="s">
        <v>63360</v>
      </c>
    </row>
    <row r="7676" spans="1:10" x14ac:dyDescent="0.25">
      <c r="A7676" t="s">
        <v>26139</v>
      </c>
      <c r="B7676" t="s">
        <v>26140</v>
      </c>
      <c r="C7676" t="s">
        <v>26141</v>
      </c>
      <c r="D7676" t="s">
        <v>26061</v>
      </c>
      <c r="E7676" t="s">
        <v>13</v>
      </c>
      <c r="F7676">
        <v>6406</v>
      </c>
      <c r="G7676" t="s">
        <v>26142</v>
      </c>
      <c r="H7676">
        <v>6.0074828233730004</v>
      </c>
      <c r="I7676">
        <v>51.596277521392999</v>
      </c>
      <c r="J7676" t="s">
        <v>63361</v>
      </c>
    </row>
    <row r="7677" spans="1:10" x14ac:dyDescent="0.25">
      <c r="A7677" t="s">
        <v>26135</v>
      </c>
      <c r="B7677" t="s">
        <v>26136</v>
      </c>
      <c r="C7677" t="s">
        <v>26137</v>
      </c>
      <c r="D7677" t="s">
        <v>26061</v>
      </c>
      <c r="E7677" t="s">
        <v>13</v>
      </c>
      <c r="F7677">
        <v>6405</v>
      </c>
      <c r="G7677" t="s">
        <v>26138</v>
      </c>
      <c r="H7677">
        <v>5.9715752669729998</v>
      </c>
      <c r="I7677">
        <v>51.616134309038003</v>
      </c>
      <c r="J7677" t="s">
        <v>63362</v>
      </c>
    </row>
    <row r="7678" spans="1:10" x14ac:dyDescent="0.25">
      <c r="A7678" t="s">
        <v>26131</v>
      </c>
      <c r="B7678" t="s">
        <v>26132</v>
      </c>
      <c r="C7678" t="s">
        <v>26133</v>
      </c>
      <c r="D7678" t="s">
        <v>26061</v>
      </c>
      <c r="E7678" t="s">
        <v>13</v>
      </c>
      <c r="F7678">
        <v>6404</v>
      </c>
      <c r="G7678" t="s">
        <v>26134</v>
      </c>
      <c r="H7678">
        <v>5.9771231923680004</v>
      </c>
      <c r="I7678">
        <v>51.619534753891003</v>
      </c>
      <c r="J7678" t="s">
        <v>63363</v>
      </c>
    </row>
    <row r="7679" spans="1:10" x14ac:dyDescent="0.25">
      <c r="A7679" t="s">
        <v>26127</v>
      </c>
      <c r="B7679" t="s">
        <v>26128</v>
      </c>
      <c r="C7679" t="s">
        <v>26129</v>
      </c>
      <c r="D7679" t="s">
        <v>26061</v>
      </c>
      <c r="E7679" t="s">
        <v>13</v>
      </c>
      <c r="F7679">
        <v>6403</v>
      </c>
      <c r="G7679" t="s">
        <v>26130</v>
      </c>
      <c r="H7679">
        <v>5.8898773581280004</v>
      </c>
      <c r="I7679">
        <v>51.662551296197002</v>
      </c>
      <c r="J7679" t="s">
        <v>63364</v>
      </c>
    </row>
    <row r="7680" spans="1:10" x14ac:dyDescent="0.25">
      <c r="A7680" t="s">
        <v>26123</v>
      </c>
      <c r="B7680" t="s">
        <v>26124</v>
      </c>
      <c r="C7680" t="s">
        <v>26125</v>
      </c>
      <c r="D7680" t="s">
        <v>26061</v>
      </c>
      <c r="E7680" t="s">
        <v>13</v>
      </c>
      <c r="F7680">
        <v>6402</v>
      </c>
      <c r="G7680" t="s">
        <v>26126</v>
      </c>
      <c r="H7680">
        <v>5.8863100434720002</v>
      </c>
      <c r="I7680">
        <v>51.657911762748</v>
      </c>
      <c r="J7680" t="s">
        <v>63365</v>
      </c>
    </row>
    <row r="7681" spans="1:10" x14ac:dyDescent="0.25">
      <c r="A7681" t="s">
        <v>26119</v>
      </c>
      <c r="B7681" t="s">
        <v>26120</v>
      </c>
      <c r="C7681" t="s">
        <v>26121</v>
      </c>
      <c r="D7681" t="s">
        <v>26061</v>
      </c>
      <c r="E7681" t="s">
        <v>13</v>
      </c>
      <c r="F7681">
        <v>6401</v>
      </c>
      <c r="G7681" t="s">
        <v>26122</v>
      </c>
      <c r="H7681">
        <v>5.9316227434849997</v>
      </c>
      <c r="I7681">
        <v>51.697800997613001</v>
      </c>
      <c r="J7681" t="s">
        <v>63366</v>
      </c>
    </row>
    <row r="7682" spans="1:10" x14ac:dyDescent="0.25">
      <c r="A7682" t="s">
        <v>26115</v>
      </c>
      <c r="B7682" t="s">
        <v>26116</v>
      </c>
      <c r="C7682" t="s">
        <v>26117</v>
      </c>
      <c r="D7682" t="s">
        <v>26061</v>
      </c>
      <c r="E7682" t="s">
        <v>13</v>
      </c>
      <c r="F7682">
        <v>6400</v>
      </c>
      <c r="G7682" t="s">
        <v>26118</v>
      </c>
      <c r="H7682">
        <v>5.9367192305509997</v>
      </c>
      <c r="I7682">
        <v>51.697581022568997</v>
      </c>
      <c r="J7682" t="s">
        <v>63367</v>
      </c>
    </row>
    <row r="7683" spans="1:10" x14ac:dyDescent="0.25">
      <c r="A7683" t="s">
        <v>26111</v>
      </c>
      <c r="B7683" t="s">
        <v>26112</v>
      </c>
      <c r="C7683" t="s">
        <v>26113</v>
      </c>
      <c r="D7683" t="s">
        <v>26061</v>
      </c>
      <c r="E7683" t="s">
        <v>13</v>
      </c>
      <c r="F7683">
        <v>6399</v>
      </c>
      <c r="G7683" t="s">
        <v>26114</v>
      </c>
      <c r="H7683">
        <v>5.934332898608</v>
      </c>
      <c r="I7683">
        <v>51.675090819002001</v>
      </c>
      <c r="J7683" t="s">
        <v>63368</v>
      </c>
    </row>
    <row r="7684" spans="1:10" x14ac:dyDescent="0.25">
      <c r="A7684" t="s">
        <v>26107</v>
      </c>
      <c r="B7684" t="s">
        <v>26108</v>
      </c>
      <c r="C7684" t="s">
        <v>26109</v>
      </c>
      <c r="D7684" t="s">
        <v>26061</v>
      </c>
      <c r="E7684" t="s">
        <v>13</v>
      </c>
      <c r="F7684">
        <v>6398</v>
      </c>
      <c r="G7684" t="s">
        <v>26110</v>
      </c>
      <c r="H7684">
        <v>5.9391287711540004</v>
      </c>
      <c r="I7684">
        <v>51.671964493772002</v>
      </c>
      <c r="J7684" t="s">
        <v>63369</v>
      </c>
    </row>
    <row r="7685" spans="1:10" x14ac:dyDescent="0.25">
      <c r="A7685" t="s">
        <v>26103</v>
      </c>
      <c r="B7685" t="s">
        <v>26104</v>
      </c>
      <c r="C7685" t="s">
        <v>26105</v>
      </c>
      <c r="D7685" t="s">
        <v>26061</v>
      </c>
      <c r="E7685" t="s">
        <v>13</v>
      </c>
      <c r="F7685">
        <v>6397</v>
      </c>
      <c r="G7685" t="s">
        <v>26106</v>
      </c>
      <c r="H7685">
        <v>5.9583912663680003</v>
      </c>
      <c r="I7685">
        <v>51.629691506633002</v>
      </c>
      <c r="J7685" t="s">
        <v>63370</v>
      </c>
    </row>
    <row r="7686" spans="1:10" x14ac:dyDescent="0.25">
      <c r="A7686" t="s">
        <v>26099</v>
      </c>
      <c r="B7686" t="s">
        <v>26100</v>
      </c>
      <c r="C7686" t="s">
        <v>26101</v>
      </c>
      <c r="D7686" t="s">
        <v>26061</v>
      </c>
      <c r="E7686" t="s">
        <v>13</v>
      </c>
      <c r="F7686">
        <v>6396</v>
      </c>
      <c r="G7686" t="s">
        <v>26102</v>
      </c>
      <c r="H7686">
        <v>5.9664967283210002</v>
      </c>
      <c r="I7686">
        <v>51.636424797708003</v>
      </c>
      <c r="J7686" t="s">
        <v>63371</v>
      </c>
    </row>
    <row r="7687" spans="1:10" x14ac:dyDescent="0.25">
      <c r="A7687" t="s">
        <v>26095</v>
      </c>
      <c r="B7687" t="s">
        <v>26096</v>
      </c>
      <c r="C7687" t="s">
        <v>26097</v>
      </c>
      <c r="D7687" t="s">
        <v>26061</v>
      </c>
      <c r="E7687" t="s">
        <v>13</v>
      </c>
      <c r="F7687">
        <v>6395</v>
      </c>
      <c r="G7687" t="s">
        <v>26098</v>
      </c>
      <c r="H7687">
        <v>5.9323202814820002</v>
      </c>
      <c r="I7687">
        <v>51.649254409999003</v>
      </c>
      <c r="J7687" t="s">
        <v>63372</v>
      </c>
    </row>
    <row r="7688" spans="1:10" x14ac:dyDescent="0.25">
      <c r="A7688" t="s">
        <v>26091</v>
      </c>
      <c r="B7688" t="s">
        <v>26092</v>
      </c>
      <c r="C7688" t="s">
        <v>26093</v>
      </c>
      <c r="D7688" t="s">
        <v>26061</v>
      </c>
      <c r="E7688" t="s">
        <v>13</v>
      </c>
      <c r="F7688">
        <v>6394</v>
      </c>
      <c r="G7688" t="s">
        <v>26094</v>
      </c>
      <c r="H7688">
        <v>5.9352113333760004</v>
      </c>
      <c r="I7688">
        <v>51.641736045034001</v>
      </c>
      <c r="J7688" t="s">
        <v>63373</v>
      </c>
    </row>
    <row r="7689" spans="1:10" x14ac:dyDescent="0.25">
      <c r="A7689" t="s">
        <v>26087</v>
      </c>
      <c r="B7689" t="s">
        <v>26088</v>
      </c>
      <c r="C7689" t="s">
        <v>26089</v>
      </c>
      <c r="D7689" t="s">
        <v>26061</v>
      </c>
      <c r="E7689" t="s">
        <v>13</v>
      </c>
      <c r="F7689">
        <v>6393</v>
      </c>
      <c r="G7689" t="s">
        <v>26090</v>
      </c>
      <c r="H7689">
        <v>5.936922286573</v>
      </c>
      <c r="I7689">
        <v>51.659122227365003</v>
      </c>
      <c r="J7689" t="s">
        <v>63374</v>
      </c>
    </row>
    <row r="7690" spans="1:10" x14ac:dyDescent="0.25">
      <c r="A7690" t="s">
        <v>26083</v>
      </c>
      <c r="B7690" t="s">
        <v>26084</v>
      </c>
      <c r="C7690" t="s">
        <v>26085</v>
      </c>
      <c r="D7690" t="s">
        <v>26061</v>
      </c>
      <c r="E7690" t="s">
        <v>13</v>
      </c>
      <c r="F7690">
        <v>6392</v>
      </c>
      <c r="G7690" t="s">
        <v>26086</v>
      </c>
      <c r="H7690">
        <v>5.9364712326219999</v>
      </c>
      <c r="I7690">
        <v>51.655042401762998</v>
      </c>
      <c r="J7690" t="s">
        <v>63375</v>
      </c>
    </row>
    <row r="7691" spans="1:10" x14ac:dyDescent="0.25">
      <c r="A7691" t="s">
        <v>26079</v>
      </c>
      <c r="B7691" t="s">
        <v>26080</v>
      </c>
      <c r="C7691" t="s">
        <v>26081</v>
      </c>
      <c r="D7691" t="s">
        <v>26061</v>
      </c>
      <c r="E7691" t="s">
        <v>13</v>
      </c>
      <c r="F7691">
        <v>6391</v>
      </c>
      <c r="G7691" t="s">
        <v>26082</v>
      </c>
      <c r="H7691">
        <v>5.9511830017929999</v>
      </c>
      <c r="I7691">
        <v>51.641033851909</v>
      </c>
      <c r="J7691" t="s">
        <v>63376</v>
      </c>
    </row>
    <row r="7692" spans="1:10" x14ac:dyDescent="0.25">
      <c r="A7692" t="s">
        <v>26075</v>
      </c>
      <c r="B7692" t="s">
        <v>26076</v>
      </c>
      <c r="C7692" t="s">
        <v>26077</v>
      </c>
      <c r="D7692" t="s">
        <v>26061</v>
      </c>
      <c r="E7692" t="s">
        <v>13</v>
      </c>
      <c r="F7692">
        <v>6390</v>
      </c>
      <c r="G7692" t="s">
        <v>26078</v>
      </c>
      <c r="H7692">
        <v>5.9601503447280004</v>
      </c>
      <c r="I7692">
        <v>51.646109468249001</v>
      </c>
      <c r="J7692" t="s">
        <v>63377</v>
      </c>
    </row>
    <row r="7693" spans="1:10" x14ac:dyDescent="0.25">
      <c r="A7693" t="s">
        <v>26071</v>
      </c>
      <c r="B7693" t="s">
        <v>26072</v>
      </c>
      <c r="C7693" t="s">
        <v>26073</v>
      </c>
      <c r="D7693" t="s">
        <v>26061</v>
      </c>
      <c r="E7693" t="s">
        <v>13</v>
      </c>
      <c r="F7693">
        <v>6389</v>
      </c>
      <c r="G7693" t="s">
        <v>26074</v>
      </c>
      <c r="H7693">
        <v>5.9486307107540002</v>
      </c>
      <c r="I7693">
        <v>51.652241049440001</v>
      </c>
      <c r="J7693" t="s">
        <v>63378</v>
      </c>
    </row>
    <row r="7694" spans="1:10" x14ac:dyDescent="0.25">
      <c r="A7694" t="s">
        <v>26067</v>
      </c>
      <c r="B7694" t="s">
        <v>26068</v>
      </c>
      <c r="C7694" t="s">
        <v>26069</v>
      </c>
      <c r="D7694" t="s">
        <v>26061</v>
      </c>
      <c r="E7694" t="s">
        <v>13</v>
      </c>
      <c r="F7694">
        <v>6388</v>
      </c>
      <c r="G7694" t="s">
        <v>26070</v>
      </c>
      <c r="H7694">
        <v>5.9434499521599999</v>
      </c>
      <c r="I7694">
        <v>51.644766530299002</v>
      </c>
      <c r="J7694" t="s">
        <v>63379</v>
      </c>
    </row>
    <row r="7695" spans="1:10" x14ac:dyDescent="0.25">
      <c r="A7695" t="s">
        <v>26063</v>
      </c>
      <c r="B7695" t="s">
        <v>26064</v>
      </c>
      <c r="C7695" t="s">
        <v>26065</v>
      </c>
      <c r="D7695" t="s">
        <v>26061</v>
      </c>
      <c r="E7695" t="s">
        <v>13</v>
      </c>
      <c r="F7695">
        <v>6387</v>
      </c>
      <c r="G7695" t="s">
        <v>26066</v>
      </c>
      <c r="H7695">
        <v>5.9391364687759998</v>
      </c>
      <c r="I7695">
        <v>51.650539036344</v>
      </c>
      <c r="J7695" t="s">
        <v>63380</v>
      </c>
    </row>
    <row r="7696" spans="1:10" x14ac:dyDescent="0.25">
      <c r="A7696" t="s">
        <v>26058</v>
      </c>
      <c r="B7696" t="s">
        <v>26059</v>
      </c>
      <c r="C7696" t="s">
        <v>26060</v>
      </c>
      <c r="D7696" t="s">
        <v>26061</v>
      </c>
      <c r="E7696" t="s">
        <v>13</v>
      </c>
      <c r="F7696">
        <v>6386</v>
      </c>
      <c r="G7696" t="s">
        <v>26062</v>
      </c>
      <c r="H7696">
        <v>5.9530275762500002</v>
      </c>
      <c r="I7696">
        <v>51.648710977813003</v>
      </c>
      <c r="J7696" t="s">
        <v>63381</v>
      </c>
    </row>
    <row r="7697" spans="1:10" x14ac:dyDescent="0.25">
      <c r="A7697" t="s">
        <v>26054</v>
      </c>
      <c r="B7697" t="s">
        <v>26055</v>
      </c>
      <c r="C7697" t="s">
        <v>26056</v>
      </c>
      <c r="D7697" t="s">
        <v>26028</v>
      </c>
      <c r="E7697" t="s">
        <v>13</v>
      </c>
      <c r="F7697">
        <v>6385</v>
      </c>
      <c r="G7697" t="s">
        <v>26057</v>
      </c>
      <c r="H7697">
        <v>5.7310765885660002</v>
      </c>
      <c r="I7697">
        <v>51.608080282289002</v>
      </c>
      <c r="J7697" t="s">
        <v>63382</v>
      </c>
    </row>
    <row r="7698" spans="1:10" x14ac:dyDescent="0.25">
      <c r="A7698" t="s">
        <v>26050</v>
      </c>
      <c r="B7698" t="s">
        <v>26051</v>
      </c>
      <c r="C7698" t="s">
        <v>26052</v>
      </c>
      <c r="D7698" t="s">
        <v>26028</v>
      </c>
      <c r="E7698" t="s">
        <v>13</v>
      </c>
      <c r="F7698">
        <v>6384</v>
      </c>
      <c r="G7698" t="s">
        <v>26053</v>
      </c>
      <c r="H7698">
        <v>5.7385047209479998</v>
      </c>
      <c r="I7698">
        <v>51.608928866813997</v>
      </c>
      <c r="J7698" t="s">
        <v>63383</v>
      </c>
    </row>
    <row r="7699" spans="1:10" x14ac:dyDescent="0.25">
      <c r="A7699" t="s">
        <v>26046</v>
      </c>
      <c r="B7699" t="s">
        <v>26047</v>
      </c>
      <c r="C7699" t="s">
        <v>26048</v>
      </c>
      <c r="D7699" t="s">
        <v>26028</v>
      </c>
      <c r="E7699" t="s">
        <v>13</v>
      </c>
      <c r="F7699">
        <v>6383</v>
      </c>
      <c r="G7699" t="s">
        <v>26049</v>
      </c>
      <c r="H7699">
        <v>5.6882144417360001</v>
      </c>
      <c r="I7699">
        <v>51.618892549694003</v>
      </c>
      <c r="J7699" t="s">
        <v>63384</v>
      </c>
    </row>
    <row r="7700" spans="1:10" x14ac:dyDescent="0.25">
      <c r="A7700" t="s">
        <v>26042</v>
      </c>
      <c r="B7700" t="s">
        <v>26043</v>
      </c>
      <c r="C7700" t="s">
        <v>26044</v>
      </c>
      <c r="D7700" t="s">
        <v>26028</v>
      </c>
      <c r="E7700" t="s">
        <v>13</v>
      </c>
      <c r="F7700">
        <v>6382</v>
      </c>
      <c r="G7700" t="s">
        <v>26045</v>
      </c>
      <c r="H7700">
        <v>5.6528088274010004</v>
      </c>
      <c r="I7700">
        <v>51.615319902884998</v>
      </c>
      <c r="J7700" t="s">
        <v>63385</v>
      </c>
    </row>
    <row r="7701" spans="1:10" x14ac:dyDescent="0.25">
      <c r="A7701" t="s">
        <v>26038</v>
      </c>
      <c r="B7701" t="s">
        <v>26039</v>
      </c>
      <c r="C7701" t="s">
        <v>26040</v>
      </c>
      <c r="D7701" t="s">
        <v>26028</v>
      </c>
      <c r="E7701" t="s">
        <v>13</v>
      </c>
      <c r="F7701">
        <v>6381</v>
      </c>
      <c r="G7701" t="s">
        <v>26041</v>
      </c>
      <c r="H7701">
        <v>5.6685865291589996</v>
      </c>
      <c r="I7701">
        <v>51.591206754138</v>
      </c>
      <c r="J7701" t="s">
        <v>63386</v>
      </c>
    </row>
    <row r="7702" spans="1:10" x14ac:dyDescent="0.25">
      <c r="A7702" t="s">
        <v>26034</v>
      </c>
      <c r="B7702" t="s">
        <v>26035</v>
      </c>
      <c r="C7702" t="s">
        <v>26036</v>
      </c>
      <c r="D7702" t="s">
        <v>26028</v>
      </c>
      <c r="E7702" t="s">
        <v>13</v>
      </c>
      <c r="F7702">
        <v>6380</v>
      </c>
      <c r="G7702" t="s">
        <v>26037</v>
      </c>
      <c r="H7702">
        <v>5.6980771584180001</v>
      </c>
      <c r="I7702">
        <v>51.601759006896003</v>
      </c>
      <c r="J7702" t="s">
        <v>63387</v>
      </c>
    </row>
    <row r="7703" spans="1:10" x14ac:dyDescent="0.25">
      <c r="A7703" t="s">
        <v>26030</v>
      </c>
      <c r="B7703" t="s">
        <v>26031</v>
      </c>
      <c r="C7703" t="s">
        <v>26032</v>
      </c>
      <c r="D7703" t="s">
        <v>26028</v>
      </c>
      <c r="E7703" t="s">
        <v>13</v>
      </c>
      <c r="F7703">
        <v>6379</v>
      </c>
      <c r="G7703" t="s">
        <v>26033</v>
      </c>
      <c r="H7703">
        <v>5.7067990708030001</v>
      </c>
      <c r="I7703">
        <v>51.589744657796999</v>
      </c>
      <c r="J7703" t="s">
        <v>63388</v>
      </c>
    </row>
    <row r="7704" spans="1:10" x14ac:dyDescent="0.25">
      <c r="A7704" t="s">
        <v>26025</v>
      </c>
      <c r="B7704" t="s">
        <v>26026</v>
      </c>
      <c r="C7704" t="s">
        <v>26027</v>
      </c>
      <c r="D7704" t="s">
        <v>26028</v>
      </c>
      <c r="E7704" t="s">
        <v>13</v>
      </c>
      <c r="F7704">
        <v>6378</v>
      </c>
      <c r="G7704" t="s">
        <v>26029</v>
      </c>
      <c r="H7704">
        <v>5.6751762569649999</v>
      </c>
      <c r="I7704">
        <v>51.602534820678002</v>
      </c>
      <c r="J7704" t="s">
        <v>63389</v>
      </c>
    </row>
    <row r="7705" spans="1:10" x14ac:dyDescent="0.25">
      <c r="A7705" t="s">
        <v>26021</v>
      </c>
      <c r="B7705" t="s">
        <v>26022</v>
      </c>
      <c r="C7705" t="s">
        <v>26023</v>
      </c>
      <c r="D7705" t="s">
        <v>25877</v>
      </c>
      <c r="E7705" t="s">
        <v>13</v>
      </c>
      <c r="F7705">
        <v>6377</v>
      </c>
      <c r="G7705" t="s">
        <v>26024</v>
      </c>
      <c r="H7705">
        <v>4.2529381132269997</v>
      </c>
      <c r="I7705">
        <v>51.551003331661001</v>
      </c>
      <c r="J7705" t="s">
        <v>63390</v>
      </c>
    </row>
    <row r="7706" spans="1:10" x14ac:dyDescent="0.25">
      <c r="A7706" t="s">
        <v>26017</v>
      </c>
      <c r="B7706" t="s">
        <v>26018</v>
      </c>
      <c r="C7706" t="s">
        <v>26019</v>
      </c>
      <c r="D7706" t="s">
        <v>25877</v>
      </c>
      <c r="E7706" t="s">
        <v>13</v>
      </c>
      <c r="F7706">
        <v>6376</v>
      </c>
      <c r="G7706" t="s">
        <v>26020</v>
      </c>
      <c r="H7706">
        <v>4.291019191927</v>
      </c>
      <c r="I7706">
        <v>51.549146964502</v>
      </c>
      <c r="J7706" t="s">
        <v>63391</v>
      </c>
    </row>
    <row r="7707" spans="1:10" x14ac:dyDescent="0.25">
      <c r="A7707" t="s">
        <v>26013</v>
      </c>
      <c r="B7707" t="s">
        <v>26014</v>
      </c>
      <c r="C7707" t="s">
        <v>26015</v>
      </c>
      <c r="D7707" t="s">
        <v>25877</v>
      </c>
      <c r="E7707" t="s">
        <v>13</v>
      </c>
      <c r="F7707">
        <v>6375</v>
      </c>
      <c r="G7707" t="s">
        <v>26016</v>
      </c>
      <c r="H7707">
        <v>4.2656882785150003</v>
      </c>
      <c r="I7707">
        <v>51.559744483110002</v>
      </c>
      <c r="J7707" t="s">
        <v>63392</v>
      </c>
    </row>
    <row r="7708" spans="1:10" x14ac:dyDescent="0.25">
      <c r="A7708" t="s">
        <v>26009</v>
      </c>
      <c r="B7708" t="s">
        <v>26010</v>
      </c>
      <c r="C7708" t="s">
        <v>26011</v>
      </c>
      <c r="D7708" t="s">
        <v>25877</v>
      </c>
      <c r="E7708" t="s">
        <v>13</v>
      </c>
      <c r="F7708">
        <v>6374</v>
      </c>
      <c r="G7708" t="s">
        <v>26012</v>
      </c>
      <c r="H7708">
        <v>4.2793515462579998</v>
      </c>
      <c r="I7708">
        <v>51.554357236533001</v>
      </c>
      <c r="J7708" t="s">
        <v>63393</v>
      </c>
    </row>
    <row r="7709" spans="1:10" x14ac:dyDescent="0.25">
      <c r="A7709" t="s">
        <v>26005</v>
      </c>
      <c r="B7709" t="s">
        <v>26006</v>
      </c>
      <c r="C7709" t="s">
        <v>26007</v>
      </c>
      <c r="D7709" t="s">
        <v>25877</v>
      </c>
      <c r="E7709" t="s">
        <v>13</v>
      </c>
      <c r="F7709">
        <v>6373</v>
      </c>
      <c r="G7709" t="s">
        <v>26008</v>
      </c>
      <c r="H7709">
        <v>4.2416196997720004</v>
      </c>
      <c r="I7709">
        <v>51.523853700501</v>
      </c>
      <c r="J7709" t="s">
        <v>63394</v>
      </c>
    </row>
    <row r="7710" spans="1:10" x14ac:dyDescent="0.25">
      <c r="A7710" t="s">
        <v>26001</v>
      </c>
      <c r="B7710" t="s">
        <v>26002</v>
      </c>
      <c r="C7710" t="s">
        <v>26003</v>
      </c>
      <c r="D7710" t="s">
        <v>25877</v>
      </c>
      <c r="E7710" t="s">
        <v>13</v>
      </c>
      <c r="F7710">
        <v>6372</v>
      </c>
      <c r="G7710" t="s">
        <v>26004</v>
      </c>
      <c r="H7710">
        <v>4.3006335921609997</v>
      </c>
      <c r="I7710">
        <v>51.522258433325</v>
      </c>
      <c r="J7710" t="s">
        <v>63395</v>
      </c>
    </row>
    <row r="7711" spans="1:10" x14ac:dyDescent="0.25">
      <c r="A7711" t="s">
        <v>25997</v>
      </c>
      <c r="B7711" t="s">
        <v>25998</v>
      </c>
      <c r="C7711" t="s">
        <v>25999</v>
      </c>
      <c r="D7711" t="s">
        <v>25877</v>
      </c>
      <c r="E7711" t="s">
        <v>13</v>
      </c>
      <c r="F7711">
        <v>6371</v>
      </c>
      <c r="G7711" t="s">
        <v>26000</v>
      </c>
      <c r="H7711">
        <v>4.288256675735</v>
      </c>
      <c r="I7711">
        <v>51.535226896809</v>
      </c>
      <c r="J7711" t="s">
        <v>63396</v>
      </c>
    </row>
    <row r="7712" spans="1:10" x14ac:dyDescent="0.25">
      <c r="A7712" t="s">
        <v>25993</v>
      </c>
      <c r="B7712" t="s">
        <v>25994</v>
      </c>
      <c r="C7712" t="s">
        <v>25995</v>
      </c>
      <c r="D7712" t="s">
        <v>25877</v>
      </c>
      <c r="E7712" t="s">
        <v>13</v>
      </c>
      <c r="F7712">
        <v>6370</v>
      </c>
      <c r="G7712" t="s">
        <v>25996</v>
      </c>
      <c r="H7712">
        <v>4.2811463470269997</v>
      </c>
      <c r="I7712">
        <v>51.524226386791</v>
      </c>
      <c r="J7712" t="s">
        <v>63397</v>
      </c>
    </row>
    <row r="7713" spans="1:10" x14ac:dyDescent="0.25">
      <c r="A7713" t="s">
        <v>25989</v>
      </c>
      <c r="B7713" t="s">
        <v>25990</v>
      </c>
      <c r="C7713" t="s">
        <v>25991</v>
      </c>
      <c r="D7713" t="s">
        <v>25877</v>
      </c>
      <c r="E7713" t="s">
        <v>13</v>
      </c>
      <c r="F7713">
        <v>6369</v>
      </c>
      <c r="G7713" t="s">
        <v>25992</v>
      </c>
      <c r="H7713">
        <v>4.2847787280959997</v>
      </c>
      <c r="I7713">
        <v>51.517621478396002</v>
      </c>
      <c r="J7713" t="s">
        <v>63398</v>
      </c>
    </row>
    <row r="7714" spans="1:10" x14ac:dyDescent="0.25">
      <c r="A7714" t="s">
        <v>25985</v>
      </c>
      <c r="B7714" t="s">
        <v>25986</v>
      </c>
      <c r="C7714" t="s">
        <v>25987</v>
      </c>
      <c r="D7714" t="s">
        <v>25877</v>
      </c>
      <c r="E7714" t="s">
        <v>13</v>
      </c>
      <c r="F7714">
        <v>6368</v>
      </c>
      <c r="G7714" t="s">
        <v>25988</v>
      </c>
      <c r="H7714">
        <v>4.2694743058690001</v>
      </c>
      <c r="I7714">
        <v>51.516703402330997</v>
      </c>
      <c r="J7714" t="s">
        <v>63399</v>
      </c>
    </row>
    <row r="7715" spans="1:10" x14ac:dyDescent="0.25">
      <c r="A7715" t="s">
        <v>25981</v>
      </c>
      <c r="B7715" t="s">
        <v>25982</v>
      </c>
      <c r="C7715" t="s">
        <v>25983</v>
      </c>
      <c r="D7715" t="s">
        <v>25877</v>
      </c>
      <c r="E7715" t="s">
        <v>13</v>
      </c>
      <c r="F7715">
        <v>6367</v>
      </c>
      <c r="G7715" t="s">
        <v>25984</v>
      </c>
      <c r="H7715">
        <v>4.2686213404600002</v>
      </c>
      <c r="I7715">
        <v>51.535978652436</v>
      </c>
      <c r="J7715" t="s">
        <v>63400</v>
      </c>
    </row>
    <row r="7716" spans="1:10" x14ac:dyDescent="0.25">
      <c r="A7716" t="s">
        <v>25977</v>
      </c>
      <c r="B7716" t="s">
        <v>25978</v>
      </c>
      <c r="C7716" t="s">
        <v>25979</v>
      </c>
      <c r="D7716" t="s">
        <v>25877</v>
      </c>
      <c r="E7716" t="s">
        <v>13</v>
      </c>
      <c r="F7716">
        <v>6366</v>
      </c>
      <c r="G7716" t="s">
        <v>25980</v>
      </c>
      <c r="H7716">
        <v>4.2691928265419996</v>
      </c>
      <c r="I7716">
        <v>51.527456578292998</v>
      </c>
      <c r="J7716" t="s">
        <v>63401</v>
      </c>
    </row>
    <row r="7717" spans="1:10" x14ac:dyDescent="0.25">
      <c r="A7717" t="s">
        <v>25974</v>
      </c>
      <c r="B7717" t="s">
        <v>25975</v>
      </c>
      <c r="C7717" t="s">
        <v>24662</v>
      </c>
      <c r="D7717" t="s">
        <v>25877</v>
      </c>
      <c r="E7717" t="s">
        <v>13</v>
      </c>
      <c r="F7717">
        <v>6365</v>
      </c>
      <c r="G7717" t="s">
        <v>25976</v>
      </c>
      <c r="H7717">
        <v>4.2631316675040001</v>
      </c>
      <c r="I7717">
        <v>51.466809178424</v>
      </c>
      <c r="J7717" t="s">
        <v>63402</v>
      </c>
    </row>
    <row r="7718" spans="1:10" x14ac:dyDescent="0.25">
      <c r="A7718" t="s">
        <v>25970</v>
      </c>
      <c r="B7718" t="s">
        <v>25971</v>
      </c>
      <c r="C7718" t="s">
        <v>25972</v>
      </c>
      <c r="D7718" t="s">
        <v>25877</v>
      </c>
      <c r="E7718" t="s">
        <v>13</v>
      </c>
      <c r="F7718">
        <v>6364</v>
      </c>
      <c r="G7718" t="s">
        <v>25973</v>
      </c>
      <c r="H7718">
        <v>4.2998798984419997</v>
      </c>
      <c r="I7718">
        <v>51.466633032235002</v>
      </c>
      <c r="J7718" t="s">
        <v>63403</v>
      </c>
    </row>
    <row r="7719" spans="1:10" x14ac:dyDescent="0.25">
      <c r="A7719" t="s">
        <v>25966</v>
      </c>
      <c r="B7719" t="s">
        <v>25967</v>
      </c>
      <c r="C7719" t="s">
        <v>25968</v>
      </c>
      <c r="D7719" t="s">
        <v>25877</v>
      </c>
      <c r="E7719" t="s">
        <v>13</v>
      </c>
      <c r="F7719">
        <v>6363</v>
      </c>
      <c r="G7719" t="s">
        <v>25969</v>
      </c>
      <c r="H7719">
        <v>4.2488460850329997</v>
      </c>
      <c r="I7719">
        <v>51.505448501796003</v>
      </c>
      <c r="J7719" t="s">
        <v>63404</v>
      </c>
    </row>
    <row r="7720" spans="1:10" x14ac:dyDescent="0.25">
      <c r="A7720" t="s">
        <v>25962</v>
      </c>
      <c r="B7720" t="s">
        <v>25963</v>
      </c>
      <c r="C7720" t="s">
        <v>25964</v>
      </c>
      <c r="D7720" t="s">
        <v>25877</v>
      </c>
      <c r="E7720" t="s">
        <v>13</v>
      </c>
      <c r="F7720">
        <v>6362</v>
      </c>
      <c r="G7720" t="s">
        <v>25965</v>
      </c>
      <c r="H7720">
        <v>4.2697521063739998</v>
      </c>
      <c r="I7720">
        <v>51.492822293670002</v>
      </c>
      <c r="J7720" t="s">
        <v>63405</v>
      </c>
    </row>
    <row r="7721" spans="1:10" x14ac:dyDescent="0.25">
      <c r="A7721" t="s">
        <v>25958</v>
      </c>
      <c r="B7721" t="s">
        <v>25959</v>
      </c>
      <c r="C7721" t="s">
        <v>25960</v>
      </c>
      <c r="D7721" t="s">
        <v>25877</v>
      </c>
      <c r="E7721" t="s">
        <v>13</v>
      </c>
      <c r="F7721">
        <v>6361</v>
      </c>
      <c r="G7721" t="s">
        <v>25961</v>
      </c>
      <c r="H7721">
        <v>4.2915622246079996</v>
      </c>
      <c r="I7721">
        <v>51.476471445394999</v>
      </c>
      <c r="J7721" t="s">
        <v>63406</v>
      </c>
    </row>
    <row r="7722" spans="1:10" x14ac:dyDescent="0.25">
      <c r="A7722" t="s">
        <v>25954</v>
      </c>
      <c r="B7722" t="s">
        <v>25955</v>
      </c>
      <c r="C7722" t="s">
        <v>25956</v>
      </c>
      <c r="D7722" t="s">
        <v>25877</v>
      </c>
      <c r="E7722" t="s">
        <v>13</v>
      </c>
      <c r="F7722">
        <v>6360</v>
      </c>
      <c r="G7722" t="s">
        <v>25957</v>
      </c>
      <c r="H7722">
        <v>4.2702176511629997</v>
      </c>
      <c r="I7722">
        <v>51.481296313812997</v>
      </c>
      <c r="J7722" t="s">
        <v>63407</v>
      </c>
    </row>
    <row r="7723" spans="1:10" x14ac:dyDescent="0.25">
      <c r="A7723" t="s">
        <v>25950</v>
      </c>
      <c r="B7723" t="s">
        <v>25951</v>
      </c>
      <c r="C7723" t="s">
        <v>25952</v>
      </c>
      <c r="D7723" t="s">
        <v>25877</v>
      </c>
      <c r="E7723" t="s">
        <v>13</v>
      </c>
      <c r="F7723">
        <v>6359</v>
      </c>
      <c r="G7723" t="s">
        <v>25953</v>
      </c>
      <c r="H7723">
        <v>4.3336071896609996</v>
      </c>
      <c r="I7723">
        <v>51.500987218833998</v>
      </c>
      <c r="J7723" t="s">
        <v>63408</v>
      </c>
    </row>
    <row r="7724" spans="1:10" x14ac:dyDescent="0.25">
      <c r="A7724" t="s">
        <v>25946</v>
      </c>
      <c r="B7724" t="s">
        <v>25947</v>
      </c>
      <c r="C7724" t="s">
        <v>25948</v>
      </c>
      <c r="D7724" t="s">
        <v>25877</v>
      </c>
      <c r="E7724" t="s">
        <v>13</v>
      </c>
      <c r="F7724">
        <v>6358</v>
      </c>
      <c r="G7724" t="s">
        <v>25949</v>
      </c>
      <c r="H7724">
        <v>4.3224198858999996</v>
      </c>
      <c r="I7724">
        <v>51.467492339779</v>
      </c>
      <c r="J7724" t="s">
        <v>63409</v>
      </c>
    </row>
    <row r="7725" spans="1:10" x14ac:dyDescent="0.25">
      <c r="A7725" t="s">
        <v>25942</v>
      </c>
      <c r="B7725" t="s">
        <v>25943</v>
      </c>
      <c r="C7725" t="s">
        <v>25944</v>
      </c>
      <c r="D7725" t="s">
        <v>25877</v>
      </c>
      <c r="E7725" t="s">
        <v>13</v>
      </c>
      <c r="F7725">
        <v>6357</v>
      </c>
      <c r="G7725" t="s">
        <v>25945</v>
      </c>
      <c r="H7725">
        <v>4.3071797611409997</v>
      </c>
      <c r="I7725">
        <v>51.500961197296</v>
      </c>
      <c r="J7725" t="s">
        <v>63410</v>
      </c>
    </row>
    <row r="7726" spans="1:10" x14ac:dyDescent="0.25">
      <c r="A7726" t="s">
        <v>25938</v>
      </c>
      <c r="B7726" t="s">
        <v>25939</v>
      </c>
      <c r="C7726" t="s">
        <v>25940</v>
      </c>
      <c r="D7726" t="s">
        <v>25877</v>
      </c>
      <c r="E7726" t="s">
        <v>13</v>
      </c>
      <c r="F7726">
        <v>6356</v>
      </c>
      <c r="G7726" t="s">
        <v>25941</v>
      </c>
      <c r="H7726">
        <v>4.2980759155300001</v>
      </c>
      <c r="I7726">
        <v>51.479264076139998</v>
      </c>
      <c r="J7726" t="s">
        <v>63411</v>
      </c>
    </row>
    <row r="7727" spans="1:10" x14ac:dyDescent="0.25">
      <c r="A7727" t="s">
        <v>25934</v>
      </c>
      <c r="B7727" t="s">
        <v>25935</v>
      </c>
      <c r="C7727" t="s">
        <v>25936</v>
      </c>
      <c r="D7727" t="s">
        <v>25877</v>
      </c>
      <c r="E7727" t="s">
        <v>13</v>
      </c>
      <c r="F7727">
        <v>6355</v>
      </c>
      <c r="G7727" t="s">
        <v>25937</v>
      </c>
      <c r="H7727">
        <v>4.3061071954200001</v>
      </c>
      <c r="I7727">
        <v>51.475460201434998</v>
      </c>
      <c r="J7727" t="s">
        <v>63412</v>
      </c>
    </row>
    <row r="7728" spans="1:10" x14ac:dyDescent="0.25">
      <c r="A7728" t="s">
        <v>25930</v>
      </c>
      <c r="B7728" t="s">
        <v>25931</v>
      </c>
      <c r="C7728" t="s">
        <v>25932</v>
      </c>
      <c r="D7728" t="s">
        <v>25877</v>
      </c>
      <c r="E7728" t="s">
        <v>13</v>
      </c>
      <c r="F7728">
        <v>6354</v>
      </c>
      <c r="G7728" t="s">
        <v>25933</v>
      </c>
      <c r="H7728">
        <v>4.3092436204520004</v>
      </c>
      <c r="I7728">
        <v>51.484614127179</v>
      </c>
      <c r="J7728" t="s">
        <v>63413</v>
      </c>
    </row>
    <row r="7729" spans="1:10" x14ac:dyDescent="0.25">
      <c r="A7729" t="s">
        <v>25926</v>
      </c>
      <c r="B7729" t="s">
        <v>25927</v>
      </c>
      <c r="C7729" t="s">
        <v>25928</v>
      </c>
      <c r="D7729" t="s">
        <v>25877</v>
      </c>
      <c r="E7729" t="s">
        <v>13</v>
      </c>
      <c r="F7729">
        <v>6353</v>
      </c>
      <c r="G7729" t="s">
        <v>25929</v>
      </c>
      <c r="H7729">
        <v>4.3119162245259997</v>
      </c>
      <c r="I7729">
        <v>51.493508777867</v>
      </c>
      <c r="J7729" t="s">
        <v>63414</v>
      </c>
    </row>
    <row r="7730" spans="1:10" x14ac:dyDescent="0.25">
      <c r="A7730" t="s">
        <v>25922</v>
      </c>
      <c r="B7730" t="s">
        <v>25923</v>
      </c>
      <c r="C7730" t="s">
        <v>25924</v>
      </c>
      <c r="D7730" t="s">
        <v>25877</v>
      </c>
      <c r="E7730" t="s">
        <v>13</v>
      </c>
      <c r="F7730">
        <v>6352</v>
      </c>
      <c r="G7730" t="s">
        <v>25925</v>
      </c>
      <c r="H7730">
        <v>4.2992645575859996</v>
      </c>
      <c r="I7730">
        <v>51.485199531321001</v>
      </c>
      <c r="J7730" t="s">
        <v>63415</v>
      </c>
    </row>
    <row r="7731" spans="1:10" x14ac:dyDescent="0.25">
      <c r="A7731" t="s">
        <v>25918</v>
      </c>
      <c r="B7731" t="s">
        <v>25919</v>
      </c>
      <c r="C7731" t="s">
        <v>25920</v>
      </c>
      <c r="D7731" t="s">
        <v>25877</v>
      </c>
      <c r="E7731" t="s">
        <v>13</v>
      </c>
      <c r="F7731">
        <v>6351</v>
      </c>
      <c r="G7731" t="s">
        <v>25921</v>
      </c>
      <c r="H7731">
        <v>4.3013471738950004</v>
      </c>
      <c r="I7731">
        <v>51.49348420914</v>
      </c>
      <c r="J7731" t="s">
        <v>63416</v>
      </c>
    </row>
    <row r="7732" spans="1:10" x14ac:dyDescent="0.25">
      <c r="A7732" t="s">
        <v>25914</v>
      </c>
      <c r="B7732" t="s">
        <v>25915</v>
      </c>
      <c r="C7732" t="s">
        <v>25916</v>
      </c>
      <c r="D7732" t="s">
        <v>25877</v>
      </c>
      <c r="E7732" t="s">
        <v>13</v>
      </c>
      <c r="F7732">
        <v>6350</v>
      </c>
      <c r="G7732" t="s">
        <v>25917</v>
      </c>
      <c r="H7732">
        <v>4.2830381566579998</v>
      </c>
      <c r="I7732">
        <v>51.510082854091003</v>
      </c>
      <c r="J7732" t="s">
        <v>63417</v>
      </c>
    </row>
    <row r="7733" spans="1:10" x14ac:dyDescent="0.25">
      <c r="A7733" t="s">
        <v>25910</v>
      </c>
      <c r="B7733" t="s">
        <v>25911</v>
      </c>
      <c r="C7733" t="s">
        <v>25912</v>
      </c>
      <c r="D7733" t="s">
        <v>25877</v>
      </c>
      <c r="E7733" t="s">
        <v>13</v>
      </c>
      <c r="F7733">
        <v>6349</v>
      </c>
      <c r="G7733" t="s">
        <v>25913</v>
      </c>
      <c r="H7733">
        <v>4.2836284322939999</v>
      </c>
      <c r="I7733">
        <v>51.503082792324001</v>
      </c>
      <c r="J7733" t="s">
        <v>63418</v>
      </c>
    </row>
    <row r="7734" spans="1:10" x14ac:dyDescent="0.25">
      <c r="A7734" t="s">
        <v>25906</v>
      </c>
      <c r="B7734" t="s">
        <v>25907</v>
      </c>
      <c r="C7734" t="s">
        <v>25908</v>
      </c>
      <c r="D7734" t="s">
        <v>25877</v>
      </c>
      <c r="E7734" t="s">
        <v>13</v>
      </c>
      <c r="F7734">
        <v>6348</v>
      </c>
      <c r="G7734" t="s">
        <v>25909</v>
      </c>
      <c r="H7734">
        <v>4.2950754989690001</v>
      </c>
      <c r="I7734">
        <v>51.508822357447997</v>
      </c>
      <c r="J7734" t="s">
        <v>63419</v>
      </c>
    </row>
    <row r="7735" spans="1:10" x14ac:dyDescent="0.25">
      <c r="A7735" t="s">
        <v>25902</v>
      </c>
      <c r="B7735" t="s">
        <v>25903</v>
      </c>
      <c r="C7735" t="s">
        <v>25904</v>
      </c>
      <c r="D7735" t="s">
        <v>25877</v>
      </c>
      <c r="E7735" t="s">
        <v>13</v>
      </c>
      <c r="F7735">
        <v>6347</v>
      </c>
      <c r="G7735" t="s">
        <v>25905</v>
      </c>
      <c r="H7735">
        <v>4.2999935158089997</v>
      </c>
      <c r="I7735">
        <v>51.504557273288</v>
      </c>
      <c r="J7735" t="s">
        <v>63420</v>
      </c>
    </row>
    <row r="7736" spans="1:10" x14ac:dyDescent="0.25">
      <c r="A7736" t="s">
        <v>25898</v>
      </c>
      <c r="B7736" t="s">
        <v>25899</v>
      </c>
      <c r="C7736" t="s">
        <v>25900</v>
      </c>
      <c r="D7736" t="s">
        <v>25877</v>
      </c>
      <c r="E7736" t="s">
        <v>13</v>
      </c>
      <c r="F7736">
        <v>6346</v>
      </c>
      <c r="G7736" t="s">
        <v>25901</v>
      </c>
      <c r="H7736">
        <v>4.2930111491770004</v>
      </c>
      <c r="I7736">
        <v>51.488834425946997</v>
      </c>
      <c r="J7736" t="s">
        <v>63421</v>
      </c>
    </row>
    <row r="7737" spans="1:10" x14ac:dyDescent="0.25">
      <c r="A7737" t="s">
        <v>25894</v>
      </c>
      <c r="B7737" t="s">
        <v>25895</v>
      </c>
      <c r="C7737" t="s">
        <v>25896</v>
      </c>
      <c r="D7737" t="s">
        <v>25877</v>
      </c>
      <c r="E7737" t="s">
        <v>13</v>
      </c>
      <c r="F7737">
        <v>6345</v>
      </c>
      <c r="G7737" t="s">
        <v>25897</v>
      </c>
      <c r="H7737">
        <v>4.2843409938060004</v>
      </c>
      <c r="I7737">
        <v>51.486129117071002</v>
      </c>
      <c r="J7737" t="s">
        <v>63422</v>
      </c>
    </row>
    <row r="7738" spans="1:10" x14ac:dyDescent="0.25">
      <c r="A7738" t="s">
        <v>25890</v>
      </c>
      <c r="B7738" t="s">
        <v>25891</v>
      </c>
      <c r="C7738" t="s">
        <v>25892</v>
      </c>
      <c r="D7738" t="s">
        <v>25877</v>
      </c>
      <c r="E7738" t="s">
        <v>13</v>
      </c>
      <c r="F7738">
        <v>6344</v>
      </c>
      <c r="G7738" t="s">
        <v>25893</v>
      </c>
      <c r="H7738">
        <v>4.2894262249919999</v>
      </c>
      <c r="I7738">
        <v>51.486077699151998</v>
      </c>
      <c r="J7738" t="s">
        <v>63423</v>
      </c>
    </row>
    <row r="7739" spans="1:10" x14ac:dyDescent="0.25">
      <c r="A7739" t="s">
        <v>25886</v>
      </c>
      <c r="B7739" t="s">
        <v>25887</v>
      </c>
      <c r="C7739" t="s">
        <v>25888</v>
      </c>
      <c r="D7739" t="s">
        <v>25877</v>
      </c>
      <c r="E7739" t="s">
        <v>13</v>
      </c>
      <c r="F7739">
        <v>6343</v>
      </c>
      <c r="G7739" t="s">
        <v>25889</v>
      </c>
      <c r="H7739">
        <v>4.2900512592390001</v>
      </c>
      <c r="I7739">
        <v>51.492519425490002</v>
      </c>
      <c r="J7739" t="s">
        <v>63424</v>
      </c>
    </row>
    <row r="7740" spans="1:10" x14ac:dyDescent="0.25">
      <c r="A7740" t="s">
        <v>25882</v>
      </c>
      <c r="B7740" t="s">
        <v>25883</v>
      </c>
      <c r="C7740" t="s">
        <v>25884</v>
      </c>
      <c r="D7740" t="s">
        <v>25877</v>
      </c>
      <c r="E7740" t="s">
        <v>13</v>
      </c>
      <c r="F7740">
        <v>6342</v>
      </c>
      <c r="G7740" t="s">
        <v>25885</v>
      </c>
      <c r="H7740">
        <v>4.2897384650639996</v>
      </c>
      <c r="I7740">
        <v>51.498694186789997</v>
      </c>
      <c r="J7740" t="s">
        <v>63425</v>
      </c>
    </row>
    <row r="7741" spans="1:10" x14ac:dyDescent="0.25">
      <c r="A7741" t="s">
        <v>25879</v>
      </c>
      <c r="B7741" t="s">
        <v>25880</v>
      </c>
      <c r="C7741" t="s">
        <v>18899</v>
      </c>
      <c r="D7741" t="s">
        <v>25877</v>
      </c>
      <c r="E7741" t="s">
        <v>13</v>
      </c>
      <c r="F7741">
        <v>6341</v>
      </c>
      <c r="G7741" t="s">
        <v>25881</v>
      </c>
      <c r="H7741">
        <v>4.2791239437930004</v>
      </c>
      <c r="I7741">
        <v>51.496318245052997</v>
      </c>
      <c r="J7741" t="s">
        <v>63426</v>
      </c>
    </row>
    <row r="7742" spans="1:10" x14ac:dyDescent="0.25">
      <c r="A7742" t="s">
        <v>25875</v>
      </c>
      <c r="B7742" t="s">
        <v>25876</v>
      </c>
      <c r="C7742" t="s">
        <v>129</v>
      </c>
      <c r="D7742" t="s">
        <v>25877</v>
      </c>
      <c r="E7742" t="s">
        <v>13</v>
      </c>
      <c r="F7742">
        <v>6340</v>
      </c>
      <c r="G7742" t="s">
        <v>25878</v>
      </c>
      <c r="H7742">
        <v>4.2875850157719997</v>
      </c>
      <c r="I7742">
        <v>51.494941268651999</v>
      </c>
      <c r="J7742" t="s">
        <v>63427</v>
      </c>
    </row>
    <row r="7743" spans="1:10" x14ac:dyDescent="0.25">
      <c r="A7743" t="s">
        <v>25871</v>
      </c>
      <c r="B7743" t="s">
        <v>25872</v>
      </c>
      <c r="C7743" t="s">
        <v>25873</v>
      </c>
      <c r="D7743" t="s">
        <v>25753</v>
      </c>
      <c r="E7743" t="s">
        <v>13</v>
      </c>
      <c r="F7743">
        <v>6339</v>
      </c>
      <c r="G7743" t="s">
        <v>25874</v>
      </c>
      <c r="H7743">
        <v>5.9555425632640002</v>
      </c>
      <c r="I7743">
        <v>53.214040643259999</v>
      </c>
      <c r="J7743" t="s">
        <v>63428</v>
      </c>
    </row>
    <row r="7744" spans="1:10" x14ac:dyDescent="0.25">
      <c r="A7744" t="s">
        <v>25867</v>
      </c>
      <c r="B7744" t="s">
        <v>25868</v>
      </c>
      <c r="C7744" t="s">
        <v>25869</v>
      </c>
      <c r="D7744" t="s">
        <v>25753</v>
      </c>
      <c r="E7744" t="s">
        <v>13</v>
      </c>
      <c r="F7744">
        <v>6338</v>
      </c>
      <c r="G7744" t="s">
        <v>25870</v>
      </c>
      <c r="H7744">
        <v>5.9443841507429998</v>
      </c>
      <c r="I7744">
        <v>53.215574737586003</v>
      </c>
      <c r="J7744" t="s">
        <v>63429</v>
      </c>
    </row>
    <row r="7745" spans="1:10" x14ac:dyDescent="0.25">
      <c r="A7745" t="s">
        <v>25863</v>
      </c>
      <c r="B7745" t="s">
        <v>25864</v>
      </c>
      <c r="C7745" t="s">
        <v>25865</v>
      </c>
      <c r="D7745" t="s">
        <v>25753</v>
      </c>
      <c r="E7745" t="s">
        <v>13</v>
      </c>
      <c r="F7745">
        <v>6337</v>
      </c>
      <c r="G7745" t="s">
        <v>25866</v>
      </c>
      <c r="H7745">
        <v>6.0026744112079999</v>
      </c>
      <c r="I7745">
        <v>53.222618529107997</v>
      </c>
      <c r="J7745" t="s">
        <v>63430</v>
      </c>
    </row>
    <row r="7746" spans="1:10" x14ac:dyDescent="0.25">
      <c r="A7746" t="s">
        <v>25859</v>
      </c>
      <c r="B7746" t="s">
        <v>25860</v>
      </c>
      <c r="C7746" t="s">
        <v>25861</v>
      </c>
      <c r="D7746" t="s">
        <v>25753</v>
      </c>
      <c r="E7746" t="s">
        <v>13</v>
      </c>
      <c r="F7746">
        <v>6336</v>
      </c>
      <c r="G7746" t="s">
        <v>25862</v>
      </c>
      <c r="H7746">
        <v>6.0029748246679997</v>
      </c>
      <c r="I7746">
        <v>53.227337091424999</v>
      </c>
      <c r="J7746" t="s">
        <v>63431</v>
      </c>
    </row>
    <row r="7747" spans="1:10" x14ac:dyDescent="0.25">
      <c r="A7747" t="s">
        <v>25855</v>
      </c>
      <c r="B7747" t="s">
        <v>25856</v>
      </c>
      <c r="C7747" t="s">
        <v>25857</v>
      </c>
      <c r="D7747" t="s">
        <v>25753</v>
      </c>
      <c r="E7747" t="s">
        <v>13</v>
      </c>
      <c r="F7747">
        <v>6335</v>
      </c>
      <c r="G7747" t="s">
        <v>25858</v>
      </c>
      <c r="H7747">
        <v>6.0523827632779996</v>
      </c>
      <c r="I7747">
        <v>53.211273868996003</v>
      </c>
      <c r="J7747" t="s">
        <v>63432</v>
      </c>
    </row>
    <row r="7748" spans="1:10" x14ac:dyDescent="0.25">
      <c r="A7748" t="s">
        <v>25851</v>
      </c>
      <c r="B7748" t="s">
        <v>25852</v>
      </c>
      <c r="C7748" t="s">
        <v>25853</v>
      </c>
      <c r="D7748" t="s">
        <v>25753</v>
      </c>
      <c r="E7748" t="s">
        <v>13</v>
      </c>
      <c r="F7748">
        <v>6334</v>
      </c>
      <c r="G7748" t="s">
        <v>25854</v>
      </c>
      <c r="H7748">
        <v>6.0722263589030003</v>
      </c>
      <c r="I7748">
        <v>53.176650212856998</v>
      </c>
      <c r="J7748" t="s">
        <v>63433</v>
      </c>
    </row>
    <row r="7749" spans="1:10" x14ac:dyDescent="0.25">
      <c r="A7749" t="s">
        <v>25847</v>
      </c>
      <c r="B7749" t="s">
        <v>25848</v>
      </c>
      <c r="C7749" t="s">
        <v>25849</v>
      </c>
      <c r="D7749" t="s">
        <v>25753</v>
      </c>
      <c r="E7749" t="s">
        <v>13</v>
      </c>
      <c r="F7749">
        <v>6333</v>
      </c>
      <c r="G7749" t="s">
        <v>25850</v>
      </c>
      <c r="H7749">
        <v>6.0641252694089998</v>
      </c>
      <c r="I7749">
        <v>53.211216970462999</v>
      </c>
      <c r="J7749" t="s">
        <v>63434</v>
      </c>
    </row>
    <row r="7750" spans="1:10" x14ac:dyDescent="0.25">
      <c r="A7750" t="s">
        <v>25843</v>
      </c>
      <c r="B7750" t="s">
        <v>25844</v>
      </c>
      <c r="C7750" t="s">
        <v>25845</v>
      </c>
      <c r="D7750" t="s">
        <v>25753</v>
      </c>
      <c r="E7750" t="s">
        <v>13</v>
      </c>
      <c r="F7750">
        <v>6332</v>
      </c>
      <c r="G7750" t="s">
        <v>25846</v>
      </c>
      <c r="H7750">
        <v>6.064677684117</v>
      </c>
      <c r="I7750">
        <v>53.177756666421999</v>
      </c>
      <c r="J7750" t="s">
        <v>63435</v>
      </c>
    </row>
    <row r="7751" spans="1:10" x14ac:dyDescent="0.25">
      <c r="A7751" t="s">
        <v>25839</v>
      </c>
      <c r="B7751" t="s">
        <v>25840</v>
      </c>
      <c r="C7751" t="s">
        <v>25841</v>
      </c>
      <c r="D7751" t="s">
        <v>25753</v>
      </c>
      <c r="E7751" t="s">
        <v>13</v>
      </c>
      <c r="F7751">
        <v>6331</v>
      </c>
      <c r="G7751" t="s">
        <v>25842</v>
      </c>
      <c r="H7751">
        <v>6.0189601949289999</v>
      </c>
      <c r="I7751">
        <v>53.169582874200003</v>
      </c>
      <c r="J7751" t="s">
        <v>63436</v>
      </c>
    </row>
    <row r="7752" spans="1:10" x14ac:dyDescent="0.25">
      <c r="A7752" t="s">
        <v>25835</v>
      </c>
      <c r="B7752" t="s">
        <v>25836</v>
      </c>
      <c r="C7752" t="s">
        <v>25837</v>
      </c>
      <c r="D7752" t="s">
        <v>25753</v>
      </c>
      <c r="E7752" t="s">
        <v>13</v>
      </c>
      <c r="F7752">
        <v>6330</v>
      </c>
      <c r="G7752" t="s">
        <v>25838</v>
      </c>
      <c r="H7752">
        <v>6.0014095192710002</v>
      </c>
      <c r="I7752">
        <v>53.179153523993001</v>
      </c>
      <c r="J7752" t="s">
        <v>63437</v>
      </c>
    </row>
    <row r="7753" spans="1:10" x14ac:dyDescent="0.25">
      <c r="A7753" t="s">
        <v>25831</v>
      </c>
      <c r="B7753" t="s">
        <v>25832</v>
      </c>
      <c r="C7753" t="s">
        <v>25833</v>
      </c>
      <c r="D7753" t="s">
        <v>25753</v>
      </c>
      <c r="E7753" t="s">
        <v>13</v>
      </c>
      <c r="F7753">
        <v>6329</v>
      </c>
      <c r="G7753" t="s">
        <v>25834</v>
      </c>
      <c r="H7753">
        <v>5.9642897971059998</v>
      </c>
      <c r="I7753">
        <v>53.161618476251</v>
      </c>
      <c r="J7753" t="s">
        <v>63438</v>
      </c>
    </row>
    <row r="7754" spans="1:10" x14ac:dyDescent="0.25">
      <c r="A7754" t="s">
        <v>25827</v>
      </c>
      <c r="B7754" t="s">
        <v>25828</v>
      </c>
      <c r="C7754" t="s">
        <v>25829</v>
      </c>
      <c r="D7754" t="s">
        <v>25753</v>
      </c>
      <c r="E7754" t="s">
        <v>13</v>
      </c>
      <c r="F7754">
        <v>6328</v>
      </c>
      <c r="G7754" t="s">
        <v>25830</v>
      </c>
      <c r="H7754">
        <v>5.9421006177690003</v>
      </c>
      <c r="I7754">
        <v>53.139667389815997</v>
      </c>
      <c r="J7754" t="s">
        <v>63439</v>
      </c>
    </row>
    <row r="7755" spans="1:10" x14ac:dyDescent="0.25">
      <c r="A7755" t="s">
        <v>25823</v>
      </c>
      <c r="B7755" t="s">
        <v>25824</v>
      </c>
      <c r="C7755" t="s">
        <v>25825</v>
      </c>
      <c r="D7755" t="s">
        <v>25753</v>
      </c>
      <c r="E7755" t="s">
        <v>13</v>
      </c>
      <c r="F7755">
        <v>6327</v>
      </c>
      <c r="G7755" t="s">
        <v>25826</v>
      </c>
      <c r="H7755">
        <v>5.9683365556399997</v>
      </c>
      <c r="I7755">
        <v>53.164926262819002</v>
      </c>
      <c r="J7755" t="s">
        <v>63440</v>
      </c>
    </row>
    <row r="7756" spans="1:10" x14ac:dyDescent="0.25">
      <c r="A7756" t="s">
        <v>25819</v>
      </c>
      <c r="B7756" t="s">
        <v>25820</v>
      </c>
      <c r="C7756" t="s">
        <v>25821</v>
      </c>
      <c r="D7756" t="s">
        <v>25753</v>
      </c>
      <c r="E7756" t="s">
        <v>13</v>
      </c>
      <c r="F7756">
        <v>6326</v>
      </c>
      <c r="G7756" t="s">
        <v>25822</v>
      </c>
      <c r="H7756">
        <v>5.9464993557790002</v>
      </c>
      <c r="I7756">
        <v>53.130415819155999</v>
      </c>
      <c r="J7756" t="s">
        <v>63441</v>
      </c>
    </row>
    <row r="7757" spans="1:10" x14ac:dyDescent="0.25">
      <c r="A7757" t="s">
        <v>25815</v>
      </c>
      <c r="B7757" t="s">
        <v>25816</v>
      </c>
      <c r="C7757" t="s">
        <v>25817</v>
      </c>
      <c r="D7757" t="s">
        <v>25753</v>
      </c>
      <c r="E7757" t="s">
        <v>13</v>
      </c>
      <c r="F7757">
        <v>6325</v>
      </c>
      <c r="G7757" t="s">
        <v>25818</v>
      </c>
      <c r="H7757">
        <v>5.9079980805860002</v>
      </c>
      <c r="I7757">
        <v>53.181338238953003</v>
      </c>
      <c r="J7757" t="s">
        <v>63442</v>
      </c>
    </row>
    <row r="7758" spans="1:10" x14ac:dyDescent="0.25">
      <c r="A7758" t="s">
        <v>25811</v>
      </c>
      <c r="B7758" t="s">
        <v>25812</v>
      </c>
      <c r="C7758" t="s">
        <v>25813</v>
      </c>
      <c r="D7758" t="s">
        <v>25753</v>
      </c>
      <c r="E7758" t="s">
        <v>13</v>
      </c>
      <c r="F7758">
        <v>6324</v>
      </c>
      <c r="G7758" t="s">
        <v>25814</v>
      </c>
      <c r="H7758">
        <v>5.8852008566389999</v>
      </c>
      <c r="I7758">
        <v>53.196349364573003</v>
      </c>
      <c r="J7758" t="s">
        <v>63443</v>
      </c>
    </row>
    <row r="7759" spans="1:10" x14ac:dyDescent="0.25">
      <c r="A7759" t="s">
        <v>25807</v>
      </c>
      <c r="B7759" t="s">
        <v>25808</v>
      </c>
      <c r="C7759" t="s">
        <v>25809</v>
      </c>
      <c r="D7759" t="s">
        <v>25753</v>
      </c>
      <c r="E7759" t="s">
        <v>13</v>
      </c>
      <c r="F7759">
        <v>6323</v>
      </c>
      <c r="G7759" t="s">
        <v>25810</v>
      </c>
      <c r="H7759">
        <v>5.9247096834219999</v>
      </c>
      <c r="I7759">
        <v>53.179218181251002</v>
      </c>
      <c r="J7759" t="s">
        <v>63444</v>
      </c>
    </row>
    <row r="7760" spans="1:10" x14ac:dyDescent="0.25">
      <c r="A7760" t="s">
        <v>25803</v>
      </c>
      <c r="B7760" t="s">
        <v>25804</v>
      </c>
      <c r="C7760" t="s">
        <v>25805</v>
      </c>
      <c r="D7760" t="s">
        <v>25753</v>
      </c>
      <c r="E7760" t="s">
        <v>13</v>
      </c>
      <c r="F7760">
        <v>6322</v>
      </c>
      <c r="G7760" t="s">
        <v>25806</v>
      </c>
      <c r="H7760">
        <v>5.9195493548</v>
      </c>
      <c r="I7760">
        <v>53.207359761757999</v>
      </c>
      <c r="J7760" t="s">
        <v>63445</v>
      </c>
    </row>
    <row r="7761" spans="1:10" x14ac:dyDescent="0.25">
      <c r="A7761" t="s">
        <v>25799</v>
      </c>
      <c r="B7761" t="s">
        <v>25800</v>
      </c>
      <c r="C7761" t="s">
        <v>25801</v>
      </c>
      <c r="D7761" t="s">
        <v>25753</v>
      </c>
      <c r="E7761" t="s">
        <v>13</v>
      </c>
      <c r="F7761">
        <v>6321</v>
      </c>
      <c r="G7761" t="s">
        <v>25802</v>
      </c>
      <c r="H7761">
        <v>5.916383929287</v>
      </c>
      <c r="I7761">
        <v>53.229628111137998</v>
      </c>
      <c r="J7761" t="s">
        <v>63446</v>
      </c>
    </row>
    <row r="7762" spans="1:10" x14ac:dyDescent="0.25">
      <c r="A7762" t="s">
        <v>25795</v>
      </c>
      <c r="B7762" t="s">
        <v>25796</v>
      </c>
      <c r="C7762" t="s">
        <v>25797</v>
      </c>
      <c r="D7762" t="s">
        <v>25753</v>
      </c>
      <c r="E7762" t="s">
        <v>13</v>
      </c>
      <c r="F7762">
        <v>6320</v>
      </c>
      <c r="G7762" t="s">
        <v>25798</v>
      </c>
      <c r="H7762">
        <v>5.9104340174520003</v>
      </c>
      <c r="I7762">
        <v>53.226742977945001</v>
      </c>
      <c r="J7762" t="s">
        <v>63447</v>
      </c>
    </row>
    <row r="7763" spans="1:10" x14ac:dyDescent="0.25">
      <c r="A7763" t="s">
        <v>25791</v>
      </c>
      <c r="B7763" t="s">
        <v>25792</v>
      </c>
      <c r="C7763" t="s">
        <v>25793</v>
      </c>
      <c r="D7763" t="s">
        <v>25753</v>
      </c>
      <c r="E7763" t="s">
        <v>13</v>
      </c>
      <c r="F7763">
        <v>6319</v>
      </c>
      <c r="G7763" t="s">
        <v>25794</v>
      </c>
      <c r="H7763">
        <v>5.8773469272270003</v>
      </c>
      <c r="I7763">
        <v>53.239881865421999</v>
      </c>
      <c r="J7763" t="s">
        <v>63448</v>
      </c>
    </row>
    <row r="7764" spans="1:10" x14ac:dyDescent="0.25">
      <c r="A7764" t="s">
        <v>25787</v>
      </c>
      <c r="B7764" t="s">
        <v>25788</v>
      </c>
      <c r="C7764" t="s">
        <v>25789</v>
      </c>
      <c r="D7764" t="s">
        <v>25753</v>
      </c>
      <c r="E7764" t="s">
        <v>13</v>
      </c>
      <c r="F7764">
        <v>6318</v>
      </c>
      <c r="G7764" t="s">
        <v>25790</v>
      </c>
      <c r="H7764">
        <v>5.9316367374369996</v>
      </c>
      <c r="I7764">
        <v>53.245270189880003</v>
      </c>
      <c r="J7764" t="s">
        <v>63449</v>
      </c>
    </row>
    <row r="7765" spans="1:10" x14ac:dyDescent="0.25">
      <c r="A7765" t="s">
        <v>25783</v>
      </c>
      <c r="B7765" t="s">
        <v>25784</v>
      </c>
      <c r="C7765" t="s">
        <v>25785</v>
      </c>
      <c r="D7765" t="s">
        <v>25753</v>
      </c>
      <c r="E7765" t="s">
        <v>13</v>
      </c>
      <c r="F7765">
        <v>6317</v>
      </c>
      <c r="G7765" t="s">
        <v>25786</v>
      </c>
      <c r="H7765">
        <v>5.8966844519499997</v>
      </c>
      <c r="I7765">
        <v>53.240193942765998</v>
      </c>
      <c r="J7765" t="s">
        <v>63450</v>
      </c>
    </row>
    <row r="7766" spans="1:10" x14ac:dyDescent="0.25">
      <c r="A7766" t="s">
        <v>25779</v>
      </c>
      <c r="B7766" t="s">
        <v>25780</v>
      </c>
      <c r="C7766" t="s">
        <v>25781</v>
      </c>
      <c r="D7766" t="s">
        <v>25753</v>
      </c>
      <c r="E7766" t="s">
        <v>13</v>
      </c>
      <c r="F7766">
        <v>6316</v>
      </c>
      <c r="G7766" t="s">
        <v>25782</v>
      </c>
      <c r="H7766">
        <v>5.9174663581460001</v>
      </c>
      <c r="I7766">
        <v>53.253496283087998</v>
      </c>
      <c r="J7766" t="s">
        <v>63451</v>
      </c>
    </row>
    <row r="7767" spans="1:10" x14ac:dyDescent="0.25">
      <c r="A7767" t="s">
        <v>25775</v>
      </c>
      <c r="B7767" t="s">
        <v>25776</v>
      </c>
      <c r="C7767" t="s">
        <v>25777</v>
      </c>
      <c r="D7767" t="s">
        <v>25753</v>
      </c>
      <c r="E7767" t="s">
        <v>13</v>
      </c>
      <c r="F7767">
        <v>6315</v>
      </c>
      <c r="G7767" t="s">
        <v>25778</v>
      </c>
      <c r="H7767">
        <v>5.8801257043659998</v>
      </c>
      <c r="I7767">
        <v>53.251967671069004</v>
      </c>
      <c r="J7767" t="s">
        <v>63452</v>
      </c>
    </row>
    <row r="7768" spans="1:10" x14ac:dyDescent="0.25">
      <c r="A7768" t="s">
        <v>25771</v>
      </c>
      <c r="B7768" t="s">
        <v>25772</v>
      </c>
      <c r="C7768" t="s">
        <v>25773</v>
      </c>
      <c r="D7768" t="s">
        <v>25753</v>
      </c>
      <c r="E7768" t="s">
        <v>13</v>
      </c>
      <c r="F7768">
        <v>6314</v>
      </c>
      <c r="G7768" t="s">
        <v>25774</v>
      </c>
      <c r="H7768">
        <v>5.8716675345190001</v>
      </c>
      <c r="I7768">
        <v>53.270180212862002</v>
      </c>
      <c r="J7768" t="s">
        <v>63453</v>
      </c>
    </row>
    <row r="7769" spans="1:10" x14ac:dyDescent="0.25">
      <c r="A7769" t="s">
        <v>25767</v>
      </c>
      <c r="B7769" t="s">
        <v>25768</v>
      </c>
      <c r="C7769" t="s">
        <v>25769</v>
      </c>
      <c r="D7769" t="s">
        <v>25753</v>
      </c>
      <c r="E7769" t="s">
        <v>13</v>
      </c>
      <c r="F7769">
        <v>6313</v>
      </c>
      <c r="G7769" t="s">
        <v>25770</v>
      </c>
      <c r="H7769">
        <v>5.8481945154129997</v>
      </c>
      <c r="I7769">
        <v>53.260630081465997</v>
      </c>
      <c r="J7769" t="s">
        <v>63454</v>
      </c>
    </row>
    <row r="7770" spans="1:10" x14ac:dyDescent="0.25">
      <c r="A7770" t="s">
        <v>25763</v>
      </c>
      <c r="B7770" t="s">
        <v>25764</v>
      </c>
      <c r="C7770" t="s">
        <v>25765</v>
      </c>
      <c r="D7770" t="s">
        <v>25753</v>
      </c>
      <c r="E7770" t="s">
        <v>13</v>
      </c>
      <c r="F7770">
        <v>6312</v>
      </c>
      <c r="G7770" t="s">
        <v>25766</v>
      </c>
      <c r="H7770">
        <v>5.8990569377200002</v>
      </c>
      <c r="I7770">
        <v>53.252553098057</v>
      </c>
      <c r="J7770" t="s">
        <v>63455</v>
      </c>
    </row>
    <row r="7771" spans="1:10" x14ac:dyDescent="0.25">
      <c r="A7771" t="s">
        <v>25759</v>
      </c>
      <c r="B7771" t="s">
        <v>25760</v>
      </c>
      <c r="C7771" t="s">
        <v>25761</v>
      </c>
      <c r="D7771" t="s">
        <v>25753</v>
      </c>
      <c r="E7771" t="s">
        <v>13</v>
      </c>
      <c r="F7771">
        <v>6311</v>
      </c>
      <c r="G7771" t="s">
        <v>25762</v>
      </c>
      <c r="H7771">
        <v>5.8918153899970003</v>
      </c>
      <c r="I7771">
        <v>53.265324511750997</v>
      </c>
      <c r="J7771" t="s">
        <v>63456</v>
      </c>
    </row>
    <row r="7772" spans="1:10" x14ac:dyDescent="0.25">
      <c r="A7772" t="s">
        <v>25755</v>
      </c>
      <c r="B7772" t="s">
        <v>25756</v>
      </c>
      <c r="C7772" t="s">
        <v>25757</v>
      </c>
      <c r="D7772" t="s">
        <v>25753</v>
      </c>
      <c r="E7772" t="s">
        <v>13</v>
      </c>
      <c r="F7772">
        <v>6310</v>
      </c>
      <c r="G7772" t="s">
        <v>25758</v>
      </c>
      <c r="H7772">
        <v>5.999210390429</v>
      </c>
      <c r="I7772">
        <v>53.202913263733002</v>
      </c>
      <c r="J7772" t="s">
        <v>63457</v>
      </c>
    </row>
    <row r="7773" spans="1:10" x14ac:dyDescent="0.25">
      <c r="A7773" t="s">
        <v>25750</v>
      </c>
      <c r="B7773" t="s">
        <v>25751</v>
      </c>
      <c r="C7773" t="s">
        <v>25752</v>
      </c>
      <c r="D7773" t="s">
        <v>25753</v>
      </c>
      <c r="E7773" t="s">
        <v>13</v>
      </c>
      <c r="F7773">
        <v>6309</v>
      </c>
      <c r="G7773" t="s">
        <v>25754</v>
      </c>
      <c r="H7773">
        <v>5.9913821034900003</v>
      </c>
      <c r="I7773">
        <v>53.194331409442</v>
      </c>
      <c r="J7773" t="s">
        <v>63458</v>
      </c>
    </row>
    <row r="7774" spans="1:10" x14ac:dyDescent="0.25">
      <c r="A7774" t="s">
        <v>25746</v>
      </c>
      <c r="B7774" t="s">
        <v>25747</v>
      </c>
      <c r="C7774" t="s">
        <v>25748</v>
      </c>
      <c r="D7774" t="s">
        <v>25652</v>
      </c>
      <c r="E7774" t="s">
        <v>13</v>
      </c>
      <c r="F7774">
        <v>6308</v>
      </c>
      <c r="G7774" t="s">
        <v>25749</v>
      </c>
      <c r="H7774">
        <v>4.9903171258879997</v>
      </c>
      <c r="I7774">
        <v>52.246794194304002</v>
      </c>
      <c r="J7774" t="s">
        <v>63459</v>
      </c>
    </row>
    <row r="7775" spans="1:10" x14ac:dyDescent="0.25">
      <c r="A7775" t="s">
        <v>25742</v>
      </c>
      <c r="B7775" t="s">
        <v>25743</v>
      </c>
      <c r="C7775" t="s">
        <v>25744</v>
      </c>
      <c r="D7775" t="s">
        <v>25652</v>
      </c>
      <c r="E7775" t="s">
        <v>13</v>
      </c>
      <c r="F7775">
        <v>6307</v>
      </c>
      <c r="G7775" t="s">
        <v>25745</v>
      </c>
      <c r="H7775">
        <v>4.9895121431879996</v>
      </c>
      <c r="I7775">
        <v>52.247036537473001</v>
      </c>
      <c r="J7775" t="s">
        <v>63460</v>
      </c>
    </row>
    <row r="7776" spans="1:10" x14ac:dyDescent="0.25">
      <c r="A7776" t="s">
        <v>25738</v>
      </c>
      <c r="B7776" t="s">
        <v>25739</v>
      </c>
      <c r="C7776" t="s">
        <v>25740</v>
      </c>
      <c r="D7776" t="s">
        <v>25652</v>
      </c>
      <c r="E7776" t="s">
        <v>13</v>
      </c>
      <c r="F7776">
        <v>6306</v>
      </c>
      <c r="G7776" t="s">
        <v>25741</v>
      </c>
      <c r="H7776">
        <v>4.9729526445910004</v>
      </c>
      <c r="I7776">
        <v>52.271294024181003</v>
      </c>
      <c r="J7776" t="s">
        <v>63461</v>
      </c>
    </row>
    <row r="7777" spans="1:10" x14ac:dyDescent="0.25">
      <c r="A7777" t="s">
        <v>25734</v>
      </c>
      <c r="B7777" t="s">
        <v>25735</v>
      </c>
      <c r="C7777" t="s">
        <v>25736</v>
      </c>
      <c r="D7777" t="s">
        <v>25652</v>
      </c>
      <c r="E7777" t="s">
        <v>13</v>
      </c>
      <c r="F7777">
        <v>6305</v>
      </c>
      <c r="G7777" t="s">
        <v>25737</v>
      </c>
      <c r="H7777">
        <v>4.9684549906779996</v>
      </c>
      <c r="I7777">
        <v>52.269739805698002</v>
      </c>
      <c r="J7777" t="s">
        <v>63462</v>
      </c>
    </row>
    <row r="7778" spans="1:10" x14ac:dyDescent="0.25">
      <c r="A7778" t="s">
        <v>25730</v>
      </c>
      <c r="B7778" t="s">
        <v>25731</v>
      </c>
      <c r="C7778" t="s">
        <v>25732</v>
      </c>
      <c r="D7778" t="s">
        <v>25652</v>
      </c>
      <c r="E7778" t="s">
        <v>13</v>
      </c>
      <c r="F7778">
        <v>6304</v>
      </c>
      <c r="G7778" t="s">
        <v>25733</v>
      </c>
      <c r="H7778">
        <v>4.974009705067</v>
      </c>
      <c r="I7778">
        <v>52.276235335541003</v>
      </c>
      <c r="J7778" t="s">
        <v>63463</v>
      </c>
    </row>
    <row r="7779" spans="1:10" x14ac:dyDescent="0.25">
      <c r="A7779" t="s">
        <v>25726</v>
      </c>
      <c r="B7779" t="s">
        <v>25727</v>
      </c>
      <c r="C7779" t="s">
        <v>25728</v>
      </c>
      <c r="D7779" t="s">
        <v>25652</v>
      </c>
      <c r="E7779" t="s">
        <v>13</v>
      </c>
      <c r="F7779">
        <v>6303</v>
      </c>
      <c r="G7779" t="s">
        <v>25729</v>
      </c>
      <c r="H7779">
        <v>4.8969314788140004</v>
      </c>
      <c r="I7779">
        <v>52.183100796832001</v>
      </c>
      <c r="J7779" t="s">
        <v>63464</v>
      </c>
    </row>
    <row r="7780" spans="1:10" x14ac:dyDescent="0.25">
      <c r="A7780" t="s">
        <v>25722</v>
      </c>
      <c r="B7780" t="s">
        <v>25723</v>
      </c>
      <c r="C7780" t="s">
        <v>25724</v>
      </c>
      <c r="D7780" t="s">
        <v>25652</v>
      </c>
      <c r="E7780" t="s">
        <v>13</v>
      </c>
      <c r="F7780">
        <v>6302</v>
      </c>
      <c r="G7780" t="s">
        <v>25725</v>
      </c>
      <c r="H7780">
        <v>4.8956350135440001</v>
      </c>
      <c r="I7780">
        <v>52.201452226943999</v>
      </c>
      <c r="J7780" t="s">
        <v>63465</v>
      </c>
    </row>
    <row r="7781" spans="1:10" x14ac:dyDescent="0.25">
      <c r="A7781" t="s">
        <v>25718</v>
      </c>
      <c r="B7781" t="s">
        <v>25719</v>
      </c>
      <c r="C7781" t="s">
        <v>25720</v>
      </c>
      <c r="D7781" t="s">
        <v>25652</v>
      </c>
      <c r="E7781" t="s">
        <v>13</v>
      </c>
      <c r="F7781">
        <v>6301</v>
      </c>
      <c r="G7781" t="s">
        <v>25721</v>
      </c>
      <c r="H7781">
        <v>4.895857379543</v>
      </c>
      <c r="I7781">
        <v>52.196048672723002</v>
      </c>
      <c r="J7781" t="s">
        <v>63466</v>
      </c>
    </row>
    <row r="7782" spans="1:10" x14ac:dyDescent="0.25">
      <c r="A7782" t="s">
        <v>25714</v>
      </c>
      <c r="B7782" t="s">
        <v>25715</v>
      </c>
      <c r="C7782" t="s">
        <v>25716</v>
      </c>
      <c r="D7782" t="s">
        <v>25652</v>
      </c>
      <c r="E7782" t="s">
        <v>13</v>
      </c>
      <c r="F7782">
        <v>6300</v>
      </c>
      <c r="G7782" t="s">
        <v>25717</v>
      </c>
      <c r="H7782">
        <v>4.8941394546580002</v>
      </c>
      <c r="I7782">
        <v>52.237948399403997</v>
      </c>
      <c r="J7782" t="s">
        <v>63467</v>
      </c>
    </row>
    <row r="7783" spans="1:10" x14ac:dyDescent="0.25">
      <c r="A7783" t="s">
        <v>25710</v>
      </c>
      <c r="B7783" t="s">
        <v>25711</v>
      </c>
      <c r="C7783" t="s">
        <v>25712</v>
      </c>
      <c r="D7783" t="s">
        <v>25652</v>
      </c>
      <c r="E7783" t="s">
        <v>13</v>
      </c>
      <c r="F7783">
        <v>6299</v>
      </c>
      <c r="G7783" t="s">
        <v>25713</v>
      </c>
      <c r="H7783">
        <v>4.8989639264299996</v>
      </c>
      <c r="I7783">
        <v>52.221186791972997</v>
      </c>
      <c r="J7783" t="s">
        <v>63468</v>
      </c>
    </row>
    <row r="7784" spans="1:10" x14ac:dyDescent="0.25">
      <c r="A7784" t="s">
        <v>25706</v>
      </c>
      <c r="B7784" t="s">
        <v>25707</v>
      </c>
      <c r="C7784" t="s">
        <v>25708</v>
      </c>
      <c r="D7784" t="s">
        <v>25652</v>
      </c>
      <c r="E7784" t="s">
        <v>13</v>
      </c>
      <c r="F7784">
        <v>6298</v>
      </c>
      <c r="G7784" t="s">
        <v>25709</v>
      </c>
      <c r="H7784">
        <v>4.9352755866370002</v>
      </c>
      <c r="I7784">
        <v>52.206893607833997</v>
      </c>
      <c r="J7784" t="s">
        <v>63469</v>
      </c>
    </row>
    <row r="7785" spans="1:10" x14ac:dyDescent="0.25">
      <c r="A7785" t="s">
        <v>25702</v>
      </c>
      <c r="B7785" t="s">
        <v>25703</v>
      </c>
      <c r="C7785" t="s">
        <v>25704</v>
      </c>
      <c r="D7785" t="s">
        <v>25652</v>
      </c>
      <c r="E7785" t="s">
        <v>13</v>
      </c>
      <c r="F7785">
        <v>6297</v>
      </c>
      <c r="G7785" t="s">
        <v>25705</v>
      </c>
      <c r="H7785">
        <v>4.9522336205529998</v>
      </c>
      <c r="I7785">
        <v>52.234311932722001</v>
      </c>
      <c r="J7785" t="s">
        <v>63470</v>
      </c>
    </row>
    <row r="7786" spans="1:10" x14ac:dyDescent="0.25">
      <c r="A7786" t="s">
        <v>25698</v>
      </c>
      <c r="B7786" t="s">
        <v>25699</v>
      </c>
      <c r="C7786" t="s">
        <v>25700</v>
      </c>
      <c r="D7786" t="s">
        <v>25652</v>
      </c>
      <c r="E7786" t="s">
        <v>13</v>
      </c>
      <c r="F7786">
        <v>6296</v>
      </c>
      <c r="G7786" t="s">
        <v>25701</v>
      </c>
      <c r="H7786">
        <v>4.9232033649869997</v>
      </c>
      <c r="I7786">
        <v>52.210619127727</v>
      </c>
      <c r="J7786" t="s">
        <v>63471</v>
      </c>
    </row>
    <row r="7787" spans="1:10" x14ac:dyDescent="0.25">
      <c r="A7787" t="s">
        <v>25694</v>
      </c>
      <c r="B7787" t="s">
        <v>25695</v>
      </c>
      <c r="C7787" t="s">
        <v>25696</v>
      </c>
      <c r="D7787" t="s">
        <v>25652</v>
      </c>
      <c r="E7787" t="s">
        <v>13</v>
      </c>
      <c r="F7787">
        <v>6295</v>
      </c>
      <c r="G7787" t="s">
        <v>25697</v>
      </c>
      <c r="H7787">
        <v>4.9312626755659998</v>
      </c>
      <c r="I7787">
        <v>52.212888582780998</v>
      </c>
      <c r="J7787" t="s">
        <v>63472</v>
      </c>
    </row>
    <row r="7788" spans="1:10" x14ac:dyDescent="0.25">
      <c r="A7788" t="s">
        <v>25690</v>
      </c>
      <c r="B7788" t="s">
        <v>25691</v>
      </c>
      <c r="C7788" t="s">
        <v>25692</v>
      </c>
      <c r="D7788" t="s">
        <v>25652</v>
      </c>
      <c r="E7788" t="s">
        <v>13</v>
      </c>
      <c r="F7788">
        <v>6294</v>
      </c>
      <c r="G7788" t="s">
        <v>25693</v>
      </c>
      <c r="H7788">
        <v>4.8405610318179999</v>
      </c>
      <c r="I7788">
        <v>52.233703610136999</v>
      </c>
      <c r="J7788" t="s">
        <v>63473</v>
      </c>
    </row>
    <row r="7789" spans="1:10" x14ac:dyDescent="0.25">
      <c r="A7789" t="s">
        <v>25686</v>
      </c>
      <c r="B7789" t="s">
        <v>25687</v>
      </c>
      <c r="C7789" t="s">
        <v>25688</v>
      </c>
      <c r="D7789" t="s">
        <v>25652</v>
      </c>
      <c r="E7789" t="s">
        <v>13</v>
      </c>
      <c r="F7789">
        <v>6293</v>
      </c>
      <c r="G7789" t="s">
        <v>25689</v>
      </c>
      <c r="H7789">
        <v>4.8147110588639999</v>
      </c>
      <c r="I7789">
        <v>52.21307171254</v>
      </c>
      <c r="J7789" t="s">
        <v>63474</v>
      </c>
    </row>
    <row r="7790" spans="1:10" x14ac:dyDescent="0.25">
      <c r="A7790" t="s">
        <v>25682</v>
      </c>
      <c r="B7790" t="s">
        <v>25683</v>
      </c>
      <c r="C7790" t="s">
        <v>25684</v>
      </c>
      <c r="D7790" t="s">
        <v>25652</v>
      </c>
      <c r="E7790" t="s">
        <v>13</v>
      </c>
      <c r="F7790">
        <v>6292</v>
      </c>
      <c r="G7790" t="s">
        <v>25685</v>
      </c>
      <c r="H7790">
        <v>4.8156215940780003</v>
      </c>
      <c r="I7790">
        <v>52.204590077318002</v>
      </c>
      <c r="J7790" t="s">
        <v>63475</v>
      </c>
    </row>
    <row r="7791" spans="1:10" x14ac:dyDescent="0.25">
      <c r="A7791" t="s">
        <v>25678</v>
      </c>
      <c r="B7791" t="s">
        <v>25679</v>
      </c>
      <c r="C7791" t="s">
        <v>25680</v>
      </c>
      <c r="D7791" t="s">
        <v>25652</v>
      </c>
      <c r="E7791" t="s">
        <v>13</v>
      </c>
      <c r="F7791">
        <v>6291</v>
      </c>
      <c r="G7791" t="s">
        <v>25681</v>
      </c>
      <c r="H7791">
        <v>4.8488453528679996</v>
      </c>
      <c r="I7791">
        <v>52.213686410816997</v>
      </c>
      <c r="J7791" t="s">
        <v>63476</v>
      </c>
    </row>
    <row r="7792" spans="1:10" x14ac:dyDescent="0.25">
      <c r="A7792" t="s">
        <v>25674</v>
      </c>
      <c r="B7792" t="s">
        <v>25675</v>
      </c>
      <c r="C7792" t="s">
        <v>25676</v>
      </c>
      <c r="D7792" t="s">
        <v>25652</v>
      </c>
      <c r="E7792" t="s">
        <v>13</v>
      </c>
      <c r="F7792">
        <v>6290</v>
      </c>
      <c r="G7792" t="s">
        <v>25677</v>
      </c>
      <c r="H7792">
        <v>4.8789988161390001</v>
      </c>
      <c r="I7792">
        <v>52.208902698491997</v>
      </c>
      <c r="J7792" t="s">
        <v>63477</v>
      </c>
    </row>
    <row r="7793" spans="1:10" x14ac:dyDescent="0.25">
      <c r="A7793" t="s">
        <v>25670</v>
      </c>
      <c r="B7793" t="s">
        <v>25671</v>
      </c>
      <c r="C7793" t="s">
        <v>25672</v>
      </c>
      <c r="D7793" t="s">
        <v>25652</v>
      </c>
      <c r="E7793" t="s">
        <v>13</v>
      </c>
      <c r="F7793">
        <v>6289</v>
      </c>
      <c r="G7793" t="s">
        <v>25673</v>
      </c>
      <c r="H7793">
        <v>4.8581869626999996</v>
      </c>
      <c r="I7793">
        <v>52.199628490427003</v>
      </c>
      <c r="J7793" t="s">
        <v>63478</v>
      </c>
    </row>
    <row r="7794" spans="1:10" x14ac:dyDescent="0.25">
      <c r="A7794" t="s">
        <v>25666</v>
      </c>
      <c r="B7794" t="s">
        <v>25667</v>
      </c>
      <c r="C7794" t="s">
        <v>25668</v>
      </c>
      <c r="D7794" t="s">
        <v>25652</v>
      </c>
      <c r="E7794" t="s">
        <v>13</v>
      </c>
      <c r="F7794">
        <v>6288</v>
      </c>
      <c r="G7794" t="s">
        <v>25669</v>
      </c>
      <c r="H7794">
        <v>4.852491742162</v>
      </c>
      <c r="I7794">
        <v>52.205086852001003</v>
      </c>
      <c r="J7794" t="s">
        <v>63479</v>
      </c>
    </row>
    <row r="7795" spans="1:10" x14ac:dyDescent="0.25">
      <c r="A7795" t="s">
        <v>25662</v>
      </c>
      <c r="B7795" t="s">
        <v>25663</v>
      </c>
      <c r="C7795" t="s">
        <v>25664</v>
      </c>
      <c r="D7795" t="s">
        <v>25652</v>
      </c>
      <c r="E7795" t="s">
        <v>13</v>
      </c>
      <c r="F7795">
        <v>6287</v>
      </c>
      <c r="G7795" t="s">
        <v>25665</v>
      </c>
      <c r="H7795">
        <v>4.8609359918579997</v>
      </c>
      <c r="I7795">
        <v>52.204383791684997</v>
      </c>
      <c r="J7795" t="s">
        <v>63480</v>
      </c>
    </row>
    <row r="7796" spans="1:10" x14ac:dyDescent="0.25">
      <c r="A7796" t="s">
        <v>25658</v>
      </c>
      <c r="B7796" t="s">
        <v>25659</v>
      </c>
      <c r="C7796" t="s">
        <v>25660</v>
      </c>
      <c r="D7796" t="s">
        <v>25652</v>
      </c>
      <c r="E7796" t="s">
        <v>13</v>
      </c>
      <c r="F7796">
        <v>6286</v>
      </c>
      <c r="G7796" t="s">
        <v>25661</v>
      </c>
      <c r="H7796">
        <v>4.8654848056460001</v>
      </c>
      <c r="I7796">
        <v>52.198227696410001</v>
      </c>
      <c r="J7796" t="s">
        <v>63481</v>
      </c>
    </row>
    <row r="7797" spans="1:10" x14ac:dyDescent="0.25">
      <c r="A7797" t="s">
        <v>25654</v>
      </c>
      <c r="B7797" t="s">
        <v>25655</v>
      </c>
      <c r="C7797" t="s">
        <v>25656</v>
      </c>
      <c r="D7797" t="s">
        <v>25652</v>
      </c>
      <c r="E7797" t="s">
        <v>13</v>
      </c>
      <c r="F7797">
        <v>6285</v>
      </c>
      <c r="G7797" t="s">
        <v>25657</v>
      </c>
      <c r="H7797">
        <v>4.8644140794690003</v>
      </c>
      <c r="I7797">
        <v>52.214599110818</v>
      </c>
      <c r="J7797" t="s">
        <v>63482</v>
      </c>
    </row>
    <row r="7798" spans="1:10" x14ac:dyDescent="0.25">
      <c r="A7798" t="s">
        <v>25649</v>
      </c>
      <c r="B7798" t="s">
        <v>25650</v>
      </c>
      <c r="C7798" t="s">
        <v>25651</v>
      </c>
      <c r="D7798" t="s">
        <v>25652</v>
      </c>
      <c r="E7798" t="s">
        <v>13</v>
      </c>
      <c r="F7798">
        <v>6284</v>
      </c>
      <c r="G7798" t="s">
        <v>25653</v>
      </c>
      <c r="H7798">
        <v>4.8674858559159997</v>
      </c>
      <c r="I7798">
        <v>52.206835375579999</v>
      </c>
      <c r="J7798" t="s">
        <v>63483</v>
      </c>
    </row>
    <row r="7799" spans="1:10" x14ac:dyDescent="0.25">
      <c r="A7799" t="s">
        <v>25645</v>
      </c>
      <c r="B7799" t="s">
        <v>25646</v>
      </c>
      <c r="C7799" t="s">
        <v>25647</v>
      </c>
      <c r="D7799" t="s">
        <v>25485</v>
      </c>
      <c r="E7799" t="s">
        <v>13</v>
      </c>
      <c r="F7799">
        <v>6283</v>
      </c>
      <c r="G7799" t="s">
        <v>25648</v>
      </c>
      <c r="H7799">
        <v>3.6879815724089999</v>
      </c>
      <c r="I7799">
        <v>51.462652138722</v>
      </c>
      <c r="J7799" t="s">
        <v>63484</v>
      </c>
    </row>
    <row r="7800" spans="1:10" x14ac:dyDescent="0.25">
      <c r="A7800" t="s">
        <v>25641</v>
      </c>
      <c r="B7800" t="s">
        <v>25642</v>
      </c>
      <c r="C7800" t="s">
        <v>25643</v>
      </c>
      <c r="D7800" t="s">
        <v>25485</v>
      </c>
      <c r="E7800" t="s">
        <v>13</v>
      </c>
      <c r="F7800">
        <v>6282</v>
      </c>
      <c r="G7800" t="s">
        <v>25644</v>
      </c>
      <c r="H7800">
        <v>3.5984740227569998</v>
      </c>
      <c r="I7800">
        <v>51.455958873989999</v>
      </c>
      <c r="J7800" t="s">
        <v>63485</v>
      </c>
    </row>
    <row r="7801" spans="1:10" x14ac:dyDescent="0.25">
      <c r="A7801" t="s">
        <v>25637</v>
      </c>
      <c r="B7801" t="s">
        <v>25638</v>
      </c>
      <c r="C7801" t="s">
        <v>25639</v>
      </c>
      <c r="D7801" t="s">
        <v>25485</v>
      </c>
      <c r="E7801" t="s">
        <v>13</v>
      </c>
      <c r="F7801">
        <v>6281</v>
      </c>
      <c r="G7801" t="s">
        <v>25640</v>
      </c>
      <c r="H7801">
        <v>3.605453333167</v>
      </c>
      <c r="I7801">
        <v>51.448183607494002</v>
      </c>
      <c r="J7801" t="s">
        <v>63486</v>
      </c>
    </row>
    <row r="7802" spans="1:10" x14ac:dyDescent="0.25">
      <c r="A7802" t="s">
        <v>25633</v>
      </c>
      <c r="B7802" t="s">
        <v>25634</v>
      </c>
      <c r="C7802" t="s">
        <v>25635</v>
      </c>
      <c r="D7802" t="s">
        <v>25485</v>
      </c>
      <c r="E7802" t="s">
        <v>13</v>
      </c>
      <c r="F7802">
        <v>6280</v>
      </c>
      <c r="G7802" t="s">
        <v>25636</v>
      </c>
      <c r="H7802">
        <v>3.5910721594130002</v>
      </c>
      <c r="I7802">
        <v>51.449799435591999</v>
      </c>
      <c r="J7802" t="s">
        <v>63487</v>
      </c>
    </row>
    <row r="7803" spans="1:10" x14ac:dyDescent="0.25">
      <c r="A7803" t="s">
        <v>25629</v>
      </c>
      <c r="B7803" t="s">
        <v>25630</v>
      </c>
      <c r="C7803" t="s">
        <v>25631</v>
      </c>
      <c r="D7803" t="s">
        <v>25485</v>
      </c>
      <c r="E7803" t="s">
        <v>13</v>
      </c>
      <c r="F7803">
        <v>6279</v>
      </c>
      <c r="G7803" t="s">
        <v>25632</v>
      </c>
      <c r="H7803">
        <v>3.6062382317870001</v>
      </c>
      <c r="I7803">
        <v>51.458860398746999</v>
      </c>
      <c r="J7803" t="s">
        <v>63488</v>
      </c>
    </row>
    <row r="7804" spans="1:10" x14ac:dyDescent="0.25">
      <c r="A7804" t="s">
        <v>25625</v>
      </c>
      <c r="B7804" t="s">
        <v>25626</v>
      </c>
      <c r="C7804" t="s">
        <v>25627</v>
      </c>
      <c r="D7804" t="s">
        <v>25485</v>
      </c>
      <c r="E7804" t="s">
        <v>13</v>
      </c>
      <c r="F7804">
        <v>6278</v>
      </c>
      <c r="G7804" t="s">
        <v>25628</v>
      </c>
      <c r="H7804">
        <v>3.6340522418410002</v>
      </c>
      <c r="I7804">
        <v>51.465350100335002</v>
      </c>
      <c r="J7804" t="s">
        <v>63489</v>
      </c>
    </row>
    <row r="7805" spans="1:10" x14ac:dyDescent="0.25">
      <c r="A7805" t="s">
        <v>25621</v>
      </c>
      <c r="B7805" t="s">
        <v>25622</v>
      </c>
      <c r="C7805" t="s">
        <v>25623</v>
      </c>
      <c r="D7805" t="s">
        <v>25485</v>
      </c>
      <c r="E7805" t="s">
        <v>13</v>
      </c>
      <c r="F7805">
        <v>6277</v>
      </c>
      <c r="G7805" t="s">
        <v>25624</v>
      </c>
      <c r="H7805">
        <v>3.6303860939899999</v>
      </c>
      <c r="I7805">
        <v>51.450717431184003</v>
      </c>
      <c r="J7805" t="s">
        <v>63490</v>
      </c>
    </row>
    <row r="7806" spans="1:10" x14ac:dyDescent="0.25">
      <c r="A7806" t="s">
        <v>25617</v>
      </c>
      <c r="B7806" t="s">
        <v>25618</v>
      </c>
      <c r="C7806" t="s">
        <v>25619</v>
      </c>
      <c r="D7806" t="s">
        <v>25485</v>
      </c>
      <c r="E7806" t="s">
        <v>13</v>
      </c>
      <c r="F7806">
        <v>6276</v>
      </c>
      <c r="G7806" t="s">
        <v>25620</v>
      </c>
      <c r="H7806">
        <v>3.6265957174889998</v>
      </c>
      <c r="I7806">
        <v>51.450362036439003</v>
      </c>
      <c r="J7806" t="s">
        <v>63491</v>
      </c>
    </row>
    <row r="7807" spans="1:10" x14ac:dyDescent="0.25">
      <c r="A7807" t="s">
        <v>25613</v>
      </c>
      <c r="B7807" t="s">
        <v>25614</v>
      </c>
      <c r="C7807" t="s">
        <v>25615</v>
      </c>
      <c r="D7807" t="s">
        <v>25485</v>
      </c>
      <c r="E7807" t="s">
        <v>13</v>
      </c>
      <c r="F7807">
        <v>6275</v>
      </c>
      <c r="G7807" t="s">
        <v>25616</v>
      </c>
      <c r="H7807">
        <v>3.6125562493330001</v>
      </c>
      <c r="I7807">
        <v>51.471115299567003</v>
      </c>
      <c r="J7807" t="s">
        <v>63492</v>
      </c>
    </row>
    <row r="7808" spans="1:10" x14ac:dyDescent="0.25">
      <c r="A7808" t="s">
        <v>25609</v>
      </c>
      <c r="B7808" t="s">
        <v>25610</v>
      </c>
      <c r="C7808" t="s">
        <v>25611</v>
      </c>
      <c r="D7808" t="s">
        <v>25485</v>
      </c>
      <c r="E7808" t="s">
        <v>13</v>
      </c>
      <c r="F7808">
        <v>6274</v>
      </c>
      <c r="G7808" t="s">
        <v>25612</v>
      </c>
      <c r="H7808">
        <v>3.6065953624359999</v>
      </c>
      <c r="I7808">
        <v>51.469484077734997</v>
      </c>
      <c r="J7808" t="s">
        <v>63493</v>
      </c>
    </row>
    <row r="7809" spans="1:10" x14ac:dyDescent="0.25">
      <c r="A7809" t="s">
        <v>25605</v>
      </c>
      <c r="B7809" t="s">
        <v>25606</v>
      </c>
      <c r="C7809" t="s">
        <v>25607</v>
      </c>
      <c r="D7809" t="s">
        <v>25485</v>
      </c>
      <c r="E7809" t="s">
        <v>13</v>
      </c>
      <c r="F7809">
        <v>6273</v>
      </c>
      <c r="G7809" t="s">
        <v>25608</v>
      </c>
      <c r="H7809">
        <v>3.6057736878050002</v>
      </c>
      <c r="I7809">
        <v>51.462599039044001</v>
      </c>
      <c r="J7809" t="s">
        <v>63494</v>
      </c>
    </row>
    <row r="7810" spans="1:10" x14ac:dyDescent="0.25">
      <c r="A7810" t="s">
        <v>25601</v>
      </c>
      <c r="B7810" t="s">
        <v>25602</v>
      </c>
      <c r="C7810" t="s">
        <v>25603</v>
      </c>
      <c r="D7810" t="s">
        <v>25485</v>
      </c>
      <c r="E7810" t="s">
        <v>13</v>
      </c>
      <c r="F7810">
        <v>6272</v>
      </c>
      <c r="G7810" t="s">
        <v>25604</v>
      </c>
      <c r="H7810">
        <v>3.616299218535</v>
      </c>
      <c r="I7810">
        <v>51.474471172340003</v>
      </c>
      <c r="J7810" t="s">
        <v>63495</v>
      </c>
    </row>
    <row r="7811" spans="1:10" x14ac:dyDescent="0.25">
      <c r="A7811" t="s">
        <v>25597</v>
      </c>
      <c r="B7811" t="s">
        <v>25598</v>
      </c>
      <c r="C7811" t="s">
        <v>25599</v>
      </c>
      <c r="D7811" t="s">
        <v>25485</v>
      </c>
      <c r="E7811" t="s">
        <v>13</v>
      </c>
      <c r="F7811">
        <v>6271</v>
      </c>
      <c r="G7811" t="s">
        <v>25600</v>
      </c>
      <c r="H7811">
        <v>3.6105943722520002</v>
      </c>
      <c r="I7811">
        <v>51.466218307924997</v>
      </c>
      <c r="J7811" t="s">
        <v>63496</v>
      </c>
    </row>
    <row r="7812" spans="1:10" x14ac:dyDescent="0.25">
      <c r="A7812" t="s">
        <v>25593</v>
      </c>
      <c r="B7812" t="s">
        <v>25594</v>
      </c>
      <c r="C7812" t="s">
        <v>25595</v>
      </c>
      <c r="D7812" t="s">
        <v>25485</v>
      </c>
      <c r="E7812" t="s">
        <v>13</v>
      </c>
      <c r="F7812">
        <v>6270</v>
      </c>
      <c r="G7812" t="s">
        <v>25596</v>
      </c>
      <c r="H7812">
        <v>3.6022132563949998</v>
      </c>
      <c r="I7812">
        <v>51.472521139992999</v>
      </c>
      <c r="J7812" t="s">
        <v>63497</v>
      </c>
    </row>
    <row r="7813" spans="1:10" x14ac:dyDescent="0.25">
      <c r="A7813" t="s">
        <v>25589</v>
      </c>
      <c r="B7813" t="s">
        <v>25590</v>
      </c>
      <c r="C7813" t="s">
        <v>25591</v>
      </c>
      <c r="D7813" t="s">
        <v>25485</v>
      </c>
      <c r="E7813" t="s">
        <v>13</v>
      </c>
      <c r="F7813">
        <v>6269</v>
      </c>
      <c r="G7813" t="s">
        <v>25592</v>
      </c>
      <c r="H7813">
        <v>3.5967241406369999</v>
      </c>
      <c r="I7813">
        <v>51.459603350390999</v>
      </c>
      <c r="J7813" t="s">
        <v>63498</v>
      </c>
    </row>
    <row r="7814" spans="1:10" x14ac:dyDescent="0.25">
      <c r="A7814" t="s">
        <v>25585</v>
      </c>
      <c r="B7814" t="s">
        <v>25586</v>
      </c>
      <c r="C7814" t="s">
        <v>25587</v>
      </c>
      <c r="D7814" t="s">
        <v>25485</v>
      </c>
      <c r="E7814" t="s">
        <v>13</v>
      </c>
      <c r="F7814">
        <v>6268</v>
      </c>
      <c r="G7814" t="s">
        <v>25588</v>
      </c>
      <c r="H7814">
        <v>3.5991899092609998</v>
      </c>
      <c r="I7814">
        <v>51.464021508319</v>
      </c>
      <c r="J7814" t="s">
        <v>63499</v>
      </c>
    </row>
    <row r="7815" spans="1:10" x14ac:dyDescent="0.25">
      <c r="A7815" t="s">
        <v>25582</v>
      </c>
      <c r="B7815" t="s">
        <v>25583</v>
      </c>
      <c r="C7815" t="s">
        <v>6114</v>
      </c>
      <c r="D7815" t="s">
        <v>25485</v>
      </c>
      <c r="E7815" t="s">
        <v>13</v>
      </c>
      <c r="F7815">
        <v>6267</v>
      </c>
      <c r="G7815" t="s">
        <v>25584</v>
      </c>
      <c r="H7815">
        <v>3.5915000873710001</v>
      </c>
      <c r="I7815">
        <v>51.473669670752003</v>
      </c>
      <c r="J7815" t="s">
        <v>63500</v>
      </c>
    </row>
    <row r="7816" spans="1:10" x14ac:dyDescent="0.25">
      <c r="A7816" t="s">
        <v>25578</v>
      </c>
      <c r="B7816" t="s">
        <v>25579</v>
      </c>
      <c r="C7816" t="s">
        <v>25580</v>
      </c>
      <c r="D7816" t="s">
        <v>25485</v>
      </c>
      <c r="E7816" t="s">
        <v>13</v>
      </c>
      <c r="F7816">
        <v>6266</v>
      </c>
      <c r="G7816" t="s">
        <v>25581</v>
      </c>
      <c r="H7816">
        <v>3.576980333282</v>
      </c>
      <c r="I7816">
        <v>51.472436125137001</v>
      </c>
      <c r="J7816" t="s">
        <v>63501</v>
      </c>
    </row>
    <row r="7817" spans="1:10" x14ac:dyDescent="0.25">
      <c r="A7817" t="s">
        <v>25574</v>
      </c>
      <c r="B7817" t="s">
        <v>25575</v>
      </c>
      <c r="C7817" t="s">
        <v>25576</v>
      </c>
      <c r="D7817" t="s">
        <v>25485</v>
      </c>
      <c r="E7817" t="s">
        <v>13</v>
      </c>
      <c r="F7817">
        <v>6265</v>
      </c>
      <c r="G7817" t="s">
        <v>25577</v>
      </c>
      <c r="H7817">
        <v>3.5906881501919998</v>
      </c>
      <c r="I7817">
        <v>51.467746967327002</v>
      </c>
      <c r="J7817" t="s">
        <v>63502</v>
      </c>
    </row>
    <row r="7818" spans="1:10" x14ac:dyDescent="0.25">
      <c r="A7818" t="s">
        <v>25570</v>
      </c>
      <c r="B7818" t="s">
        <v>25571</v>
      </c>
      <c r="C7818" t="s">
        <v>25572</v>
      </c>
      <c r="D7818" t="s">
        <v>25485</v>
      </c>
      <c r="E7818" t="s">
        <v>13</v>
      </c>
      <c r="F7818">
        <v>6264</v>
      </c>
      <c r="G7818" t="s">
        <v>25573</v>
      </c>
      <c r="H7818">
        <v>3.5798396405739998</v>
      </c>
      <c r="I7818">
        <v>51.466572017518999</v>
      </c>
      <c r="J7818" t="s">
        <v>63503</v>
      </c>
    </row>
    <row r="7819" spans="1:10" x14ac:dyDescent="0.25">
      <c r="A7819" t="s">
        <v>25566</v>
      </c>
      <c r="B7819" t="s">
        <v>25567</v>
      </c>
      <c r="C7819" t="s">
        <v>25568</v>
      </c>
      <c r="D7819" t="s">
        <v>25485</v>
      </c>
      <c r="E7819" t="s">
        <v>13</v>
      </c>
      <c r="F7819">
        <v>6263</v>
      </c>
      <c r="G7819" t="s">
        <v>25569</v>
      </c>
      <c r="H7819">
        <v>3.562119906425</v>
      </c>
      <c r="I7819">
        <v>51.467503118819003</v>
      </c>
      <c r="J7819" t="s">
        <v>63504</v>
      </c>
    </row>
    <row r="7820" spans="1:10" x14ac:dyDescent="0.25">
      <c r="A7820" t="s">
        <v>25562</v>
      </c>
      <c r="B7820" t="s">
        <v>25563</v>
      </c>
      <c r="C7820" t="s">
        <v>25564</v>
      </c>
      <c r="D7820" t="s">
        <v>25485</v>
      </c>
      <c r="E7820" t="s">
        <v>13</v>
      </c>
      <c r="F7820">
        <v>6262</v>
      </c>
      <c r="G7820" t="s">
        <v>25565</v>
      </c>
      <c r="H7820">
        <v>3.5873457314169999</v>
      </c>
      <c r="I7820">
        <v>51.461377072988</v>
      </c>
      <c r="J7820" t="s">
        <v>63505</v>
      </c>
    </row>
    <row r="7821" spans="1:10" x14ac:dyDescent="0.25">
      <c r="A7821" t="s">
        <v>25558</v>
      </c>
      <c r="B7821" t="s">
        <v>25559</v>
      </c>
      <c r="C7821" t="s">
        <v>25560</v>
      </c>
      <c r="D7821" t="s">
        <v>25485</v>
      </c>
      <c r="E7821" t="s">
        <v>13</v>
      </c>
      <c r="F7821">
        <v>6261</v>
      </c>
      <c r="G7821" t="s">
        <v>25561</v>
      </c>
      <c r="H7821">
        <v>3.5752267393319999</v>
      </c>
      <c r="I7821">
        <v>51.462859848907001</v>
      </c>
      <c r="J7821" t="s">
        <v>63506</v>
      </c>
    </row>
    <row r="7822" spans="1:10" x14ac:dyDescent="0.25">
      <c r="A7822" t="s">
        <v>25555</v>
      </c>
      <c r="B7822" t="s">
        <v>25556</v>
      </c>
      <c r="C7822" t="s">
        <v>22263</v>
      </c>
      <c r="D7822" t="s">
        <v>25485</v>
      </c>
      <c r="E7822" t="s">
        <v>13</v>
      </c>
      <c r="F7822">
        <v>6260</v>
      </c>
      <c r="G7822" t="s">
        <v>25557</v>
      </c>
      <c r="H7822">
        <v>3.5634684465480002</v>
      </c>
      <c r="I7822">
        <v>51.461826840137</v>
      </c>
      <c r="J7822" t="s">
        <v>63507</v>
      </c>
    </row>
    <row r="7823" spans="1:10" x14ac:dyDescent="0.25">
      <c r="A7823" t="s">
        <v>25551</v>
      </c>
      <c r="B7823" t="s">
        <v>25552</v>
      </c>
      <c r="C7823" t="s">
        <v>25553</v>
      </c>
      <c r="D7823" t="s">
        <v>25485</v>
      </c>
      <c r="E7823" t="s">
        <v>13</v>
      </c>
      <c r="F7823">
        <v>6259</v>
      </c>
      <c r="G7823" t="s">
        <v>25554</v>
      </c>
      <c r="H7823">
        <v>3.5544091994799998</v>
      </c>
      <c r="I7823">
        <v>51.46467269107</v>
      </c>
      <c r="J7823" t="s">
        <v>63508</v>
      </c>
    </row>
    <row r="7824" spans="1:10" x14ac:dyDescent="0.25">
      <c r="A7824" t="s">
        <v>25547</v>
      </c>
      <c r="B7824" t="s">
        <v>25548</v>
      </c>
      <c r="C7824" t="s">
        <v>25549</v>
      </c>
      <c r="D7824" t="s">
        <v>25485</v>
      </c>
      <c r="E7824" t="s">
        <v>13</v>
      </c>
      <c r="F7824">
        <v>6258</v>
      </c>
      <c r="G7824" t="s">
        <v>25550</v>
      </c>
      <c r="H7824">
        <v>3.5424178042599999</v>
      </c>
      <c r="I7824">
        <v>51.457879642004002</v>
      </c>
      <c r="J7824" t="s">
        <v>63509</v>
      </c>
    </row>
    <row r="7825" spans="1:10" x14ac:dyDescent="0.25">
      <c r="A7825" t="s">
        <v>25543</v>
      </c>
      <c r="B7825" t="s">
        <v>25544</v>
      </c>
      <c r="C7825" t="s">
        <v>25545</v>
      </c>
      <c r="D7825" t="s">
        <v>25485</v>
      </c>
      <c r="E7825" t="s">
        <v>13</v>
      </c>
      <c r="F7825">
        <v>6257</v>
      </c>
      <c r="G7825" t="s">
        <v>25546</v>
      </c>
      <c r="H7825">
        <v>3.547505109337</v>
      </c>
      <c r="I7825">
        <v>51.463994969009001</v>
      </c>
      <c r="J7825" t="s">
        <v>63510</v>
      </c>
    </row>
    <row r="7826" spans="1:10" x14ac:dyDescent="0.25">
      <c r="A7826" t="s">
        <v>25539</v>
      </c>
      <c r="B7826" t="s">
        <v>25540</v>
      </c>
      <c r="C7826" t="s">
        <v>25541</v>
      </c>
      <c r="D7826" t="s">
        <v>25485</v>
      </c>
      <c r="E7826" t="s">
        <v>13</v>
      </c>
      <c r="F7826">
        <v>6256</v>
      </c>
      <c r="G7826" t="s">
        <v>25542</v>
      </c>
      <c r="H7826">
        <v>3.5551702712709998</v>
      </c>
      <c r="I7826">
        <v>51.459673890288997</v>
      </c>
      <c r="J7826" t="s">
        <v>63511</v>
      </c>
    </row>
    <row r="7827" spans="1:10" x14ac:dyDescent="0.25">
      <c r="A7827" t="s">
        <v>25535</v>
      </c>
      <c r="B7827" t="s">
        <v>25536</v>
      </c>
      <c r="C7827" t="s">
        <v>25537</v>
      </c>
      <c r="D7827" t="s">
        <v>25485</v>
      </c>
      <c r="E7827" t="s">
        <v>13</v>
      </c>
      <c r="F7827">
        <v>6255</v>
      </c>
      <c r="G7827" t="s">
        <v>25538</v>
      </c>
      <c r="H7827">
        <v>3.5712211369690001</v>
      </c>
      <c r="I7827">
        <v>51.452753592009003</v>
      </c>
      <c r="J7827" t="s">
        <v>63512</v>
      </c>
    </row>
    <row r="7828" spans="1:10" x14ac:dyDescent="0.25">
      <c r="A7828" t="s">
        <v>25531</v>
      </c>
      <c r="B7828" t="s">
        <v>25532</v>
      </c>
      <c r="C7828" t="s">
        <v>25533</v>
      </c>
      <c r="D7828" t="s">
        <v>25485</v>
      </c>
      <c r="E7828" t="s">
        <v>13</v>
      </c>
      <c r="F7828">
        <v>6254</v>
      </c>
      <c r="G7828" t="s">
        <v>25534</v>
      </c>
      <c r="H7828">
        <v>3.5639458410190001</v>
      </c>
      <c r="I7828">
        <v>51.446852727390002</v>
      </c>
      <c r="J7828" t="s">
        <v>63513</v>
      </c>
    </row>
    <row r="7829" spans="1:10" x14ac:dyDescent="0.25">
      <c r="A7829" t="s">
        <v>25527</v>
      </c>
      <c r="B7829" t="s">
        <v>25528</v>
      </c>
      <c r="C7829" t="s">
        <v>25529</v>
      </c>
      <c r="D7829" t="s">
        <v>25485</v>
      </c>
      <c r="E7829" t="s">
        <v>13</v>
      </c>
      <c r="F7829">
        <v>6253</v>
      </c>
      <c r="G7829" t="s">
        <v>25530</v>
      </c>
      <c r="H7829">
        <v>3.5847457794230002</v>
      </c>
      <c r="I7829">
        <v>51.456890398029003</v>
      </c>
      <c r="J7829" t="s">
        <v>63514</v>
      </c>
    </row>
    <row r="7830" spans="1:10" x14ac:dyDescent="0.25">
      <c r="A7830" t="s">
        <v>25523</v>
      </c>
      <c r="B7830" t="s">
        <v>25524</v>
      </c>
      <c r="C7830" t="s">
        <v>25525</v>
      </c>
      <c r="D7830" t="s">
        <v>25485</v>
      </c>
      <c r="E7830" t="s">
        <v>13</v>
      </c>
      <c r="F7830">
        <v>6252</v>
      </c>
      <c r="G7830" t="s">
        <v>25526</v>
      </c>
      <c r="H7830">
        <v>3.5746264430450001</v>
      </c>
      <c r="I7830">
        <v>51.458204419543002</v>
      </c>
      <c r="J7830" t="s">
        <v>63515</v>
      </c>
    </row>
    <row r="7831" spans="1:10" x14ac:dyDescent="0.25">
      <c r="A7831" t="s">
        <v>25519</v>
      </c>
      <c r="B7831" t="s">
        <v>25520</v>
      </c>
      <c r="C7831" t="s">
        <v>25521</v>
      </c>
      <c r="D7831" t="s">
        <v>25485</v>
      </c>
      <c r="E7831" t="s">
        <v>13</v>
      </c>
      <c r="F7831">
        <v>6251</v>
      </c>
      <c r="G7831" t="s">
        <v>25522</v>
      </c>
      <c r="H7831">
        <v>3.5651373607829999</v>
      </c>
      <c r="I7831">
        <v>51.457368870078</v>
      </c>
      <c r="J7831" t="s">
        <v>63516</v>
      </c>
    </row>
    <row r="7832" spans="1:10" x14ac:dyDescent="0.25">
      <c r="A7832" t="s">
        <v>25515</v>
      </c>
      <c r="B7832" t="s">
        <v>25516</v>
      </c>
      <c r="C7832" t="s">
        <v>25517</v>
      </c>
      <c r="D7832" t="s">
        <v>25485</v>
      </c>
      <c r="E7832" t="s">
        <v>13</v>
      </c>
      <c r="F7832">
        <v>6250</v>
      </c>
      <c r="G7832" t="s">
        <v>25518</v>
      </c>
      <c r="H7832">
        <v>3.5576867297499999</v>
      </c>
      <c r="I7832">
        <v>51.455612317705999</v>
      </c>
      <c r="J7832" t="s">
        <v>63517</v>
      </c>
    </row>
    <row r="7833" spans="1:10" x14ac:dyDescent="0.25">
      <c r="A7833" t="s">
        <v>25511</v>
      </c>
      <c r="B7833" t="s">
        <v>25512</v>
      </c>
      <c r="C7833" t="s">
        <v>25513</v>
      </c>
      <c r="D7833" t="s">
        <v>25485</v>
      </c>
      <c r="E7833" t="s">
        <v>13</v>
      </c>
      <c r="F7833">
        <v>6249</v>
      </c>
      <c r="G7833" t="s">
        <v>25514</v>
      </c>
      <c r="H7833">
        <v>3.5832913221460001</v>
      </c>
      <c r="I7833">
        <v>51.452331271664001</v>
      </c>
      <c r="J7833" t="s">
        <v>63518</v>
      </c>
    </row>
    <row r="7834" spans="1:10" x14ac:dyDescent="0.25">
      <c r="A7834" t="s">
        <v>25507</v>
      </c>
      <c r="B7834" t="s">
        <v>25508</v>
      </c>
      <c r="C7834" t="s">
        <v>25509</v>
      </c>
      <c r="D7834" t="s">
        <v>25485</v>
      </c>
      <c r="E7834" t="s">
        <v>13</v>
      </c>
      <c r="F7834">
        <v>6248</v>
      </c>
      <c r="G7834" t="s">
        <v>25510</v>
      </c>
      <c r="H7834">
        <v>3.5762379450630002</v>
      </c>
      <c r="I7834">
        <v>51.453049272260998</v>
      </c>
      <c r="J7834" t="s">
        <v>63519</v>
      </c>
    </row>
    <row r="7835" spans="1:10" x14ac:dyDescent="0.25">
      <c r="A7835" t="s">
        <v>25503</v>
      </c>
      <c r="B7835" t="s">
        <v>25504</v>
      </c>
      <c r="C7835" t="s">
        <v>25505</v>
      </c>
      <c r="D7835" t="s">
        <v>25485</v>
      </c>
      <c r="E7835" t="s">
        <v>13</v>
      </c>
      <c r="F7835">
        <v>6247</v>
      </c>
      <c r="G7835" t="s">
        <v>25506</v>
      </c>
      <c r="H7835">
        <v>3.5665465290979999</v>
      </c>
      <c r="I7835">
        <v>51.452029618906003</v>
      </c>
      <c r="J7835" t="s">
        <v>63520</v>
      </c>
    </row>
    <row r="7836" spans="1:10" x14ac:dyDescent="0.25">
      <c r="A7836" t="s">
        <v>25499</v>
      </c>
      <c r="B7836" t="s">
        <v>25500</v>
      </c>
      <c r="C7836" t="s">
        <v>25501</v>
      </c>
      <c r="D7836" t="s">
        <v>25485</v>
      </c>
      <c r="E7836" t="s">
        <v>13</v>
      </c>
      <c r="F7836">
        <v>6246</v>
      </c>
      <c r="G7836" t="s">
        <v>25502</v>
      </c>
      <c r="H7836">
        <v>3.5611436342520002</v>
      </c>
      <c r="I7836">
        <v>51.451261224446</v>
      </c>
      <c r="J7836" t="s">
        <v>63521</v>
      </c>
    </row>
    <row r="7837" spans="1:10" x14ac:dyDescent="0.25">
      <c r="A7837" t="s">
        <v>25495</v>
      </c>
      <c r="B7837" t="s">
        <v>25496</v>
      </c>
      <c r="C7837" t="s">
        <v>25497</v>
      </c>
      <c r="D7837" t="s">
        <v>25485</v>
      </c>
      <c r="E7837" t="s">
        <v>13</v>
      </c>
      <c r="F7837">
        <v>6245</v>
      </c>
      <c r="G7837" t="s">
        <v>25498</v>
      </c>
      <c r="H7837">
        <v>3.5814455355030002</v>
      </c>
      <c r="I7837">
        <v>51.447006642273998</v>
      </c>
      <c r="J7837" t="s">
        <v>63522</v>
      </c>
    </row>
    <row r="7838" spans="1:10" x14ac:dyDescent="0.25">
      <c r="A7838" t="s">
        <v>25491</v>
      </c>
      <c r="B7838" t="s">
        <v>25492</v>
      </c>
      <c r="C7838" t="s">
        <v>25493</v>
      </c>
      <c r="D7838" t="s">
        <v>25485</v>
      </c>
      <c r="E7838" t="s">
        <v>13</v>
      </c>
      <c r="F7838">
        <v>6244</v>
      </c>
      <c r="G7838" t="s">
        <v>25494</v>
      </c>
      <c r="H7838">
        <v>3.5695719088979998</v>
      </c>
      <c r="I7838">
        <v>51.447764055675002</v>
      </c>
      <c r="J7838" t="s">
        <v>63523</v>
      </c>
    </row>
    <row r="7839" spans="1:10" x14ac:dyDescent="0.25">
      <c r="A7839" t="s">
        <v>25487</v>
      </c>
      <c r="B7839" t="s">
        <v>25488</v>
      </c>
      <c r="C7839" t="s">
        <v>25489</v>
      </c>
      <c r="D7839" t="s">
        <v>25485</v>
      </c>
      <c r="E7839" t="s">
        <v>13</v>
      </c>
      <c r="F7839">
        <v>6243</v>
      </c>
      <c r="G7839" t="s">
        <v>25490</v>
      </c>
      <c r="H7839">
        <v>3.5745788140869998</v>
      </c>
      <c r="I7839">
        <v>51.447871821824002</v>
      </c>
      <c r="J7839" t="s">
        <v>63524</v>
      </c>
    </row>
    <row r="7840" spans="1:10" x14ac:dyDescent="0.25">
      <c r="A7840" t="s">
        <v>25482</v>
      </c>
      <c r="B7840" t="s">
        <v>25483</v>
      </c>
      <c r="C7840" t="s">
        <v>25484</v>
      </c>
      <c r="D7840" t="s">
        <v>25485</v>
      </c>
      <c r="E7840" t="s">
        <v>13</v>
      </c>
      <c r="F7840">
        <v>6242</v>
      </c>
      <c r="G7840" t="s">
        <v>25486</v>
      </c>
      <c r="H7840">
        <v>3.5807182778810001</v>
      </c>
      <c r="I7840">
        <v>51.442413280229999</v>
      </c>
      <c r="J7840" t="s">
        <v>63525</v>
      </c>
    </row>
    <row r="7841" spans="1:10" x14ac:dyDescent="0.25">
      <c r="A7841" t="s">
        <v>25478</v>
      </c>
      <c r="B7841" t="s">
        <v>25479</v>
      </c>
      <c r="C7841" t="s">
        <v>25480</v>
      </c>
      <c r="D7841" t="s">
        <v>25335</v>
      </c>
      <c r="E7841" t="s">
        <v>13</v>
      </c>
      <c r="F7841">
        <v>6241</v>
      </c>
      <c r="G7841" t="s">
        <v>25481</v>
      </c>
      <c r="H7841">
        <v>3.4587364914080001</v>
      </c>
      <c r="I7841">
        <v>51.532410005610998</v>
      </c>
      <c r="J7841" t="s">
        <v>63526</v>
      </c>
    </row>
    <row r="7842" spans="1:10" x14ac:dyDescent="0.25">
      <c r="A7842" t="s">
        <v>25474</v>
      </c>
      <c r="B7842" t="s">
        <v>25475</v>
      </c>
      <c r="C7842" t="s">
        <v>25476</v>
      </c>
      <c r="D7842" t="s">
        <v>25335</v>
      </c>
      <c r="E7842" t="s">
        <v>13</v>
      </c>
      <c r="F7842">
        <v>6240</v>
      </c>
      <c r="G7842" t="s">
        <v>25477</v>
      </c>
      <c r="H7842">
        <v>3.455740968323</v>
      </c>
      <c r="I7842">
        <v>51.515716851918</v>
      </c>
      <c r="J7842" t="s">
        <v>63527</v>
      </c>
    </row>
    <row r="7843" spans="1:10" x14ac:dyDescent="0.25">
      <c r="A7843" t="s">
        <v>25470</v>
      </c>
      <c r="B7843" t="s">
        <v>25471</v>
      </c>
      <c r="C7843" t="s">
        <v>25472</v>
      </c>
      <c r="D7843" t="s">
        <v>25335</v>
      </c>
      <c r="E7843" t="s">
        <v>13</v>
      </c>
      <c r="F7843">
        <v>6239</v>
      </c>
      <c r="G7843" t="s">
        <v>25473</v>
      </c>
      <c r="H7843">
        <v>3.440796810518</v>
      </c>
      <c r="I7843">
        <v>51.530708313711997</v>
      </c>
      <c r="J7843" t="s">
        <v>63528</v>
      </c>
    </row>
    <row r="7844" spans="1:10" x14ac:dyDescent="0.25">
      <c r="A7844" t="s">
        <v>25466</v>
      </c>
      <c r="B7844" t="s">
        <v>25467</v>
      </c>
      <c r="C7844" t="s">
        <v>25468</v>
      </c>
      <c r="D7844" t="s">
        <v>25335</v>
      </c>
      <c r="E7844" t="s">
        <v>13</v>
      </c>
      <c r="F7844">
        <v>6238</v>
      </c>
      <c r="G7844" t="s">
        <v>25469</v>
      </c>
      <c r="H7844">
        <v>3.4866930461750001</v>
      </c>
      <c r="I7844">
        <v>51.511595405489999</v>
      </c>
      <c r="J7844" t="s">
        <v>63529</v>
      </c>
    </row>
    <row r="7845" spans="1:10" x14ac:dyDescent="0.25">
      <c r="A7845" t="s">
        <v>25462</v>
      </c>
      <c r="B7845" t="s">
        <v>25463</v>
      </c>
      <c r="C7845" t="s">
        <v>25464</v>
      </c>
      <c r="D7845" t="s">
        <v>25335</v>
      </c>
      <c r="E7845" t="s">
        <v>13</v>
      </c>
      <c r="F7845">
        <v>6237</v>
      </c>
      <c r="G7845" t="s">
        <v>25465</v>
      </c>
      <c r="H7845">
        <v>3.4746698996199998</v>
      </c>
      <c r="I7845">
        <v>51.508216704173002</v>
      </c>
      <c r="J7845" t="s">
        <v>63530</v>
      </c>
    </row>
    <row r="7846" spans="1:10" x14ac:dyDescent="0.25">
      <c r="A7846" t="s">
        <v>25458</v>
      </c>
      <c r="B7846" t="s">
        <v>25459</v>
      </c>
      <c r="C7846" t="s">
        <v>25460</v>
      </c>
      <c r="D7846" t="s">
        <v>25335</v>
      </c>
      <c r="E7846" t="s">
        <v>13</v>
      </c>
      <c r="F7846">
        <v>6236</v>
      </c>
      <c r="G7846" t="s">
        <v>25461</v>
      </c>
      <c r="H7846">
        <v>3.4898283982490002</v>
      </c>
      <c r="I7846">
        <v>51.500426238838003</v>
      </c>
      <c r="J7846" t="s">
        <v>63531</v>
      </c>
    </row>
    <row r="7847" spans="1:10" x14ac:dyDescent="0.25">
      <c r="A7847" t="s">
        <v>25454</v>
      </c>
      <c r="B7847" t="s">
        <v>25455</v>
      </c>
      <c r="C7847" t="s">
        <v>25456</v>
      </c>
      <c r="D7847" t="s">
        <v>25335</v>
      </c>
      <c r="E7847" t="s">
        <v>13</v>
      </c>
      <c r="F7847">
        <v>6235</v>
      </c>
      <c r="G7847" t="s">
        <v>25457</v>
      </c>
      <c r="H7847">
        <v>3.5311028750819999</v>
      </c>
      <c r="I7847">
        <v>51.498714396193002</v>
      </c>
      <c r="J7847" t="s">
        <v>63532</v>
      </c>
    </row>
    <row r="7848" spans="1:10" x14ac:dyDescent="0.25">
      <c r="A7848" t="s">
        <v>25450</v>
      </c>
      <c r="B7848" t="s">
        <v>25451</v>
      </c>
      <c r="C7848" t="s">
        <v>25452</v>
      </c>
      <c r="D7848" t="s">
        <v>25335</v>
      </c>
      <c r="E7848" t="s">
        <v>13</v>
      </c>
      <c r="F7848">
        <v>6234</v>
      </c>
      <c r="G7848" t="s">
        <v>25453</v>
      </c>
      <c r="H7848">
        <v>3.5116060171279999</v>
      </c>
      <c r="I7848">
        <v>51.486362246504001</v>
      </c>
      <c r="J7848" t="s">
        <v>63533</v>
      </c>
    </row>
    <row r="7849" spans="1:10" x14ac:dyDescent="0.25">
      <c r="A7849" t="s">
        <v>25446</v>
      </c>
      <c r="B7849" t="s">
        <v>25447</v>
      </c>
      <c r="C7849" t="s">
        <v>25448</v>
      </c>
      <c r="D7849" t="s">
        <v>25335</v>
      </c>
      <c r="E7849" t="s">
        <v>13</v>
      </c>
      <c r="F7849">
        <v>6233</v>
      </c>
      <c r="G7849" t="s">
        <v>25449</v>
      </c>
      <c r="H7849">
        <v>3.5047630301030002</v>
      </c>
      <c r="I7849">
        <v>51.492616196989999</v>
      </c>
      <c r="J7849" t="s">
        <v>63534</v>
      </c>
    </row>
    <row r="7850" spans="1:10" x14ac:dyDescent="0.25">
      <c r="A7850" t="s">
        <v>25442</v>
      </c>
      <c r="B7850" t="s">
        <v>25443</v>
      </c>
      <c r="C7850" t="s">
        <v>25444</v>
      </c>
      <c r="D7850" t="s">
        <v>25335</v>
      </c>
      <c r="E7850" t="s">
        <v>13</v>
      </c>
      <c r="F7850">
        <v>6232</v>
      </c>
      <c r="G7850" t="s">
        <v>25445</v>
      </c>
      <c r="H7850">
        <v>3.5260366536759999</v>
      </c>
      <c r="I7850">
        <v>51.497952419834</v>
      </c>
      <c r="J7850" t="s">
        <v>63535</v>
      </c>
    </row>
    <row r="7851" spans="1:10" x14ac:dyDescent="0.25">
      <c r="A7851" t="s">
        <v>25438</v>
      </c>
      <c r="B7851" t="s">
        <v>25439</v>
      </c>
      <c r="C7851" t="s">
        <v>25440</v>
      </c>
      <c r="D7851" t="s">
        <v>25335</v>
      </c>
      <c r="E7851" t="s">
        <v>13</v>
      </c>
      <c r="F7851">
        <v>6231</v>
      </c>
      <c r="G7851" t="s">
        <v>25441</v>
      </c>
      <c r="H7851">
        <v>3.55813637291</v>
      </c>
      <c r="I7851">
        <v>51.483804140311001</v>
      </c>
      <c r="J7851" t="s">
        <v>63536</v>
      </c>
    </row>
    <row r="7852" spans="1:10" x14ac:dyDescent="0.25">
      <c r="A7852" t="s">
        <v>25434</v>
      </c>
      <c r="B7852" t="s">
        <v>25435</v>
      </c>
      <c r="C7852" t="s">
        <v>25436</v>
      </c>
      <c r="D7852" t="s">
        <v>25335</v>
      </c>
      <c r="E7852" t="s">
        <v>13</v>
      </c>
      <c r="F7852">
        <v>6230</v>
      </c>
      <c r="G7852" t="s">
        <v>25437</v>
      </c>
      <c r="H7852">
        <v>3.5257682156830001</v>
      </c>
      <c r="I7852">
        <v>51.472074491933</v>
      </c>
      <c r="J7852" t="s">
        <v>63537</v>
      </c>
    </row>
    <row r="7853" spans="1:10" x14ac:dyDescent="0.25">
      <c r="A7853" t="s">
        <v>25430</v>
      </c>
      <c r="B7853" t="s">
        <v>25431</v>
      </c>
      <c r="C7853" t="s">
        <v>25432</v>
      </c>
      <c r="D7853" t="s">
        <v>25335</v>
      </c>
      <c r="E7853" t="s">
        <v>13</v>
      </c>
      <c r="F7853">
        <v>6229</v>
      </c>
      <c r="G7853" t="s">
        <v>25433</v>
      </c>
      <c r="H7853">
        <v>3.5223621155629998</v>
      </c>
      <c r="I7853">
        <v>51.474356855780997</v>
      </c>
      <c r="J7853" t="s">
        <v>63538</v>
      </c>
    </row>
    <row r="7854" spans="1:10" x14ac:dyDescent="0.25">
      <c r="A7854" t="s">
        <v>25426</v>
      </c>
      <c r="B7854" t="s">
        <v>25427</v>
      </c>
      <c r="C7854" t="s">
        <v>25428</v>
      </c>
      <c r="D7854" t="s">
        <v>25335</v>
      </c>
      <c r="E7854" t="s">
        <v>13</v>
      </c>
      <c r="F7854">
        <v>6228</v>
      </c>
      <c r="G7854" t="s">
        <v>25429</v>
      </c>
      <c r="H7854">
        <v>3.5530308023649999</v>
      </c>
      <c r="I7854">
        <v>51.481794090976997</v>
      </c>
      <c r="J7854" t="s">
        <v>63539</v>
      </c>
    </row>
    <row r="7855" spans="1:10" x14ac:dyDescent="0.25">
      <c r="A7855" t="s">
        <v>25422</v>
      </c>
      <c r="B7855" t="s">
        <v>25423</v>
      </c>
      <c r="C7855" t="s">
        <v>25424</v>
      </c>
      <c r="D7855" t="s">
        <v>25335</v>
      </c>
      <c r="E7855" t="s">
        <v>13</v>
      </c>
      <c r="F7855">
        <v>6227</v>
      </c>
      <c r="G7855" t="s">
        <v>25425</v>
      </c>
      <c r="H7855">
        <v>3.5204267635459998</v>
      </c>
      <c r="I7855">
        <v>51.520489955963001</v>
      </c>
      <c r="J7855" t="s">
        <v>63540</v>
      </c>
    </row>
    <row r="7856" spans="1:10" x14ac:dyDescent="0.25">
      <c r="A7856" t="s">
        <v>25418</v>
      </c>
      <c r="B7856" t="s">
        <v>25419</v>
      </c>
      <c r="C7856" t="s">
        <v>25420</v>
      </c>
      <c r="D7856" t="s">
        <v>25335</v>
      </c>
      <c r="E7856" t="s">
        <v>13</v>
      </c>
      <c r="F7856">
        <v>6226</v>
      </c>
      <c r="G7856" t="s">
        <v>25421</v>
      </c>
      <c r="H7856">
        <v>3.5111843400330001</v>
      </c>
      <c r="I7856">
        <v>51.515106933064999</v>
      </c>
      <c r="J7856" t="s">
        <v>63541</v>
      </c>
    </row>
    <row r="7857" spans="1:10" x14ac:dyDescent="0.25">
      <c r="A7857" t="s">
        <v>25414</v>
      </c>
      <c r="B7857" t="s">
        <v>25415</v>
      </c>
      <c r="C7857" t="s">
        <v>25416</v>
      </c>
      <c r="D7857" t="s">
        <v>25335</v>
      </c>
      <c r="E7857" t="s">
        <v>13</v>
      </c>
      <c r="F7857">
        <v>6225</v>
      </c>
      <c r="G7857" t="s">
        <v>25417</v>
      </c>
      <c r="H7857">
        <v>3.5635492650599998</v>
      </c>
      <c r="I7857">
        <v>51.527413778442998</v>
      </c>
      <c r="J7857" t="s">
        <v>63542</v>
      </c>
    </row>
    <row r="7858" spans="1:10" x14ac:dyDescent="0.25">
      <c r="A7858" t="s">
        <v>25410</v>
      </c>
      <c r="B7858" t="s">
        <v>25411</v>
      </c>
      <c r="C7858" t="s">
        <v>25412</v>
      </c>
      <c r="D7858" t="s">
        <v>25335</v>
      </c>
      <c r="E7858" t="s">
        <v>13</v>
      </c>
      <c r="F7858">
        <v>6224</v>
      </c>
      <c r="G7858" t="s">
        <v>25413</v>
      </c>
      <c r="H7858">
        <v>3.561928184448</v>
      </c>
      <c r="I7858">
        <v>51.533718832673998</v>
      </c>
      <c r="J7858" t="s">
        <v>63543</v>
      </c>
    </row>
    <row r="7859" spans="1:10" x14ac:dyDescent="0.25">
      <c r="A7859" t="s">
        <v>25406</v>
      </c>
      <c r="B7859" t="s">
        <v>25407</v>
      </c>
      <c r="C7859" t="s">
        <v>25408</v>
      </c>
      <c r="D7859" t="s">
        <v>25335</v>
      </c>
      <c r="E7859" t="s">
        <v>13</v>
      </c>
      <c r="F7859">
        <v>6223</v>
      </c>
      <c r="G7859" t="s">
        <v>25409</v>
      </c>
      <c r="H7859">
        <v>3.5070333135039999</v>
      </c>
      <c r="I7859">
        <v>51.540360707128002</v>
      </c>
      <c r="J7859" t="s">
        <v>63544</v>
      </c>
    </row>
    <row r="7860" spans="1:10" x14ac:dyDescent="0.25">
      <c r="A7860" t="s">
        <v>25402</v>
      </c>
      <c r="B7860" t="s">
        <v>25403</v>
      </c>
      <c r="C7860" t="s">
        <v>25404</v>
      </c>
      <c r="D7860" t="s">
        <v>25335</v>
      </c>
      <c r="E7860" t="s">
        <v>13</v>
      </c>
      <c r="F7860">
        <v>6222</v>
      </c>
      <c r="G7860" t="s">
        <v>25405</v>
      </c>
      <c r="H7860">
        <v>3.5049847497269999</v>
      </c>
      <c r="I7860">
        <v>51.544817463057001</v>
      </c>
      <c r="J7860" t="s">
        <v>63545</v>
      </c>
    </row>
    <row r="7861" spans="1:10" x14ac:dyDescent="0.25">
      <c r="A7861" t="s">
        <v>25399</v>
      </c>
      <c r="B7861" t="s">
        <v>25400</v>
      </c>
      <c r="C7861" t="s">
        <v>23413</v>
      </c>
      <c r="D7861" t="s">
        <v>25335</v>
      </c>
      <c r="E7861" t="s">
        <v>13</v>
      </c>
      <c r="F7861">
        <v>6221</v>
      </c>
      <c r="G7861" t="s">
        <v>25401</v>
      </c>
      <c r="H7861">
        <v>3.5523533502009998</v>
      </c>
      <c r="I7861">
        <v>51.579001746589</v>
      </c>
      <c r="J7861" t="s">
        <v>63546</v>
      </c>
    </row>
    <row r="7862" spans="1:10" x14ac:dyDescent="0.25">
      <c r="A7862" t="s">
        <v>25396</v>
      </c>
      <c r="B7862" t="s">
        <v>25397</v>
      </c>
      <c r="C7862" t="s">
        <v>24819</v>
      </c>
      <c r="D7862" t="s">
        <v>25335</v>
      </c>
      <c r="E7862" t="s">
        <v>13</v>
      </c>
      <c r="F7862">
        <v>6220</v>
      </c>
      <c r="G7862" t="s">
        <v>25398</v>
      </c>
      <c r="H7862">
        <v>3.554948271068</v>
      </c>
      <c r="I7862">
        <v>51.561448342237</v>
      </c>
      <c r="J7862" t="s">
        <v>63547</v>
      </c>
    </row>
    <row r="7863" spans="1:10" x14ac:dyDescent="0.25">
      <c r="A7863" t="s">
        <v>25392</v>
      </c>
      <c r="B7863" t="s">
        <v>25393</v>
      </c>
      <c r="C7863" t="s">
        <v>25394</v>
      </c>
      <c r="D7863" t="s">
        <v>25335</v>
      </c>
      <c r="E7863" t="s">
        <v>13</v>
      </c>
      <c r="F7863">
        <v>6219</v>
      </c>
      <c r="G7863" t="s">
        <v>25395</v>
      </c>
      <c r="H7863">
        <v>3.552455857585</v>
      </c>
      <c r="I7863">
        <v>51.576630310997999</v>
      </c>
      <c r="J7863" t="s">
        <v>63548</v>
      </c>
    </row>
    <row r="7864" spans="1:10" x14ac:dyDescent="0.25">
      <c r="A7864" t="s">
        <v>25388</v>
      </c>
      <c r="B7864" t="s">
        <v>25389</v>
      </c>
      <c r="C7864" t="s">
        <v>25390</v>
      </c>
      <c r="D7864" t="s">
        <v>25335</v>
      </c>
      <c r="E7864" t="s">
        <v>13</v>
      </c>
      <c r="F7864">
        <v>6218</v>
      </c>
      <c r="G7864" t="s">
        <v>25391</v>
      </c>
      <c r="H7864">
        <v>3.5444182788330001</v>
      </c>
      <c r="I7864">
        <v>51.572832170619002</v>
      </c>
      <c r="J7864" t="s">
        <v>63549</v>
      </c>
    </row>
    <row r="7865" spans="1:10" x14ac:dyDescent="0.25">
      <c r="A7865" t="s">
        <v>25384</v>
      </c>
      <c r="B7865" t="s">
        <v>25385</v>
      </c>
      <c r="C7865" t="s">
        <v>25386</v>
      </c>
      <c r="D7865" t="s">
        <v>25335</v>
      </c>
      <c r="E7865" t="s">
        <v>13</v>
      </c>
      <c r="F7865">
        <v>6217</v>
      </c>
      <c r="G7865" t="s">
        <v>25387</v>
      </c>
      <c r="H7865">
        <v>3.5493702722979998</v>
      </c>
      <c r="I7865">
        <v>51.566882957844001</v>
      </c>
      <c r="J7865" t="s">
        <v>63550</v>
      </c>
    </row>
    <row r="7866" spans="1:10" x14ac:dyDescent="0.25">
      <c r="A7866" t="s">
        <v>25380</v>
      </c>
      <c r="B7866" t="s">
        <v>25381</v>
      </c>
      <c r="C7866" t="s">
        <v>25382</v>
      </c>
      <c r="D7866" t="s">
        <v>25335</v>
      </c>
      <c r="E7866" t="s">
        <v>13</v>
      </c>
      <c r="F7866">
        <v>6216</v>
      </c>
      <c r="G7866" t="s">
        <v>25383</v>
      </c>
      <c r="H7866">
        <v>3.4913669327119998</v>
      </c>
      <c r="I7866">
        <v>51.555322350034999</v>
      </c>
      <c r="J7866" t="s">
        <v>63551</v>
      </c>
    </row>
    <row r="7867" spans="1:10" x14ac:dyDescent="0.25">
      <c r="A7867" t="s">
        <v>25376</v>
      </c>
      <c r="B7867" t="s">
        <v>25377</v>
      </c>
      <c r="C7867" t="s">
        <v>25378</v>
      </c>
      <c r="D7867" t="s">
        <v>25335</v>
      </c>
      <c r="E7867" t="s">
        <v>13</v>
      </c>
      <c r="F7867">
        <v>6215</v>
      </c>
      <c r="G7867" t="s">
        <v>25379</v>
      </c>
      <c r="H7867">
        <v>3.4995830337489999</v>
      </c>
      <c r="I7867">
        <v>51.562304044428998</v>
      </c>
      <c r="J7867" t="s">
        <v>63552</v>
      </c>
    </row>
    <row r="7868" spans="1:10" x14ac:dyDescent="0.25">
      <c r="A7868" t="s">
        <v>25372</v>
      </c>
      <c r="B7868" t="s">
        <v>25373</v>
      </c>
      <c r="C7868" t="s">
        <v>25374</v>
      </c>
      <c r="D7868" t="s">
        <v>25335</v>
      </c>
      <c r="E7868" t="s">
        <v>13</v>
      </c>
      <c r="F7868">
        <v>6214</v>
      </c>
      <c r="G7868" t="s">
        <v>25375</v>
      </c>
      <c r="H7868">
        <v>3.5977021664170001</v>
      </c>
      <c r="I7868">
        <v>51.551811419579998</v>
      </c>
      <c r="J7868" t="s">
        <v>63553</v>
      </c>
    </row>
    <row r="7869" spans="1:10" x14ac:dyDescent="0.25">
      <c r="A7869" t="s">
        <v>25368</v>
      </c>
      <c r="B7869" t="s">
        <v>25369</v>
      </c>
      <c r="C7869" t="s">
        <v>25370</v>
      </c>
      <c r="D7869" t="s">
        <v>25335</v>
      </c>
      <c r="E7869" t="s">
        <v>13</v>
      </c>
      <c r="F7869">
        <v>6213</v>
      </c>
      <c r="G7869" t="s">
        <v>25371</v>
      </c>
      <c r="H7869">
        <v>3.595437899247</v>
      </c>
      <c r="I7869">
        <v>51.549804651906001</v>
      </c>
      <c r="J7869" t="s">
        <v>63554</v>
      </c>
    </row>
    <row r="7870" spans="1:10" x14ac:dyDescent="0.25">
      <c r="A7870" t="s">
        <v>25364</v>
      </c>
      <c r="B7870" t="s">
        <v>25365</v>
      </c>
      <c r="C7870" t="s">
        <v>25366</v>
      </c>
      <c r="D7870" t="s">
        <v>25335</v>
      </c>
      <c r="E7870" t="s">
        <v>13</v>
      </c>
      <c r="F7870">
        <v>6212</v>
      </c>
      <c r="G7870" t="s">
        <v>25367</v>
      </c>
      <c r="H7870">
        <v>3.630182572996</v>
      </c>
      <c r="I7870">
        <v>51.592663717705001</v>
      </c>
      <c r="J7870" t="s">
        <v>63555</v>
      </c>
    </row>
    <row r="7871" spans="1:10" x14ac:dyDescent="0.25">
      <c r="A7871" t="s">
        <v>25360</v>
      </c>
      <c r="B7871" t="s">
        <v>25361</v>
      </c>
      <c r="C7871" t="s">
        <v>25362</v>
      </c>
      <c r="D7871" t="s">
        <v>25335</v>
      </c>
      <c r="E7871" t="s">
        <v>13</v>
      </c>
      <c r="F7871">
        <v>6211</v>
      </c>
      <c r="G7871" t="s">
        <v>25363</v>
      </c>
      <c r="H7871">
        <v>3.6159418948550002</v>
      </c>
      <c r="I7871">
        <v>51.583524826862998</v>
      </c>
      <c r="J7871" t="s">
        <v>63556</v>
      </c>
    </row>
    <row r="7872" spans="1:10" x14ac:dyDescent="0.25">
      <c r="A7872" t="s">
        <v>25357</v>
      </c>
      <c r="B7872" t="s">
        <v>25358</v>
      </c>
      <c r="C7872" t="s">
        <v>23287</v>
      </c>
      <c r="D7872" t="s">
        <v>25335</v>
      </c>
      <c r="E7872" t="s">
        <v>13</v>
      </c>
      <c r="F7872">
        <v>6210</v>
      </c>
      <c r="G7872" t="s">
        <v>25359</v>
      </c>
      <c r="H7872">
        <v>3.6153130603700001</v>
      </c>
      <c r="I7872">
        <v>51.575412668029003</v>
      </c>
      <c r="J7872" t="s">
        <v>63557</v>
      </c>
    </row>
    <row r="7873" spans="1:10" x14ac:dyDescent="0.25">
      <c r="A7873" t="s">
        <v>25353</v>
      </c>
      <c r="B7873" t="s">
        <v>25354</v>
      </c>
      <c r="C7873" t="s">
        <v>25355</v>
      </c>
      <c r="D7873" t="s">
        <v>25335</v>
      </c>
      <c r="E7873" t="s">
        <v>13</v>
      </c>
      <c r="F7873">
        <v>6209</v>
      </c>
      <c r="G7873" t="s">
        <v>25356</v>
      </c>
      <c r="H7873">
        <v>3.6277495034139999</v>
      </c>
      <c r="I7873">
        <v>51.543557823411</v>
      </c>
      <c r="J7873" t="s">
        <v>63558</v>
      </c>
    </row>
    <row r="7874" spans="1:10" x14ac:dyDescent="0.25">
      <c r="A7874" t="s">
        <v>25349</v>
      </c>
      <c r="B7874" t="s">
        <v>25350</v>
      </c>
      <c r="C7874" t="s">
        <v>25351</v>
      </c>
      <c r="D7874" t="s">
        <v>25335</v>
      </c>
      <c r="E7874" t="s">
        <v>13</v>
      </c>
      <c r="F7874">
        <v>6208</v>
      </c>
      <c r="G7874" t="s">
        <v>25352</v>
      </c>
      <c r="H7874">
        <v>3.6252407579330002</v>
      </c>
      <c r="I7874">
        <v>51.544792959292003</v>
      </c>
      <c r="J7874" t="s">
        <v>63559</v>
      </c>
    </row>
    <row r="7875" spans="1:10" x14ac:dyDescent="0.25">
      <c r="A7875" t="s">
        <v>25345</v>
      </c>
      <c r="B7875" t="s">
        <v>25346</v>
      </c>
      <c r="C7875" t="s">
        <v>25347</v>
      </c>
      <c r="D7875" t="s">
        <v>25335</v>
      </c>
      <c r="E7875" t="s">
        <v>13</v>
      </c>
      <c r="F7875">
        <v>6207</v>
      </c>
      <c r="G7875" t="s">
        <v>25348</v>
      </c>
      <c r="H7875">
        <v>3.6577026139909998</v>
      </c>
      <c r="I7875">
        <v>51.538314659636001</v>
      </c>
      <c r="J7875" t="s">
        <v>63560</v>
      </c>
    </row>
    <row r="7876" spans="1:10" x14ac:dyDescent="0.25">
      <c r="A7876" t="s">
        <v>25341</v>
      </c>
      <c r="B7876" t="s">
        <v>25342</v>
      </c>
      <c r="C7876" t="s">
        <v>25343</v>
      </c>
      <c r="D7876" t="s">
        <v>25335</v>
      </c>
      <c r="E7876" t="s">
        <v>13</v>
      </c>
      <c r="F7876">
        <v>6206</v>
      </c>
      <c r="G7876" t="s">
        <v>25344</v>
      </c>
      <c r="H7876">
        <v>3.6559270387640002</v>
      </c>
      <c r="I7876">
        <v>51.550915380897997</v>
      </c>
      <c r="J7876" t="s">
        <v>63561</v>
      </c>
    </row>
    <row r="7877" spans="1:10" x14ac:dyDescent="0.25">
      <c r="A7877" t="s">
        <v>25337</v>
      </c>
      <c r="B7877" t="s">
        <v>25338</v>
      </c>
      <c r="C7877" t="s">
        <v>25339</v>
      </c>
      <c r="D7877" t="s">
        <v>25335</v>
      </c>
      <c r="E7877" t="s">
        <v>13</v>
      </c>
      <c r="F7877">
        <v>6205</v>
      </c>
      <c r="G7877" t="s">
        <v>25340</v>
      </c>
      <c r="H7877">
        <v>3.6603364159340002</v>
      </c>
      <c r="I7877">
        <v>51.541111606996999</v>
      </c>
      <c r="J7877" t="s">
        <v>63562</v>
      </c>
    </row>
    <row r="7878" spans="1:10" x14ac:dyDescent="0.25">
      <c r="A7878" t="s">
        <v>25332</v>
      </c>
      <c r="B7878" t="s">
        <v>25333</v>
      </c>
      <c r="C7878" t="s">
        <v>25334</v>
      </c>
      <c r="D7878" t="s">
        <v>25335</v>
      </c>
      <c r="E7878" t="s">
        <v>13</v>
      </c>
      <c r="F7878">
        <v>6204</v>
      </c>
      <c r="G7878" t="s">
        <v>25336</v>
      </c>
      <c r="H7878">
        <v>3.6640704068569998</v>
      </c>
      <c r="I7878">
        <v>51.547458589648997</v>
      </c>
      <c r="J7878" t="s">
        <v>63563</v>
      </c>
    </row>
    <row r="7879" spans="1:10" x14ac:dyDescent="0.25">
      <c r="A7879" t="s">
        <v>25328</v>
      </c>
      <c r="B7879" t="s">
        <v>25329</v>
      </c>
      <c r="C7879" t="s">
        <v>25330</v>
      </c>
      <c r="D7879" t="s">
        <v>25266</v>
      </c>
      <c r="E7879" t="s">
        <v>13</v>
      </c>
      <c r="F7879">
        <v>6203</v>
      </c>
      <c r="G7879" t="s">
        <v>25331</v>
      </c>
      <c r="H7879">
        <v>4.1289269347359996</v>
      </c>
      <c r="I7879">
        <v>51.638730379168997</v>
      </c>
      <c r="J7879" t="s">
        <v>63564</v>
      </c>
    </row>
    <row r="7880" spans="1:10" x14ac:dyDescent="0.25">
      <c r="A7880" t="s">
        <v>25324</v>
      </c>
      <c r="B7880" t="s">
        <v>25325</v>
      </c>
      <c r="C7880" t="s">
        <v>25326</v>
      </c>
      <c r="D7880" t="s">
        <v>25266</v>
      </c>
      <c r="E7880" t="s">
        <v>13</v>
      </c>
      <c r="F7880">
        <v>6202</v>
      </c>
      <c r="G7880" t="s">
        <v>25327</v>
      </c>
      <c r="H7880">
        <v>4.1559306509210003</v>
      </c>
      <c r="I7880">
        <v>51.631045720472997</v>
      </c>
      <c r="J7880" t="s">
        <v>63565</v>
      </c>
    </row>
    <row r="7881" spans="1:10" x14ac:dyDescent="0.25">
      <c r="A7881" t="s">
        <v>25320</v>
      </c>
      <c r="B7881" t="s">
        <v>25321</v>
      </c>
      <c r="C7881" t="s">
        <v>25322</v>
      </c>
      <c r="D7881" t="s">
        <v>25266</v>
      </c>
      <c r="E7881" t="s">
        <v>13</v>
      </c>
      <c r="F7881">
        <v>6201</v>
      </c>
      <c r="G7881" t="s">
        <v>25323</v>
      </c>
      <c r="H7881">
        <v>4.1647682668510004</v>
      </c>
      <c r="I7881">
        <v>51.618198908152003</v>
      </c>
      <c r="J7881" t="s">
        <v>63566</v>
      </c>
    </row>
    <row r="7882" spans="1:10" x14ac:dyDescent="0.25">
      <c r="A7882" t="s">
        <v>25316</v>
      </c>
      <c r="B7882" t="s">
        <v>25317</v>
      </c>
      <c r="C7882" t="s">
        <v>25318</v>
      </c>
      <c r="D7882" t="s">
        <v>25266</v>
      </c>
      <c r="E7882" t="s">
        <v>13</v>
      </c>
      <c r="F7882">
        <v>6200</v>
      </c>
      <c r="G7882" t="s">
        <v>25319</v>
      </c>
      <c r="H7882">
        <v>4.1850404639469998</v>
      </c>
      <c r="I7882">
        <v>51.577785714812997</v>
      </c>
      <c r="J7882" t="s">
        <v>63567</v>
      </c>
    </row>
    <row r="7883" spans="1:10" x14ac:dyDescent="0.25">
      <c r="A7883" t="s">
        <v>25312</v>
      </c>
      <c r="B7883" t="s">
        <v>25313</v>
      </c>
      <c r="C7883" t="s">
        <v>25314</v>
      </c>
      <c r="D7883" t="s">
        <v>25266</v>
      </c>
      <c r="E7883" t="s">
        <v>13</v>
      </c>
      <c r="F7883">
        <v>6199</v>
      </c>
      <c r="G7883" t="s">
        <v>25315</v>
      </c>
      <c r="H7883">
        <v>4.2003673195509998</v>
      </c>
      <c r="I7883">
        <v>51.569662847780002</v>
      </c>
      <c r="J7883" t="s">
        <v>63568</v>
      </c>
    </row>
    <row r="7884" spans="1:10" x14ac:dyDescent="0.25">
      <c r="A7884" t="s">
        <v>25308</v>
      </c>
      <c r="B7884" t="s">
        <v>25309</v>
      </c>
      <c r="C7884" t="s">
        <v>25310</v>
      </c>
      <c r="D7884" t="s">
        <v>25266</v>
      </c>
      <c r="E7884" t="s">
        <v>13</v>
      </c>
      <c r="F7884">
        <v>6198</v>
      </c>
      <c r="G7884" t="s">
        <v>25311</v>
      </c>
      <c r="H7884">
        <v>4.092562072492</v>
      </c>
      <c r="I7884">
        <v>51.597108411154998</v>
      </c>
      <c r="J7884" t="s">
        <v>63569</v>
      </c>
    </row>
    <row r="7885" spans="1:10" x14ac:dyDescent="0.25">
      <c r="A7885" t="s">
        <v>25304</v>
      </c>
      <c r="B7885" t="s">
        <v>25305</v>
      </c>
      <c r="C7885" t="s">
        <v>25306</v>
      </c>
      <c r="D7885" t="s">
        <v>25266</v>
      </c>
      <c r="E7885" t="s">
        <v>13</v>
      </c>
      <c r="F7885">
        <v>6197</v>
      </c>
      <c r="G7885" t="s">
        <v>25307</v>
      </c>
      <c r="H7885">
        <v>4.1024948705710003</v>
      </c>
      <c r="I7885">
        <v>51.599601649969998</v>
      </c>
      <c r="J7885" t="s">
        <v>63570</v>
      </c>
    </row>
    <row r="7886" spans="1:10" x14ac:dyDescent="0.25">
      <c r="A7886" t="s">
        <v>25300</v>
      </c>
      <c r="B7886" t="s">
        <v>25301</v>
      </c>
      <c r="C7886" t="s">
        <v>25302</v>
      </c>
      <c r="D7886" t="s">
        <v>25266</v>
      </c>
      <c r="E7886" t="s">
        <v>13</v>
      </c>
      <c r="F7886">
        <v>6196</v>
      </c>
      <c r="G7886" t="s">
        <v>25303</v>
      </c>
      <c r="H7886">
        <v>4.0197782372380004</v>
      </c>
      <c r="I7886">
        <v>51.584740332686998</v>
      </c>
      <c r="J7886" t="s">
        <v>63571</v>
      </c>
    </row>
    <row r="7887" spans="1:10" x14ac:dyDescent="0.25">
      <c r="A7887" t="s">
        <v>25296</v>
      </c>
      <c r="B7887" t="s">
        <v>25297</v>
      </c>
      <c r="C7887" t="s">
        <v>25298</v>
      </c>
      <c r="D7887" t="s">
        <v>25266</v>
      </c>
      <c r="E7887" t="s">
        <v>13</v>
      </c>
      <c r="F7887">
        <v>6195</v>
      </c>
      <c r="G7887" t="s">
        <v>25299</v>
      </c>
      <c r="H7887">
        <v>4.0141743468410001</v>
      </c>
      <c r="I7887">
        <v>51.587547476623001</v>
      </c>
      <c r="J7887" t="s">
        <v>63572</v>
      </c>
    </row>
    <row r="7888" spans="1:10" x14ac:dyDescent="0.25">
      <c r="A7888" t="s">
        <v>25292</v>
      </c>
      <c r="B7888" t="s">
        <v>25293</v>
      </c>
      <c r="C7888" t="s">
        <v>25294</v>
      </c>
      <c r="D7888" t="s">
        <v>25266</v>
      </c>
      <c r="E7888" t="s">
        <v>13</v>
      </c>
      <c r="F7888">
        <v>6194</v>
      </c>
      <c r="G7888" t="s">
        <v>25295</v>
      </c>
      <c r="H7888">
        <v>4.06751183104</v>
      </c>
      <c r="I7888">
        <v>51.567442477286001</v>
      </c>
      <c r="J7888" t="s">
        <v>63573</v>
      </c>
    </row>
    <row r="7889" spans="1:10" x14ac:dyDescent="0.25">
      <c r="A7889" t="s">
        <v>25288</v>
      </c>
      <c r="B7889" t="s">
        <v>25289</v>
      </c>
      <c r="C7889" t="s">
        <v>25290</v>
      </c>
      <c r="D7889" t="s">
        <v>25266</v>
      </c>
      <c r="E7889" t="s">
        <v>13</v>
      </c>
      <c r="F7889">
        <v>6193</v>
      </c>
      <c r="G7889" t="s">
        <v>25291</v>
      </c>
      <c r="H7889">
        <v>4.0796411000579997</v>
      </c>
      <c r="I7889">
        <v>51.548039465712002</v>
      </c>
      <c r="J7889" t="s">
        <v>63574</v>
      </c>
    </row>
    <row r="7890" spans="1:10" x14ac:dyDescent="0.25">
      <c r="A7890" t="s">
        <v>25284</v>
      </c>
      <c r="B7890" t="s">
        <v>25285</v>
      </c>
      <c r="C7890" t="s">
        <v>25286</v>
      </c>
      <c r="D7890" t="s">
        <v>25266</v>
      </c>
      <c r="E7890" t="s">
        <v>13</v>
      </c>
      <c r="F7890">
        <v>6192</v>
      </c>
      <c r="G7890" t="s">
        <v>25287</v>
      </c>
      <c r="H7890">
        <v>4.1044240839719999</v>
      </c>
      <c r="I7890">
        <v>51.536711305849003</v>
      </c>
      <c r="J7890" t="s">
        <v>63575</v>
      </c>
    </row>
    <row r="7891" spans="1:10" x14ac:dyDescent="0.25">
      <c r="A7891" t="s">
        <v>25280</v>
      </c>
      <c r="B7891" t="s">
        <v>25281</v>
      </c>
      <c r="C7891" t="s">
        <v>25282</v>
      </c>
      <c r="D7891" t="s">
        <v>25266</v>
      </c>
      <c r="E7891" t="s">
        <v>13</v>
      </c>
      <c r="F7891">
        <v>6191</v>
      </c>
      <c r="G7891" t="s">
        <v>25283</v>
      </c>
      <c r="H7891">
        <v>4.1060886889840003</v>
      </c>
      <c r="I7891">
        <v>51.546884848485</v>
      </c>
      <c r="J7891" t="s">
        <v>63576</v>
      </c>
    </row>
    <row r="7892" spans="1:10" x14ac:dyDescent="0.25">
      <c r="A7892" t="s">
        <v>25276</v>
      </c>
      <c r="B7892" t="s">
        <v>25277</v>
      </c>
      <c r="C7892" t="s">
        <v>25278</v>
      </c>
      <c r="D7892" t="s">
        <v>25266</v>
      </c>
      <c r="E7892" t="s">
        <v>13</v>
      </c>
      <c r="F7892">
        <v>6190</v>
      </c>
      <c r="G7892" t="s">
        <v>25279</v>
      </c>
      <c r="H7892">
        <v>4.1350324537549996</v>
      </c>
      <c r="I7892">
        <v>51.556875514235003</v>
      </c>
      <c r="J7892" t="s">
        <v>63577</v>
      </c>
    </row>
    <row r="7893" spans="1:10" x14ac:dyDescent="0.25">
      <c r="A7893" t="s">
        <v>25272</v>
      </c>
      <c r="B7893" t="s">
        <v>25273</v>
      </c>
      <c r="C7893" t="s">
        <v>25274</v>
      </c>
      <c r="D7893" t="s">
        <v>25266</v>
      </c>
      <c r="E7893" t="s">
        <v>13</v>
      </c>
      <c r="F7893">
        <v>6189</v>
      </c>
      <c r="G7893" t="s">
        <v>25275</v>
      </c>
      <c r="H7893">
        <v>4.1430214754629997</v>
      </c>
      <c r="I7893">
        <v>51.545401276947999</v>
      </c>
      <c r="J7893" t="s">
        <v>63578</v>
      </c>
    </row>
    <row r="7894" spans="1:10" x14ac:dyDescent="0.25">
      <c r="A7894" t="s">
        <v>25268</v>
      </c>
      <c r="B7894" t="s">
        <v>25269</v>
      </c>
      <c r="C7894" t="s">
        <v>25270</v>
      </c>
      <c r="D7894" t="s">
        <v>25266</v>
      </c>
      <c r="E7894" t="s">
        <v>13</v>
      </c>
      <c r="F7894">
        <v>6188</v>
      </c>
      <c r="G7894" t="s">
        <v>25271</v>
      </c>
      <c r="H7894">
        <v>4.1907574572269999</v>
      </c>
      <c r="I7894">
        <v>51.532303377010003</v>
      </c>
      <c r="J7894" t="s">
        <v>63579</v>
      </c>
    </row>
    <row r="7895" spans="1:10" x14ac:dyDescent="0.25">
      <c r="A7895" t="s">
        <v>25263</v>
      </c>
      <c r="B7895" t="s">
        <v>25264</v>
      </c>
      <c r="C7895" t="s">
        <v>25265</v>
      </c>
      <c r="D7895" t="s">
        <v>25266</v>
      </c>
      <c r="E7895" t="s">
        <v>13</v>
      </c>
      <c r="F7895">
        <v>6187</v>
      </c>
      <c r="G7895" t="s">
        <v>25267</v>
      </c>
      <c r="H7895">
        <v>4.2191737247959997</v>
      </c>
      <c r="I7895">
        <v>51.537191696431002</v>
      </c>
      <c r="J7895" t="s">
        <v>63580</v>
      </c>
    </row>
    <row r="7896" spans="1:10" x14ac:dyDescent="0.25">
      <c r="A7896" t="s">
        <v>25259</v>
      </c>
      <c r="B7896" t="s">
        <v>25260</v>
      </c>
      <c r="C7896" t="s">
        <v>25261</v>
      </c>
      <c r="D7896" t="s">
        <v>25153</v>
      </c>
      <c r="E7896" t="s">
        <v>13</v>
      </c>
      <c r="F7896">
        <v>6186</v>
      </c>
      <c r="G7896" t="s">
        <v>25262</v>
      </c>
      <c r="H7896">
        <v>4.0745690356319999</v>
      </c>
      <c r="I7896">
        <v>51.447619009770001</v>
      </c>
      <c r="J7896" t="s">
        <v>63581</v>
      </c>
    </row>
    <row r="7897" spans="1:10" x14ac:dyDescent="0.25">
      <c r="A7897" t="s">
        <v>25255</v>
      </c>
      <c r="B7897" t="s">
        <v>25256</v>
      </c>
      <c r="C7897" t="s">
        <v>25257</v>
      </c>
      <c r="D7897" t="s">
        <v>25153</v>
      </c>
      <c r="E7897" t="s">
        <v>13</v>
      </c>
      <c r="F7897">
        <v>6185</v>
      </c>
      <c r="G7897" t="s">
        <v>25258</v>
      </c>
      <c r="H7897">
        <v>4.0773696231679999</v>
      </c>
      <c r="I7897">
        <v>51.442853023847</v>
      </c>
      <c r="J7897" t="s">
        <v>63582</v>
      </c>
    </row>
    <row r="7898" spans="1:10" x14ac:dyDescent="0.25">
      <c r="A7898" t="s">
        <v>25251</v>
      </c>
      <c r="B7898" t="s">
        <v>25252</v>
      </c>
      <c r="C7898" t="s">
        <v>25253</v>
      </c>
      <c r="D7898" t="s">
        <v>25153</v>
      </c>
      <c r="E7898" t="s">
        <v>13</v>
      </c>
      <c r="F7898">
        <v>6184</v>
      </c>
      <c r="G7898" t="s">
        <v>25254</v>
      </c>
      <c r="H7898">
        <v>4.0130887012269998</v>
      </c>
      <c r="I7898">
        <v>51.469592240890002</v>
      </c>
      <c r="J7898" t="s">
        <v>63583</v>
      </c>
    </row>
    <row r="7899" spans="1:10" x14ac:dyDescent="0.25">
      <c r="A7899" t="s">
        <v>25247</v>
      </c>
      <c r="B7899" t="s">
        <v>25248</v>
      </c>
      <c r="C7899" t="s">
        <v>25249</v>
      </c>
      <c r="D7899" t="s">
        <v>25153</v>
      </c>
      <c r="E7899" t="s">
        <v>13</v>
      </c>
      <c r="F7899">
        <v>6183</v>
      </c>
      <c r="G7899" t="s">
        <v>25250</v>
      </c>
      <c r="H7899">
        <v>4.000954002776</v>
      </c>
      <c r="I7899">
        <v>51.451233132421002</v>
      </c>
      <c r="J7899" t="s">
        <v>63584</v>
      </c>
    </row>
    <row r="7900" spans="1:10" x14ac:dyDescent="0.25">
      <c r="A7900" t="s">
        <v>25243</v>
      </c>
      <c r="B7900" t="s">
        <v>25244</v>
      </c>
      <c r="C7900" t="s">
        <v>25245</v>
      </c>
      <c r="D7900" t="s">
        <v>25153</v>
      </c>
      <c r="E7900" t="s">
        <v>13</v>
      </c>
      <c r="F7900">
        <v>6182</v>
      </c>
      <c r="G7900" t="s">
        <v>25246</v>
      </c>
      <c r="H7900">
        <v>4.0071804838889999</v>
      </c>
      <c r="I7900">
        <v>51.447418496414002</v>
      </c>
      <c r="J7900" t="s">
        <v>63585</v>
      </c>
    </row>
    <row r="7901" spans="1:10" x14ac:dyDescent="0.25">
      <c r="A7901" t="s">
        <v>25239</v>
      </c>
      <c r="B7901" t="s">
        <v>25240</v>
      </c>
      <c r="C7901" t="s">
        <v>25241</v>
      </c>
      <c r="D7901" t="s">
        <v>25153</v>
      </c>
      <c r="E7901" t="s">
        <v>13</v>
      </c>
      <c r="F7901">
        <v>6181</v>
      </c>
      <c r="G7901" t="s">
        <v>25242</v>
      </c>
      <c r="H7901">
        <v>4.2144571383190002</v>
      </c>
      <c r="I7901">
        <v>51.423031850157003</v>
      </c>
      <c r="J7901" t="s">
        <v>63586</v>
      </c>
    </row>
    <row r="7902" spans="1:10" x14ac:dyDescent="0.25">
      <c r="A7902" t="s">
        <v>25235</v>
      </c>
      <c r="B7902" t="s">
        <v>25236</v>
      </c>
      <c r="C7902" t="s">
        <v>25237</v>
      </c>
      <c r="D7902" t="s">
        <v>25153</v>
      </c>
      <c r="E7902" t="s">
        <v>13</v>
      </c>
      <c r="F7902">
        <v>6180</v>
      </c>
      <c r="G7902" t="s">
        <v>25238</v>
      </c>
      <c r="H7902">
        <v>4.1941146864999999</v>
      </c>
      <c r="I7902">
        <v>51.421385694356999</v>
      </c>
      <c r="J7902" t="s">
        <v>63587</v>
      </c>
    </row>
    <row r="7903" spans="1:10" x14ac:dyDescent="0.25">
      <c r="A7903" t="s">
        <v>25231</v>
      </c>
      <c r="B7903" t="s">
        <v>25232</v>
      </c>
      <c r="C7903" t="s">
        <v>25233</v>
      </c>
      <c r="D7903" t="s">
        <v>25153</v>
      </c>
      <c r="E7903" t="s">
        <v>13</v>
      </c>
      <c r="F7903">
        <v>6179</v>
      </c>
      <c r="G7903" t="s">
        <v>25234</v>
      </c>
      <c r="H7903">
        <v>4.1746026192769996</v>
      </c>
      <c r="I7903">
        <v>51.416155362254003</v>
      </c>
      <c r="J7903" t="s">
        <v>63588</v>
      </c>
    </row>
    <row r="7904" spans="1:10" x14ac:dyDescent="0.25">
      <c r="A7904" t="s">
        <v>25227</v>
      </c>
      <c r="B7904" t="s">
        <v>25228</v>
      </c>
      <c r="C7904" t="s">
        <v>25229</v>
      </c>
      <c r="D7904" t="s">
        <v>25153</v>
      </c>
      <c r="E7904" t="s">
        <v>13</v>
      </c>
      <c r="F7904">
        <v>6178</v>
      </c>
      <c r="G7904" t="s">
        <v>25230</v>
      </c>
      <c r="H7904">
        <v>4.2101572815350004</v>
      </c>
      <c r="I7904">
        <v>51.402062580520003</v>
      </c>
      <c r="J7904" t="s">
        <v>63589</v>
      </c>
    </row>
    <row r="7905" spans="1:10" x14ac:dyDescent="0.25">
      <c r="A7905" t="s">
        <v>25223</v>
      </c>
      <c r="B7905" t="s">
        <v>25224</v>
      </c>
      <c r="C7905" t="s">
        <v>25225</v>
      </c>
      <c r="D7905" t="s">
        <v>25153</v>
      </c>
      <c r="E7905" t="s">
        <v>13</v>
      </c>
      <c r="F7905">
        <v>6177</v>
      </c>
      <c r="G7905" t="s">
        <v>25226</v>
      </c>
      <c r="H7905">
        <v>4.159687303778</v>
      </c>
      <c r="I7905">
        <v>51.423234894190003</v>
      </c>
      <c r="J7905" t="s">
        <v>63590</v>
      </c>
    </row>
    <row r="7906" spans="1:10" x14ac:dyDescent="0.25">
      <c r="A7906" t="s">
        <v>25219</v>
      </c>
      <c r="B7906" t="s">
        <v>25220</v>
      </c>
      <c r="C7906" t="s">
        <v>25221</v>
      </c>
      <c r="D7906" t="s">
        <v>25153</v>
      </c>
      <c r="E7906" t="s">
        <v>13</v>
      </c>
      <c r="F7906">
        <v>6176</v>
      </c>
      <c r="G7906" t="s">
        <v>25222</v>
      </c>
      <c r="H7906">
        <v>4.1821948342689996</v>
      </c>
      <c r="I7906">
        <v>51.416657704922997</v>
      </c>
      <c r="J7906" t="s">
        <v>63591</v>
      </c>
    </row>
    <row r="7907" spans="1:10" x14ac:dyDescent="0.25">
      <c r="A7907" t="s">
        <v>25215</v>
      </c>
      <c r="B7907" t="s">
        <v>25216</v>
      </c>
      <c r="C7907" t="s">
        <v>25217</v>
      </c>
      <c r="D7907" t="s">
        <v>25153</v>
      </c>
      <c r="E7907" t="s">
        <v>13</v>
      </c>
      <c r="F7907">
        <v>6175</v>
      </c>
      <c r="G7907" t="s">
        <v>25218</v>
      </c>
      <c r="H7907">
        <v>4.0858194893090003</v>
      </c>
      <c r="I7907">
        <v>51.418023980091</v>
      </c>
      <c r="J7907" t="s">
        <v>63592</v>
      </c>
    </row>
    <row r="7908" spans="1:10" x14ac:dyDescent="0.25">
      <c r="A7908" t="s">
        <v>25211</v>
      </c>
      <c r="B7908" t="s">
        <v>25212</v>
      </c>
      <c r="C7908" t="s">
        <v>25213</v>
      </c>
      <c r="D7908" t="s">
        <v>25153</v>
      </c>
      <c r="E7908" t="s">
        <v>13</v>
      </c>
      <c r="F7908">
        <v>6174</v>
      </c>
      <c r="G7908" t="s">
        <v>25214</v>
      </c>
      <c r="H7908">
        <v>4.0693557120620003</v>
      </c>
      <c r="I7908">
        <v>51.418762495457003</v>
      </c>
      <c r="J7908" t="s">
        <v>63593</v>
      </c>
    </row>
    <row r="7909" spans="1:10" x14ac:dyDescent="0.25">
      <c r="A7909" t="s">
        <v>25207</v>
      </c>
      <c r="B7909" t="s">
        <v>25208</v>
      </c>
      <c r="C7909" t="s">
        <v>25209</v>
      </c>
      <c r="D7909" t="s">
        <v>25153</v>
      </c>
      <c r="E7909" t="s">
        <v>13</v>
      </c>
      <c r="F7909">
        <v>6173</v>
      </c>
      <c r="G7909" t="s">
        <v>25210</v>
      </c>
      <c r="H7909">
        <v>4.1058592311490001</v>
      </c>
      <c r="I7909">
        <v>51.431261370054003</v>
      </c>
      <c r="J7909" t="s">
        <v>63594</v>
      </c>
    </row>
    <row r="7910" spans="1:10" x14ac:dyDescent="0.25">
      <c r="A7910" t="s">
        <v>25203</v>
      </c>
      <c r="B7910" t="s">
        <v>25204</v>
      </c>
      <c r="C7910" t="s">
        <v>25205</v>
      </c>
      <c r="D7910" t="s">
        <v>25153</v>
      </c>
      <c r="E7910" t="s">
        <v>13</v>
      </c>
      <c r="F7910">
        <v>6172</v>
      </c>
      <c r="G7910" t="s">
        <v>25206</v>
      </c>
      <c r="H7910">
        <v>4.1101794239649996</v>
      </c>
      <c r="I7910">
        <v>51.423531109960997</v>
      </c>
      <c r="J7910" t="s">
        <v>63595</v>
      </c>
    </row>
    <row r="7911" spans="1:10" x14ac:dyDescent="0.25">
      <c r="A7911" t="s">
        <v>25199</v>
      </c>
      <c r="B7911" t="s">
        <v>25200</v>
      </c>
      <c r="C7911" t="s">
        <v>25201</v>
      </c>
      <c r="D7911" t="s">
        <v>25153</v>
      </c>
      <c r="E7911" t="s">
        <v>13</v>
      </c>
      <c r="F7911">
        <v>6171</v>
      </c>
      <c r="G7911" t="s">
        <v>25202</v>
      </c>
      <c r="H7911">
        <v>4.1067171111210001</v>
      </c>
      <c r="I7911">
        <v>51.433582148314997</v>
      </c>
      <c r="J7911" t="s">
        <v>63596</v>
      </c>
    </row>
    <row r="7912" spans="1:10" x14ac:dyDescent="0.25">
      <c r="A7912" t="s">
        <v>25195</v>
      </c>
      <c r="B7912" t="s">
        <v>25196</v>
      </c>
      <c r="C7912" t="s">
        <v>25197</v>
      </c>
      <c r="D7912" t="s">
        <v>25153</v>
      </c>
      <c r="E7912" t="s">
        <v>13</v>
      </c>
      <c r="F7912">
        <v>6170</v>
      </c>
      <c r="G7912" t="s">
        <v>25198</v>
      </c>
      <c r="H7912">
        <v>4.1224928549769997</v>
      </c>
      <c r="I7912">
        <v>51.429078951820998</v>
      </c>
      <c r="J7912" t="s">
        <v>63597</v>
      </c>
    </row>
    <row r="7913" spans="1:10" x14ac:dyDescent="0.25">
      <c r="A7913" t="s">
        <v>25191</v>
      </c>
      <c r="B7913" t="s">
        <v>25192</v>
      </c>
      <c r="C7913" t="s">
        <v>25193</v>
      </c>
      <c r="D7913" t="s">
        <v>25153</v>
      </c>
      <c r="E7913" t="s">
        <v>13</v>
      </c>
      <c r="F7913">
        <v>6169</v>
      </c>
      <c r="G7913" t="s">
        <v>25194</v>
      </c>
      <c r="H7913">
        <v>4.1136221499129997</v>
      </c>
      <c r="I7913">
        <v>51.430399812574002</v>
      </c>
      <c r="J7913" t="s">
        <v>63598</v>
      </c>
    </row>
    <row r="7914" spans="1:10" x14ac:dyDescent="0.25">
      <c r="A7914" t="s">
        <v>25187</v>
      </c>
      <c r="B7914" t="s">
        <v>25188</v>
      </c>
      <c r="C7914" t="s">
        <v>25189</v>
      </c>
      <c r="D7914" t="s">
        <v>25153</v>
      </c>
      <c r="E7914" t="s">
        <v>13</v>
      </c>
      <c r="F7914">
        <v>6168</v>
      </c>
      <c r="G7914" t="s">
        <v>25190</v>
      </c>
      <c r="H7914">
        <v>4.045027095389</v>
      </c>
      <c r="I7914">
        <v>51.451060015210999</v>
      </c>
      <c r="J7914" t="s">
        <v>63599</v>
      </c>
    </row>
    <row r="7915" spans="1:10" x14ac:dyDescent="0.25">
      <c r="A7915" t="s">
        <v>25183</v>
      </c>
      <c r="B7915" t="s">
        <v>25184</v>
      </c>
      <c r="C7915" t="s">
        <v>25185</v>
      </c>
      <c r="D7915" t="s">
        <v>25153</v>
      </c>
      <c r="E7915" t="s">
        <v>13</v>
      </c>
      <c r="F7915">
        <v>6167</v>
      </c>
      <c r="G7915" t="s">
        <v>25186</v>
      </c>
      <c r="H7915">
        <v>4.0342717874499998</v>
      </c>
      <c r="I7915">
        <v>51.461715854064003</v>
      </c>
      <c r="J7915" t="s">
        <v>63600</v>
      </c>
    </row>
    <row r="7916" spans="1:10" x14ac:dyDescent="0.25">
      <c r="A7916" t="s">
        <v>25179</v>
      </c>
      <c r="B7916" t="s">
        <v>25180</v>
      </c>
      <c r="C7916" t="s">
        <v>25181</v>
      </c>
      <c r="D7916" t="s">
        <v>25153</v>
      </c>
      <c r="E7916" t="s">
        <v>13</v>
      </c>
      <c r="F7916">
        <v>6166</v>
      </c>
      <c r="G7916" t="s">
        <v>25182</v>
      </c>
      <c r="H7916">
        <v>4.0359005337619998</v>
      </c>
      <c r="I7916">
        <v>51.440504640599997</v>
      </c>
      <c r="J7916" t="s">
        <v>63601</v>
      </c>
    </row>
    <row r="7917" spans="1:10" x14ac:dyDescent="0.25">
      <c r="A7917" t="s">
        <v>25175</v>
      </c>
      <c r="B7917" t="s">
        <v>25176</v>
      </c>
      <c r="C7917" t="s">
        <v>25177</v>
      </c>
      <c r="D7917" t="s">
        <v>25153</v>
      </c>
      <c r="E7917" t="s">
        <v>13</v>
      </c>
      <c r="F7917">
        <v>6165</v>
      </c>
      <c r="G7917" t="s">
        <v>25178</v>
      </c>
      <c r="H7917">
        <v>4.0285699815980003</v>
      </c>
      <c r="I7917">
        <v>51.449839349976003</v>
      </c>
      <c r="J7917" t="s">
        <v>63602</v>
      </c>
    </row>
    <row r="7918" spans="1:10" x14ac:dyDescent="0.25">
      <c r="A7918" t="s">
        <v>25171</v>
      </c>
      <c r="B7918" t="s">
        <v>25172</v>
      </c>
      <c r="C7918" t="s">
        <v>25173</v>
      </c>
      <c r="D7918" t="s">
        <v>25153</v>
      </c>
      <c r="E7918" t="s">
        <v>13</v>
      </c>
      <c r="F7918">
        <v>6164</v>
      </c>
      <c r="G7918" t="s">
        <v>25174</v>
      </c>
      <c r="H7918">
        <v>4.0360594769400002</v>
      </c>
      <c r="I7918">
        <v>51.447830925239998</v>
      </c>
      <c r="J7918" t="s">
        <v>63603</v>
      </c>
    </row>
    <row r="7919" spans="1:10" x14ac:dyDescent="0.25">
      <c r="A7919" t="s">
        <v>25167</v>
      </c>
      <c r="B7919" t="s">
        <v>25168</v>
      </c>
      <c r="C7919" t="s">
        <v>25169</v>
      </c>
      <c r="D7919" t="s">
        <v>25153</v>
      </c>
      <c r="E7919" t="s">
        <v>13</v>
      </c>
      <c r="F7919">
        <v>6163</v>
      </c>
      <c r="G7919" t="s">
        <v>25170</v>
      </c>
      <c r="H7919">
        <v>4.030214174468</v>
      </c>
      <c r="I7919">
        <v>51.488383140895998</v>
      </c>
      <c r="J7919" t="s">
        <v>63604</v>
      </c>
    </row>
    <row r="7920" spans="1:10" x14ac:dyDescent="0.25">
      <c r="A7920" t="s">
        <v>25163</v>
      </c>
      <c r="B7920" t="s">
        <v>25164</v>
      </c>
      <c r="C7920" t="s">
        <v>25165</v>
      </c>
      <c r="D7920" t="s">
        <v>25153</v>
      </c>
      <c r="E7920" t="s">
        <v>13</v>
      </c>
      <c r="F7920">
        <v>6162</v>
      </c>
      <c r="G7920" t="s">
        <v>25166</v>
      </c>
      <c r="H7920">
        <v>4.0532521127759997</v>
      </c>
      <c r="I7920">
        <v>51.481995530789</v>
      </c>
      <c r="J7920" t="s">
        <v>63605</v>
      </c>
    </row>
    <row r="7921" spans="1:10" x14ac:dyDescent="0.25">
      <c r="A7921" t="s">
        <v>25159</v>
      </c>
      <c r="B7921" t="s">
        <v>25160</v>
      </c>
      <c r="C7921" t="s">
        <v>25161</v>
      </c>
      <c r="D7921" t="s">
        <v>25153</v>
      </c>
      <c r="E7921" t="s">
        <v>13</v>
      </c>
      <c r="F7921">
        <v>6161</v>
      </c>
      <c r="G7921" t="s">
        <v>25162</v>
      </c>
      <c r="H7921">
        <v>4.0405145433990004</v>
      </c>
      <c r="I7921">
        <v>51.497470346425999</v>
      </c>
      <c r="J7921" t="s">
        <v>63606</v>
      </c>
    </row>
    <row r="7922" spans="1:10" x14ac:dyDescent="0.25">
      <c r="A7922" t="s">
        <v>25155</v>
      </c>
      <c r="B7922" t="s">
        <v>25156</v>
      </c>
      <c r="C7922" t="s">
        <v>25157</v>
      </c>
      <c r="D7922" t="s">
        <v>25153</v>
      </c>
      <c r="E7922" t="s">
        <v>13</v>
      </c>
      <c r="F7922">
        <v>6160</v>
      </c>
      <c r="G7922" t="s">
        <v>25158</v>
      </c>
      <c r="H7922">
        <v>4.0431840135739998</v>
      </c>
      <c r="I7922">
        <v>51.485913730206001</v>
      </c>
      <c r="J7922" t="s">
        <v>63607</v>
      </c>
    </row>
    <row r="7923" spans="1:10" x14ac:dyDescent="0.25">
      <c r="A7923" t="s">
        <v>25150</v>
      </c>
      <c r="B7923" t="s">
        <v>25151</v>
      </c>
      <c r="C7923" t="s">
        <v>25152</v>
      </c>
      <c r="D7923" t="s">
        <v>25153</v>
      </c>
      <c r="E7923" t="s">
        <v>13</v>
      </c>
      <c r="F7923">
        <v>6159</v>
      </c>
      <c r="G7923" t="s">
        <v>25154</v>
      </c>
      <c r="H7923">
        <v>4.0498645356259999</v>
      </c>
      <c r="I7923">
        <v>51.496689120747</v>
      </c>
      <c r="J7923" t="s">
        <v>63608</v>
      </c>
    </row>
    <row r="7924" spans="1:10" x14ac:dyDescent="0.25">
      <c r="A7924" t="s">
        <v>25146</v>
      </c>
      <c r="B7924" t="s">
        <v>25147</v>
      </c>
      <c r="C7924" t="s">
        <v>25148</v>
      </c>
      <c r="D7924" t="s">
        <v>25128</v>
      </c>
      <c r="E7924" t="s">
        <v>13</v>
      </c>
      <c r="F7924">
        <v>6158</v>
      </c>
      <c r="G7924" t="s">
        <v>25149</v>
      </c>
      <c r="H7924">
        <v>3.991763072491</v>
      </c>
      <c r="I7924">
        <v>51.462491079336999</v>
      </c>
      <c r="J7924" t="s">
        <v>63609</v>
      </c>
    </row>
    <row r="7925" spans="1:10" x14ac:dyDescent="0.25">
      <c r="A7925" t="s">
        <v>25142</v>
      </c>
      <c r="B7925" t="s">
        <v>25143</v>
      </c>
      <c r="C7925" t="s">
        <v>25144</v>
      </c>
      <c r="D7925" t="s">
        <v>25128</v>
      </c>
      <c r="E7925" t="s">
        <v>13</v>
      </c>
      <c r="F7925">
        <v>6157</v>
      </c>
      <c r="G7925" t="s">
        <v>25145</v>
      </c>
      <c r="H7925">
        <v>3.9991368942949999</v>
      </c>
      <c r="I7925">
        <v>51.462647157017997</v>
      </c>
      <c r="J7925" t="s">
        <v>63610</v>
      </c>
    </row>
    <row r="7926" spans="1:10" x14ac:dyDescent="0.25">
      <c r="A7926" t="s">
        <v>25138</v>
      </c>
      <c r="B7926" t="s">
        <v>25139</v>
      </c>
      <c r="C7926" t="s">
        <v>25140</v>
      </c>
      <c r="D7926" t="s">
        <v>25128</v>
      </c>
      <c r="E7926" t="s">
        <v>13</v>
      </c>
      <c r="F7926">
        <v>6156</v>
      </c>
      <c r="G7926" t="s">
        <v>25141</v>
      </c>
      <c r="H7926">
        <v>3.984817555522</v>
      </c>
      <c r="I7926">
        <v>51.511480314761997</v>
      </c>
      <c r="J7926" t="s">
        <v>63611</v>
      </c>
    </row>
    <row r="7927" spans="1:10" x14ac:dyDescent="0.25">
      <c r="A7927" t="s">
        <v>25134</v>
      </c>
      <c r="B7927" t="s">
        <v>25135</v>
      </c>
      <c r="C7927" t="s">
        <v>25136</v>
      </c>
      <c r="D7927" t="s">
        <v>25128</v>
      </c>
      <c r="E7927" t="s">
        <v>13</v>
      </c>
      <c r="F7927">
        <v>6155</v>
      </c>
      <c r="G7927" t="s">
        <v>25137</v>
      </c>
      <c r="H7927">
        <v>3.9959267181240001</v>
      </c>
      <c r="I7927">
        <v>51.516659971419998</v>
      </c>
      <c r="J7927" t="s">
        <v>63612</v>
      </c>
    </row>
    <row r="7928" spans="1:10" x14ac:dyDescent="0.25">
      <c r="A7928" t="s">
        <v>25130</v>
      </c>
      <c r="B7928" t="s">
        <v>25131</v>
      </c>
      <c r="C7928" t="s">
        <v>25132</v>
      </c>
      <c r="D7928" t="s">
        <v>25128</v>
      </c>
      <c r="E7928" t="s">
        <v>13</v>
      </c>
      <c r="F7928">
        <v>6154</v>
      </c>
      <c r="G7928" t="s">
        <v>25133</v>
      </c>
      <c r="H7928">
        <v>3.957372288972</v>
      </c>
      <c r="I7928">
        <v>51.478190817955998</v>
      </c>
      <c r="J7928" t="s">
        <v>63613</v>
      </c>
    </row>
    <row r="7929" spans="1:10" x14ac:dyDescent="0.25">
      <c r="A7929" t="s">
        <v>25125</v>
      </c>
      <c r="B7929" t="s">
        <v>25126</v>
      </c>
      <c r="C7929" t="s">
        <v>25127</v>
      </c>
      <c r="D7929" t="s">
        <v>25128</v>
      </c>
      <c r="E7929" t="s">
        <v>13</v>
      </c>
      <c r="F7929">
        <v>6153</v>
      </c>
      <c r="G7929" t="s">
        <v>25129</v>
      </c>
      <c r="H7929">
        <v>3.9643128716099998</v>
      </c>
      <c r="I7929">
        <v>51.479928705831</v>
      </c>
      <c r="J7929" t="s">
        <v>63614</v>
      </c>
    </row>
    <row r="7930" spans="1:10" x14ac:dyDescent="0.25">
      <c r="A7930" t="s">
        <v>25121</v>
      </c>
      <c r="B7930" t="s">
        <v>25122</v>
      </c>
      <c r="C7930" t="s">
        <v>25123</v>
      </c>
      <c r="D7930" t="s">
        <v>24935</v>
      </c>
      <c r="E7930" t="s">
        <v>13</v>
      </c>
      <c r="F7930">
        <v>6152</v>
      </c>
      <c r="G7930" t="s">
        <v>25124</v>
      </c>
      <c r="H7930">
        <v>4.0129614922470003</v>
      </c>
      <c r="I7930">
        <v>51.386080622831003</v>
      </c>
      <c r="J7930" t="s">
        <v>63615</v>
      </c>
    </row>
    <row r="7931" spans="1:10" x14ac:dyDescent="0.25">
      <c r="A7931" t="s">
        <v>25117</v>
      </c>
      <c r="B7931" t="s">
        <v>25118</v>
      </c>
      <c r="C7931" t="s">
        <v>25119</v>
      </c>
      <c r="D7931" t="s">
        <v>24935</v>
      </c>
      <c r="E7931" t="s">
        <v>13</v>
      </c>
      <c r="F7931">
        <v>6151</v>
      </c>
      <c r="G7931" t="s">
        <v>25120</v>
      </c>
      <c r="H7931">
        <v>4.0140890459319998</v>
      </c>
      <c r="I7931">
        <v>51.394969720125999</v>
      </c>
      <c r="J7931" t="s">
        <v>63616</v>
      </c>
    </row>
    <row r="7932" spans="1:10" x14ac:dyDescent="0.25">
      <c r="A7932" t="s">
        <v>25113</v>
      </c>
      <c r="B7932" t="s">
        <v>25114</v>
      </c>
      <c r="C7932" t="s">
        <v>25115</v>
      </c>
      <c r="D7932" t="s">
        <v>24935</v>
      </c>
      <c r="E7932" t="s">
        <v>13</v>
      </c>
      <c r="F7932">
        <v>6150</v>
      </c>
      <c r="G7932" t="s">
        <v>25116</v>
      </c>
      <c r="H7932">
        <v>4.0296438112280004</v>
      </c>
      <c r="I7932">
        <v>51.379736091524997</v>
      </c>
      <c r="J7932" t="s">
        <v>63617</v>
      </c>
    </row>
    <row r="7933" spans="1:10" x14ac:dyDescent="0.25">
      <c r="A7933" t="s">
        <v>25109</v>
      </c>
      <c r="B7933" t="s">
        <v>25110</v>
      </c>
      <c r="C7933" t="s">
        <v>25111</v>
      </c>
      <c r="D7933" t="s">
        <v>24935</v>
      </c>
      <c r="E7933" t="s">
        <v>13</v>
      </c>
      <c r="F7933">
        <v>6149</v>
      </c>
      <c r="G7933" t="s">
        <v>25112</v>
      </c>
      <c r="H7933">
        <v>4.044618257262</v>
      </c>
      <c r="I7933">
        <v>51.328195861688997</v>
      </c>
      <c r="J7933" t="s">
        <v>63618</v>
      </c>
    </row>
    <row r="7934" spans="1:10" x14ac:dyDescent="0.25">
      <c r="A7934" t="s">
        <v>25105</v>
      </c>
      <c r="B7934" t="s">
        <v>25106</v>
      </c>
      <c r="C7934" t="s">
        <v>25107</v>
      </c>
      <c r="D7934" t="s">
        <v>24935</v>
      </c>
      <c r="E7934" t="s">
        <v>13</v>
      </c>
      <c r="F7934">
        <v>6148</v>
      </c>
      <c r="G7934" t="s">
        <v>25108</v>
      </c>
      <c r="H7934">
        <v>4.0343130875969999</v>
      </c>
      <c r="I7934">
        <v>51.340844482084997</v>
      </c>
      <c r="J7934" t="s">
        <v>63619</v>
      </c>
    </row>
    <row r="7935" spans="1:10" x14ac:dyDescent="0.25">
      <c r="A7935" t="s">
        <v>25101</v>
      </c>
      <c r="B7935" t="s">
        <v>25102</v>
      </c>
      <c r="C7935" t="s">
        <v>25103</v>
      </c>
      <c r="D7935" t="s">
        <v>24935</v>
      </c>
      <c r="E7935" t="s">
        <v>13</v>
      </c>
      <c r="F7935">
        <v>6147</v>
      </c>
      <c r="G7935" t="s">
        <v>25104</v>
      </c>
      <c r="H7935">
        <v>3.9796246716539998</v>
      </c>
      <c r="I7935">
        <v>51.379885504023001</v>
      </c>
      <c r="J7935" t="s">
        <v>63620</v>
      </c>
    </row>
    <row r="7936" spans="1:10" x14ac:dyDescent="0.25">
      <c r="A7936" t="s">
        <v>25097</v>
      </c>
      <c r="B7936" t="s">
        <v>25098</v>
      </c>
      <c r="C7936" t="s">
        <v>25099</v>
      </c>
      <c r="D7936" t="s">
        <v>24935</v>
      </c>
      <c r="E7936" t="s">
        <v>13</v>
      </c>
      <c r="F7936">
        <v>6146</v>
      </c>
      <c r="G7936" t="s">
        <v>25100</v>
      </c>
      <c r="H7936">
        <v>3.979520785009</v>
      </c>
      <c r="I7936">
        <v>51.388320076724</v>
      </c>
      <c r="J7936" t="s">
        <v>63621</v>
      </c>
    </row>
    <row r="7937" spans="1:10" x14ac:dyDescent="0.25">
      <c r="A7937" t="s">
        <v>25093</v>
      </c>
      <c r="B7937" t="s">
        <v>25094</v>
      </c>
      <c r="C7937" t="s">
        <v>25095</v>
      </c>
      <c r="D7937" t="s">
        <v>24935</v>
      </c>
      <c r="E7937" t="s">
        <v>13</v>
      </c>
      <c r="F7937">
        <v>6145</v>
      </c>
      <c r="G7937" t="s">
        <v>25096</v>
      </c>
      <c r="H7937">
        <v>3.9978975290509999</v>
      </c>
      <c r="I7937">
        <v>51.341459334139998</v>
      </c>
      <c r="J7937" t="s">
        <v>63622</v>
      </c>
    </row>
    <row r="7938" spans="1:10" x14ac:dyDescent="0.25">
      <c r="A7938" t="s">
        <v>25089</v>
      </c>
      <c r="B7938" t="s">
        <v>25090</v>
      </c>
      <c r="C7938" t="s">
        <v>25091</v>
      </c>
      <c r="D7938" t="s">
        <v>24935</v>
      </c>
      <c r="E7938" t="s">
        <v>13</v>
      </c>
      <c r="F7938">
        <v>6144</v>
      </c>
      <c r="G7938" t="s">
        <v>25092</v>
      </c>
      <c r="H7938">
        <v>3.9933309478660002</v>
      </c>
      <c r="I7938">
        <v>51.342277558001001</v>
      </c>
      <c r="J7938" t="s">
        <v>63623</v>
      </c>
    </row>
    <row r="7939" spans="1:10" x14ac:dyDescent="0.25">
      <c r="A7939" t="s">
        <v>25085</v>
      </c>
      <c r="B7939" t="s">
        <v>25086</v>
      </c>
      <c r="C7939" t="s">
        <v>25087</v>
      </c>
      <c r="D7939" t="s">
        <v>24935</v>
      </c>
      <c r="E7939" t="s">
        <v>13</v>
      </c>
      <c r="F7939">
        <v>6143</v>
      </c>
      <c r="G7939" t="s">
        <v>25088</v>
      </c>
      <c r="H7939">
        <v>3.9856049644580001</v>
      </c>
      <c r="I7939">
        <v>51.317648044186001</v>
      </c>
      <c r="J7939" t="s">
        <v>63624</v>
      </c>
    </row>
    <row r="7940" spans="1:10" x14ac:dyDescent="0.25">
      <c r="A7940" t="s">
        <v>25081</v>
      </c>
      <c r="B7940" t="s">
        <v>25082</v>
      </c>
      <c r="C7940" t="s">
        <v>25083</v>
      </c>
      <c r="D7940" t="s">
        <v>24935</v>
      </c>
      <c r="E7940" t="s">
        <v>13</v>
      </c>
      <c r="F7940">
        <v>6142</v>
      </c>
      <c r="G7940" t="s">
        <v>25084</v>
      </c>
      <c r="H7940">
        <v>3.9705135309670001</v>
      </c>
      <c r="I7940">
        <v>51.32554482354</v>
      </c>
      <c r="J7940" t="s">
        <v>63625</v>
      </c>
    </row>
    <row r="7941" spans="1:10" x14ac:dyDescent="0.25">
      <c r="A7941" t="s">
        <v>25077</v>
      </c>
      <c r="B7941" t="s">
        <v>25078</v>
      </c>
      <c r="C7941" t="s">
        <v>25079</v>
      </c>
      <c r="D7941" t="s">
        <v>24935</v>
      </c>
      <c r="E7941" t="s">
        <v>13</v>
      </c>
      <c r="F7941">
        <v>6141</v>
      </c>
      <c r="G7941" t="s">
        <v>25080</v>
      </c>
      <c r="H7941">
        <v>3.983495677778</v>
      </c>
      <c r="I7941">
        <v>51.322012529382</v>
      </c>
      <c r="J7941" t="s">
        <v>63626</v>
      </c>
    </row>
    <row r="7942" spans="1:10" x14ac:dyDescent="0.25">
      <c r="A7942" t="s">
        <v>25073</v>
      </c>
      <c r="B7942" t="s">
        <v>25074</v>
      </c>
      <c r="C7942" t="s">
        <v>25075</v>
      </c>
      <c r="D7942" t="s">
        <v>24935</v>
      </c>
      <c r="E7942" t="s">
        <v>13</v>
      </c>
      <c r="F7942">
        <v>6140</v>
      </c>
      <c r="G7942" t="s">
        <v>25076</v>
      </c>
      <c r="H7942">
        <v>4.0460878248799999</v>
      </c>
      <c r="I7942">
        <v>51.311410052566998</v>
      </c>
      <c r="J7942" t="s">
        <v>63627</v>
      </c>
    </row>
    <row r="7943" spans="1:10" x14ac:dyDescent="0.25">
      <c r="A7943" t="s">
        <v>25069</v>
      </c>
      <c r="B7943" t="s">
        <v>25070</v>
      </c>
      <c r="C7943" t="s">
        <v>25071</v>
      </c>
      <c r="D7943" t="s">
        <v>24935</v>
      </c>
      <c r="E7943" t="s">
        <v>13</v>
      </c>
      <c r="F7943">
        <v>6139</v>
      </c>
      <c r="G7943" t="s">
        <v>25072</v>
      </c>
      <c r="H7943">
        <v>4.0372039499890002</v>
      </c>
      <c r="I7943">
        <v>51.316113285786003</v>
      </c>
      <c r="J7943" t="s">
        <v>63628</v>
      </c>
    </row>
    <row r="7944" spans="1:10" x14ac:dyDescent="0.25">
      <c r="A7944" t="s">
        <v>25065</v>
      </c>
      <c r="B7944" t="s">
        <v>25066</v>
      </c>
      <c r="C7944" t="s">
        <v>25067</v>
      </c>
      <c r="D7944" t="s">
        <v>24935</v>
      </c>
      <c r="E7944" t="s">
        <v>13</v>
      </c>
      <c r="F7944">
        <v>6138</v>
      </c>
      <c r="G7944" t="s">
        <v>25068</v>
      </c>
      <c r="H7944">
        <v>4.053133282019</v>
      </c>
      <c r="I7944">
        <v>51.342136588997001</v>
      </c>
      <c r="J7944" t="s">
        <v>63629</v>
      </c>
    </row>
    <row r="7945" spans="1:10" x14ac:dyDescent="0.25">
      <c r="A7945" t="s">
        <v>25061</v>
      </c>
      <c r="B7945" t="s">
        <v>25062</v>
      </c>
      <c r="C7945" t="s">
        <v>25063</v>
      </c>
      <c r="D7945" t="s">
        <v>24935</v>
      </c>
      <c r="E7945" t="s">
        <v>13</v>
      </c>
      <c r="F7945">
        <v>6137</v>
      </c>
      <c r="G7945" t="s">
        <v>25064</v>
      </c>
      <c r="H7945">
        <v>4.0555272135570002</v>
      </c>
      <c r="I7945">
        <v>51.343410525532001</v>
      </c>
      <c r="J7945" t="s">
        <v>63630</v>
      </c>
    </row>
    <row r="7946" spans="1:10" x14ac:dyDescent="0.25">
      <c r="A7946" t="s">
        <v>25057</v>
      </c>
      <c r="B7946" t="s">
        <v>25058</v>
      </c>
      <c r="C7946" t="s">
        <v>25059</v>
      </c>
      <c r="D7946" t="s">
        <v>24935</v>
      </c>
      <c r="E7946" t="s">
        <v>13</v>
      </c>
      <c r="F7946">
        <v>6136</v>
      </c>
      <c r="G7946" t="s">
        <v>25060</v>
      </c>
      <c r="H7946">
        <v>4.0477301103889998</v>
      </c>
      <c r="I7946">
        <v>51.358685613002002</v>
      </c>
      <c r="J7946" t="s">
        <v>63631</v>
      </c>
    </row>
    <row r="7947" spans="1:10" x14ac:dyDescent="0.25">
      <c r="A7947" t="s">
        <v>25053</v>
      </c>
      <c r="B7947" t="s">
        <v>25054</v>
      </c>
      <c r="C7947" t="s">
        <v>25055</v>
      </c>
      <c r="D7947" t="s">
        <v>24935</v>
      </c>
      <c r="E7947" t="s">
        <v>13</v>
      </c>
      <c r="F7947">
        <v>6135</v>
      </c>
      <c r="G7947" t="s">
        <v>25056</v>
      </c>
      <c r="H7947">
        <v>4.0211670410179998</v>
      </c>
      <c r="I7947">
        <v>51.362219082061003</v>
      </c>
      <c r="J7947" t="s">
        <v>63632</v>
      </c>
    </row>
    <row r="7948" spans="1:10" x14ac:dyDescent="0.25">
      <c r="A7948" t="s">
        <v>25049</v>
      </c>
      <c r="B7948" t="s">
        <v>25050</v>
      </c>
      <c r="C7948" t="s">
        <v>25051</v>
      </c>
      <c r="D7948" t="s">
        <v>24935</v>
      </c>
      <c r="E7948" t="s">
        <v>13</v>
      </c>
      <c r="F7948">
        <v>6134</v>
      </c>
      <c r="G7948" t="s">
        <v>25052</v>
      </c>
      <c r="H7948">
        <v>4.0198004939440004</v>
      </c>
      <c r="I7948">
        <v>51.369642358580002</v>
      </c>
      <c r="J7948" t="s">
        <v>63633</v>
      </c>
    </row>
    <row r="7949" spans="1:10" x14ac:dyDescent="0.25">
      <c r="A7949" t="s">
        <v>25045</v>
      </c>
      <c r="B7949" t="s">
        <v>25046</v>
      </c>
      <c r="C7949" t="s">
        <v>25047</v>
      </c>
      <c r="D7949" t="s">
        <v>24935</v>
      </c>
      <c r="E7949" t="s">
        <v>13</v>
      </c>
      <c r="F7949">
        <v>6133</v>
      </c>
      <c r="G7949" t="s">
        <v>25048</v>
      </c>
      <c r="H7949">
        <v>4.0112006636829998</v>
      </c>
      <c r="I7949">
        <v>51.367497386453998</v>
      </c>
      <c r="J7949" t="s">
        <v>63634</v>
      </c>
    </row>
    <row r="7950" spans="1:10" x14ac:dyDescent="0.25">
      <c r="A7950" t="s">
        <v>25041</v>
      </c>
      <c r="B7950" t="s">
        <v>25042</v>
      </c>
      <c r="C7950" t="s">
        <v>25043</v>
      </c>
      <c r="D7950" t="s">
        <v>24935</v>
      </c>
      <c r="E7950" t="s">
        <v>13</v>
      </c>
      <c r="F7950">
        <v>6132</v>
      </c>
      <c r="G7950" t="s">
        <v>25044</v>
      </c>
      <c r="H7950">
        <v>4.0118061059360004</v>
      </c>
      <c r="I7950">
        <v>51.372939664618002</v>
      </c>
      <c r="J7950" t="s">
        <v>63635</v>
      </c>
    </row>
    <row r="7951" spans="1:10" x14ac:dyDescent="0.25">
      <c r="A7951" t="s">
        <v>25037</v>
      </c>
      <c r="B7951" t="s">
        <v>25038</v>
      </c>
      <c r="C7951" t="s">
        <v>25039</v>
      </c>
      <c r="D7951" t="s">
        <v>24935</v>
      </c>
      <c r="E7951" t="s">
        <v>13</v>
      </c>
      <c r="F7951">
        <v>6131</v>
      </c>
      <c r="G7951" t="s">
        <v>25040</v>
      </c>
      <c r="H7951">
        <v>4.060511889561</v>
      </c>
      <c r="I7951">
        <v>51.250518542575001</v>
      </c>
      <c r="J7951" t="s">
        <v>63636</v>
      </c>
    </row>
    <row r="7952" spans="1:10" x14ac:dyDescent="0.25">
      <c r="A7952" t="s">
        <v>25033</v>
      </c>
      <c r="B7952" t="s">
        <v>25034</v>
      </c>
      <c r="C7952" t="s">
        <v>25035</v>
      </c>
      <c r="D7952" t="s">
        <v>24935</v>
      </c>
      <c r="E7952" t="s">
        <v>13</v>
      </c>
      <c r="F7952">
        <v>6130</v>
      </c>
      <c r="G7952" t="s">
        <v>25036</v>
      </c>
      <c r="H7952">
        <v>4.0631340357930004</v>
      </c>
      <c r="I7952">
        <v>51.255232791765003</v>
      </c>
      <c r="J7952" t="s">
        <v>63637</v>
      </c>
    </row>
    <row r="7953" spans="1:10" x14ac:dyDescent="0.25">
      <c r="A7953" t="s">
        <v>25029</v>
      </c>
      <c r="B7953" t="s">
        <v>25030</v>
      </c>
      <c r="C7953" t="s">
        <v>25031</v>
      </c>
      <c r="D7953" t="s">
        <v>24935</v>
      </c>
      <c r="E7953" t="s">
        <v>13</v>
      </c>
      <c r="F7953">
        <v>6129</v>
      </c>
      <c r="G7953" t="s">
        <v>25032</v>
      </c>
      <c r="H7953">
        <v>4.1684820270190004</v>
      </c>
      <c r="I7953">
        <v>51.334257286939</v>
      </c>
      <c r="J7953" t="s">
        <v>63638</v>
      </c>
    </row>
    <row r="7954" spans="1:10" x14ac:dyDescent="0.25">
      <c r="A7954" t="s">
        <v>25025</v>
      </c>
      <c r="B7954" t="s">
        <v>25026</v>
      </c>
      <c r="C7954" t="s">
        <v>25027</v>
      </c>
      <c r="D7954" t="s">
        <v>24935</v>
      </c>
      <c r="E7954" t="s">
        <v>13</v>
      </c>
      <c r="F7954">
        <v>6128</v>
      </c>
      <c r="G7954" t="s">
        <v>25028</v>
      </c>
      <c r="H7954">
        <v>4.1613044137850004</v>
      </c>
      <c r="I7954">
        <v>51.293627476700003</v>
      </c>
      <c r="J7954" t="s">
        <v>63639</v>
      </c>
    </row>
    <row r="7955" spans="1:10" x14ac:dyDescent="0.25">
      <c r="A7955" t="s">
        <v>25021</v>
      </c>
      <c r="B7955" t="s">
        <v>25022</v>
      </c>
      <c r="C7955" t="s">
        <v>25023</v>
      </c>
      <c r="D7955" t="s">
        <v>24935</v>
      </c>
      <c r="E7955" t="s">
        <v>13</v>
      </c>
      <c r="F7955">
        <v>6127</v>
      </c>
      <c r="G7955" t="s">
        <v>25024</v>
      </c>
      <c r="H7955">
        <v>4.0078957164010003</v>
      </c>
      <c r="I7955">
        <v>51.252478592160003</v>
      </c>
      <c r="J7955" t="s">
        <v>63640</v>
      </c>
    </row>
    <row r="7956" spans="1:10" x14ac:dyDescent="0.25">
      <c r="A7956" t="s">
        <v>25017</v>
      </c>
      <c r="B7956" t="s">
        <v>25018</v>
      </c>
      <c r="C7956" t="s">
        <v>25019</v>
      </c>
      <c r="D7956" t="s">
        <v>24935</v>
      </c>
      <c r="E7956" t="s">
        <v>13</v>
      </c>
      <c r="F7956">
        <v>6126</v>
      </c>
      <c r="G7956" t="s">
        <v>25020</v>
      </c>
      <c r="H7956">
        <v>4.020811071142</v>
      </c>
      <c r="I7956">
        <v>51.248172240753</v>
      </c>
      <c r="J7956" t="s">
        <v>63641</v>
      </c>
    </row>
    <row r="7957" spans="1:10" x14ac:dyDescent="0.25">
      <c r="A7957" t="s">
        <v>25013</v>
      </c>
      <c r="B7957" t="s">
        <v>25014</v>
      </c>
      <c r="C7957" t="s">
        <v>25015</v>
      </c>
      <c r="D7957" t="s">
        <v>24935</v>
      </c>
      <c r="E7957" t="s">
        <v>13</v>
      </c>
      <c r="F7957">
        <v>6125</v>
      </c>
      <c r="G7957" t="s">
        <v>25016</v>
      </c>
      <c r="H7957">
        <v>4.097884603002</v>
      </c>
      <c r="I7957">
        <v>51.326849458428001</v>
      </c>
      <c r="J7957" t="s">
        <v>63642</v>
      </c>
    </row>
    <row r="7958" spans="1:10" x14ac:dyDescent="0.25">
      <c r="A7958" t="s">
        <v>25009</v>
      </c>
      <c r="B7958" t="s">
        <v>25010</v>
      </c>
      <c r="C7958" t="s">
        <v>25011</v>
      </c>
      <c r="D7958" t="s">
        <v>24935</v>
      </c>
      <c r="E7958" t="s">
        <v>13</v>
      </c>
      <c r="F7958">
        <v>6124</v>
      </c>
      <c r="G7958" t="s">
        <v>25012</v>
      </c>
      <c r="H7958">
        <v>4.108800300665</v>
      </c>
      <c r="I7958">
        <v>51.352578873398002</v>
      </c>
      <c r="J7958" t="s">
        <v>63643</v>
      </c>
    </row>
    <row r="7959" spans="1:10" x14ac:dyDescent="0.25">
      <c r="A7959" t="s">
        <v>25005</v>
      </c>
      <c r="B7959" t="s">
        <v>25006</v>
      </c>
      <c r="C7959" t="s">
        <v>25007</v>
      </c>
      <c r="D7959" t="s">
        <v>24935</v>
      </c>
      <c r="E7959" t="s">
        <v>13</v>
      </c>
      <c r="F7959">
        <v>6123</v>
      </c>
      <c r="G7959" t="s">
        <v>25008</v>
      </c>
      <c r="H7959">
        <v>4.1030412083309997</v>
      </c>
      <c r="I7959">
        <v>51.327917643462001</v>
      </c>
      <c r="J7959" t="s">
        <v>63644</v>
      </c>
    </row>
    <row r="7960" spans="1:10" x14ac:dyDescent="0.25">
      <c r="A7960" t="s">
        <v>25001</v>
      </c>
      <c r="B7960" t="s">
        <v>25002</v>
      </c>
      <c r="C7960" t="s">
        <v>25003</v>
      </c>
      <c r="D7960" t="s">
        <v>24935</v>
      </c>
      <c r="E7960" t="s">
        <v>13</v>
      </c>
      <c r="F7960">
        <v>6122</v>
      </c>
      <c r="G7960" t="s">
        <v>25004</v>
      </c>
      <c r="H7960">
        <v>4.1039466238109998</v>
      </c>
      <c r="I7960">
        <v>51.281891659762003</v>
      </c>
      <c r="J7960" t="s">
        <v>63645</v>
      </c>
    </row>
    <row r="7961" spans="1:10" x14ac:dyDescent="0.25">
      <c r="A7961" t="s">
        <v>24997</v>
      </c>
      <c r="B7961" t="s">
        <v>24998</v>
      </c>
      <c r="C7961" t="s">
        <v>24999</v>
      </c>
      <c r="D7961" t="s">
        <v>24935</v>
      </c>
      <c r="E7961" t="s">
        <v>13</v>
      </c>
      <c r="F7961">
        <v>6121</v>
      </c>
      <c r="G7961" t="s">
        <v>25000</v>
      </c>
      <c r="H7961">
        <v>4.090092865441</v>
      </c>
      <c r="I7961">
        <v>51.264005389733001</v>
      </c>
      <c r="J7961" t="s">
        <v>63646</v>
      </c>
    </row>
    <row r="7962" spans="1:10" x14ac:dyDescent="0.25">
      <c r="A7962" t="s">
        <v>24993</v>
      </c>
      <c r="B7962" t="s">
        <v>24994</v>
      </c>
      <c r="C7962" t="s">
        <v>24995</v>
      </c>
      <c r="D7962" t="s">
        <v>24935</v>
      </c>
      <c r="E7962" t="s">
        <v>13</v>
      </c>
      <c r="F7962">
        <v>6120</v>
      </c>
      <c r="G7962" t="s">
        <v>24996</v>
      </c>
      <c r="H7962">
        <v>4.0893758381980003</v>
      </c>
      <c r="I7962">
        <v>51.271394700320002</v>
      </c>
      <c r="J7962" t="s">
        <v>63647</v>
      </c>
    </row>
    <row r="7963" spans="1:10" x14ac:dyDescent="0.25">
      <c r="A7963" t="s">
        <v>24989</v>
      </c>
      <c r="B7963" t="s">
        <v>24990</v>
      </c>
      <c r="C7963" t="s">
        <v>24991</v>
      </c>
      <c r="D7963" t="s">
        <v>24935</v>
      </c>
      <c r="E7963" t="s">
        <v>13</v>
      </c>
      <c r="F7963">
        <v>6119</v>
      </c>
      <c r="G7963" t="s">
        <v>24992</v>
      </c>
      <c r="H7963">
        <v>4.0373712742669996</v>
      </c>
      <c r="I7963">
        <v>51.257449517589997</v>
      </c>
      <c r="J7963" t="s">
        <v>63648</v>
      </c>
    </row>
    <row r="7964" spans="1:10" x14ac:dyDescent="0.25">
      <c r="A7964" t="s">
        <v>24985</v>
      </c>
      <c r="B7964" t="s">
        <v>24986</v>
      </c>
      <c r="C7964" t="s">
        <v>24987</v>
      </c>
      <c r="D7964" t="s">
        <v>24935</v>
      </c>
      <c r="E7964" t="s">
        <v>13</v>
      </c>
      <c r="F7964">
        <v>6118</v>
      </c>
      <c r="G7964" t="s">
        <v>24988</v>
      </c>
      <c r="H7964">
        <v>4.04618004657</v>
      </c>
      <c r="I7964">
        <v>51.257483101737002</v>
      </c>
      <c r="J7964" t="s">
        <v>63649</v>
      </c>
    </row>
    <row r="7965" spans="1:10" x14ac:dyDescent="0.25">
      <c r="A7965" t="s">
        <v>24981</v>
      </c>
      <c r="B7965" t="s">
        <v>24982</v>
      </c>
      <c r="C7965" t="s">
        <v>24983</v>
      </c>
      <c r="D7965" t="s">
        <v>24935</v>
      </c>
      <c r="E7965" t="s">
        <v>13</v>
      </c>
      <c r="F7965">
        <v>6117</v>
      </c>
      <c r="G7965" t="s">
        <v>24984</v>
      </c>
      <c r="H7965">
        <v>4.0560421631979997</v>
      </c>
      <c r="I7965">
        <v>51.261824488336003</v>
      </c>
      <c r="J7965" t="s">
        <v>63650</v>
      </c>
    </row>
    <row r="7966" spans="1:10" x14ac:dyDescent="0.25">
      <c r="A7966" t="s">
        <v>24977</v>
      </c>
      <c r="B7966" t="s">
        <v>24978</v>
      </c>
      <c r="C7966" t="s">
        <v>24979</v>
      </c>
      <c r="D7966" t="s">
        <v>24935</v>
      </c>
      <c r="E7966" t="s">
        <v>13</v>
      </c>
      <c r="F7966">
        <v>6116</v>
      </c>
      <c r="G7966" t="s">
        <v>24980</v>
      </c>
      <c r="H7966">
        <v>4.0478875665259997</v>
      </c>
      <c r="I7966">
        <v>51.264673655894001</v>
      </c>
      <c r="J7966" t="s">
        <v>63651</v>
      </c>
    </row>
    <row r="7967" spans="1:10" x14ac:dyDescent="0.25">
      <c r="A7967" t="s">
        <v>24973</v>
      </c>
      <c r="B7967" t="s">
        <v>24974</v>
      </c>
      <c r="C7967" t="s">
        <v>24975</v>
      </c>
      <c r="D7967" t="s">
        <v>24935</v>
      </c>
      <c r="E7967" t="s">
        <v>13</v>
      </c>
      <c r="F7967">
        <v>6115</v>
      </c>
      <c r="G7967" t="s">
        <v>24976</v>
      </c>
      <c r="H7967">
        <v>4.0295380028809999</v>
      </c>
      <c r="I7967">
        <v>51.287055298574003</v>
      </c>
      <c r="J7967" t="s">
        <v>63652</v>
      </c>
    </row>
    <row r="7968" spans="1:10" x14ac:dyDescent="0.25">
      <c r="A7968" t="s">
        <v>24969</v>
      </c>
      <c r="B7968" t="s">
        <v>24970</v>
      </c>
      <c r="C7968" t="s">
        <v>24971</v>
      </c>
      <c r="D7968" t="s">
        <v>24935</v>
      </c>
      <c r="E7968" t="s">
        <v>13</v>
      </c>
      <c r="F7968">
        <v>6114</v>
      </c>
      <c r="G7968" t="s">
        <v>24972</v>
      </c>
      <c r="H7968">
        <v>4.0358374349849999</v>
      </c>
      <c r="I7968">
        <v>51.269752042458002</v>
      </c>
      <c r="J7968" t="s">
        <v>63653</v>
      </c>
    </row>
    <row r="7969" spans="1:10" x14ac:dyDescent="0.25">
      <c r="A7969" t="s">
        <v>24965</v>
      </c>
      <c r="B7969" t="s">
        <v>24966</v>
      </c>
      <c r="C7969" t="s">
        <v>24967</v>
      </c>
      <c r="D7969" t="s">
        <v>24935</v>
      </c>
      <c r="E7969" t="s">
        <v>13</v>
      </c>
      <c r="F7969">
        <v>6113</v>
      </c>
      <c r="G7969" t="s">
        <v>24968</v>
      </c>
      <c r="H7969">
        <v>4.0450039756829996</v>
      </c>
      <c r="I7969">
        <v>51.275200455559002</v>
      </c>
      <c r="J7969" t="s">
        <v>63654</v>
      </c>
    </row>
    <row r="7970" spans="1:10" x14ac:dyDescent="0.25">
      <c r="A7970" t="s">
        <v>24961</v>
      </c>
      <c r="B7970" t="s">
        <v>24962</v>
      </c>
      <c r="C7970" t="s">
        <v>24963</v>
      </c>
      <c r="D7970" t="s">
        <v>24935</v>
      </c>
      <c r="E7970" t="s">
        <v>13</v>
      </c>
      <c r="F7970">
        <v>6112</v>
      </c>
      <c r="G7970" t="s">
        <v>24964</v>
      </c>
      <c r="H7970">
        <v>4.0546939739740004</v>
      </c>
      <c r="I7970">
        <v>51.274084100666002</v>
      </c>
      <c r="J7970" t="s">
        <v>63655</v>
      </c>
    </row>
    <row r="7971" spans="1:10" x14ac:dyDescent="0.25">
      <c r="A7971" t="s">
        <v>24957</v>
      </c>
      <c r="B7971" t="s">
        <v>24958</v>
      </c>
      <c r="C7971" t="s">
        <v>24959</v>
      </c>
      <c r="D7971" t="s">
        <v>24935</v>
      </c>
      <c r="E7971" t="s">
        <v>13</v>
      </c>
      <c r="F7971">
        <v>6111</v>
      </c>
      <c r="G7971" t="s">
        <v>24960</v>
      </c>
      <c r="H7971">
        <v>4.0690532958940002</v>
      </c>
      <c r="I7971">
        <v>51.275461509006</v>
      </c>
      <c r="J7971" t="s">
        <v>63656</v>
      </c>
    </row>
    <row r="7972" spans="1:10" x14ac:dyDescent="0.25">
      <c r="A7972" t="s">
        <v>24953</v>
      </c>
      <c r="B7972" t="s">
        <v>24954</v>
      </c>
      <c r="C7972" t="s">
        <v>24955</v>
      </c>
      <c r="D7972" t="s">
        <v>24935</v>
      </c>
      <c r="E7972" t="s">
        <v>13</v>
      </c>
      <c r="F7972">
        <v>6110</v>
      </c>
      <c r="G7972" t="s">
        <v>24956</v>
      </c>
      <c r="H7972">
        <v>4.0485409874530003</v>
      </c>
      <c r="I7972">
        <v>51.286607040737003</v>
      </c>
      <c r="J7972" t="s">
        <v>63657</v>
      </c>
    </row>
    <row r="7973" spans="1:10" x14ac:dyDescent="0.25">
      <c r="A7973" t="s">
        <v>24949</v>
      </c>
      <c r="B7973" t="s">
        <v>24950</v>
      </c>
      <c r="C7973" t="s">
        <v>24951</v>
      </c>
      <c r="D7973" t="s">
        <v>24935</v>
      </c>
      <c r="E7973" t="s">
        <v>13</v>
      </c>
      <c r="F7973">
        <v>6109</v>
      </c>
      <c r="G7973" t="s">
        <v>24952</v>
      </c>
      <c r="H7973">
        <v>4.0478557337219998</v>
      </c>
      <c r="I7973">
        <v>51.292065687205003</v>
      </c>
      <c r="J7973" t="s">
        <v>63658</v>
      </c>
    </row>
    <row r="7974" spans="1:10" x14ac:dyDescent="0.25">
      <c r="A7974" t="s">
        <v>24945</v>
      </c>
      <c r="B7974" t="s">
        <v>24946</v>
      </c>
      <c r="C7974" t="s">
        <v>24947</v>
      </c>
      <c r="D7974" t="s">
        <v>24935</v>
      </c>
      <c r="E7974" t="s">
        <v>13</v>
      </c>
      <c r="F7974">
        <v>6108</v>
      </c>
      <c r="G7974" t="s">
        <v>24948</v>
      </c>
      <c r="H7974">
        <v>4.054930790267</v>
      </c>
      <c r="I7974">
        <v>51.292444823459</v>
      </c>
      <c r="J7974" t="s">
        <v>63659</v>
      </c>
    </row>
    <row r="7975" spans="1:10" x14ac:dyDescent="0.25">
      <c r="A7975" t="s">
        <v>24941</v>
      </c>
      <c r="B7975" t="s">
        <v>24942</v>
      </c>
      <c r="C7975" t="s">
        <v>24943</v>
      </c>
      <c r="D7975" t="s">
        <v>24935</v>
      </c>
      <c r="E7975" t="s">
        <v>13</v>
      </c>
      <c r="F7975">
        <v>6107</v>
      </c>
      <c r="G7975" t="s">
        <v>24944</v>
      </c>
      <c r="H7975">
        <v>4.0704060725540003</v>
      </c>
      <c r="I7975">
        <v>51.290373984543997</v>
      </c>
      <c r="J7975" t="s">
        <v>63660</v>
      </c>
    </row>
    <row r="7976" spans="1:10" x14ac:dyDescent="0.25">
      <c r="A7976" t="s">
        <v>24937</v>
      </c>
      <c r="B7976" t="s">
        <v>24938</v>
      </c>
      <c r="C7976" t="s">
        <v>24939</v>
      </c>
      <c r="D7976" t="s">
        <v>24935</v>
      </c>
      <c r="E7976" t="s">
        <v>13</v>
      </c>
      <c r="F7976">
        <v>6106</v>
      </c>
      <c r="G7976" t="s">
        <v>24940</v>
      </c>
      <c r="H7976">
        <v>4.0604198164199996</v>
      </c>
      <c r="I7976">
        <v>51.286058887926004</v>
      </c>
      <c r="J7976" t="s">
        <v>63661</v>
      </c>
    </row>
    <row r="7977" spans="1:10" x14ac:dyDescent="0.25">
      <c r="A7977" t="s">
        <v>24933</v>
      </c>
      <c r="B7977" t="s">
        <v>24934</v>
      </c>
      <c r="C7977" t="s">
        <v>2874</v>
      </c>
      <c r="D7977" t="s">
        <v>24935</v>
      </c>
      <c r="E7977" t="s">
        <v>13</v>
      </c>
      <c r="F7977">
        <v>6105</v>
      </c>
      <c r="G7977" t="s">
        <v>24936</v>
      </c>
      <c r="H7977">
        <v>4.0535229430520001</v>
      </c>
      <c r="I7977">
        <v>51.280883185538002</v>
      </c>
      <c r="J7977" t="s">
        <v>63662</v>
      </c>
    </row>
    <row r="7978" spans="1:10" x14ac:dyDescent="0.25">
      <c r="A7978" t="s">
        <v>24929</v>
      </c>
      <c r="B7978" t="s">
        <v>24930</v>
      </c>
      <c r="C7978" t="s">
        <v>24931</v>
      </c>
      <c r="D7978" t="s">
        <v>24871</v>
      </c>
      <c r="E7978" t="s">
        <v>13</v>
      </c>
      <c r="F7978">
        <v>6104</v>
      </c>
      <c r="G7978" t="s">
        <v>24932</v>
      </c>
      <c r="H7978">
        <v>5.4747850623299996</v>
      </c>
      <c r="I7978">
        <v>51.870936491960002</v>
      </c>
      <c r="J7978" t="s">
        <v>63663</v>
      </c>
    </row>
    <row r="7979" spans="1:10" x14ac:dyDescent="0.25">
      <c r="A7979" t="s">
        <v>24925</v>
      </c>
      <c r="B7979" t="s">
        <v>24926</v>
      </c>
      <c r="C7979" t="s">
        <v>24927</v>
      </c>
      <c r="D7979" t="s">
        <v>24871</v>
      </c>
      <c r="E7979" t="s">
        <v>13</v>
      </c>
      <c r="F7979">
        <v>6103</v>
      </c>
      <c r="G7979" t="s">
        <v>24928</v>
      </c>
      <c r="H7979">
        <v>5.4686195355790002</v>
      </c>
      <c r="I7979">
        <v>51.879655176785</v>
      </c>
      <c r="J7979" t="s">
        <v>63664</v>
      </c>
    </row>
    <row r="7980" spans="1:10" x14ac:dyDescent="0.25">
      <c r="A7980" t="s">
        <v>24921</v>
      </c>
      <c r="B7980" t="s">
        <v>24922</v>
      </c>
      <c r="C7980" t="s">
        <v>24923</v>
      </c>
      <c r="D7980" t="s">
        <v>24871</v>
      </c>
      <c r="E7980" t="s">
        <v>13</v>
      </c>
      <c r="F7980">
        <v>6102</v>
      </c>
      <c r="G7980" t="s">
        <v>24924</v>
      </c>
      <c r="H7980">
        <v>5.5232894597150004</v>
      </c>
      <c r="I7980">
        <v>51.834972258785001</v>
      </c>
      <c r="J7980" t="s">
        <v>63665</v>
      </c>
    </row>
    <row r="7981" spans="1:10" x14ac:dyDescent="0.25">
      <c r="A7981" t="s">
        <v>24917</v>
      </c>
      <c r="B7981" t="s">
        <v>24918</v>
      </c>
      <c r="C7981" t="s">
        <v>24919</v>
      </c>
      <c r="D7981" t="s">
        <v>24871</v>
      </c>
      <c r="E7981" t="s">
        <v>13</v>
      </c>
      <c r="F7981">
        <v>6101</v>
      </c>
      <c r="G7981" t="s">
        <v>24920</v>
      </c>
      <c r="H7981">
        <v>5.5357045694420002</v>
      </c>
      <c r="I7981">
        <v>51.821597819249</v>
      </c>
      <c r="J7981" t="s">
        <v>63666</v>
      </c>
    </row>
    <row r="7982" spans="1:10" x14ac:dyDescent="0.25">
      <c r="A7982" t="s">
        <v>24913</v>
      </c>
      <c r="B7982" t="s">
        <v>24914</v>
      </c>
      <c r="C7982" t="s">
        <v>24915</v>
      </c>
      <c r="D7982" t="s">
        <v>24871</v>
      </c>
      <c r="E7982" t="s">
        <v>13</v>
      </c>
      <c r="F7982">
        <v>6100</v>
      </c>
      <c r="G7982" t="s">
        <v>24916</v>
      </c>
      <c r="H7982">
        <v>5.4397792623100001</v>
      </c>
      <c r="I7982">
        <v>51.846983785454</v>
      </c>
      <c r="J7982" t="s">
        <v>63667</v>
      </c>
    </row>
    <row r="7983" spans="1:10" x14ac:dyDescent="0.25">
      <c r="A7983" t="s">
        <v>24909</v>
      </c>
      <c r="B7983" t="s">
        <v>24910</v>
      </c>
      <c r="C7983" t="s">
        <v>24911</v>
      </c>
      <c r="D7983" t="s">
        <v>24871</v>
      </c>
      <c r="E7983" t="s">
        <v>13</v>
      </c>
      <c r="F7983">
        <v>6099</v>
      </c>
      <c r="G7983" t="s">
        <v>24912</v>
      </c>
      <c r="H7983">
        <v>5.4299938624999999</v>
      </c>
      <c r="I7983">
        <v>51.846816542021998</v>
      </c>
      <c r="J7983" t="s">
        <v>63668</v>
      </c>
    </row>
    <row r="7984" spans="1:10" x14ac:dyDescent="0.25">
      <c r="A7984" t="s">
        <v>24905</v>
      </c>
      <c r="B7984" t="s">
        <v>24906</v>
      </c>
      <c r="C7984" t="s">
        <v>24907</v>
      </c>
      <c r="D7984" t="s">
        <v>24871</v>
      </c>
      <c r="E7984" t="s">
        <v>13</v>
      </c>
      <c r="F7984">
        <v>6098</v>
      </c>
      <c r="G7984" t="s">
        <v>24908</v>
      </c>
      <c r="H7984">
        <v>5.5491813964009999</v>
      </c>
      <c r="I7984">
        <v>51.876439339788</v>
      </c>
      <c r="J7984" t="s">
        <v>63669</v>
      </c>
    </row>
    <row r="7985" spans="1:10" x14ac:dyDescent="0.25">
      <c r="A7985" t="s">
        <v>24901</v>
      </c>
      <c r="B7985" t="s">
        <v>24902</v>
      </c>
      <c r="C7985" t="s">
        <v>24903</v>
      </c>
      <c r="D7985" t="s">
        <v>24871</v>
      </c>
      <c r="E7985" t="s">
        <v>13</v>
      </c>
      <c r="F7985">
        <v>6097</v>
      </c>
      <c r="G7985" t="s">
        <v>24904</v>
      </c>
      <c r="H7985">
        <v>5.5513087681069999</v>
      </c>
      <c r="I7985">
        <v>51.885255383206001</v>
      </c>
      <c r="J7985" t="s">
        <v>63670</v>
      </c>
    </row>
    <row r="7986" spans="1:10" x14ac:dyDescent="0.25">
      <c r="A7986" t="s">
        <v>24897</v>
      </c>
      <c r="B7986" t="s">
        <v>24898</v>
      </c>
      <c r="C7986" t="s">
        <v>24899</v>
      </c>
      <c r="D7986" t="s">
        <v>24871</v>
      </c>
      <c r="E7986" t="s">
        <v>13</v>
      </c>
      <c r="F7986">
        <v>6096</v>
      </c>
      <c r="G7986" t="s">
        <v>24900</v>
      </c>
      <c r="H7986">
        <v>5.5168185546600004</v>
      </c>
      <c r="I7986">
        <v>51.870162093240999</v>
      </c>
      <c r="J7986" t="s">
        <v>63671</v>
      </c>
    </row>
    <row r="7987" spans="1:10" x14ac:dyDescent="0.25">
      <c r="A7987" t="s">
        <v>24893</v>
      </c>
      <c r="B7987" t="s">
        <v>24894</v>
      </c>
      <c r="C7987" t="s">
        <v>24895</v>
      </c>
      <c r="D7987" t="s">
        <v>24871</v>
      </c>
      <c r="E7987" t="s">
        <v>13</v>
      </c>
      <c r="F7987">
        <v>6095</v>
      </c>
      <c r="G7987" t="s">
        <v>24896</v>
      </c>
      <c r="H7987">
        <v>5.5131695322679999</v>
      </c>
      <c r="I7987">
        <v>51.881725561464997</v>
      </c>
      <c r="J7987" t="s">
        <v>63672</v>
      </c>
    </row>
    <row r="7988" spans="1:10" x14ac:dyDescent="0.25">
      <c r="A7988" t="s">
        <v>24889</v>
      </c>
      <c r="B7988" t="s">
        <v>24890</v>
      </c>
      <c r="C7988" t="s">
        <v>24891</v>
      </c>
      <c r="D7988" t="s">
        <v>24871</v>
      </c>
      <c r="E7988" t="s">
        <v>13</v>
      </c>
      <c r="F7988">
        <v>6094</v>
      </c>
      <c r="G7988" t="s">
        <v>24892</v>
      </c>
      <c r="H7988">
        <v>5.5720875264479997</v>
      </c>
      <c r="I7988">
        <v>51.834996605276999</v>
      </c>
      <c r="J7988" t="s">
        <v>63673</v>
      </c>
    </row>
    <row r="7989" spans="1:10" x14ac:dyDescent="0.25">
      <c r="A7989" t="s">
        <v>24885</v>
      </c>
      <c r="B7989" t="s">
        <v>24886</v>
      </c>
      <c r="C7989" t="s">
        <v>24887</v>
      </c>
      <c r="D7989" t="s">
        <v>24871</v>
      </c>
      <c r="E7989" t="s">
        <v>13</v>
      </c>
      <c r="F7989">
        <v>6093</v>
      </c>
      <c r="G7989" t="s">
        <v>24888</v>
      </c>
      <c r="H7989">
        <v>5.5839912920670001</v>
      </c>
      <c r="I7989">
        <v>51.832190768293998</v>
      </c>
      <c r="J7989" t="s">
        <v>63674</v>
      </c>
    </row>
    <row r="7990" spans="1:10" x14ac:dyDescent="0.25">
      <c r="A7990" t="s">
        <v>24881</v>
      </c>
      <c r="B7990" t="s">
        <v>24882</v>
      </c>
      <c r="C7990" t="s">
        <v>24883</v>
      </c>
      <c r="D7990" t="s">
        <v>24871</v>
      </c>
      <c r="E7990" t="s">
        <v>13</v>
      </c>
      <c r="F7990">
        <v>6092</v>
      </c>
      <c r="G7990" t="s">
        <v>24884</v>
      </c>
      <c r="H7990">
        <v>5.5571254557180003</v>
      </c>
      <c r="I7990">
        <v>51.853086797964998</v>
      </c>
      <c r="J7990" t="s">
        <v>63675</v>
      </c>
    </row>
    <row r="7991" spans="1:10" x14ac:dyDescent="0.25">
      <c r="A7991" t="s">
        <v>24877</v>
      </c>
      <c r="B7991" t="s">
        <v>24878</v>
      </c>
      <c r="C7991" t="s">
        <v>24879</v>
      </c>
      <c r="D7991" t="s">
        <v>24871</v>
      </c>
      <c r="E7991" t="s">
        <v>13</v>
      </c>
      <c r="F7991">
        <v>6091</v>
      </c>
      <c r="G7991" t="s">
        <v>24880</v>
      </c>
      <c r="H7991">
        <v>5.5654506913460002</v>
      </c>
      <c r="I7991">
        <v>51.849216214526997</v>
      </c>
      <c r="J7991" t="s">
        <v>63676</v>
      </c>
    </row>
    <row r="7992" spans="1:10" x14ac:dyDescent="0.25">
      <c r="A7992" t="s">
        <v>24873</v>
      </c>
      <c r="B7992" t="s">
        <v>24874</v>
      </c>
      <c r="C7992" t="s">
        <v>24875</v>
      </c>
      <c r="D7992" t="s">
        <v>24871</v>
      </c>
      <c r="E7992" t="s">
        <v>13</v>
      </c>
      <c r="F7992">
        <v>6090</v>
      </c>
      <c r="G7992" t="s">
        <v>24876</v>
      </c>
      <c r="H7992">
        <v>5.4627683675260004</v>
      </c>
      <c r="I7992">
        <v>51.826828629391002</v>
      </c>
      <c r="J7992" t="s">
        <v>63677</v>
      </c>
    </row>
    <row r="7993" spans="1:10" x14ac:dyDescent="0.25">
      <c r="A7993" t="s">
        <v>24868</v>
      </c>
      <c r="B7993" t="s">
        <v>24869</v>
      </c>
      <c r="C7993" t="s">
        <v>24870</v>
      </c>
      <c r="D7993" t="s">
        <v>24871</v>
      </c>
      <c r="E7993" t="s">
        <v>13</v>
      </c>
      <c r="F7993">
        <v>6089</v>
      </c>
      <c r="G7993" t="s">
        <v>24872</v>
      </c>
      <c r="H7993">
        <v>5.4716839874499996</v>
      </c>
      <c r="I7993">
        <v>51.822614937795002</v>
      </c>
      <c r="J7993" t="s">
        <v>63678</v>
      </c>
    </row>
    <row r="7994" spans="1:10" x14ac:dyDescent="0.25">
      <c r="A7994" t="s">
        <v>24864</v>
      </c>
      <c r="B7994" t="s">
        <v>24865</v>
      </c>
      <c r="C7994" t="s">
        <v>24866</v>
      </c>
      <c r="D7994" t="s">
        <v>24756</v>
      </c>
      <c r="E7994" t="s">
        <v>13</v>
      </c>
      <c r="F7994">
        <v>6088</v>
      </c>
      <c r="G7994" t="s">
        <v>24867</v>
      </c>
      <c r="H7994">
        <v>3.8014088376720001</v>
      </c>
      <c r="I7994">
        <v>51.533040305580997</v>
      </c>
      <c r="J7994" t="s">
        <v>63679</v>
      </c>
    </row>
    <row r="7995" spans="1:10" x14ac:dyDescent="0.25">
      <c r="A7995" t="s">
        <v>24860</v>
      </c>
      <c r="B7995" t="s">
        <v>24861</v>
      </c>
      <c r="C7995" t="s">
        <v>24862</v>
      </c>
      <c r="D7995" t="s">
        <v>24756</v>
      </c>
      <c r="E7995" t="s">
        <v>13</v>
      </c>
      <c r="F7995">
        <v>6087</v>
      </c>
      <c r="G7995" t="s">
        <v>24863</v>
      </c>
      <c r="H7995">
        <v>3.8020690547939999</v>
      </c>
      <c r="I7995">
        <v>51.527058046028998</v>
      </c>
      <c r="J7995" t="s">
        <v>63680</v>
      </c>
    </row>
    <row r="7996" spans="1:10" x14ac:dyDescent="0.25">
      <c r="A7996" t="s">
        <v>24856</v>
      </c>
      <c r="B7996" t="s">
        <v>24857</v>
      </c>
      <c r="C7996" t="s">
        <v>24858</v>
      </c>
      <c r="D7996" t="s">
        <v>24756</v>
      </c>
      <c r="E7996" t="s">
        <v>13</v>
      </c>
      <c r="F7996">
        <v>6086</v>
      </c>
      <c r="G7996" t="s">
        <v>24859</v>
      </c>
      <c r="H7996">
        <v>3.8190535365299998</v>
      </c>
      <c r="I7996">
        <v>51.530536810138003</v>
      </c>
      <c r="J7996" t="s">
        <v>63681</v>
      </c>
    </row>
    <row r="7997" spans="1:10" x14ac:dyDescent="0.25">
      <c r="A7997" t="s">
        <v>24852</v>
      </c>
      <c r="B7997" t="s">
        <v>24853</v>
      </c>
      <c r="C7997" t="s">
        <v>24854</v>
      </c>
      <c r="D7997" t="s">
        <v>24756</v>
      </c>
      <c r="E7997" t="s">
        <v>13</v>
      </c>
      <c r="F7997">
        <v>6085</v>
      </c>
      <c r="G7997" t="s">
        <v>24855</v>
      </c>
      <c r="H7997">
        <v>3.8496816430940002</v>
      </c>
      <c r="I7997">
        <v>51.490947704313001</v>
      </c>
      <c r="J7997" t="s">
        <v>63682</v>
      </c>
    </row>
    <row r="7998" spans="1:10" x14ac:dyDescent="0.25">
      <c r="A7998" t="s">
        <v>24848</v>
      </c>
      <c r="B7998" t="s">
        <v>24849</v>
      </c>
      <c r="C7998" t="s">
        <v>24850</v>
      </c>
      <c r="D7998" t="s">
        <v>24756</v>
      </c>
      <c r="E7998" t="s">
        <v>13</v>
      </c>
      <c r="F7998">
        <v>6084</v>
      </c>
      <c r="G7998" t="s">
        <v>24851</v>
      </c>
      <c r="H7998">
        <v>3.8467794539470002</v>
      </c>
      <c r="I7998">
        <v>51.505915766412997</v>
      </c>
      <c r="J7998" t="s">
        <v>63683</v>
      </c>
    </row>
    <row r="7999" spans="1:10" x14ac:dyDescent="0.25">
      <c r="A7999" t="s">
        <v>24844</v>
      </c>
      <c r="B7999" t="s">
        <v>24845</v>
      </c>
      <c r="C7999" t="s">
        <v>24846</v>
      </c>
      <c r="D7999" t="s">
        <v>24756</v>
      </c>
      <c r="E7999" t="s">
        <v>13</v>
      </c>
      <c r="F7999">
        <v>6083</v>
      </c>
      <c r="G7999" t="s">
        <v>24847</v>
      </c>
      <c r="H7999">
        <v>3.860585952553</v>
      </c>
      <c r="I7999">
        <v>51.501581517597998</v>
      </c>
      <c r="J7999" t="s">
        <v>63684</v>
      </c>
    </row>
    <row r="8000" spans="1:10" x14ac:dyDescent="0.25">
      <c r="A8000" t="s">
        <v>24840</v>
      </c>
      <c r="B8000" t="s">
        <v>24841</v>
      </c>
      <c r="C8000" t="s">
        <v>24842</v>
      </c>
      <c r="D8000" t="s">
        <v>24756</v>
      </c>
      <c r="E8000" t="s">
        <v>13</v>
      </c>
      <c r="F8000">
        <v>6082</v>
      </c>
      <c r="G8000" t="s">
        <v>24843</v>
      </c>
      <c r="H8000">
        <v>3.8203378476190002</v>
      </c>
      <c r="I8000">
        <v>51.498044086493003</v>
      </c>
      <c r="J8000" t="s">
        <v>63685</v>
      </c>
    </row>
    <row r="8001" spans="1:10" x14ac:dyDescent="0.25">
      <c r="A8001" t="s">
        <v>24837</v>
      </c>
      <c r="B8001" t="s">
        <v>24838</v>
      </c>
      <c r="C8001" t="s">
        <v>23456</v>
      </c>
      <c r="D8001" t="s">
        <v>24756</v>
      </c>
      <c r="E8001" t="s">
        <v>13</v>
      </c>
      <c r="F8001">
        <v>6081</v>
      </c>
      <c r="G8001" t="s">
        <v>24839</v>
      </c>
      <c r="H8001">
        <v>3.7980161656070002</v>
      </c>
      <c r="I8001">
        <v>51.495399974736998</v>
      </c>
      <c r="J8001" t="s">
        <v>63686</v>
      </c>
    </row>
    <row r="8002" spans="1:10" x14ac:dyDescent="0.25">
      <c r="A8002" t="s">
        <v>24833</v>
      </c>
      <c r="B8002" t="s">
        <v>24834</v>
      </c>
      <c r="C8002" t="s">
        <v>24835</v>
      </c>
      <c r="D8002" t="s">
        <v>24756</v>
      </c>
      <c r="E8002" t="s">
        <v>13</v>
      </c>
      <c r="F8002">
        <v>6080</v>
      </c>
      <c r="G8002" t="s">
        <v>24836</v>
      </c>
      <c r="H8002">
        <v>3.7512867801569998</v>
      </c>
      <c r="I8002">
        <v>51.507537346653997</v>
      </c>
      <c r="J8002" t="s">
        <v>63687</v>
      </c>
    </row>
    <row r="8003" spans="1:10" x14ac:dyDescent="0.25">
      <c r="A8003" t="s">
        <v>24829</v>
      </c>
      <c r="B8003" t="s">
        <v>24830</v>
      </c>
      <c r="C8003" t="s">
        <v>24831</v>
      </c>
      <c r="D8003" t="s">
        <v>24756</v>
      </c>
      <c r="E8003" t="s">
        <v>13</v>
      </c>
      <c r="F8003">
        <v>6079</v>
      </c>
      <c r="G8003" t="s">
        <v>24832</v>
      </c>
      <c r="H8003">
        <v>3.8219975835910001</v>
      </c>
      <c r="I8003">
        <v>51.492245934829</v>
      </c>
      <c r="J8003" t="s">
        <v>63688</v>
      </c>
    </row>
    <row r="8004" spans="1:10" x14ac:dyDescent="0.25">
      <c r="A8004" t="s">
        <v>24825</v>
      </c>
      <c r="B8004" t="s">
        <v>24826</v>
      </c>
      <c r="C8004" t="s">
        <v>24827</v>
      </c>
      <c r="D8004" t="s">
        <v>24756</v>
      </c>
      <c r="E8004" t="s">
        <v>13</v>
      </c>
      <c r="F8004">
        <v>6078</v>
      </c>
      <c r="G8004" t="s">
        <v>24828</v>
      </c>
      <c r="H8004">
        <v>3.9526715231249998</v>
      </c>
      <c r="I8004">
        <v>51.515996891679997</v>
      </c>
      <c r="J8004" t="s">
        <v>63689</v>
      </c>
    </row>
    <row r="8005" spans="1:10" x14ac:dyDescent="0.25">
      <c r="A8005" t="s">
        <v>24821</v>
      </c>
      <c r="B8005" t="s">
        <v>24822</v>
      </c>
      <c r="C8005" t="s">
        <v>24823</v>
      </c>
      <c r="D8005" t="s">
        <v>24756</v>
      </c>
      <c r="E8005" t="s">
        <v>13</v>
      </c>
      <c r="F8005">
        <v>6077</v>
      </c>
      <c r="G8005" t="s">
        <v>24824</v>
      </c>
      <c r="H8005">
        <v>3.9444504833499998</v>
      </c>
      <c r="I8005">
        <v>51.523151154483998</v>
      </c>
      <c r="J8005" t="s">
        <v>63690</v>
      </c>
    </row>
    <row r="8006" spans="1:10" x14ac:dyDescent="0.25">
      <c r="A8006" t="s">
        <v>24817</v>
      </c>
      <c r="B8006" t="s">
        <v>24818</v>
      </c>
      <c r="C8006" t="s">
        <v>24819</v>
      </c>
      <c r="D8006" t="s">
        <v>24756</v>
      </c>
      <c r="E8006" t="s">
        <v>13</v>
      </c>
      <c r="F8006">
        <v>6076</v>
      </c>
      <c r="G8006" t="s">
        <v>24820</v>
      </c>
      <c r="H8006">
        <v>3.914410022282</v>
      </c>
      <c r="I8006">
        <v>51.485031894384001</v>
      </c>
      <c r="J8006" t="s">
        <v>63691</v>
      </c>
    </row>
    <row r="8007" spans="1:10" x14ac:dyDescent="0.25">
      <c r="A8007" t="s">
        <v>24814</v>
      </c>
      <c r="B8007" t="s">
        <v>24815</v>
      </c>
      <c r="C8007" t="s">
        <v>23460</v>
      </c>
      <c r="D8007" t="s">
        <v>24756</v>
      </c>
      <c r="E8007" t="s">
        <v>13</v>
      </c>
      <c r="F8007">
        <v>6075</v>
      </c>
      <c r="G8007" t="s">
        <v>24816</v>
      </c>
      <c r="H8007">
        <v>3.928728739481</v>
      </c>
      <c r="I8007">
        <v>51.505613790239003</v>
      </c>
      <c r="J8007" t="s">
        <v>63692</v>
      </c>
    </row>
    <row r="8008" spans="1:10" x14ac:dyDescent="0.25">
      <c r="A8008" t="s">
        <v>24810</v>
      </c>
      <c r="B8008" t="s">
        <v>24811</v>
      </c>
      <c r="C8008" t="s">
        <v>24812</v>
      </c>
      <c r="D8008" t="s">
        <v>24756</v>
      </c>
      <c r="E8008" t="s">
        <v>13</v>
      </c>
      <c r="F8008">
        <v>6074</v>
      </c>
      <c r="G8008" t="s">
        <v>24813</v>
      </c>
      <c r="H8008">
        <v>3.9123325320409998</v>
      </c>
      <c r="I8008">
        <v>51.491203966481997</v>
      </c>
      <c r="J8008" t="s">
        <v>63693</v>
      </c>
    </row>
    <row r="8009" spans="1:10" x14ac:dyDescent="0.25">
      <c r="A8009" t="s">
        <v>24806</v>
      </c>
      <c r="B8009" t="s">
        <v>24807</v>
      </c>
      <c r="C8009" t="s">
        <v>24808</v>
      </c>
      <c r="D8009" t="s">
        <v>24756</v>
      </c>
      <c r="E8009" t="s">
        <v>13</v>
      </c>
      <c r="F8009">
        <v>6073</v>
      </c>
      <c r="G8009" t="s">
        <v>24809</v>
      </c>
      <c r="H8009">
        <v>3.9153123707550002</v>
      </c>
      <c r="I8009">
        <v>51.499441506011003</v>
      </c>
      <c r="J8009" t="s">
        <v>63694</v>
      </c>
    </row>
    <row r="8010" spans="1:10" x14ac:dyDescent="0.25">
      <c r="A8010" t="s">
        <v>24802</v>
      </c>
      <c r="B8010" t="s">
        <v>24803</v>
      </c>
      <c r="C8010" t="s">
        <v>24804</v>
      </c>
      <c r="D8010" t="s">
        <v>24756</v>
      </c>
      <c r="E8010" t="s">
        <v>13</v>
      </c>
      <c r="F8010">
        <v>6072</v>
      </c>
      <c r="G8010" t="s">
        <v>24805</v>
      </c>
      <c r="H8010">
        <v>3.9013125898430001</v>
      </c>
      <c r="I8010">
        <v>51.531789385675999</v>
      </c>
      <c r="J8010" t="s">
        <v>63695</v>
      </c>
    </row>
    <row r="8011" spans="1:10" x14ac:dyDescent="0.25">
      <c r="A8011" t="s">
        <v>24798</v>
      </c>
      <c r="B8011" t="s">
        <v>24799</v>
      </c>
      <c r="C8011" t="s">
        <v>24800</v>
      </c>
      <c r="D8011" t="s">
        <v>24756</v>
      </c>
      <c r="E8011" t="s">
        <v>13</v>
      </c>
      <c r="F8011">
        <v>6071</v>
      </c>
      <c r="G8011" t="s">
        <v>24801</v>
      </c>
      <c r="H8011">
        <v>3.896986232588</v>
      </c>
      <c r="I8011">
        <v>51.529346016105002</v>
      </c>
      <c r="J8011" t="s">
        <v>63696</v>
      </c>
    </row>
    <row r="8012" spans="1:10" x14ac:dyDescent="0.25">
      <c r="A8012" t="s">
        <v>24794</v>
      </c>
      <c r="B8012" t="s">
        <v>24795</v>
      </c>
      <c r="C8012" t="s">
        <v>24796</v>
      </c>
      <c r="D8012" t="s">
        <v>24756</v>
      </c>
      <c r="E8012" t="s">
        <v>13</v>
      </c>
      <c r="F8012">
        <v>6070</v>
      </c>
      <c r="G8012" t="s">
        <v>24797</v>
      </c>
      <c r="H8012">
        <v>3.9116237585059999</v>
      </c>
      <c r="I8012">
        <v>51.514872303829002</v>
      </c>
      <c r="J8012" t="s">
        <v>63697</v>
      </c>
    </row>
    <row r="8013" spans="1:10" x14ac:dyDescent="0.25">
      <c r="A8013" t="s">
        <v>24790</v>
      </c>
      <c r="B8013" t="s">
        <v>24791</v>
      </c>
      <c r="C8013" t="s">
        <v>24792</v>
      </c>
      <c r="D8013" t="s">
        <v>24756</v>
      </c>
      <c r="E8013" t="s">
        <v>13</v>
      </c>
      <c r="F8013">
        <v>6069</v>
      </c>
      <c r="G8013" t="s">
        <v>24793</v>
      </c>
      <c r="H8013">
        <v>3.898278922671</v>
      </c>
      <c r="I8013">
        <v>51.487489841753998</v>
      </c>
      <c r="J8013" t="s">
        <v>63698</v>
      </c>
    </row>
    <row r="8014" spans="1:10" x14ac:dyDescent="0.25">
      <c r="A8014" t="s">
        <v>24786</v>
      </c>
      <c r="B8014" t="s">
        <v>24787</v>
      </c>
      <c r="C8014" t="s">
        <v>24788</v>
      </c>
      <c r="D8014" t="s">
        <v>24756</v>
      </c>
      <c r="E8014" t="s">
        <v>13</v>
      </c>
      <c r="F8014">
        <v>6068</v>
      </c>
      <c r="G8014" t="s">
        <v>24789</v>
      </c>
      <c r="H8014">
        <v>3.9098418582260002</v>
      </c>
      <c r="I8014">
        <v>51.52116333227</v>
      </c>
      <c r="J8014" t="s">
        <v>63699</v>
      </c>
    </row>
    <row r="8015" spans="1:10" x14ac:dyDescent="0.25">
      <c r="A8015" t="s">
        <v>24782</v>
      </c>
      <c r="B8015" t="s">
        <v>24783</v>
      </c>
      <c r="C8015" t="s">
        <v>24784</v>
      </c>
      <c r="D8015" t="s">
        <v>24756</v>
      </c>
      <c r="E8015" t="s">
        <v>13</v>
      </c>
      <c r="F8015">
        <v>6067</v>
      </c>
      <c r="G8015" t="s">
        <v>24785</v>
      </c>
      <c r="H8015">
        <v>3.894747452696</v>
      </c>
      <c r="I8015">
        <v>51.515454367883997</v>
      </c>
      <c r="J8015" t="s">
        <v>63700</v>
      </c>
    </row>
    <row r="8016" spans="1:10" x14ac:dyDescent="0.25">
      <c r="A8016" t="s">
        <v>24778</v>
      </c>
      <c r="B8016" t="s">
        <v>24779</v>
      </c>
      <c r="C8016" t="s">
        <v>24780</v>
      </c>
      <c r="D8016" t="s">
        <v>24756</v>
      </c>
      <c r="E8016" t="s">
        <v>13</v>
      </c>
      <c r="F8016">
        <v>6066</v>
      </c>
      <c r="G8016" t="s">
        <v>24781</v>
      </c>
      <c r="H8016">
        <v>3.8823663862909998</v>
      </c>
      <c r="I8016">
        <v>51.488392360185003</v>
      </c>
      <c r="J8016" t="s">
        <v>63701</v>
      </c>
    </row>
    <row r="8017" spans="1:10" x14ac:dyDescent="0.25">
      <c r="A8017" t="s">
        <v>24774</v>
      </c>
      <c r="B8017" t="s">
        <v>24775</v>
      </c>
      <c r="C8017" t="s">
        <v>24776</v>
      </c>
      <c r="D8017" t="s">
        <v>24756</v>
      </c>
      <c r="E8017" t="s">
        <v>13</v>
      </c>
      <c r="F8017">
        <v>6065</v>
      </c>
      <c r="G8017" t="s">
        <v>24777</v>
      </c>
      <c r="H8017">
        <v>3.9020172788480001</v>
      </c>
      <c r="I8017">
        <v>51.512665901605999</v>
      </c>
      <c r="J8017" t="s">
        <v>63702</v>
      </c>
    </row>
    <row r="8018" spans="1:10" x14ac:dyDescent="0.25">
      <c r="A8018" t="s">
        <v>24770</v>
      </c>
      <c r="B8018" t="s">
        <v>24771</v>
      </c>
      <c r="C8018" t="s">
        <v>24772</v>
      </c>
      <c r="D8018" t="s">
        <v>24756</v>
      </c>
      <c r="E8018" t="s">
        <v>13</v>
      </c>
      <c r="F8018">
        <v>6064</v>
      </c>
      <c r="G8018" t="s">
        <v>24773</v>
      </c>
      <c r="H8018">
        <v>3.8805366625739999</v>
      </c>
      <c r="I8018">
        <v>51.514099902285999</v>
      </c>
      <c r="J8018" t="s">
        <v>63703</v>
      </c>
    </row>
    <row r="8019" spans="1:10" x14ac:dyDescent="0.25">
      <c r="A8019" t="s">
        <v>24766</v>
      </c>
      <c r="B8019" t="s">
        <v>24767</v>
      </c>
      <c r="C8019" t="s">
        <v>24768</v>
      </c>
      <c r="D8019" t="s">
        <v>24756</v>
      </c>
      <c r="E8019" t="s">
        <v>13</v>
      </c>
      <c r="F8019">
        <v>6063</v>
      </c>
      <c r="G8019" t="s">
        <v>24769</v>
      </c>
      <c r="H8019">
        <v>3.879238573306</v>
      </c>
      <c r="I8019">
        <v>51.503363552316998</v>
      </c>
      <c r="J8019" t="s">
        <v>63704</v>
      </c>
    </row>
    <row r="8020" spans="1:10" x14ac:dyDescent="0.25">
      <c r="A8020" t="s">
        <v>24762</v>
      </c>
      <c r="B8020" t="s">
        <v>24763</v>
      </c>
      <c r="C8020" t="s">
        <v>24764</v>
      </c>
      <c r="D8020" t="s">
        <v>24756</v>
      </c>
      <c r="E8020" t="s">
        <v>13</v>
      </c>
      <c r="F8020">
        <v>6062</v>
      </c>
      <c r="G8020" t="s">
        <v>24765</v>
      </c>
      <c r="H8020">
        <v>3.8973715155040001</v>
      </c>
      <c r="I8020">
        <v>51.494588974716002</v>
      </c>
      <c r="J8020" t="s">
        <v>63705</v>
      </c>
    </row>
    <row r="8021" spans="1:10" x14ac:dyDescent="0.25">
      <c r="A8021" t="s">
        <v>24758</v>
      </c>
      <c r="B8021" t="s">
        <v>24759</v>
      </c>
      <c r="C8021" t="s">
        <v>24760</v>
      </c>
      <c r="D8021" t="s">
        <v>24756</v>
      </c>
      <c r="E8021" t="s">
        <v>13</v>
      </c>
      <c r="F8021">
        <v>6061</v>
      </c>
      <c r="G8021" t="s">
        <v>24761</v>
      </c>
      <c r="H8021">
        <v>3.9003820864800001</v>
      </c>
      <c r="I8021">
        <v>51.504206228748998</v>
      </c>
      <c r="J8021" t="s">
        <v>63706</v>
      </c>
    </row>
    <row r="8022" spans="1:10" x14ac:dyDescent="0.25">
      <c r="A8022" t="s">
        <v>24753</v>
      </c>
      <c r="B8022" t="s">
        <v>24754</v>
      </c>
      <c r="C8022" t="s">
        <v>24755</v>
      </c>
      <c r="D8022" t="s">
        <v>24756</v>
      </c>
      <c r="E8022" t="s">
        <v>13</v>
      </c>
      <c r="F8022">
        <v>6060</v>
      </c>
      <c r="G8022" t="s">
        <v>24757</v>
      </c>
      <c r="H8022">
        <v>3.8893133348600002</v>
      </c>
      <c r="I8022">
        <v>51.505212335487002</v>
      </c>
      <c r="J8022" t="s">
        <v>63707</v>
      </c>
    </row>
    <row r="8023" spans="1:10" x14ac:dyDescent="0.25">
      <c r="A8023" t="s">
        <v>1514</v>
      </c>
      <c r="B8023" t="s">
        <v>1515</v>
      </c>
      <c r="C8023" t="s">
        <v>1516</v>
      </c>
      <c r="D8023" t="s">
        <v>1153</v>
      </c>
      <c r="E8023" t="s">
        <v>13</v>
      </c>
      <c r="F8023">
        <v>6059</v>
      </c>
      <c r="G8023" t="s">
        <v>1517</v>
      </c>
      <c r="H8023">
        <v>4.5574112337950003</v>
      </c>
      <c r="I8023">
        <v>51.830703150726997</v>
      </c>
      <c r="J8023" t="s">
        <v>63708</v>
      </c>
    </row>
    <row r="8024" spans="1:10" x14ac:dyDescent="0.25">
      <c r="A8024" t="s">
        <v>1510</v>
      </c>
      <c r="B8024" t="s">
        <v>1511</v>
      </c>
      <c r="C8024" t="s">
        <v>1512</v>
      </c>
      <c r="D8024" t="s">
        <v>1153</v>
      </c>
      <c r="E8024" t="s">
        <v>13</v>
      </c>
      <c r="F8024">
        <v>6058</v>
      </c>
      <c r="G8024" t="s">
        <v>1513</v>
      </c>
      <c r="H8024">
        <v>4.5642148441429997</v>
      </c>
      <c r="I8024">
        <v>51.828375230410998</v>
      </c>
      <c r="J8024" t="s">
        <v>63709</v>
      </c>
    </row>
    <row r="8025" spans="1:10" x14ac:dyDescent="0.25">
      <c r="A8025" t="s">
        <v>1506</v>
      </c>
      <c r="B8025" t="s">
        <v>1507</v>
      </c>
      <c r="C8025" t="s">
        <v>1508</v>
      </c>
      <c r="D8025" t="s">
        <v>1153</v>
      </c>
      <c r="E8025" t="s">
        <v>13</v>
      </c>
      <c r="F8025">
        <v>6057</v>
      </c>
      <c r="G8025" t="s">
        <v>1509</v>
      </c>
      <c r="H8025">
        <v>4.5683621189870003</v>
      </c>
      <c r="I8025">
        <v>51.819645908656</v>
      </c>
      <c r="J8025" t="s">
        <v>63710</v>
      </c>
    </row>
    <row r="8026" spans="1:10" x14ac:dyDescent="0.25">
      <c r="A8026" t="s">
        <v>1502</v>
      </c>
      <c r="B8026" t="s">
        <v>1503</v>
      </c>
      <c r="C8026" t="s">
        <v>1504</v>
      </c>
      <c r="D8026" t="s">
        <v>1153</v>
      </c>
      <c r="E8026" t="s">
        <v>13</v>
      </c>
      <c r="F8026">
        <v>6056</v>
      </c>
      <c r="G8026" t="s">
        <v>1505</v>
      </c>
      <c r="H8026">
        <v>4.5802184622839999</v>
      </c>
      <c r="I8026">
        <v>51.825554201328998</v>
      </c>
      <c r="J8026" t="s">
        <v>63711</v>
      </c>
    </row>
    <row r="8027" spans="1:10" x14ac:dyDescent="0.25">
      <c r="A8027" t="s">
        <v>1498</v>
      </c>
      <c r="B8027" t="s">
        <v>1499</v>
      </c>
      <c r="C8027" t="s">
        <v>1500</v>
      </c>
      <c r="D8027" t="s">
        <v>1153</v>
      </c>
      <c r="E8027" t="s">
        <v>13</v>
      </c>
      <c r="F8027">
        <v>6055</v>
      </c>
      <c r="G8027" t="s">
        <v>1501</v>
      </c>
      <c r="H8027">
        <v>4.5773521495280001</v>
      </c>
      <c r="I8027">
        <v>51.833455518229997</v>
      </c>
      <c r="J8027" t="s">
        <v>63712</v>
      </c>
    </row>
    <row r="8028" spans="1:10" x14ac:dyDescent="0.25">
      <c r="A8028" t="s">
        <v>1494</v>
      </c>
      <c r="B8028" t="s">
        <v>1495</v>
      </c>
      <c r="C8028" t="s">
        <v>1496</v>
      </c>
      <c r="D8028" t="s">
        <v>1153</v>
      </c>
      <c r="E8028" t="s">
        <v>13</v>
      </c>
      <c r="F8028">
        <v>6054</v>
      </c>
      <c r="G8028" t="s">
        <v>1497</v>
      </c>
      <c r="H8028">
        <v>4.5723966287640003</v>
      </c>
      <c r="I8028">
        <v>51.840351170993003</v>
      </c>
      <c r="J8028" t="s">
        <v>63713</v>
      </c>
    </row>
    <row r="8029" spans="1:10" x14ac:dyDescent="0.25">
      <c r="A8029" t="s">
        <v>1490</v>
      </c>
      <c r="B8029" t="s">
        <v>1491</v>
      </c>
      <c r="C8029" t="s">
        <v>1492</v>
      </c>
      <c r="D8029" t="s">
        <v>1153</v>
      </c>
      <c r="E8029" t="s">
        <v>13</v>
      </c>
      <c r="F8029">
        <v>6053</v>
      </c>
      <c r="G8029" t="s">
        <v>1493</v>
      </c>
      <c r="H8029">
        <v>4.5824269205580004</v>
      </c>
      <c r="I8029">
        <v>51.840728205783002</v>
      </c>
      <c r="J8029" t="s">
        <v>63714</v>
      </c>
    </row>
    <row r="8030" spans="1:10" x14ac:dyDescent="0.25">
      <c r="A8030" t="s">
        <v>1486</v>
      </c>
      <c r="B8030" t="s">
        <v>1487</v>
      </c>
      <c r="C8030" t="s">
        <v>1488</v>
      </c>
      <c r="D8030" t="s">
        <v>1153</v>
      </c>
      <c r="E8030" t="s">
        <v>13</v>
      </c>
      <c r="F8030">
        <v>6052</v>
      </c>
      <c r="G8030" t="s">
        <v>1489</v>
      </c>
      <c r="H8030">
        <v>4.5589336630180002</v>
      </c>
      <c r="I8030">
        <v>51.834545876511001</v>
      </c>
      <c r="J8030" t="s">
        <v>63715</v>
      </c>
    </row>
    <row r="8031" spans="1:10" x14ac:dyDescent="0.25">
      <c r="A8031" t="s">
        <v>1482</v>
      </c>
      <c r="B8031" t="s">
        <v>1483</v>
      </c>
      <c r="C8031" t="s">
        <v>1484</v>
      </c>
      <c r="D8031" t="s">
        <v>1153</v>
      </c>
      <c r="E8031" t="s">
        <v>13</v>
      </c>
      <c r="F8031">
        <v>6051</v>
      </c>
      <c r="G8031" t="s">
        <v>1485</v>
      </c>
      <c r="H8031">
        <v>4.5624120275460003</v>
      </c>
      <c r="I8031">
        <v>51.833329323469997</v>
      </c>
      <c r="J8031" t="s">
        <v>63716</v>
      </c>
    </row>
    <row r="8032" spans="1:10" x14ac:dyDescent="0.25">
      <c r="A8032" t="s">
        <v>1478</v>
      </c>
      <c r="B8032" t="s">
        <v>1479</v>
      </c>
      <c r="C8032" t="s">
        <v>1480</v>
      </c>
      <c r="D8032" t="s">
        <v>1153</v>
      </c>
      <c r="E8032" t="s">
        <v>13</v>
      </c>
      <c r="F8032">
        <v>6050</v>
      </c>
      <c r="G8032" t="s">
        <v>1481</v>
      </c>
      <c r="H8032">
        <v>4.5661596179509996</v>
      </c>
      <c r="I8032">
        <v>51.834282827114002</v>
      </c>
      <c r="J8032" t="s">
        <v>63717</v>
      </c>
    </row>
    <row r="8033" spans="1:10" x14ac:dyDescent="0.25">
      <c r="A8033" t="s">
        <v>1474</v>
      </c>
      <c r="B8033" t="s">
        <v>1475</v>
      </c>
      <c r="C8033" t="s">
        <v>1476</v>
      </c>
      <c r="D8033" t="s">
        <v>1153</v>
      </c>
      <c r="E8033" t="s">
        <v>13</v>
      </c>
      <c r="F8033">
        <v>6049</v>
      </c>
      <c r="G8033" t="s">
        <v>1477</v>
      </c>
      <c r="H8033">
        <v>4.5679100826259997</v>
      </c>
      <c r="I8033">
        <v>51.837063108625998</v>
      </c>
      <c r="J8033" t="s">
        <v>63718</v>
      </c>
    </row>
    <row r="8034" spans="1:10" x14ac:dyDescent="0.25">
      <c r="A8034" t="s">
        <v>1470</v>
      </c>
      <c r="B8034" t="s">
        <v>1471</v>
      </c>
      <c r="C8034" t="s">
        <v>1472</v>
      </c>
      <c r="D8034" t="s">
        <v>1153</v>
      </c>
      <c r="E8034" t="s">
        <v>13</v>
      </c>
      <c r="F8034">
        <v>6048</v>
      </c>
      <c r="G8034" t="s">
        <v>1473</v>
      </c>
      <c r="H8034">
        <v>4.5624051292469998</v>
      </c>
      <c r="I8034">
        <v>51.838213930839999</v>
      </c>
      <c r="J8034" t="s">
        <v>63719</v>
      </c>
    </row>
    <row r="8035" spans="1:10" x14ac:dyDescent="0.25">
      <c r="A8035" t="s">
        <v>1466</v>
      </c>
      <c r="B8035" t="s">
        <v>1467</v>
      </c>
      <c r="C8035" t="s">
        <v>1468</v>
      </c>
      <c r="D8035" t="s">
        <v>1153</v>
      </c>
      <c r="E8035" t="s">
        <v>13</v>
      </c>
      <c r="F8035">
        <v>6047</v>
      </c>
      <c r="G8035" t="s">
        <v>1469</v>
      </c>
      <c r="H8035">
        <v>4.6181057873159999</v>
      </c>
      <c r="I8035">
        <v>51.828251854614997</v>
      </c>
      <c r="J8035" t="s">
        <v>63720</v>
      </c>
    </row>
    <row r="8036" spans="1:10" x14ac:dyDescent="0.25">
      <c r="A8036" t="s">
        <v>1462</v>
      </c>
      <c r="B8036" t="s">
        <v>1463</v>
      </c>
      <c r="C8036" t="s">
        <v>1464</v>
      </c>
      <c r="D8036" t="s">
        <v>1153</v>
      </c>
      <c r="E8036" t="s">
        <v>13</v>
      </c>
      <c r="F8036">
        <v>6046</v>
      </c>
      <c r="G8036" t="s">
        <v>1465</v>
      </c>
      <c r="H8036">
        <v>4.6025165953059997</v>
      </c>
      <c r="I8036">
        <v>51.834730069688</v>
      </c>
      <c r="J8036" t="s">
        <v>63721</v>
      </c>
    </row>
    <row r="8037" spans="1:10" x14ac:dyDescent="0.25">
      <c r="A8037" t="s">
        <v>1458</v>
      </c>
      <c r="B8037" t="s">
        <v>1459</v>
      </c>
      <c r="C8037" t="s">
        <v>1460</v>
      </c>
      <c r="D8037" t="s">
        <v>1153</v>
      </c>
      <c r="E8037" t="s">
        <v>13</v>
      </c>
      <c r="F8037">
        <v>6045</v>
      </c>
      <c r="G8037" t="s">
        <v>1461</v>
      </c>
      <c r="H8037">
        <v>4.6038886434880002</v>
      </c>
      <c r="I8037">
        <v>51.829376531929</v>
      </c>
      <c r="J8037" t="s">
        <v>63722</v>
      </c>
    </row>
    <row r="8038" spans="1:10" x14ac:dyDescent="0.25">
      <c r="A8038" t="s">
        <v>1454</v>
      </c>
      <c r="B8038" t="s">
        <v>1455</v>
      </c>
      <c r="C8038" t="s">
        <v>1456</v>
      </c>
      <c r="D8038" t="s">
        <v>1153</v>
      </c>
      <c r="E8038" t="s">
        <v>13</v>
      </c>
      <c r="F8038">
        <v>6044</v>
      </c>
      <c r="G8038" t="s">
        <v>1457</v>
      </c>
      <c r="H8038">
        <v>4.5886434276520003</v>
      </c>
      <c r="I8038">
        <v>51.818411175808002</v>
      </c>
      <c r="J8038" t="s">
        <v>63723</v>
      </c>
    </row>
    <row r="8039" spans="1:10" x14ac:dyDescent="0.25">
      <c r="A8039" t="s">
        <v>1450</v>
      </c>
      <c r="B8039" t="s">
        <v>1451</v>
      </c>
      <c r="C8039" t="s">
        <v>1452</v>
      </c>
      <c r="D8039" t="s">
        <v>1153</v>
      </c>
      <c r="E8039" t="s">
        <v>13</v>
      </c>
      <c r="F8039">
        <v>6043</v>
      </c>
      <c r="G8039" t="s">
        <v>1453</v>
      </c>
      <c r="H8039">
        <v>4.5899929029550002</v>
      </c>
      <c r="I8039">
        <v>51.812579487660997</v>
      </c>
      <c r="J8039" t="s">
        <v>63724</v>
      </c>
    </row>
    <row r="8040" spans="1:10" x14ac:dyDescent="0.25">
      <c r="A8040" t="s">
        <v>1446</v>
      </c>
      <c r="B8040" t="s">
        <v>1447</v>
      </c>
      <c r="C8040" t="s">
        <v>1448</v>
      </c>
      <c r="D8040" t="s">
        <v>1153</v>
      </c>
      <c r="E8040" t="s">
        <v>13</v>
      </c>
      <c r="F8040">
        <v>6042</v>
      </c>
      <c r="G8040" t="s">
        <v>1449</v>
      </c>
      <c r="H8040">
        <v>4.594208436532</v>
      </c>
      <c r="I8040">
        <v>51.810718051511003</v>
      </c>
      <c r="J8040" t="s">
        <v>63725</v>
      </c>
    </row>
    <row r="8041" spans="1:10" x14ac:dyDescent="0.25">
      <c r="A8041" t="s">
        <v>1442</v>
      </c>
      <c r="B8041" t="s">
        <v>1443</v>
      </c>
      <c r="C8041" t="s">
        <v>1444</v>
      </c>
      <c r="D8041" t="s">
        <v>1153</v>
      </c>
      <c r="E8041" t="s">
        <v>13</v>
      </c>
      <c r="F8041">
        <v>6041</v>
      </c>
      <c r="G8041" t="s">
        <v>1445</v>
      </c>
      <c r="H8041">
        <v>4.6014241526730002</v>
      </c>
      <c r="I8041">
        <v>51.810852072776001</v>
      </c>
      <c r="J8041" t="s">
        <v>63726</v>
      </c>
    </row>
    <row r="8042" spans="1:10" x14ac:dyDescent="0.25">
      <c r="A8042" t="s">
        <v>1438</v>
      </c>
      <c r="B8042" t="s">
        <v>1439</v>
      </c>
      <c r="C8042" t="s">
        <v>1440</v>
      </c>
      <c r="D8042" t="s">
        <v>1153</v>
      </c>
      <c r="E8042" t="s">
        <v>13</v>
      </c>
      <c r="F8042">
        <v>6040</v>
      </c>
      <c r="G8042" t="s">
        <v>1441</v>
      </c>
      <c r="H8042">
        <v>4.6204483597920003</v>
      </c>
      <c r="I8042">
        <v>51.806723963171002</v>
      </c>
      <c r="J8042" t="s">
        <v>63727</v>
      </c>
    </row>
    <row r="8043" spans="1:10" x14ac:dyDescent="0.25">
      <c r="A8043" t="s">
        <v>1434</v>
      </c>
      <c r="B8043" t="s">
        <v>1435</v>
      </c>
      <c r="C8043" t="s">
        <v>1436</v>
      </c>
      <c r="D8043" t="s">
        <v>1153</v>
      </c>
      <c r="E8043" t="s">
        <v>13</v>
      </c>
      <c r="F8043">
        <v>6039</v>
      </c>
      <c r="G8043" t="s">
        <v>1437</v>
      </c>
      <c r="H8043">
        <v>4.6076826146309999</v>
      </c>
      <c r="I8043">
        <v>51.816918066005002</v>
      </c>
      <c r="J8043" t="s">
        <v>63728</v>
      </c>
    </row>
    <row r="8044" spans="1:10" x14ac:dyDescent="0.25">
      <c r="A8044" t="s">
        <v>1430</v>
      </c>
      <c r="B8044" t="s">
        <v>1431</v>
      </c>
      <c r="C8044" t="s">
        <v>1432</v>
      </c>
      <c r="D8044" t="s">
        <v>1153</v>
      </c>
      <c r="E8044" t="s">
        <v>13</v>
      </c>
      <c r="F8044">
        <v>6038</v>
      </c>
      <c r="G8044" t="s">
        <v>1433</v>
      </c>
      <c r="H8044">
        <v>4.5972121364070002</v>
      </c>
      <c r="I8044">
        <v>51.814974243538003</v>
      </c>
      <c r="J8044" t="s">
        <v>63729</v>
      </c>
    </row>
    <row r="8045" spans="1:10" x14ac:dyDescent="0.25">
      <c r="A8045" t="s">
        <v>1426</v>
      </c>
      <c r="B8045" t="s">
        <v>1427</v>
      </c>
      <c r="C8045" t="s">
        <v>1428</v>
      </c>
      <c r="D8045" t="s">
        <v>1153</v>
      </c>
      <c r="E8045" t="s">
        <v>13</v>
      </c>
      <c r="F8045">
        <v>6037</v>
      </c>
      <c r="G8045" t="s">
        <v>1429</v>
      </c>
      <c r="H8045">
        <v>4.6033798028720003</v>
      </c>
      <c r="I8045">
        <v>51.815149303604002</v>
      </c>
      <c r="J8045" t="s">
        <v>63730</v>
      </c>
    </row>
    <row r="8046" spans="1:10" x14ac:dyDescent="0.25">
      <c r="A8046" t="s">
        <v>1422</v>
      </c>
      <c r="B8046" t="s">
        <v>1423</v>
      </c>
      <c r="C8046" t="s">
        <v>1424</v>
      </c>
      <c r="D8046" t="s">
        <v>1153</v>
      </c>
      <c r="E8046" t="s">
        <v>13</v>
      </c>
      <c r="F8046">
        <v>6036</v>
      </c>
      <c r="G8046" t="s">
        <v>1425</v>
      </c>
      <c r="H8046">
        <v>4.6081438716739997</v>
      </c>
      <c r="I8046">
        <v>51.815132090391003</v>
      </c>
      <c r="J8046" t="s">
        <v>63731</v>
      </c>
    </row>
    <row r="8047" spans="1:10" x14ac:dyDescent="0.25">
      <c r="A8047" t="s">
        <v>1418</v>
      </c>
      <c r="B8047" t="s">
        <v>1419</v>
      </c>
      <c r="C8047" t="s">
        <v>1420</v>
      </c>
      <c r="D8047" t="s">
        <v>1153</v>
      </c>
      <c r="E8047" t="s">
        <v>13</v>
      </c>
      <c r="F8047">
        <v>6035</v>
      </c>
      <c r="G8047" t="s">
        <v>1421</v>
      </c>
      <c r="H8047">
        <v>4.6058762917599996</v>
      </c>
      <c r="I8047">
        <v>51.813205617068</v>
      </c>
      <c r="J8047" t="s">
        <v>63732</v>
      </c>
    </row>
    <row r="8048" spans="1:10" x14ac:dyDescent="0.25">
      <c r="A8048" t="s">
        <v>1414</v>
      </c>
      <c r="B8048" t="s">
        <v>1415</v>
      </c>
      <c r="C8048" t="s">
        <v>1416</v>
      </c>
      <c r="D8048" t="s">
        <v>1153</v>
      </c>
      <c r="E8048" t="s">
        <v>13</v>
      </c>
      <c r="F8048">
        <v>6034</v>
      </c>
      <c r="G8048" t="s">
        <v>1417</v>
      </c>
      <c r="H8048">
        <v>4.6128964533139998</v>
      </c>
      <c r="I8048">
        <v>51.813252524018999</v>
      </c>
      <c r="J8048" t="s">
        <v>63733</v>
      </c>
    </row>
    <row r="8049" spans="1:10" x14ac:dyDescent="0.25">
      <c r="A8049" t="s">
        <v>1410</v>
      </c>
      <c r="B8049" t="s">
        <v>1411</v>
      </c>
      <c r="C8049" t="s">
        <v>1412</v>
      </c>
      <c r="D8049" t="s">
        <v>1153</v>
      </c>
      <c r="E8049" t="s">
        <v>13</v>
      </c>
      <c r="F8049">
        <v>6033</v>
      </c>
      <c r="G8049" t="s">
        <v>1413</v>
      </c>
      <c r="H8049">
        <v>4.6136632220999996</v>
      </c>
      <c r="I8049">
        <v>51.815168316996001</v>
      </c>
      <c r="J8049" t="s">
        <v>63734</v>
      </c>
    </row>
    <row r="8050" spans="1:10" x14ac:dyDescent="0.25">
      <c r="A8050" t="s">
        <v>1406</v>
      </c>
      <c r="B8050" t="s">
        <v>1407</v>
      </c>
      <c r="C8050" t="s">
        <v>1408</v>
      </c>
      <c r="D8050" t="s">
        <v>1153</v>
      </c>
      <c r="E8050" t="s">
        <v>13</v>
      </c>
      <c r="F8050">
        <v>6032</v>
      </c>
      <c r="G8050" t="s">
        <v>1409</v>
      </c>
      <c r="H8050">
        <v>4.6198522739519996</v>
      </c>
      <c r="I8050">
        <v>51.815262477467002</v>
      </c>
      <c r="J8050" t="s">
        <v>63735</v>
      </c>
    </row>
    <row r="8051" spans="1:10" x14ac:dyDescent="0.25">
      <c r="A8051" t="s">
        <v>1402</v>
      </c>
      <c r="B8051" t="s">
        <v>1403</v>
      </c>
      <c r="C8051" t="s">
        <v>1404</v>
      </c>
      <c r="D8051" t="s">
        <v>1153</v>
      </c>
      <c r="E8051" t="s">
        <v>13</v>
      </c>
      <c r="F8051">
        <v>6031</v>
      </c>
      <c r="G8051" t="s">
        <v>1405</v>
      </c>
      <c r="H8051">
        <v>4.6190139287859999</v>
      </c>
      <c r="I8051">
        <v>51.813120025004999</v>
      </c>
      <c r="J8051" t="s">
        <v>63736</v>
      </c>
    </row>
    <row r="8052" spans="1:10" x14ac:dyDescent="0.25">
      <c r="A8052" t="s">
        <v>1398</v>
      </c>
      <c r="B8052" t="s">
        <v>1399</v>
      </c>
      <c r="C8052" t="s">
        <v>1400</v>
      </c>
      <c r="D8052" t="s">
        <v>1153</v>
      </c>
      <c r="E8052" t="s">
        <v>13</v>
      </c>
      <c r="F8052">
        <v>6030</v>
      </c>
      <c r="G8052" t="s">
        <v>1401</v>
      </c>
      <c r="H8052">
        <v>4.6217414841169999</v>
      </c>
      <c r="I8052">
        <v>51.811765612944001</v>
      </c>
      <c r="J8052" t="s">
        <v>63737</v>
      </c>
    </row>
    <row r="8053" spans="1:10" x14ac:dyDescent="0.25">
      <c r="A8053" t="s">
        <v>1394</v>
      </c>
      <c r="B8053" t="s">
        <v>1395</v>
      </c>
      <c r="C8053" t="s">
        <v>1396</v>
      </c>
      <c r="D8053" t="s">
        <v>1153</v>
      </c>
      <c r="E8053" t="s">
        <v>13</v>
      </c>
      <c r="F8053">
        <v>6029</v>
      </c>
      <c r="G8053" t="s">
        <v>1397</v>
      </c>
      <c r="H8053">
        <v>4.6244512216529996</v>
      </c>
      <c r="I8053">
        <v>51.815247641806998</v>
      </c>
      <c r="J8053" t="s">
        <v>63738</v>
      </c>
    </row>
    <row r="8054" spans="1:10" x14ac:dyDescent="0.25">
      <c r="A8054" t="s">
        <v>1390</v>
      </c>
      <c r="B8054" t="s">
        <v>1391</v>
      </c>
      <c r="C8054" t="s">
        <v>1392</v>
      </c>
      <c r="D8054" t="s">
        <v>1153</v>
      </c>
      <c r="E8054" t="s">
        <v>13</v>
      </c>
      <c r="F8054">
        <v>6028</v>
      </c>
      <c r="G8054" t="s">
        <v>1393</v>
      </c>
      <c r="H8054">
        <v>4.6253872200039998</v>
      </c>
      <c r="I8054">
        <v>51.811381998510001</v>
      </c>
      <c r="J8054" t="s">
        <v>63739</v>
      </c>
    </row>
    <row r="8055" spans="1:10" x14ac:dyDescent="0.25">
      <c r="A8055" t="s">
        <v>1386</v>
      </c>
      <c r="B8055" t="s">
        <v>1387</v>
      </c>
      <c r="C8055" t="s">
        <v>1388</v>
      </c>
      <c r="D8055" t="s">
        <v>1153</v>
      </c>
      <c r="E8055" t="s">
        <v>13</v>
      </c>
      <c r="F8055">
        <v>6027</v>
      </c>
      <c r="G8055" t="s">
        <v>1389</v>
      </c>
      <c r="H8055">
        <v>4.6256907528550002</v>
      </c>
      <c r="I8055">
        <v>51.813370049406998</v>
      </c>
      <c r="J8055" t="s">
        <v>63740</v>
      </c>
    </row>
    <row r="8056" spans="1:10" x14ac:dyDescent="0.25">
      <c r="A8056" t="s">
        <v>1382</v>
      </c>
      <c r="B8056" t="s">
        <v>1383</v>
      </c>
      <c r="C8056" t="s">
        <v>1384</v>
      </c>
      <c r="D8056" t="s">
        <v>1153</v>
      </c>
      <c r="E8056" t="s">
        <v>13</v>
      </c>
      <c r="F8056">
        <v>6026</v>
      </c>
      <c r="G8056" t="s">
        <v>1385</v>
      </c>
      <c r="H8056">
        <v>4.6274646729139999</v>
      </c>
      <c r="I8056">
        <v>51.814381291178996</v>
      </c>
      <c r="J8056" t="s">
        <v>63741</v>
      </c>
    </row>
    <row r="8057" spans="1:10" x14ac:dyDescent="0.25">
      <c r="A8057" t="s">
        <v>1378</v>
      </c>
      <c r="B8057" t="s">
        <v>1379</v>
      </c>
      <c r="C8057" t="s">
        <v>1380</v>
      </c>
      <c r="D8057" t="s">
        <v>1153</v>
      </c>
      <c r="E8057" t="s">
        <v>13</v>
      </c>
      <c r="F8057">
        <v>6025</v>
      </c>
      <c r="G8057" t="s">
        <v>1381</v>
      </c>
      <c r="H8057">
        <v>4.629776132271</v>
      </c>
      <c r="I8057">
        <v>51.812559699563998</v>
      </c>
      <c r="J8057" t="s">
        <v>63742</v>
      </c>
    </row>
    <row r="8058" spans="1:10" x14ac:dyDescent="0.25">
      <c r="A8058" t="s">
        <v>1374</v>
      </c>
      <c r="B8058" t="s">
        <v>1375</v>
      </c>
      <c r="C8058" t="s">
        <v>1376</v>
      </c>
      <c r="D8058" t="s">
        <v>1153</v>
      </c>
      <c r="E8058" t="s">
        <v>13</v>
      </c>
      <c r="F8058">
        <v>6024</v>
      </c>
      <c r="G8058" t="s">
        <v>1377</v>
      </c>
      <c r="H8058">
        <v>4.6326373604460001</v>
      </c>
      <c r="I8058">
        <v>51.810972386731997</v>
      </c>
      <c r="J8058" t="s">
        <v>63743</v>
      </c>
    </row>
    <row r="8059" spans="1:10" x14ac:dyDescent="0.25">
      <c r="A8059" t="s">
        <v>1370</v>
      </c>
      <c r="B8059" t="s">
        <v>1371</v>
      </c>
      <c r="C8059" t="s">
        <v>1372</v>
      </c>
      <c r="D8059" t="s">
        <v>1153</v>
      </c>
      <c r="E8059" t="s">
        <v>13</v>
      </c>
      <c r="F8059">
        <v>6023</v>
      </c>
      <c r="G8059" t="s">
        <v>1373</v>
      </c>
      <c r="H8059">
        <v>4.6342339515280004</v>
      </c>
      <c r="I8059">
        <v>51.809649236892</v>
      </c>
      <c r="J8059" t="s">
        <v>63744</v>
      </c>
    </row>
    <row r="8060" spans="1:10" x14ac:dyDescent="0.25">
      <c r="A8060" t="s">
        <v>1366</v>
      </c>
      <c r="B8060" t="s">
        <v>1367</v>
      </c>
      <c r="C8060" t="s">
        <v>1368</v>
      </c>
      <c r="D8060" t="s">
        <v>1153</v>
      </c>
      <c r="E8060" t="s">
        <v>13</v>
      </c>
      <c r="F8060">
        <v>6022</v>
      </c>
      <c r="G8060" t="s">
        <v>1369</v>
      </c>
      <c r="H8060">
        <v>4.629339824333</v>
      </c>
      <c r="I8060">
        <v>51.807719375928002</v>
      </c>
      <c r="J8060" t="s">
        <v>63745</v>
      </c>
    </row>
    <row r="8061" spans="1:10" x14ac:dyDescent="0.25">
      <c r="A8061" t="s">
        <v>1362</v>
      </c>
      <c r="B8061" t="s">
        <v>1363</v>
      </c>
      <c r="C8061" t="s">
        <v>1364</v>
      </c>
      <c r="D8061" t="s">
        <v>1153</v>
      </c>
      <c r="E8061" t="s">
        <v>13</v>
      </c>
      <c r="F8061">
        <v>6021</v>
      </c>
      <c r="G8061" t="s">
        <v>1365</v>
      </c>
      <c r="H8061">
        <v>4.6345463843020003</v>
      </c>
      <c r="I8061">
        <v>51.807823668841998</v>
      </c>
      <c r="J8061" t="s">
        <v>63746</v>
      </c>
    </row>
    <row r="8062" spans="1:10" x14ac:dyDescent="0.25">
      <c r="A8062" t="s">
        <v>1358</v>
      </c>
      <c r="B8062" t="s">
        <v>1359</v>
      </c>
      <c r="C8062" t="s">
        <v>1360</v>
      </c>
      <c r="D8062" t="s">
        <v>1153</v>
      </c>
      <c r="E8062" t="s">
        <v>13</v>
      </c>
      <c r="F8062">
        <v>6020</v>
      </c>
      <c r="G8062" t="s">
        <v>1361</v>
      </c>
      <c r="H8062">
        <v>4.6381217732840003</v>
      </c>
      <c r="I8062">
        <v>51.808860519428997</v>
      </c>
      <c r="J8062" t="s">
        <v>63747</v>
      </c>
    </row>
    <row r="8063" spans="1:10" x14ac:dyDescent="0.25">
      <c r="A8063" t="s">
        <v>1354</v>
      </c>
      <c r="B8063" t="s">
        <v>1355</v>
      </c>
      <c r="C8063" t="s">
        <v>1356</v>
      </c>
      <c r="D8063" t="s">
        <v>1153</v>
      </c>
      <c r="E8063" t="s">
        <v>13</v>
      </c>
      <c r="F8063">
        <v>6019</v>
      </c>
      <c r="G8063" t="s">
        <v>1357</v>
      </c>
      <c r="H8063">
        <v>4.6416946916819999</v>
      </c>
      <c r="I8063">
        <v>51.810357111396002</v>
      </c>
      <c r="J8063" t="s">
        <v>63748</v>
      </c>
    </row>
    <row r="8064" spans="1:10" x14ac:dyDescent="0.25">
      <c r="A8064" t="s">
        <v>1350</v>
      </c>
      <c r="B8064" t="s">
        <v>1351</v>
      </c>
      <c r="C8064" t="s">
        <v>1352</v>
      </c>
      <c r="D8064" t="s">
        <v>1153</v>
      </c>
      <c r="E8064" t="s">
        <v>13</v>
      </c>
      <c r="F8064">
        <v>6018</v>
      </c>
      <c r="G8064" t="s">
        <v>1353</v>
      </c>
      <c r="H8064">
        <v>4.6371630675609996</v>
      </c>
      <c r="I8064">
        <v>51.811773794536997</v>
      </c>
      <c r="J8064" t="s">
        <v>63749</v>
      </c>
    </row>
    <row r="8065" spans="1:10" x14ac:dyDescent="0.25">
      <c r="A8065" t="s">
        <v>1346</v>
      </c>
      <c r="B8065" t="s">
        <v>1347</v>
      </c>
      <c r="C8065" t="s">
        <v>1348</v>
      </c>
      <c r="D8065" t="s">
        <v>1153</v>
      </c>
      <c r="E8065" t="s">
        <v>13</v>
      </c>
      <c r="F8065">
        <v>6017</v>
      </c>
      <c r="G8065" t="s">
        <v>1349</v>
      </c>
      <c r="H8065">
        <v>4.6322493671249996</v>
      </c>
      <c r="I8065">
        <v>51.814316874151999</v>
      </c>
      <c r="J8065" t="s">
        <v>63750</v>
      </c>
    </row>
    <row r="8066" spans="1:10" x14ac:dyDescent="0.25">
      <c r="A8066" t="s">
        <v>1342</v>
      </c>
      <c r="B8066" t="s">
        <v>1343</v>
      </c>
      <c r="C8066" t="s">
        <v>1344</v>
      </c>
      <c r="D8066" t="s">
        <v>1153</v>
      </c>
      <c r="E8066" t="s">
        <v>13</v>
      </c>
      <c r="F8066">
        <v>6016</v>
      </c>
      <c r="G8066" t="s">
        <v>1345</v>
      </c>
      <c r="H8066">
        <v>4.6281877466639996</v>
      </c>
      <c r="I8066">
        <v>51.817209169354001</v>
      </c>
      <c r="J8066" t="s">
        <v>63751</v>
      </c>
    </row>
    <row r="8067" spans="1:10" x14ac:dyDescent="0.25">
      <c r="A8067" t="s">
        <v>1338</v>
      </c>
      <c r="B8067" t="s">
        <v>1339</v>
      </c>
      <c r="C8067" t="s">
        <v>1340</v>
      </c>
      <c r="D8067" t="s">
        <v>1153</v>
      </c>
      <c r="E8067" t="s">
        <v>13</v>
      </c>
      <c r="F8067">
        <v>6015</v>
      </c>
      <c r="G8067" t="s">
        <v>1341</v>
      </c>
      <c r="H8067">
        <v>4.6243171015820002</v>
      </c>
      <c r="I8067">
        <v>51.820836497785997</v>
      </c>
      <c r="J8067" t="s">
        <v>63752</v>
      </c>
    </row>
    <row r="8068" spans="1:10" x14ac:dyDescent="0.25">
      <c r="A8068" t="s">
        <v>1334</v>
      </c>
      <c r="B8068" t="s">
        <v>1335</v>
      </c>
      <c r="C8068" t="s">
        <v>1336</v>
      </c>
      <c r="D8068" t="s">
        <v>1153</v>
      </c>
      <c r="E8068" t="s">
        <v>13</v>
      </c>
      <c r="F8068">
        <v>6014</v>
      </c>
      <c r="G8068" t="s">
        <v>1337</v>
      </c>
      <c r="H8068">
        <v>4.6151671152480001</v>
      </c>
      <c r="I8068">
        <v>51.823885263355002</v>
      </c>
      <c r="J8068" t="s">
        <v>63753</v>
      </c>
    </row>
    <row r="8069" spans="1:10" x14ac:dyDescent="0.25">
      <c r="A8069" t="s">
        <v>1330</v>
      </c>
      <c r="B8069" t="s">
        <v>1331</v>
      </c>
      <c r="C8069" t="s">
        <v>1332</v>
      </c>
      <c r="D8069" t="s">
        <v>1153</v>
      </c>
      <c r="E8069" t="s">
        <v>13</v>
      </c>
      <c r="F8069">
        <v>6013</v>
      </c>
      <c r="G8069" t="s">
        <v>1333</v>
      </c>
      <c r="H8069">
        <v>4.6094410324839998</v>
      </c>
      <c r="I8069">
        <v>51.823921256459002</v>
      </c>
      <c r="J8069" t="s">
        <v>63754</v>
      </c>
    </row>
    <row r="8070" spans="1:10" x14ac:dyDescent="0.25">
      <c r="A8070" t="s">
        <v>1326</v>
      </c>
      <c r="B8070" t="s">
        <v>1327</v>
      </c>
      <c r="C8070" t="s">
        <v>1328</v>
      </c>
      <c r="D8070" t="s">
        <v>1153</v>
      </c>
      <c r="E8070" t="s">
        <v>13</v>
      </c>
      <c r="F8070">
        <v>6012</v>
      </c>
      <c r="G8070" t="s">
        <v>1329</v>
      </c>
      <c r="H8070">
        <v>4.6016628606919996</v>
      </c>
      <c r="I8070">
        <v>51.819383635209</v>
      </c>
      <c r="J8070" t="s">
        <v>63755</v>
      </c>
    </row>
    <row r="8071" spans="1:10" x14ac:dyDescent="0.25">
      <c r="A8071" t="s">
        <v>1322</v>
      </c>
      <c r="B8071" t="s">
        <v>1323</v>
      </c>
      <c r="C8071" t="s">
        <v>1324</v>
      </c>
      <c r="D8071" t="s">
        <v>1153</v>
      </c>
      <c r="E8071" t="s">
        <v>13</v>
      </c>
      <c r="F8071">
        <v>6011</v>
      </c>
      <c r="G8071" t="s">
        <v>1325</v>
      </c>
      <c r="H8071">
        <v>4.6055409231490003</v>
      </c>
      <c r="I8071">
        <v>51.818797262531</v>
      </c>
      <c r="J8071" t="s">
        <v>63756</v>
      </c>
    </row>
    <row r="8072" spans="1:10" x14ac:dyDescent="0.25">
      <c r="A8072" t="s">
        <v>1318</v>
      </c>
      <c r="B8072" t="s">
        <v>1319</v>
      </c>
      <c r="C8072" t="s">
        <v>1320</v>
      </c>
      <c r="D8072" t="s">
        <v>1153</v>
      </c>
      <c r="E8072" t="s">
        <v>13</v>
      </c>
      <c r="F8072">
        <v>6010</v>
      </c>
      <c r="G8072" t="s">
        <v>1321</v>
      </c>
      <c r="H8072">
        <v>4.6068140294750002</v>
      </c>
      <c r="I8072">
        <v>51.821721705598002</v>
      </c>
      <c r="J8072" t="s">
        <v>63757</v>
      </c>
    </row>
    <row r="8073" spans="1:10" x14ac:dyDescent="0.25">
      <c r="A8073" t="s">
        <v>1314</v>
      </c>
      <c r="B8073" t="s">
        <v>1315</v>
      </c>
      <c r="C8073" t="s">
        <v>1316</v>
      </c>
      <c r="D8073" t="s">
        <v>1153</v>
      </c>
      <c r="E8073" t="s">
        <v>13</v>
      </c>
      <c r="F8073">
        <v>6009</v>
      </c>
      <c r="G8073" t="s">
        <v>1317</v>
      </c>
      <c r="H8073">
        <v>4.6088432538099999</v>
      </c>
      <c r="I8073">
        <v>51.818900520139998</v>
      </c>
      <c r="J8073" t="s">
        <v>63758</v>
      </c>
    </row>
    <row r="8074" spans="1:10" x14ac:dyDescent="0.25">
      <c r="A8074" t="s">
        <v>1310</v>
      </c>
      <c r="B8074" t="s">
        <v>1311</v>
      </c>
      <c r="C8074" t="s">
        <v>1312</v>
      </c>
      <c r="D8074" t="s">
        <v>1153</v>
      </c>
      <c r="E8074" t="s">
        <v>13</v>
      </c>
      <c r="F8074">
        <v>6008</v>
      </c>
      <c r="G8074" t="s">
        <v>1313</v>
      </c>
      <c r="H8074">
        <v>4.613648888238</v>
      </c>
      <c r="I8074">
        <v>51.821616879159997</v>
      </c>
      <c r="J8074" t="s">
        <v>63759</v>
      </c>
    </row>
    <row r="8075" spans="1:10" x14ac:dyDescent="0.25">
      <c r="A8075" t="s">
        <v>1306</v>
      </c>
      <c r="B8075" t="s">
        <v>1307</v>
      </c>
      <c r="C8075" t="s">
        <v>1308</v>
      </c>
      <c r="D8075" t="s">
        <v>1153</v>
      </c>
      <c r="E8075" t="s">
        <v>13</v>
      </c>
      <c r="F8075">
        <v>6007</v>
      </c>
      <c r="G8075" t="s">
        <v>1309</v>
      </c>
      <c r="H8075">
        <v>4.6152541595610002</v>
      </c>
      <c r="I8075">
        <v>51.820042511491003</v>
      </c>
      <c r="J8075" t="s">
        <v>63760</v>
      </c>
    </row>
    <row r="8076" spans="1:10" x14ac:dyDescent="0.25">
      <c r="A8076" t="s">
        <v>1302</v>
      </c>
      <c r="B8076" t="s">
        <v>1303</v>
      </c>
      <c r="C8076" t="s">
        <v>1304</v>
      </c>
      <c r="D8076" t="s">
        <v>1153</v>
      </c>
      <c r="E8076" t="s">
        <v>13</v>
      </c>
      <c r="F8076">
        <v>6006</v>
      </c>
      <c r="G8076" t="s">
        <v>1305</v>
      </c>
      <c r="H8076">
        <v>4.6174257193250003</v>
      </c>
      <c r="I8076">
        <v>51.818272187562997</v>
      </c>
      <c r="J8076" t="s">
        <v>63761</v>
      </c>
    </row>
    <row r="8077" spans="1:10" x14ac:dyDescent="0.25">
      <c r="A8077" t="s">
        <v>1298</v>
      </c>
      <c r="B8077" t="s">
        <v>1299</v>
      </c>
      <c r="C8077" t="s">
        <v>1300</v>
      </c>
      <c r="D8077" t="s">
        <v>1153</v>
      </c>
      <c r="E8077" t="s">
        <v>13</v>
      </c>
      <c r="F8077">
        <v>6005</v>
      </c>
      <c r="G8077" t="s">
        <v>1301</v>
      </c>
      <c r="H8077">
        <v>4.6236092054790001</v>
      </c>
      <c r="I8077">
        <v>51.818115036438002</v>
      </c>
      <c r="J8077" t="s">
        <v>63762</v>
      </c>
    </row>
    <row r="8078" spans="1:10" x14ac:dyDescent="0.25">
      <c r="A8078" t="s">
        <v>1294</v>
      </c>
      <c r="B8078" t="s">
        <v>1295</v>
      </c>
      <c r="C8078" t="s">
        <v>1296</v>
      </c>
      <c r="D8078" t="s">
        <v>1153</v>
      </c>
      <c r="E8078" t="s">
        <v>13</v>
      </c>
      <c r="F8078">
        <v>6004</v>
      </c>
      <c r="G8078" t="s">
        <v>1297</v>
      </c>
      <c r="H8078">
        <v>4.64367567644</v>
      </c>
      <c r="I8078">
        <v>51.821403522639997</v>
      </c>
      <c r="J8078" t="s">
        <v>63763</v>
      </c>
    </row>
    <row r="8079" spans="1:10" x14ac:dyDescent="0.25">
      <c r="A8079" t="s">
        <v>1290</v>
      </c>
      <c r="B8079" t="s">
        <v>1291</v>
      </c>
      <c r="C8079" t="s">
        <v>1292</v>
      </c>
      <c r="D8079" t="s">
        <v>1153</v>
      </c>
      <c r="E8079" t="s">
        <v>13</v>
      </c>
      <c r="F8079">
        <v>6003</v>
      </c>
      <c r="G8079" t="s">
        <v>1293</v>
      </c>
      <c r="H8079">
        <v>4.6399772749880004</v>
      </c>
      <c r="I8079">
        <v>51.822913324506999</v>
      </c>
      <c r="J8079" t="s">
        <v>63764</v>
      </c>
    </row>
    <row r="8080" spans="1:10" x14ac:dyDescent="0.25">
      <c r="A8080" t="s">
        <v>1286</v>
      </c>
      <c r="B8080" t="s">
        <v>1287</v>
      </c>
      <c r="C8080" t="s">
        <v>1288</v>
      </c>
      <c r="D8080" t="s">
        <v>1153</v>
      </c>
      <c r="E8080" t="s">
        <v>13</v>
      </c>
      <c r="F8080">
        <v>6002</v>
      </c>
      <c r="G8080" t="s">
        <v>1289</v>
      </c>
      <c r="H8080">
        <v>4.6377581546400002</v>
      </c>
      <c r="I8080">
        <v>51.823878923709998</v>
      </c>
      <c r="J8080" t="s">
        <v>63765</v>
      </c>
    </row>
    <row r="8081" spans="1:10" x14ac:dyDescent="0.25">
      <c r="A8081" t="s">
        <v>1282</v>
      </c>
      <c r="B8081" t="s">
        <v>1283</v>
      </c>
      <c r="C8081" t="s">
        <v>1284</v>
      </c>
      <c r="D8081" t="s">
        <v>1153</v>
      </c>
      <c r="E8081" t="s">
        <v>13</v>
      </c>
      <c r="F8081">
        <v>6001</v>
      </c>
      <c r="G8081" t="s">
        <v>1285</v>
      </c>
      <c r="H8081">
        <v>4.6344060501669997</v>
      </c>
      <c r="I8081">
        <v>51.825098250863</v>
      </c>
      <c r="J8081" t="s">
        <v>63766</v>
      </c>
    </row>
    <row r="8082" spans="1:10" x14ac:dyDescent="0.25">
      <c r="A8082" t="s">
        <v>1278</v>
      </c>
      <c r="B8082" t="s">
        <v>1279</v>
      </c>
      <c r="C8082" t="s">
        <v>1280</v>
      </c>
      <c r="D8082" t="s">
        <v>1153</v>
      </c>
      <c r="E8082" t="s">
        <v>13</v>
      </c>
      <c r="F8082">
        <v>6000</v>
      </c>
      <c r="G8082" t="s">
        <v>1281</v>
      </c>
      <c r="H8082">
        <v>4.6274069522500003</v>
      </c>
      <c r="I8082">
        <v>51.827047550358003</v>
      </c>
      <c r="J8082" t="s">
        <v>63767</v>
      </c>
    </row>
    <row r="8083" spans="1:10" x14ac:dyDescent="0.25">
      <c r="A8083" t="s">
        <v>1274</v>
      </c>
      <c r="B8083" t="s">
        <v>1275</v>
      </c>
      <c r="C8083" t="s">
        <v>1276</v>
      </c>
      <c r="D8083" t="s">
        <v>1153</v>
      </c>
      <c r="E8083" t="s">
        <v>13</v>
      </c>
      <c r="F8083">
        <v>5999</v>
      </c>
      <c r="G8083" t="s">
        <v>1277</v>
      </c>
      <c r="H8083">
        <v>4.628858049283</v>
      </c>
      <c r="I8083">
        <v>51.823736652420003</v>
      </c>
      <c r="J8083" t="s">
        <v>63768</v>
      </c>
    </row>
    <row r="8084" spans="1:10" x14ac:dyDescent="0.25">
      <c r="A8084" t="s">
        <v>1270</v>
      </c>
      <c r="B8084" t="s">
        <v>1271</v>
      </c>
      <c r="C8084" t="s">
        <v>1272</v>
      </c>
      <c r="D8084" t="s">
        <v>1153</v>
      </c>
      <c r="E8084" t="s">
        <v>13</v>
      </c>
      <c r="F8084">
        <v>5998</v>
      </c>
      <c r="G8084" t="s">
        <v>1273</v>
      </c>
      <c r="H8084">
        <v>4.6293596071650001</v>
      </c>
      <c r="I8084">
        <v>51.822254440708001</v>
      </c>
      <c r="J8084" t="s">
        <v>63769</v>
      </c>
    </row>
    <row r="8085" spans="1:10" x14ac:dyDescent="0.25">
      <c r="A8085" t="s">
        <v>1266</v>
      </c>
      <c r="B8085" t="s">
        <v>1267</v>
      </c>
      <c r="C8085" t="s">
        <v>1268</v>
      </c>
      <c r="D8085" t="s">
        <v>1153</v>
      </c>
      <c r="E8085" t="s">
        <v>13</v>
      </c>
      <c r="F8085">
        <v>5997</v>
      </c>
      <c r="G8085" t="s">
        <v>1269</v>
      </c>
      <c r="H8085">
        <v>4.632760324735</v>
      </c>
      <c r="I8085">
        <v>51.821868564166003</v>
      </c>
      <c r="J8085" t="s">
        <v>63770</v>
      </c>
    </row>
    <row r="8086" spans="1:10" x14ac:dyDescent="0.25">
      <c r="A8086" t="s">
        <v>1262</v>
      </c>
      <c r="B8086" t="s">
        <v>1263</v>
      </c>
      <c r="C8086" t="s">
        <v>1264</v>
      </c>
      <c r="D8086" t="s">
        <v>1153</v>
      </c>
      <c r="E8086" t="s">
        <v>13</v>
      </c>
      <c r="F8086">
        <v>5996</v>
      </c>
      <c r="G8086" t="s">
        <v>1265</v>
      </c>
      <c r="H8086">
        <v>4.634611522538</v>
      </c>
      <c r="I8086">
        <v>51.820945523615002</v>
      </c>
      <c r="J8086" t="s">
        <v>63771</v>
      </c>
    </row>
    <row r="8087" spans="1:10" x14ac:dyDescent="0.25">
      <c r="A8087" t="s">
        <v>1258</v>
      </c>
      <c r="B8087" t="s">
        <v>1259</v>
      </c>
      <c r="C8087" t="s">
        <v>1260</v>
      </c>
      <c r="D8087" t="s">
        <v>1153</v>
      </c>
      <c r="E8087" t="s">
        <v>13</v>
      </c>
      <c r="F8087">
        <v>5995</v>
      </c>
      <c r="G8087" t="s">
        <v>1261</v>
      </c>
      <c r="H8087">
        <v>4.6367654784369998</v>
      </c>
      <c r="I8087">
        <v>51.819961093639002</v>
      </c>
      <c r="J8087" t="s">
        <v>63772</v>
      </c>
    </row>
    <row r="8088" spans="1:10" x14ac:dyDescent="0.25">
      <c r="A8088" t="s">
        <v>1255</v>
      </c>
      <c r="B8088" t="s">
        <v>1256</v>
      </c>
      <c r="C8088" t="s">
        <v>85</v>
      </c>
      <c r="D8088" t="s">
        <v>1153</v>
      </c>
      <c r="E8088" t="s">
        <v>13</v>
      </c>
      <c r="F8088">
        <v>5994</v>
      </c>
      <c r="G8088" t="s">
        <v>1257</v>
      </c>
      <c r="H8088">
        <v>4.6401354431969999</v>
      </c>
      <c r="I8088">
        <v>51.818600817727003</v>
      </c>
      <c r="J8088" t="s">
        <v>63773</v>
      </c>
    </row>
    <row r="8089" spans="1:10" x14ac:dyDescent="0.25">
      <c r="A8089" t="s">
        <v>1251</v>
      </c>
      <c r="B8089" t="s">
        <v>1252</v>
      </c>
      <c r="C8089" t="s">
        <v>1253</v>
      </c>
      <c r="D8089" t="s">
        <v>1153</v>
      </c>
      <c r="E8089" t="s">
        <v>13</v>
      </c>
      <c r="F8089">
        <v>5993</v>
      </c>
      <c r="G8089" t="s">
        <v>1254</v>
      </c>
      <c r="H8089">
        <v>4.6360303190380003</v>
      </c>
      <c r="I8089">
        <v>51.815904983419003</v>
      </c>
      <c r="J8089" t="s">
        <v>63774</v>
      </c>
    </row>
    <row r="8090" spans="1:10" x14ac:dyDescent="0.25">
      <c r="A8090" t="s">
        <v>1247</v>
      </c>
      <c r="B8090" t="s">
        <v>1248</v>
      </c>
      <c r="C8090" t="s">
        <v>1249</v>
      </c>
      <c r="D8090" t="s">
        <v>1153</v>
      </c>
      <c r="E8090" t="s">
        <v>13</v>
      </c>
      <c r="F8090">
        <v>5992</v>
      </c>
      <c r="G8090" t="s">
        <v>1250</v>
      </c>
      <c r="H8090">
        <v>4.6315047864430001</v>
      </c>
      <c r="I8090">
        <v>51.817797089709003</v>
      </c>
      <c r="J8090" t="s">
        <v>63775</v>
      </c>
    </row>
    <row r="8091" spans="1:10" x14ac:dyDescent="0.25">
      <c r="A8091" t="s">
        <v>1243</v>
      </c>
      <c r="B8091" t="s">
        <v>1244</v>
      </c>
      <c r="C8091" t="s">
        <v>1245</v>
      </c>
      <c r="D8091" t="s">
        <v>1153</v>
      </c>
      <c r="E8091" t="s">
        <v>13</v>
      </c>
      <c r="F8091">
        <v>5991</v>
      </c>
      <c r="G8091" t="s">
        <v>1246</v>
      </c>
      <c r="H8091">
        <v>4.6510422715960003</v>
      </c>
      <c r="I8091">
        <v>51.817386561067003</v>
      </c>
      <c r="J8091" t="s">
        <v>63776</v>
      </c>
    </row>
    <row r="8092" spans="1:10" x14ac:dyDescent="0.25">
      <c r="A8092" t="s">
        <v>1239</v>
      </c>
      <c r="B8092" t="s">
        <v>1240</v>
      </c>
      <c r="C8092" t="s">
        <v>1241</v>
      </c>
      <c r="D8092" t="s">
        <v>1153</v>
      </c>
      <c r="E8092" t="s">
        <v>13</v>
      </c>
      <c r="F8092">
        <v>5990</v>
      </c>
      <c r="G8092" t="s">
        <v>1242</v>
      </c>
      <c r="H8092">
        <v>4.6477300862290001</v>
      </c>
      <c r="I8092">
        <v>51.819537443072001</v>
      </c>
      <c r="J8092" t="s">
        <v>63777</v>
      </c>
    </row>
    <row r="8093" spans="1:10" x14ac:dyDescent="0.25">
      <c r="A8093" t="s">
        <v>1235</v>
      </c>
      <c r="B8093" t="s">
        <v>1236</v>
      </c>
      <c r="C8093" t="s">
        <v>1237</v>
      </c>
      <c r="D8093" t="s">
        <v>1153</v>
      </c>
      <c r="E8093" t="s">
        <v>13</v>
      </c>
      <c r="F8093">
        <v>5989</v>
      </c>
      <c r="G8093" t="s">
        <v>1238</v>
      </c>
      <c r="H8093">
        <v>4.6448759251789999</v>
      </c>
      <c r="I8093">
        <v>51.817369969814997</v>
      </c>
      <c r="J8093" t="s">
        <v>63778</v>
      </c>
    </row>
    <row r="8094" spans="1:10" x14ac:dyDescent="0.25">
      <c r="A8094" t="s">
        <v>1231</v>
      </c>
      <c r="B8094" t="s">
        <v>1232</v>
      </c>
      <c r="C8094" t="s">
        <v>1233</v>
      </c>
      <c r="D8094" t="s">
        <v>1153</v>
      </c>
      <c r="E8094" t="s">
        <v>13</v>
      </c>
      <c r="F8094">
        <v>5988</v>
      </c>
      <c r="G8094" t="s">
        <v>1234</v>
      </c>
      <c r="H8094">
        <v>4.6439057835490001</v>
      </c>
      <c r="I8094">
        <v>51.815453539164999</v>
      </c>
      <c r="J8094" t="s">
        <v>63779</v>
      </c>
    </row>
    <row r="8095" spans="1:10" x14ac:dyDescent="0.25">
      <c r="A8095" t="s">
        <v>1227</v>
      </c>
      <c r="B8095" t="s">
        <v>1228</v>
      </c>
      <c r="C8095" t="s">
        <v>1229</v>
      </c>
      <c r="D8095" t="s">
        <v>1153</v>
      </c>
      <c r="E8095" t="s">
        <v>13</v>
      </c>
      <c r="F8095">
        <v>5987</v>
      </c>
      <c r="G8095" t="s">
        <v>1230</v>
      </c>
      <c r="H8095">
        <v>4.6400151054399998</v>
      </c>
      <c r="I8095">
        <v>51.814082354142002</v>
      </c>
      <c r="J8095" t="s">
        <v>63780</v>
      </c>
    </row>
    <row r="8096" spans="1:10" x14ac:dyDescent="0.25">
      <c r="A8096" t="s">
        <v>1223</v>
      </c>
      <c r="B8096" t="s">
        <v>1224</v>
      </c>
      <c r="C8096" t="s">
        <v>1225</v>
      </c>
      <c r="D8096" t="s">
        <v>1153</v>
      </c>
      <c r="E8096" t="s">
        <v>13</v>
      </c>
      <c r="F8096">
        <v>5986</v>
      </c>
      <c r="G8096" t="s">
        <v>1226</v>
      </c>
      <c r="H8096">
        <v>4.643719132397</v>
      </c>
      <c r="I8096">
        <v>51.812658992564998</v>
      </c>
      <c r="J8096" t="s">
        <v>63781</v>
      </c>
    </row>
    <row r="8097" spans="1:10" x14ac:dyDescent="0.25">
      <c r="A8097" t="s">
        <v>1219</v>
      </c>
      <c r="B8097" t="s">
        <v>1220</v>
      </c>
      <c r="C8097" t="s">
        <v>1221</v>
      </c>
      <c r="D8097" t="s">
        <v>1153</v>
      </c>
      <c r="E8097" t="s">
        <v>13</v>
      </c>
      <c r="F8097">
        <v>5985</v>
      </c>
      <c r="G8097" t="s">
        <v>1222</v>
      </c>
      <c r="H8097">
        <v>4.650481553344</v>
      </c>
      <c r="I8097">
        <v>51.813702678300999</v>
      </c>
      <c r="J8097" t="s">
        <v>63782</v>
      </c>
    </row>
    <row r="8098" spans="1:10" x14ac:dyDescent="0.25">
      <c r="A8098" t="s">
        <v>1215</v>
      </c>
      <c r="B8098" t="s">
        <v>1216</v>
      </c>
      <c r="C8098" t="s">
        <v>1217</v>
      </c>
      <c r="D8098" t="s">
        <v>1153</v>
      </c>
      <c r="E8098" t="s">
        <v>13</v>
      </c>
      <c r="F8098">
        <v>5984</v>
      </c>
      <c r="G8098" t="s">
        <v>1218</v>
      </c>
      <c r="H8098">
        <v>4.6543765855570003</v>
      </c>
      <c r="I8098">
        <v>51.815819329085002</v>
      </c>
      <c r="J8098" t="s">
        <v>63783</v>
      </c>
    </row>
    <row r="8099" spans="1:10" x14ac:dyDescent="0.25">
      <c r="A8099" t="s">
        <v>1211</v>
      </c>
      <c r="B8099" t="s">
        <v>1212</v>
      </c>
      <c r="C8099" t="s">
        <v>1213</v>
      </c>
      <c r="D8099" t="s">
        <v>1153</v>
      </c>
      <c r="E8099" t="s">
        <v>13</v>
      </c>
      <c r="F8099">
        <v>5983</v>
      </c>
      <c r="G8099" t="s">
        <v>1214</v>
      </c>
      <c r="H8099">
        <v>4.656406918579</v>
      </c>
      <c r="I8099">
        <v>51.816911800084</v>
      </c>
      <c r="J8099" t="s">
        <v>63784</v>
      </c>
    </row>
    <row r="8100" spans="1:10" x14ac:dyDescent="0.25">
      <c r="A8100" t="s">
        <v>1207</v>
      </c>
      <c r="B8100" t="s">
        <v>1208</v>
      </c>
      <c r="C8100" t="s">
        <v>1209</v>
      </c>
      <c r="D8100" t="s">
        <v>1153</v>
      </c>
      <c r="E8100" t="s">
        <v>13</v>
      </c>
      <c r="F8100">
        <v>5982</v>
      </c>
      <c r="G8100" t="s">
        <v>1210</v>
      </c>
      <c r="H8100">
        <v>4.6439009073950004</v>
      </c>
      <c r="I8100">
        <v>51.823583580578003</v>
      </c>
      <c r="J8100" t="s">
        <v>63785</v>
      </c>
    </row>
    <row r="8101" spans="1:10" x14ac:dyDescent="0.25">
      <c r="A8101" t="s">
        <v>1203</v>
      </c>
      <c r="B8101" t="s">
        <v>1204</v>
      </c>
      <c r="C8101" t="s">
        <v>1205</v>
      </c>
      <c r="D8101" t="s">
        <v>1153</v>
      </c>
      <c r="E8101" t="s">
        <v>13</v>
      </c>
      <c r="F8101">
        <v>5981</v>
      </c>
      <c r="G8101" t="s">
        <v>1206</v>
      </c>
      <c r="H8101">
        <v>4.6402605955469998</v>
      </c>
      <c r="I8101">
        <v>51.825690207054997</v>
      </c>
      <c r="J8101" t="s">
        <v>63786</v>
      </c>
    </row>
    <row r="8102" spans="1:10" x14ac:dyDescent="0.25">
      <c r="A8102" t="s">
        <v>1199</v>
      </c>
      <c r="B8102" t="s">
        <v>1200</v>
      </c>
      <c r="C8102" t="s">
        <v>1201</v>
      </c>
      <c r="D8102" t="s">
        <v>1153</v>
      </c>
      <c r="E8102" t="s">
        <v>13</v>
      </c>
      <c r="F8102">
        <v>5980</v>
      </c>
      <c r="G8102" t="s">
        <v>1202</v>
      </c>
      <c r="H8102">
        <v>4.6438787948140003</v>
      </c>
      <c r="I8102">
        <v>51.826118967801001</v>
      </c>
      <c r="J8102" t="s">
        <v>63787</v>
      </c>
    </row>
    <row r="8103" spans="1:10" x14ac:dyDescent="0.25">
      <c r="A8103" t="s">
        <v>1195</v>
      </c>
      <c r="B8103" t="s">
        <v>1196</v>
      </c>
      <c r="C8103" t="s">
        <v>1197</v>
      </c>
      <c r="D8103" t="s">
        <v>1153</v>
      </c>
      <c r="E8103" t="s">
        <v>13</v>
      </c>
      <c r="F8103">
        <v>5979</v>
      </c>
      <c r="G8103" t="s">
        <v>1198</v>
      </c>
      <c r="H8103">
        <v>4.6488036765840004</v>
      </c>
      <c r="I8103">
        <v>51.826054699068997</v>
      </c>
      <c r="J8103" t="s">
        <v>63788</v>
      </c>
    </row>
    <row r="8104" spans="1:10" x14ac:dyDescent="0.25">
      <c r="A8104" t="s">
        <v>1191</v>
      </c>
      <c r="B8104" t="s">
        <v>1192</v>
      </c>
      <c r="C8104" t="s">
        <v>1193</v>
      </c>
      <c r="D8104" t="s">
        <v>1153</v>
      </c>
      <c r="E8104" t="s">
        <v>13</v>
      </c>
      <c r="F8104">
        <v>5978</v>
      </c>
      <c r="G8104" t="s">
        <v>1194</v>
      </c>
      <c r="H8104">
        <v>4.6517723326310003</v>
      </c>
      <c r="I8104">
        <v>51.822153436541001</v>
      </c>
      <c r="J8104" t="s">
        <v>63789</v>
      </c>
    </row>
    <row r="8105" spans="1:10" x14ac:dyDescent="0.25">
      <c r="A8105" t="s">
        <v>1187</v>
      </c>
      <c r="B8105" t="s">
        <v>1188</v>
      </c>
      <c r="C8105" t="s">
        <v>1189</v>
      </c>
      <c r="D8105" t="s">
        <v>1153</v>
      </c>
      <c r="E8105" t="s">
        <v>13</v>
      </c>
      <c r="F8105">
        <v>5977</v>
      </c>
      <c r="G8105" t="s">
        <v>1190</v>
      </c>
      <c r="H8105">
        <v>4.6563576514429998</v>
      </c>
      <c r="I8105">
        <v>51.821552966399999</v>
      </c>
      <c r="J8105" t="s">
        <v>63790</v>
      </c>
    </row>
    <row r="8106" spans="1:10" x14ac:dyDescent="0.25">
      <c r="A8106" t="s">
        <v>1183</v>
      </c>
      <c r="B8106" t="s">
        <v>1184</v>
      </c>
      <c r="C8106" t="s">
        <v>1185</v>
      </c>
      <c r="D8106" t="s">
        <v>1153</v>
      </c>
      <c r="E8106" t="s">
        <v>13</v>
      </c>
      <c r="F8106">
        <v>5976</v>
      </c>
      <c r="G8106" t="s">
        <v>1186</v>
      </c>
      <c r="H8106">
        <v>4.6598665261900001</v>
      </c>
      <c r="I8106">
        <v>51.823441724803999</v>
      </c>
      <c r="J8106" t="s">
        <v>63791</v>
      </c>
    </row>
    <row r="8107" spans="1:10" x14ac:dyDescent="0.25">
      <c r="A8107" t="s">
        <v>1179</v>
      </c>
      <c r="B8107" t="s">
        <v>1180</v>
      </c>
      <c r="C8107" t="s">
        <v>1181</v>
      </c>
      <c r="D8107" t="s">
        <v>1153</v>
      </c>
      <c r="E8107" t="s">
        <v>13</v>
      </c>
      <c r="F8107">
        <v>5975</v>
      </c>
      <c r="G8107" t="s">
        <v>1182</v>
      </c>
      <c r="H8107">
        <v>4.6550413532189996</v>
      </c>
      <c r="I8107">
        <v>51.825212502927002</v>
      </c>
      <c r="J8107" t="s">
        <v>63792</v>
      </c>
    </row>
    <row r="8108" spans="1:10" x14ac:dyDescent="0.25">
      <c r="A8108" t="s">
        <v>1175</v>
      </c>
      <c r="B8108" t="s">
        <v>1176</v>
      </c>
      <c r="C8108" t="s">
        <v>1177</v>
      </c>
      <c r="D8108" t="s">
        <v>1153</v>
      </c>
      <c r="E8108" t="s">
        <v>13</v>
      </c>
      <c r="F8108">
        <v>5974</v>
      </c>
      <c r="G8108" t="s">
        <v>1178</v>
      </c>
      <c r="H8108">
        <v>4.658306225594</v>
      </c>
      <c r="I8108">
        <v>51.828307691656001</v>
      </c>
      <c r="J8108" t="s">
        <v>63793</v>
      </c>
    </row>
    <row r="8109" spans="1:10" x14ac:dyDescent="0.25">
      <c r="A8109" t="s">
        <v>1171</v>
      </c>
      <c r="B8109" t="s">
        <v>1172</v>
      </c>
      <c r="C8109" t="s">
        <v>1173</v>
      </c>
      <c r="D8109" t="s">
        <v>1153</v>
      </c>
      <c r="E8109" t="s">
        <v>13</v>
      </c>
      <c r="F8109">
        <v>5973</v>
      </c>
      <c r="G8109" t="s">
        <v>1174</v>
      </c>
      <c r="H8109">
        <v>4.6628712373610002</v>
      </c>
      <c r="I8109">
        <v>51.828727674259</v>
      </c>
      <c r="J8109" t="s">
        <v>63794</v>
      </c>
    </row>
    <row r="8110" spans="1:10" x14ac:dyDescent="0.25">
      <c r="A8110" t="s">
        <v>1167</v>
      </c>
      <c r="B8110" t="s">
        <v>1168</v>
      </c>
      <c r="C8110" t="s">
        <v>1169</v>
      </c>
      <c r="D8110" t="s">
        <v>1153</v>
      </c>
      <c r="E8110" t="s">
        <v>13</v>
      </c>
      <c r="F8110">
        <v>5972</v>
      </c>
      <c r="G8110" t="s">
        <v>1170</v>
      </c>
      <c r="H8110">
        <v>4.6654573977410001</v>
      </c>
      <c r="I8110">
        <v>51.825129216046001</v>
      </c>
      <c r="J8110" t="s">
        <v>63795</v>
      </c>
    </row>
    <row r="8111" spans="1:10" x14ac:dyDescent="0.25">
      <c r="A8111" t="s">
        <v>1163</v>
      </c>
      <c r="B8111" t="s">
        <v>1164</v>
      </c>
      <c r="C8111" t="s">
        <v>1165</v>
      </c>
      <c r="D8111" t="s">
        <v>1153</v>
      </c>
      <c r="E8111" t="s">
        <v>13</v>
      </c>
      <c r="F8111">
        <v>5971</v>
      </c>
      <c r="G8111" t="s">
        <v>1166</v>
      </c>
      <c r="H8111">
        <v>4.6664357699509997</v>
      </c>
      <c r="I8111">
        <v>51.822092013846998</v>
      </c>
      <c r="J8111" t="s">
        <v>63796</v>
      </c>
    </row>
    <row r="8112" spans="1:10" x14ac:dyDescent="0.25">
      <c r="A8112" t="s">
        <v>1159</v>
      </c>
      <c r="B8112" t="s">
        <v>1160</v>
      </c>
      <c r="C8112" t="s">
        <v>1161</v>
      </c>
      <c r="D8112" t="s">
        <v>1153</v>
      </c>
      <c r="E8112" t="s">
        <v>13</v>
      </c>
      <c r="F8112">
        <v>5970</v>
      </c>
      <c r="G8112" t="s">
        <v>1162</v>
      </c>
      <c r="H8112">
        <v>4.6622655307949996</v>
      </c>
      <c r="I8112">
        <v>51.820451401775003</v>
      </c>
      <c r="J8112" t="s">
        <v>63797</v>
      </c>
    </row>
    <row r="8113" spans="1:10" x14ac:dyDescent="0.25">
      <c r="A8113" t="s">
        <v>1155</v>
      </c>
      <c r="B8113" t="s">
        <v>1156</v>
      </c>
      <c r="C8113" t="s">
        <v>1157</v>
      </c>
      <c r="D8113" t="s">
        <v>1153</v>
      </c>
      <c r="E8113" t="s">
        <v>13</v>
      </c>
      <c r="F8113">
        <v>5969</v>
      </c>
      <c r="G8113" t="s">
        <v>1158</v>
      </c>
      <c r="H8113">
        <v>4.6597042968129996</v>
      </c>
      <c r="I8113">
        <v>51.818786232366001</v>
      </c>
      <c r="J8113" t="s">
        <v>63798</v>
      </c>
    </row>
    <row r="8114" spans="1:10" x14ac:dyDescent="0.25">
      <c r="A8114" t="s">
        <v>1150</v>
      </c>
      <c r="B8114" t="s">
        <v>1151</v>
      </c>
      <c r="C8114" t="s">
        <v>1152</v>
      </c>
      <c r="D8114" t="s">
        <v>1153</v>
      </c>
      <c r="E8114" t="s">
        <v>13</v>
      </c>
      <c r="F8114">
        <v>5968</v>
      </c>
      <c r="G8114" t="s">
        <v>1154</v>
      </c>
      <c r="H8114">
        <v>4.6559528395629997</v>
      </c>
      <c r="I8114">
        <v>51.820021517903001</v>
      </c>
      <c r="J8114" t="s">
        <v>63799</v>
      </c>
    </row>
    <row r="8115" spans="1:10" x14ac:dyDescent="0.25">
      <c r="A8115" t="s">
        <v>24749</v>
      </c>
      <c r="B8115" t="s">
        <v>24750</v>
      </c>
      <c r="C8115" t="s">
        <v>24751</v>
      </c>
      <c r="D8115" t="s">
        <v>24679</v>
      </c>
      <c r="E8115" t="s">
        <v>13</v>
      </c>
      <c r="F8115">
        <v>5967</v>
      </c>
      <c r="G8115" t="s">
        <v>24752</v>
      </c>
      <c r="H8115">
        <v>4.5318394074709998</v>
      </c>
      <c r="I8115">
        <v>52.139470406812002</v>
      </c>
      <c r="J8115" t="s">
        <v>63800</v>
      </c>
    </row>
    <row r="8116" spans="1:10" x14ac:dyDescent="0.25">
      <c r="A8116" t="s">
        <v>24745</v>
      </c>
      <c r="B8116" t="s">
        <v>24746</v>
      </c>
      <c r="C8116" t="s">
        <v>24747</v>
      </c>
      <c r="D8116" t="s">
        <v>24679</v>
      </c>
      <c r="E8116" t="s">
        <v>13</v>
      </c>
      <c r="F8116">
        <v>5966</v>
      </c>
      <c r="G8116" t="s">
        <v>24748</v>
      </c>
      <c r="H8116">
        <v>4.5309422546929996</v>
      </c>
      <c r="I8116">
        <v>52.142148503247</v>
      </c>
      <c r="J8116" t="s">
        <v>63801</v>
      </c>
    </row>
    <row r="8117" spans="1:10" x14ac:dyDescent="0.25">
      <c r="A8117" t="s">
        <v>24741</v>
      </c>
      <c r="B8117" t="s">
        <v>24742</v>
      </c>
      <c r="C8117" t="s">
        <v>24743</v>
      </c>
      <c r="D8117" t="s">
        <v>24679</v>
      </c>
      <c r="E8117" t="s">
        <v>13</v>
      </c>
      <c r="F8117">
        <v>5965</v>
      </c>
      <c r="G8117" t="s">
        <v>24744</v>
      </c>
      <c r="H8117">
        <v>4.5401093540969999</v>
      </c>
      <c r="I8117">
        <v>52.135228283471001</v>
      </c>
      <c r="J8117" t="s">
        <v>63802</v>
      </c>
    </row>
    <row r="8118" spans="1:10" x14ac:dyDescent="0.25">
      <c r="A8118" t="s">
        <v>24737</v>
      </c>
      <c r="B8118" t="s">
        <v>24738</v>
      </c>
      <c r="C8118" t="s">
        <v>24739</v>
      </c>
      <c r="D8118" t="s">
        <v>24679</v>
      </c>
      <c r="E8118" t="s">
        <v>13</v>
      </c>
      <c r="F8118">
        <v>5964</v>
      </c>
      <c r="G8118" t="s">
        <v>24740</v>
      </c>
      <c r="H8118">
        <v>4.5231190487299999</v>
      </c>
      <c r="I8118">
        <v>52.139036301202999</v>
      </c>
      <c r="J8118" t="s">
        <v>63803</v>
      </c>
    </row>
    <row r="8119" spans="1:10" x14ac:dyDescent="0.25">
      <c r="A8119" t="s">
        <v>24733</v>
      </c>
      <c r="B8119" t="s">
        <v>24734</v>
      </c>
      <c r="C8119" t="s">
        <v>24735</v>
      </c>
      <c r="D8119" t="s">
        <v>24679</v>
      </c>
      <c r="E8119" t="s">
        <v>13</v>
      </c>
      <c r="F8119">
        <v>5963</v>
      </c>
      <c r="G8119" t="s">
        <v>24736</v>
      </c>
      <c r="H8119">
        <v>4.522471492197</v>
      </c>
      <c r="I8119">
        <v>52.143807932007</v>
      </c>
      <c r="J8119" t="s">
        <v>63804</v>
      </c>
    </row>
    <row r="8120" spans="1:10" x14ac:dyDescent="0.25">
      <c r="A8120" t="s">
        <v>24730</v>
      </c>
      <c r="B8120" t="s">
        <v>24731</v>
      </c>
      <c r="C8120" t="s">
        <v>23029</v>
      </c>
      <c r="D8120" t="s">
        <v>24679</v>
      </c>
      <c r="E8120" t="s">
        <v>13</v>
      </c>
      <c r="F8120">
        <v>5962</v>
      </c>
      <c r="G8120" t="s">
        <v>24732</v>
      </c>
      <c r="H8120">
        <v>4.5173203736370002</v>
      </c>
      <c r="I8120">
        <v>52.143661785840003</v>
      </c>
      <c r="J8120" t="s">
        <v>63805</v>
      </c>
    </row>
    <row r="8121" spans="1:10" x14ac:dyDescent="0.25">
      <c r="A8121" t="s">
        <v>24726</v>
      </c>
      <c r="B8121" t="s">
        <v>24727</v>
      </c>
      <c r="C8121" t="s">
        <v>24728</v>
      </c>
      <c r="D8121" t="s">
        <v>24679</v>
      </c>
      <c r="E8121" t="s">
        <v>13</v>
      </c>
      <c r="F8121">
        <v>5961</v>
      </c>
      <c r="G8121" t="s">
        <v>24729</v>
      </c>
      <c r="H8121">
        <v>4.543789047342</v>
      </c>
      <c r="I8121">
        <v>52.139651702812998</v>
      </c>
      <c r="J8121" t="s">
        <v>63806</v>
      </c>
    </row>
    <row r="8122" spans="1:10" x14ac:dyDescent="0.25">
      <c r="A8122" t="s">
        <v>24722</v>
      </c>
      <c r="B8122" t="s">
        <v>24723</v>
      </c>
      <c r="C8122" t="s">
        <v>24724</v>
      </c>
      <c r="D8122" t="s">
        <v>24679</v>
      </c>
      <c r="E8122" t="s">
        <v>13</v>
      </c>
      <c r="F8122">
        <v>5960</v>
      </c>
      <c r="G8122" t="s">
        <v>24725</v>
      </c>
      <c r="H8122">
        <v>4.5263974158740004</v>
      </c>
      <c r="I8122">
        <v>52.141788663105999</v>
      </c>
      <c r="J8122" t="s">
        <v>63807</v>
      </c>
    </row>
    <row r="8123" spans="1:10" x14ac:dyDescent="0.25">
      <c r="A8123" t="s">
        <v>24719</v>
      </c>
      <c r="B8123" t="s">
        <v>24720</v>
      </c>
      <c r="C8123" t="s">
        <v>5274</v>
      </c>
      <c r="D8123" t="s">
        <v>24679</v>
      </c>
      <c r="E8123" t="s">
        <v>13</v>
      </c>
      <c r="F8123">
        <v>5959</v>
      </c>
      <c r="G8123" t="s">
        <v>24721</v>
      </c>
      <c r="H8123">
        <v>4.5142404697140002</v>
      </c>
      <c r="I8123">
        <v>52.114912920130003</v>
      </c>
      <c r="J8123" t="s">
        <v>63808</v>
      </c>
    </row>
    <row r="8124" spans="1:10" x14ac:dyDescent="0.25">
      <c r="A8124" t="s">
        <v>24715</v>
      </c>
      <c r="B8124" t="s">
        <v>24716</v>
      </c>
      <c r="C8124" t="s">
        <v>24717</v>
      </c>
      <c r="D8124" t="s">
        <v>24679</v>
      </c>
      <c r="E8124" t="s">
        <v>13</v>
      </c>
      <c r="F8124">
        <v>5958</v>
      </c>
      <c r="G8124" t="s">
        <v>24718</v>
      </c>
      <c r="H8124">
        <v>4.52678748688</v>
      </c>
      <c r="I8124">
        <v>52.091261814431</v>
      </c>
      <c r="J8124" t="s">
        <v>63809</v>
      </c>
    </row>
    <row r="8125" spans="1:10" x14ac:dyDescent="0.25">
      <c r="A8125" t="s">
        <v>24711</v>
      </c>
      <c r="B8125" t="s">
        <v>24712</v>
      </c>
      <c r="C8125" t="s">
        <v>24713</v>
      </c>
      <c r="D8125" t="s">
        <v>24679</v>
      </c>
      <c r="E8125" t="s">
        <v>13</v>
      </c>
      <c r="F8125">
        <v>5957</v>
      </c>
      <c r="G8125" t="s">
        <v>24714</v>
      </c>
      <c r="H8125">
        <v>4.5217698608100001</v>
      </c>
      <c r="I8125">
        <v>52.113416255293998</v>
      </c>
      <c r="J8125" t="s">
        <v>63810</v>
      </c>
    </row>
    <row r="8126" spans="1:10" x14ac:dyDescent="0.25">
      <c r="A8126" t="s">
        <v>24708</v>
      </c>
      <c r="B8126" t="s">
        <v>24709</v>
      </c>
      <c r="C8126" t="s">
        <v>13201</v>
      </c>
      <c r="D8126" t="s">
        <v>24679</v>
      </c>
      <c r="E8126" t="s">
        <v>13</v>
      </c>
      <c r="F8126">
        <v>5956</v>
      </c>
      <c r="G8126" t="s">
        <v>24710</v>
      </c>
      <c r="H8126">
        <v>4.5020560618559999</v>
      </c>
      <c r="I8126">
        <v>52.106627317403998</v>
      </c>
      <c r="J8126" t="s">
        <v>63811</v>
      </c>
    </row>
    <row r="8127" spans="1:10" x14ac:dyDescent="0.25">
      <c r="A8127" t="s">
        <v>24704</v>
      </c>
      <c r="B8127" t="s">
        <v>24705</v>
      </c>
      <c r="C8127" t="s">
        <v>24706</v>
      </c>
      <c r="D8127" t="s">
        <v>24679</v>
      </c>
      <c r="E8127" t="s">
        <v>13</v>
      </c>
      <c r="F8127">
        <v>5955</v>
      </c>
      <c r="G8127" t="s">
        <v>24707</v>
      </c>
      <c r="H8127">
        <v>4.4847506905829997</v>
      </c>
      <c r="I8127">
        <v>52.116286835023999</v>
      </c>
      <c r="J8127" t="s">
        <v>63812</v>
      </c>
    </row>
    <row r="8128" spans="1:10" x14ac:dyDescent="0.25">
      <c r="A8128" t="s">
        <v>24700</v>
      </c>
      <c r="B8128" t="s">
        <v>24701</v>
      </c>
      <c r="C8128" t="s">
        <v>24702</v>
      </c>
      <c r="D8128" t="s">
        <v>24679</v>
      </c>
      <c r="E8128" t="s">
        <v>13</v>
      </c>
      <c r="F8128">
        <v>5954</v>
      </c>
      <c r="G8128" t="s">
        <v>24703</v>
      </c>
      <c r="H8128">
        <v>4.4986052780580001</v>
      </c>
      <c r="I8128">
        <v>52.127546322831002</v>
      </c>
      <c r="J8128" t="s">
        <v>63813</v>
      </c>
    </row>
    <row r="8129" spans="1:10" x14ac:dyDescent="0.25">
      <c r="A8129" t="s">
        <v>24696</v>
      </c>
      <c r="B8129" t="s">
        <v>24697</v>
      </c>
      <c r="C8129" t="s">
        <v>24698</v>
      </c>
      <c r="D8129" t="s">
        <v>24679</v>
      </c>
      <c r="E8129" t="s">
        <v>13</v>
      </c>
      <c r="F8129">
        <v>5953</v>
      </c>
      <c r="G8129" t="s">
        <v>24699</v>
      </c>
      <c r="H8129">
        <v>4.4956299130869999</v>
      </c>
      <c r="I8129">
        <v>52.120827395637001</v>
      </c>
      <c r="J8129" t="s">
        <v>63814</v>
      </c>
    </row>
    <row r="8130" spans="1:10" x14ac:dyDescent="0.25">
      <c r="A8130" t="s">
        <v>24692</v>
      </c>
      <c r="B8130" t="s">
        <v>24693</v>
      </c>
      <c r="C8130" t="s">
        <v>24694</v>
      </c>
      <c r="D8130" t="s">
        <v>24679</v>
      </c>
      <c r="E8130" t="s">
        <v>13</v>
      </c>
      <c r="F8130">
        <v>5952</v>
      </c>
      <c r="G8130" t="s">
        <v>24695</v>
      </c>
      <c r="H8130">
        <v>4.5004778382610002</v>
      </c>
      <c r="I8130">
        <v>52.118778535301999</v>
      </c>
      <c r="J8130" t="s">
        <v>63815</v>
      </c>
    </row>
    <row r="8131" spans="1:10" x14ac:dyDescent="0.25">
      <c r="A8131" t="s">
        <v>24688</v>
      </c>
      <c r="B8131" t="s">
        <v>24689</v>
      </c>
      <c r="C8131" t="s">
        <v>24690</v>
      </c>
      <c r="D8131" t="s">
        <v>24679</v>
      </c>
      <c r="E8131" t="s">
        <v>13</v>
      </c>
      <c r="F8131">
        <v>5951</v>
      </c>
      <c r="G8131" t="s">
        <v>24691</v>
      </c>
      <c r="H8131">
        <v>4.4994556607909999</v>
      </c>
      <c r="I8131">
        <v>52.114390787852997</v>
      </c>
      <c r="J8131" t="s">
        <v>63816</v>
      </c>
    </row>
    <row r="8132" spans="1:10" x14ac:dyDescent="0.25">
      <c r="A8132" t="s">
        <v>24684</v>
      </c>
      <c r="B8132" t="s">
        <v>24685</v>
      </c>
      <c r="C8132" t="s">
        <v>24686</v>
      </c>
      <c r="D8132" t="s">
        <v>24679</v>
      </c>
      <c r="E8132" t="s">
        <v>13</v>
      </c>
      <c r="F8132">
        <v>5950</v>
      </c>
      <c r="G8132" t="s">
        <v>24687</v>
      </c>
      <c r="H8132">
        <v>4.4946022325649997</v>
      </c>
      <c r="I8132">
        <v>52.116738066041997</v>
      </c>
      <c r="J8132" t="s">
        <v>63817</v>
      </c>
    </row>
    <row r="8133" spans="1:10" x14ac:dyDescent="0.25">
      <c r="A8133" t="s">
        <v>24681</v>
      </c>
      <c r="B8133" t="s">
        <v>24682</v>
      </c>
      <c r="C8133" t="s">
        <v>17111</v>
      </c>
      <c r="D8133" t="s">
        <v>24679</v>
      </c>
      <c r="E8133" t="s">
        <v>13</v>
      </c>
      <c r="F8133">
        <v>5949</v>
      </c>
      <c r="G8133" t="s">
        <v>24683</v>
      </c>
      <c r="H8133">
        <v>4.4927774487830003</v>
      </c>
      <c r="I8133">
        <v>52.120262650863999</v>
      </c>
      <c r="J8133" t="s">
        <v>63818</v>
      </c>
    </row>
    <row r="8134" spans="1:10" x14ac:dyDescent="0.25">
      <c r="A8134" t="s">
        <v>24676</v>
      </c>
      <c r="B8134" t="s">
        <v>24677</v>
      </c>
      <c r="C8134" t="s">
        <v>24678</v>
      </c>
      <c r="D8134" t="s">
        <v>24679</v>
      </c>
      <c r="E8134" t="s">
        <v>13</v>
      </c>
      <c r="F8134">
        <v>5948</v>
      </c>
      <c r="G8134" t="s">
        <v>24680</v>
      </c>
      <c r="H8134">
        <v>4.4953763192479999</v>
      </c>
      <c r="I8134">
        <v>52.123961129967</v>
      </c>
      <c r="J8134" t="s">
        <v>63819</v>
      </c>
    </row>
    <row r="8135" spans="1:10" x14ac:dyDescent="0.25">
      <c r="A8135" t="s">
        <v>24672</v>
      </c>
      <c r="B8135" t="s">
        <v>24673</v>
      </c>
      <c r="C8135" t="s">
        <v>24674</v>
      </c>
      <c r="D8135" t="s">
        <v>24575</v>
      </c>
      <c r="E8135" t="s">
        <v>13</v>
      </c>
      <c r="F8135">
        <v>5947</v>
      </c>
      <c r="G8135" t="s">
        <v>24675</v>
      </c>
      <c r="H8135">
        <v>4.5227283665120002</v>
      </c>
      <c r="I8135">
        <v>52.048554176038003</v>
      </c>
      <c r="J8135" t="s">
        <v>63820</v>
      </c>
    </row>
    <row r="8136" spans="1:10" x14ac:dyDescent="0.25">
      <c r="A8136" t="s">
        <v>24668</v>
      </c>
      <c r="B8136" t="s">
        <v>24669</v>
      </c>
      <c r="C8136" t="s">
        <v>24670</v>
      </c>
      <c r="D8136" t="s">
        <v>24575</v>
      </c>
      <c r="E8136" t="s">
        <v>13</v>
      </c>
      <c r="F8136">
        <v>5946</v>
      </c>
      <c r="G8136" t="s">
        <v>24671</v>
      </c>
      <c r="H8136">
        <v>4.5121375610929997</v>
      </c>
      <c r="I8136">
        <v>52.084011886973997</v>
      </c>
      <c r="J8136" t="s">
        <v>63821</v>
      </c>
    </row>
    <row r="8137" spans="1:10" x14ac:dyDescent="0.25">
      <c r="A8137" t="s">
        <v>24664</v>
      </c>
      <c r="B8137" t="s">
        <v>24665</v>
      </c>
      <c r="C8137" t="s">
        <v>24666</v>
      </c>
      <c r="D8137" t="s">
        <v>24575</v>
      </c>
      <c r="E8137" t="s">
        <v>13</v>
      </c>
      <c r="F8137">
        <v>5945</v>
      </c>
      <c r="G8137" t="s">
        <v>24667</v>
      </c>
      <c r="H8137">
        <v>4.4799170279379998</v>
      </c>
      <c r="I8137">
        <v>52.078990291190003</v>
      </c>
      <c r="J8137" t="s">
        <v>63822</v>
      </c>
    </row>
    <row r="8138" spans="1:10" x14ac:dyDescent="0.25">
      <c r="A8138" t="s">
        <v>24660</v>
      </c>
      <c r="B8138" t="s">
        <v>24661</v>
      </c>
      <c r="C8138" t="s">
        <v>24662</v>
      </c>
      <c r="D8138" t="s">
        <v>24575</v>
      </c>
      <c r="E8138" t="s">
        <v>13</v>
      </c>
      <c r="F8138">
        <v>5944</v>
      </c>
      <c r="G8138" t="s">
        <v>24663</v>
      </c>
      <c r="H8138">
        <v>4.4446973753999997</v>
      </c>
      <c r="I8138">
        <v>52.066298652135004</v>
      </c>
      <c r="J8138" t="s">
        <v>63823</v>
      </c>
    </row>
    <row r="8139" spans="1:10" x14ac:dyDescent="0.25">
      <c r="A8139" t="s">
        <v>24656</v>
      </c>
      <c r="B8139" t="s">
        <v>24657</v>
      </c>
      <c r="C8139" t="s">
        <v>24658</v>
      </c>
      <c r="D8139" t="s">
        <v>24575</v>
      </c>
      <c r="E8139" t="s">
        <v>13</v>
      </c>
      <c r="F8139">
        <v>5943</v>
      </c>
      <c r="G8139" t="s">
        <v>24659</v>
      </c>
      <c r="H8139">
        <v>4.442452584512</v>
      </c>
      <c r="I8139">
        <v>52.055429030862001</v>
      </c>
      <c r="J8139" t="s">
        <v>63824</v>
      </c>
    </row>
    <row r="8140" spans="1:10" x14ac:dyDescent="0.25">
      <c r="A8140" t="s">
        <v>24652</v>
      </c>
      <c r="B8140" t="s">
        <v>24653</v>
      </c>
      <c r="C8140" t="s">
        <v>24654</v>
      </c>
      <c r="D8140" t="s">
        <v>24575</v>
      </c>
      <c r="E8140" t="s">
        <v>13</v>
      </c>
      <c r="F8140">
        <v>5942</v>
      </c>
      <c r="G8140" t="s">
        <v>24655</v>
      </c>
      <c r="H8140">
        <v>4.4567379442390003</v>
      </c>
      <c r="I8140">
        <v>52.044950241812998</v>
      </c>
      <c r="J8140" t="s">
        <v>63825</v>
      </c>
    </row>
    <row r="8141" spans="1:10" x14ac:dyDescent="0.25">
      <c r="A8141" t="s">
        <v>24648</v>
      </c>
      <c r="B8141" t="s">
        <v>24649</v>
      </c>
      <c r="C8141" t="s">
        <v>24650</v>
      </c>
      <c r="D8141" t="s">
        <v>24575</v>
      </c>
      <c r="E8141" t="s">
        <v>13</v>
      </c>
      <c r="F8141">
        <v>5941</v>
      </c>
      <c r="G8141" t="s">
        <v>24651</v>
      </c>
      <c r="H8141">
        <v>4.5141085457449996</v>
      </c>
      <c r="I8141">
        <v>52.052435750454002</v>
      </c>
      <c r="J8141" t="s">
        <v>63826</v>
      </c>
    </row>
    <row r="8142" spans="1:10" x14ac:dyDescent="0.25">
      <c r="A8142" t="s">
        <v>24644</v>
      </c>
      <c r="B8142" t="s">
        <v>24645</v>
      </c>
      <c r="C8142" t="s">
        <v>24646</v>
      </c>
      <c r="D8142" t="s">
        <v>24575</v>
      </c>
      <c r="E8142" t="s">
        <v>13</v>
      </c>
      <c r="F8142">
        <v>5940</v>
      </c>
      <c r="G8142" t="s">
        <v>24647</v>
      </c>
      <c r="H8142">
        <v>4.5238203446530001</v>
      </c>
      <c r="I8142">
        <v>52.058890120198001</v>
      </c>
      <c r="J8142" t="s">
        <v>63827</v>
      </c>
    </row>
    <row r="8143" spans="1:10" x14ac:dyDescent="0.25">
      <c r="A8143" t="s">
        <v>24640</v>
      </c>
      <c r="B8143" t="s">
        <v>24641</v>
      </c>
      <c r="C8143" t="s">
        <v>24642</v>
      </c>
      <c r="D8143" t="s">
        <v>24575</v>
      </c>
      <c r="E8143" t="s">
        <v>13</v>
      </c>
      <c r="F8143">
        <v>5939</v>
      </c>
      <c r="G8143" t="s">
        <v>24643</v>
      </c>
      <c r="H8143">
        <v>4.5054300027609999</v>
      </c>
      <c r="I8143">
        <v>52.038417621278001</v>
      </c>
      <c r="J8143" t="s">
        <v>63828</v>
      </c>
    </row>
    <row r="8144" spans="1:10" x14ac:dyDescent="0.25">
      <c r="A8144" t="s">
        <v>24636</v>
      </c>
      <c r="B8144" t="s">
        <v>24637</v>
      </c>
      <c r="C8144" t="s">
        <v>24638</v>
      </c>
      <c r="D8144" t="s">
        <v>24575</v>
      </c>
      <c r="E8144" t="s">
        <v>13</v>
      </c>
      <c r="F8144">
        <v>5938</v>
      </c>
      <c r="G8144" t="s">
        <v>24639</v>
      </c>
      <c r="H8144">
        <v>4.5084556248379997</v>
      </c>
      <c r="I8144">
        <v>52.046270836975999</v>
      </c>
      <c r="J8144" t="s">
        <v>63829</v>
      </c>
    </row>
    <row r="8145" spans="1:10" x14ac:dyDescent="0.25">
      <c r="A8145" t="s">
        <v>24632</v>
      </c>
      <c r="B8145" t="s">
        <v>24633</v>
      </c>
      <c r="C8145" t="s">
        <v>24634</v>
      </c>
      <c r="D8145" t="s">
        <v>24575</v>
      </c>
      <c r="E8145" t="s">
        <v>13</v>
      </c>
      <c r="F8145">
        <v>5937</v>
      </c>
      <c r="G8145" t="s">
        <v>24635</v>
      </c>
      <c r="H8145">
        <v>4.5406201585400003</v>
      </c>
      <c r="I8145">
        <v>52.063662962785003</v>
      </c>
      <c r="J8145" t="s">
        <v>63830</v>
      </c>
    </row>
    <row r="8146" spans="1:10" x14ac:dyDescent="0.25">
      <c r="A8146" t="s">
        <v>24628</v>
      </c>
      <c r="B8146" t="s">
        <v>24629</v>
      </c>
      <c r="C8146" t="s">
        <v>24630</v>
      </c>
      <c r="D8146" t="s">
        <v>24575</v>
      </c>
      <c r="E8146" t="s">
        <v>13</v>
      </c>
      <c r="F8146">
        <v>5936</v>
      </c>
      <c r="G8146" t="s">
        <v>24631</v>
      </c>
      <c r="H8146">
        <v>4.5371418042779998</v>
      </c>
      <c r="I8146">
        <v>52.053832235884002</v>
      </c>
      <c r="J8146" t="s">
        <v>63831</v>
      </c>
    </row>
    <row r="8147" spans="1:10" x14ac:dyDescent="0.25">
      <c r="A8147" t="s">
        <v>24624</v>
      </c>
      <c r="B8147" t="s">
        <v>24625</v>
      </c>
      <c r="C8147" t="s">
        <v>24626</v>
      </c>
      <c r="D8147" t="s">
        <v>24575</v>
      </c>
      <c r="E8147" t="s">
        <v>13</v>
      </c>
      <c r="F8147">
        <v>5935</v>
      </c>
      <c r="G8147" t="s">
        <v>24627</v>
      </c>
      <c r="H8147">
        <v>4.4876091812830001</v>
      </c>
      <c r="I8147">
        <v>52.038621520715999</v>
      </c>
      <c r="J8147" t="s">
        <v>63832</v>
      </c>
    </row>
    <row r="8148" spans="1:10" x14ac:dyDescent="0.25">
      <c r="A8148" t="s">
        <v>24620</v>
      </c>
      <c r="B8148" t="s">
        <v>24621</v>
      </c>
      <c r="C8148" t="s">
        <v>24622</v>
      </c>
      <c r="D8148" t="s">
        <v>24575</v>
      </c>
      <c r="E8148" t="s">
        <v>13</v>
      </c>
      <c r="F8148">
        <v>5934</v>
      </c>
      <c r="G8148" t="s">
        <v>24623</v>
      </c>
      <c r="H8148">
        <v>4.4726542692760001</v>
      </c>
      <c r="I8148">
        <v>52.044502458377004</v>
      </c>
      <c r="J8148" t="s">
        <v>63833</v>
      </c>
    </row>
    <row r="8149" spans="1:10" x14ac:dyDescent="0.25">
      <c r="A8149" t="s">
        <v>24616</v>
      </c>
      <c r="B8149" t="s">
        <v>24617</v>
      </c>
      <c r="C8149" t="s">
        <v>24618</v>
      </c>
      <c r="D8149" t="s">
        <v>24575</v>
      </c>
      <c r="E8149" t="s">
        <v>13</v>
      </c>
      <c r="F8149">
        <v>5933</v>
      </c>
      <c r="G8149" t="s">
        <v>24619</v>
      </c>
      <c r="H8149">
        <v>4.5259864843219999</v>
      </c>
      <c r="I8149">
        <v>52.073513202153997</v>
      </c>
      <c r="J8149" t="s">
        <v>63834</v>
      </c>
    </row>
    <row r="8150" spans="1:10" x14ac:dyDescent="0.25">
      <c r="A8150" t="s">
        <v>24612</v>
      </c>
      <c r="B8150" t="s">
        <v>24613</v>
      </c>
      <c r="C8150" t="s">
        <v>24614</v>
      </c>
      <c r="D8150" t="s">
        <v>24575</v>
      </c>
      <c r="E8150" t="s">
        <v>13</v>
      </c>
      <c r="F8150">
        <v>5932</v>
      </c>
      <c r="G8150" t="s">
        <v>24615</v>
      </c>
      <c r="H8150">
        <v>4.5168961709750004</v>
      </c>
      <c r="I8150">
        <v>52.077014111129998</v>
      </c>
      <c r="J8150" t="s">
        <v>63835</v>
      </c>
    </row>
    <row r="8151" spans="1:10" x14ac:dyDescent="0.25">
      <c r="A8151" t="s">
        <v>24608</v>
      </c>
      <c r="B8151" t="s">
        <v>24609</v>
      </c>
      <c r="C8151" t="s">
        <v>24610</v>
      </c>
      <c r="D8151" t="s">
        <v>24575</v>
      </c>
      <c r="E8151" t="s">
        <v>13</v>
      </c>
      <c r="F8151">
        <v>5931</v>
      </c>
      <c r="G8151" t="s">
        <v>24611</v>
      </c>
      <c r="H8151">
        <v>4.5144300797129997</v>
      </c>
      <c r="I8151">
        <v>52.068193104953998</v>
      </c>
      <c r="J8151" t="s">
        <v>63836</v>
      </c>
    </row>
    <row r="8152" spans="1:10" x14ac:dyDescent="0.25">
      <c r="A8152" t="s">
        <v>24604</v>
      </c>
      <c r="B8152" t="s">
        <v>24605</v>
      </c>
      <c r="C8152" t="s">
        <v>24606</v>
      </c>
      <c r="D8152" t="s">
        <v>24575</v>
      </c>
      <c r="E8152" t="s">
        <v>13</v>
      </c>
      <c r="F8152">
        <v>5930</v>
      </c>
      <c r="G8152" t="s">
        <v>24607</v>
      </c>
      <c r="H8152">
        <v>4.5086954369540004</v>
      </c>
      <c r="I8152">
        <v>52.065275484125003</v>
      </c>
      <c r="J8152" t="s">
        <v>63837</v>
      </c>
    </row>
    <row r="8153" spans="1:10" x14ac:dyDescent="0.25">
      <c r="A8153" t="s">
        <v>24600</v>
      </c>
      <c r="B8153" t="s">
        <v>24601</v>
      </c>
      <c r="C8153" t="s">
        <v>24602</v>
      </c>
      <c r="D8153" t="s">
        <v>24575</v>
      </c>
      <c r="E8153" t="s">
        <v>13</v>
      </c>
      <c r="F8153">
        <v>5929</v>
      </c>
      <c r="G8153" t="s">
        <v>24603</v>
      </c>
      <c r="H8153">
        <v>4.4961098796829999</v>
      </c>
      <c r="I8153">
        <v>52.072202723752</v>
      </c>
      <c r="J8153" t="s">
        <v>63838</v>
      </c>
    </row>
    <row r="8154" spans="1:10" x14ac:dyDescent="0.25">
      <c r="A8154" t="s">
        <v>24596</v>
      </c>
      <c r="B8154" t="s">
        <v>24597</v>
      </c>
      <c r="C8154" t="s">
        <v>24598</v>
      </c>
      <c r="D8154" t="s">
        <v>24575</v>
      </c>
      <c r="E8154" t="s">
        <v>13</v>
      </c>
      <c r="F8154">
        <v>5928</v>
      </c>
      <c r="G8154" t="s">
        <v>24599</v>
      </c>
      <c r="H8154">
        <v>4.4776766136199999</v>
      </c>
      <c r="I8154">
        <v>52.066440999210997</v>
      </c>
      <c r="J8154" t="s">
        <v>63839</v>
      </c>
    </row>
    <row r="8155" spans="1:10" x14ac:dyDescent="0.25">
      <c r="A8155" t="s">
        <v>24592</v>
      </c>
      <c r="B8155" t="s">
        <v>24593</v>
      </c>
      <c r="C8155" t="s">
        <v>24594</v>
      </c>
      <c r="D8155" t="s">
        <v>24575</v>
      </c>
      <c r="E8155" t="s">
        <v>13</v>
      </c>
      <c r="F8155">
        <v>5927</v>
      </c>
      <c r="G8155" t="s">
        <v>24595</v>
      </c>
      <c r="H8155">
        <v>4.4745170501459999</v>
      </c>
      <c r="I8155">
        <v>52.055551567654</v>
      </c>
      <c r="J8155" t="s">
        <v>63840</v>
      </c>
    </row>
    <row r="8156" spans="1:10" x14ac:dyDescent="0.25">
      <c r="A8156" t="s">
        <v>24588</v>
      </c>
      <c r="B8156" t="s">
        <v>24589</v>
      </c>
      <c r="C8156" t="s">
        <v>24590</v>
      </c>
      <c r="D8156" t="s">
        <v>24575</v>
      </c>
      <c r="E8156" t="s">
        <v>13</v>
      </c>
      <c r="F8156">
        <v>5926</v>
      </c>
      <c r="G8156" t="s">
        <v>24591</v>
      </c>
      <c r="H8156">
        <v>4.4641486107560002</v>
      </c>
      <c r="I8156">
        <v>52.056448426437001</v>
      </c>
      <c r="J8156" t="s">
        <v>63841</v>
      </c>
    </row>
    <row r="8157" spans="1:10" x14ac:dyDescent="0.25">
      <c r="A8157" t="s">
        <v>24584</v>
      </c>
      <c r="B8157" t="s">
        <v>24585</v>
      </c>
      <c r="C8157" t="s">
        <v>24586</v>
      </c>
      <c r="D8157" t="s">
        <v>24575</v>
      </c>
      <c r="E8157" t="s">
        <v>13</v>
      </c>
      <c r="F8157">
        <v>5925</v>
      </c>
      <c r="G8157" t="s">
        <v>24587</v>
      </c>
      <c r="H8157">
        <v>4.4840410333539999</v>
      </c>
      <c r="I8157">
        <v>52.054138096505</v>
      </c>
      <c r="J8157" t="s">
        <v>63842</v>
      </c>
    </row>
    <row r="8158" spans="1:10" x14ac:dyDescent="0.25">
      <c r="A8158" t="s">
        <v>24580</v>
      </c>
      <c r="B8158" t="s">
        <v>24581</v>
      </c>
      <c r="C8158" t="s">
        <v>24582</v>
      </c>
      <c r="D8158" t="s">
        <v>24575</v>
      </c>
      <c r="E8158" t="s">
        <v>13</v>
      </c>
      <c r="F8158">
        <v>5924</v>
      </c>
      <c r="G8158" t="s">
        <v>24583</v>
      </c>
      <c r="H8158">
        <v>4.5049545652129996</v>
      </c>
      <c r="I8158">
        <v>52.057354895304002</v>
      </c>
      <c r="J8158" t="s">
        <v>63843</v>
      </c>
    </row>
    <row r="8159" spans="1:10" x14ac:dyDescent="0.25">
      <c r="A8159" t="s">
        <v>24577</v>
      </c>
      <c r="B8159" t="s">
        <v>24578</v>
      </c>
      <c r="C8159" t="s">
        <v>10942</v>
      </c>
      <c r="D8159" t="s">
        <v>24575</v>
      </c>
      <c r="E8159" t="s">
        <v>13</v>
      </c>
      <c r="F8159">
        <v>5923</v>
      </c>
      <c r="G8159" t="s">
        <v>24579</v>
      </c>
      <c r="H8159">
        <v>4.4925320610949999</v>
      </c>
      <c r="I8159">
        <v>52.061414760226</v>
      </c>
      <c r="J8159" t="s">
        <v>63844</v>
      </c>
    </row>
    <row r="8160" spans="1:10" x14ac:dyDescent="0.25">
      <c r="A8160" t="s">
        <v>24573</v>
      </c>
      <c r="B8160" t="s">
        <v>24574</v>
      </c>
      <c r="C8160" t="s">
        <v>872</v>
      </c>
      <c r="D8160" t="s">
        <v>24575</v>
      </c>
      <c r="E8160" t="s">
        <v>13</v>
      </c>
      <c r="F8160">
        <v>5922</v>
      </c>
      <c r="G8160" t="s">
        <v>24576</v>
      </c>
      <c r="H8160">
        <v>4.495936473525</v>
      </c>
      <c r="I8160">
        <v>52.051736053318002</v>
      </c>
      <c r="J8160" t="s">
        <v>63845</v>
      </c>
    </row>
    <row r="8161" spans="1:10" x14ac:dyDescent="0.25">
      <c r="A8161" t="s">
        <v>24569</v>
      </c>
      <c r="B8161" t="s">
        <v>24570</v>
      </c>
      <c r="C8161" t="s">
        <v>24571</v>
      </c>
      <c r="D8161" t="s">
        <v>24456</v>
      </c>
      <c r="E8161" t="s">
        <v>13</v>
      </c>
      <c r="F8161">
        <v>5921</v>
      </c>
      <c r="G8161" t="s">
        <v>24572</v>
      </c>
      <c r="H8161">
        <v>4.8360107290130001</v>
      </c>
      <c r="I8161">
        <v>52.121860860962002</v>
      </c>
      <c r="J8161" t="s">
        <v>63846</v>
      </c>
    </row>
    <row r="8162" spans="1:10" x14ac:dyDescent="0.25">
      <c r="A8162" t="s">
        <v>24565</v>
      </c>
      <c r="B8162" t="s">
        <v>24566</v>
      </c>
      <c r="C8162" t="s">
        <v>24567</v>
      </c>
      <c r="D8162" t="s">
        <v>24456</v>
      </c>
      <c r="E8162" t="s">
        <v>13</v>
      </c>
      <c r="F8162">
        <v>5920</v>
      </c>
      <c r="G8162" t="s">
        <v>24568</v>
      </c>
      <c r="H8162">
        <v>4.837465099918</v>
      </c>
      <c r="I8162">
        <v>52.114569199057001</v>
      </c>
      <c r="J8162" t="s">
        <v>63847</v>
      </c>
    </row>
    <row r="8163" spans="1:10" x14ac:dyDescent="0.25">
      <c r="A8163" t="s">
        <v>24561</v>
      </c>
      <c r="B8163" t="s">
        <v>24562</v>
      </c>
      <c r="C8163" t="s">
        <v>24563</v>
      </c>
      <c r="D8163" t="s">
        <v>24456</v>
      </c>
      <c r="E8163" t="s">
        <v>13</v>
      </c>
      <c r="F8163">
        <v>5919</v>
      </c>
      <c r="G8163" t="s">
        <v>24564</v>
      </c>
      <c r="H8163">
        <v>4.8971853440509996</v>
      </c>
      <c r="I8163">
        <v>52.126791284018999</v>
      </c>
      <c r="J8163" t="s">
        <v>63848</v>
      </c>
    </row>
    <row r="8164" spans="1:10" x14ac:dyDescent="0.25">
      <c r="A8164" t="s">
        <v>24557</v>
      </c>
      <c r="B8164" t="s">
        <v>24558</v>
      </c>
      <c r="C8164" t="s">
        <v>24559</v>
      </c>
      <c r="D8164" t="s">
        <v>24456</v>
      </c>
      <c r="E8164" t="s">
        <v>13</v>
      </c>
      <c r="F8164">
        <v>5918</v>
      </c>
      <c r="G8164" t="s">
        <v>24560</v>
      </c>
      <c r="H8164">
        <v>4.8926421309989996</v>
      </c>
      <c r="I8164">
        <v>52.125085750684001</v>
      </c>
      <c r="J8164" t="s">
        <v>63849</v>
      </c>
    </row>
    <row r="8165" spans="1:10" x14ac:dyDescent="0.25">
      <c r="A8165" t="s">
        <v>24553</v>
      </c>
      <c r="B8165" t="s">
        <v>24554</v>
      </c>
      <c r="C8165" t="s">
        <v>24555</v>
      </c>
      <c r="D8165" t="s">
        <v>24456</v>
      </c>
      <c r="E8165" t="s">
        <v>13</v>
      </c>
      <c r="F8165">
        <v>5917</v>
      </c>
      <c r="G8165" t="s">
        <v>24556</v>
      </c>
      <c r="H8165">
        <v>4.8939311445060003</v>
      </c>
      <c r="I8165">
        <v>52.111969615810999</v>
      </c>
      <c r="J8165" t="s">
        <v>63850</v>
      </c>
    </row>
    <row r="8166" spans="1:10" x14ac:dyDescent="0.25">
      <c r="A8166" t="s">
        <v>24549</v>
      </c>
      <c r="B8166" t="s">
        <v>24550</v>
      </c>
      <c r="C8166" t="s">
        <v>24551</v>
      </c>
      <c r="D8166" t="s">
        <v>24456</v>
      </c>
      <c r="E8166" t="s">
        <v>13</v>
      </c>
      <c r="F8166">
        <v>5916</v>
      </c>
      <c r="G8166" t="s">
        <v>24552</v>
      </c>
      <c r="H8166">
        <v>4.9539505720079999</v>
      </c>
      <c r="I8166">
        <v>52.116523821092997</v>
      </c>
      <c r="J8166" t="s">
        <v>63851</v>
      </c>
    </row>
    <row r="8167" spans="1:10" x14ac:dyDescent="0.25">
      <c r="A8167" t="s">
        <v>24545</v>
      </c>
      <c r="B8167" t="s">
        <v>24546</v>
      </c>
      <c r="C8167" t="s">
        <v>24547</v>
      </c>
      <c r="D8167" t="s">
        <v>24456</v>
      </c>
      <c r="E8167" t="s">
        <v>13</v>
      </c>
      <c r="F8167">
        <v>5915</v>
      </c>
      <c r="G8167" t="s">
        <v>24548</v>
      </c>
      <c r="H8167">
        <v>4.9740618329900004</v>
      </c>
      <c r="I8167">
        <v>52.073538931714999</v>
      </c>
      <c r="J8167" t="s">
        <v>63852</v>
      </c>
    </row>
    <row r="8168" spans="1:10" x14ac:dyDescent="0.25">
      <c r="A8168" t="s">
        <v>24541</v>
      </c>
      <c r="B8168" t="s">
        <v>24542</v>
      </c>
      <c r="C8168" t="s">
        <v>24543</v>
      </c>
      <c r="D8168" t="s">
        <v>24456</v>
      </c>
      <c r="E8168" t="s">
        <v>13</v>
      </c>
      <c r="F8168">
        <v>5914</v>
      </c>
      <c r="G8168" t="s">
        <v>24544</v>
      </c>
      <c r="H8168">
        <v>4.9673972889379998</v>
      </c>
      <c r="I8168">
        <v>52.089979759358997</v>
      </c>
      <c r="J8168" t="s">
        <v>63853</v>
      </c>
    </row>
    <row r="8169" spans="1:10" x14ac:dyDescent="0.25">
      <c r="A8169" t="s">
        <v>24537</v>
      </c>
      <c r="B8169" t="s">
        <v>24538</v>
      </c>
      <c r="C8169" t="s">
        <v>24539</v>
      </c>
      <c r="D8169" t="s">
        <v>24456</v>
      </c>
      <c r="E8169" t="s">
        <v>13</v>
      </c>
      <c r="F8169">
        <v>5913</v>
      </c>
      <c r="G8169" t="s">
        <v>24540</v>
      </c>
      <c r="H8169">
        <v>4.9451543116660002</v>
      </c>
      <c r="I8169">
        <v>52.098479824902</v>
      </c>
      <c r="J8169" t="s">
        <v>63854</v>
      </c>
    </row>
    <row r="8170" spans="1:10" x14ac:dyDescent="0.25">
      <c r="A8170" t="s">
        <v>24533</v>
      </c>
      <c r="B8170" t="s">
        <v>24534</v>
      </c>
      <c r="C8170" t="s">
        <v>24535</v>
      </c>
      <c r="D8170" t="s">
        <v>24456</v>
      </c>
      <c r="E8170" t="s">
        <v>13</v>
      </c>
      <c r="F8170">
        <v>5912</v>
      </c>
      <c r="G8170" t="s">
        <v>24536</v>
      </c>
      <c r="H8170">
        <v>4.9611222017019996</v>
      </c>
      <c r="I8170">
        <v>52.087306826967001</v>
      </c>
      <c r="J8170" t="s">
        <v>63855</v>
      </c>
    </row>
    <row r="8171" spans="1:10" x14ac:dyDescent="0.25">
      <c r="A8171" t="s">
        <v>24529</v>
      </c>
      <c r="B8171" t="s">
        <v>24530</v>
      </c>
      <c r="C8171" t="s">
        <v>24531</v>
      </c>
      <c r="D8171" t="s">
        <v>24456</v>
      </c>
      <c r="E8171" t="s">
        <v>13</v>
      </c>
      <c r="F8171">
        <v>5911</v>
      </c>
      <c r="G8171" t="s">
        <v>24532</v>
      </c>
      <c r="H8171">
        <v>4.9578140423869996</v>
      </c>
      <c r="I8171">
        <v>52.093951104363001</v>
      </c>
      <c r="J8171" t="s">
        <v>63856</v>
      </c>
    </row>
    <row r="8172" spans="1:10" x14ac:dyDescent="0.25">
      <c r="A8172" t="s">
        <v>24526</v>
      </c>
      <c r="B8172" t="s">
        <v>24527</v>
      </c>
      <c r="C8172" t="s">
        <v>13390</v>
      </c>
      <c r="D8172" t="s">
        <v>24456</v>
      </c>
      <c r="E8172" t="s">
        <v>13</v>
      </c>
      <c r="F8172">
        <v>5910</v>
      </c>
      <c r="G8172" t="s">
        <v>24528</v>
      </c>
      <c r="H8172">
        <v>4.92372237957</v>
      </c>
      <c r="I8172">
        <v>52.086717741651</v>
      </c>
      <c r="J8172" t="s">
        <v>63857</v>
      </c>
    </row>
    <row r="8173" spans="1:10" x14ac:dyDescent="0.25">
      <c r="A8173" t="s">
        <v>24522</v>
      </c>
      <c r="B8173" t="s">
        <v>24523</v>
      </c>
      <c r="C8173" t="s">
        <v>24524</v>
      </c>
      <c r="D8173" t="s">
        <v>24456</v>
      </c>
      <c r="E8173" t="s">
        <v>13</v>
      </c>
      <c r="F8173">
        <v>5909</v>
      </c>
      <c r="G8173" t="s">
        <v>24525</v>
      </c>
      <c r="H8173">
        <v>4.9249241352800004</v>
      </c>
      <c r="I8173">
        <v>52.099400632268001</v>
      </c>
      <c r="J8173" t="s">
        <v>63858</v>
      </c>
    </row>
    <row r="8174" spans="1:10" x14ac:dyDescent="0.25">
      <c r="A8174" t="s">
        <v>24518</v>
      </c>
      <c r="B8174" t="s">
        <v>24519</v>
      </c>
      <c r="C8174" t="s">
        <v>24520</v>
      </c>
      <c r="D8174" t="s">
        <v>24456</v>
      </c>
      <c r="E8174" t="s">
        <v>13</v>
      </c>
      <c r="F8174">
        <v>5908</v>
      </c>
      <c r="G8174" t="s">
        <v>24521</v>
      </c>
      <c r="H8174">
        <v>4.9104800198709997</v>
      </c>
      <c r="I8174">
        <v>52.100579785439997</v>
      </c>
      <c r="J8174" t="s">
        <v>63859</v>
      </c>
    </row>
    <row r="8175" spans="1:10" x14ac:dyDescent="0.25">
      <c r="A8175" t="s">
        <v>24514</v>
      </c>
      <c r="B8175" t="s">
        <v>24515</v>
      </c>
      <c r="C8175" t="s">
        <v>24516</v>
      </c>
      <c r="D8175" t="s">
        <v>24456</v>
      </c>
      <c r="E8175" t="s">
        <v>13</v>
      </c>
      <c r="F8175">
        <v>5907</v>
      </c>
      <c r="G8175" t="s">
        <v>24517</v>
      </c>
      <c r="H8175">
        <v>4.8430992977380001</v>
      </c>
      <c r="I8175">
        <v>52.076106694606999</v>
      </c>
      <c r="J8175" t="s">
        <v>63860</v>
      </c>
    </row>
    <row r="8176" spans="1:10" x14ac:dyDescent="0.25">
      <c r="A8176" t="s">
        <v>24510</v>
      </c>
      <c r="B8176" t="s">
        <v>24511</v>
      </c>
      <c r="C8176" t="s">
        <v>24512</v>
      </c>
      <c r="D8176" t="s">
        <v>24456</v>
      </c>
      <c r="E8176" t="s">
        <v>13</v>
      </c>
      <c r="F8176">
        <v>5906</v>
      </c>
      <c r="G8176" t="s">
        <v>24513</v>
      </c>
      <c r="H8176">
        <v>4.8391072042010004</v>
      </c>
      <c r="I8176">
        <v>52.092853566076002</v>
      </c>
      <c r="J8176" t="s">
        <v>63861</v>
      </c>
    </row>
    <row r="8177" spans="1:10" x14ac:dyDescent="0.25">
      <c r="A8177" t="s">
        <v>24507</v>
      </c>
      <c r="B8177" t="s">
        <v>24508</v>
      </c>
      <c r="C8177" t="s">
        <v>20656</v>
      </c>
      <c r="D8177" t="s">
        <v>24456</v>
      </c>
      <c r="E8177" t="s">
        <v>13</v>
      </c>
      <c r="F8177">
        <v>5905</v>
      </c>
      <c r="G8177" t="s">
        <v>24509</v>
      </c>
      <c r="H8177">
        <v>4.9137169047620004</v>
      </c>
      <c r="I8177">
        <v>52.086822022730999</v>
      </c>
      <c r="J8177" t="s">
        <v>63862</v>
      </c>
    </row>
    <row r="8178" spans="1:10" x14ac:dyDescent="0.25">
      <c r="A8178" t="s">
        <v>24503</v>
      </c>
      <c r="B8178" t="s">
        <v>24504</v>
      </c>
      <c r="C8178" t="s">
        <v>24505</v>
      </c>
      <c r="D8178" t="s">
        <v>24456</v>
      </c>
      <c r="E8178" t="s">
        <v>13</v>
      </c>
      <c r="F8178">
        <v>5904</v>
      </c>
      <c r="G8178" t="s">
        <v>24506</v>
      </c>
      <c r="H8178">
        <v>4.9065273237679996</v>
      </c>
      <c r="I8178">
        <v>52.076469679917999</v>
      </c>
      <c r="J8178" t="s">
        <v>63863</v>
      </c>
    </row>
    <row r="8179" spans="1:10" x14ac:dyDescent="0.25">
      <c r="A8179" t="s">
        <v>24499</v>
      </c>
      <c r="B8179" t="s">
        <v>24500</v>
      </c>
      <c r="C8179" t="s">
        <v>24501</v>
      </c>
      <c r="D8179" t="s">
        <v>24456</v>
      </c>
      <c r="E8179" t="s">
        <v>13</v>
      </c>
      <c r="F8179">
        <v>5903</v>
      </c>
      <c r="G8179" t="s">
        <v>24502</v>
      </c>
      <c r="H8179">
        <v>4.9019299984869997</v>
      </c>
      <c r="I8179">
        <v>52.082835315872998</v>
      </c>
      <c r="J8179" t="s">
        <v>63864</v>
      </c>
    </row>
    <row r="8180" spans="1:10" x14ac:dyDescent="0.25">
      <c r="A8180" t="s">
        <v>24495</v>
      </c>
      <c r="B8180" t="s">
        <v>24496</v>
      </c>
      <c r="C8180" t="s">
        <v>24497</v>
      </c>
      <c r="D8180" t="s">
        <v>24456</v>
      </c>
      <c r="E8180" t="s">
        <v>13</v>
      </c>
      <c r="F8180">
        <v>5902</v>
      </c>
      <c r="G8180" t="s">
        <v>24498</v>
      </c>
      <c r="H8180">
        <v>4.8924235374449996</v>
      </c>
      <c r="I8180">
        <v>52.076118158149001</v>
      </c>
      <c r="J8180" t="s">
        <v>63865</v>
      </c>
    </row>
    <row r="8181" spans="1:10" x14ac:dyDescent="0.25">
      <c r="A8181" t="s">
        <v>24491</v>
      </c>
      <c r="B8181" t="s">
        <v>24492</v>
      </c>
      <c r="C8181" t="s">
        <v>24493</v>
      </c>
      <c r="D8181" t="s">
        <v>24456</v>
      </c>
      <c r="E8181" t="s">
        <v>13</v>
      </c>
      <c r="F8181">
        <v>5901</v>
      </c>
      <c r="G8181" t="s">
        <v>24494</v>
      </c>
      <c r="H8181">
        <v>4.8880525150469998</v>
      </c>
      <c r="I8181">
        <v>52.079286409622</v>
      </c>
      <c r="J8181" t="s">
        <v>63866</v>
      </c>
    </row>
    <row r="8182" spans="1:10" x14ac:dyDescent="0.25">
      <c r="A8182" t="s">
        <v>24487</v>
      </c>
      <c r="B8182" t="s">
        <v>24488</v>
      </c>
      <c r="C8182" t="s">
        <v>24489</v>
      </c>
      <c r="D8182" t="s">
        <v>24456</v>
      </c>
      <c r="E8182" t="s">
        <v>13</v>
      </c>
      <c r="F8182">
        <v>5900</v>
      </c>
      <c r="G8182" t="s">
        <v>24490</v>
      </c>
      <c r="H8182">
        <v>4.8797351452209998</v>
      </c>
      <c r="I8182">
        <v>52.071808406480002</v>
      </c>
      <c r="J8182" t="s">
        <v>63867</v>
      </c>
    </row>
    <row r="8183" spans="1:10" x14ac:dyDescent="0.25">
      <c r="A8183" t="s">
        <v>24483</v>
      </c>
      <c r="B8183" t="s">
        <v>24484</v>
      </c>
      <c r="C8183" t="s">
        <v>24485</v>
      </c>
      <c r="D8183" t="s">
        <v>24456</v>
      </c>
      <c r="E8183" t="s">
        <v>13</v>
      </c>
      <c r="F8183">
        <v>5899</v>
      </c>
      <c r="G8183" t="s">
        <v>24486</v>
      </c>
      <c r="H8183">
        <v>4.8671222420579996</v>
      </c>
      <c r="I8183">
        <v>52.076889959138001</v>
      </c>
      <c r="J8183" t="s">
        <v>63868</v>
      </c>
    </row>
    <row r="8184" spans="1:10" x14ac:dyDescent="0.25">
      <c r="A8184" t="s">
        <v>24479</v>
      </c>
      <c r="B8184" t="s">
        <v>24480</v>
      </c>
      <c r="C8184" t="s">
        <v>24481</v>
      </c>
      <c r="D8184" t="s">
        <v>24456</v>
      </c>
      <c r="E8184" t="s">
        <v>13</v>
      </c>
      <c r="F8184">
        <v>5898</v>
      </c>
      <c r="G8184" t="s">
        <v>24482</v>
      </c>
      <c r="H8184">
        <v>4.8583056263740003</v>
      </c>
      <c r="I8184">
        <v>52.078966910851001</v>
      </c>
      <c r="J8184" t="s">
        <v>63869</v>
      </c>
    </row>
    <row r="8185" spans="1:10" x14ac:dyDescent="0.25">
      <c r="A8185" t="s">
        <v>24475</v>
      </c>
      <c r="B8185" t="s">
        <v>24476</v>
      </c>
      <c r="C8185" t="s">
        <v>24477</v>
      </c>
      <c r="D8185" t="s">
        <v>24456</v>
      </c>
      <c r="E8185" t="s">
        <v>13</v>
      </c>
      <c r="F8185">
        <v>5897</v>
      </c>
      <c r="G8185" t="s">
        <v>24478</v>
      </c>
      <c r="H8185">
        <v>4.8585445522699997</v>
      </c>
      <c r="I8185">
        <v>52.084617721920999</v>
      </c>
      <c r="J8185" t="s">
        <v>63870</v>
      </c>
    </row>
    <row r="8186" spans="1:10" x14ac:dyDescent="0.25">
      <c r="A8186" t="s">
        <v>24472</v>
      </c>
      <c r="B8186" t="s">
        <v>24473</v>
      </c>
      <c r="C8186" t="s">
        <v>18934</v>
      </c>
      <c r="D8186" t="s">
        <v>24456</v>
      </c>
      <c r="E8186" t="s">
        <v>13</v>
      </c>
      <c r="F8186">
        <v>5896</v>
      </c>
      <c r="G8186" t="s">
        <v>24474</v>
      </c>
      <c r="H8186">
        <v>4.8708671170390003</v>
      </c>
      <c r="I8186">
        <v>52.089518810504998</v>
      </c>
      <c r="J8186" t="s">
        <v>63871</v>
      </c>
    </row>
    <row r="8187" spans="1:10" x14ac:dyDescent="0.25">
      <c r="A8187" t="s">
        <v>24469</v>
      </c>
      <c r="B8187" t="s">
        <v>24470</v>
      </c>
      <c r="C8187" t="s">
        <v>2959</v>
      </c>
      <c r="D8187" t="s">
        <v>24456</v>
      </c>
      <c r="E8187" t="s">
        <v>13</v>
      </c>
      <c r="F8187">
        <v>5895</v>
      </c>
      <c r="G8187" t="s">
        <v>24471</v>
      </c>
      <c r="H8187">
        <v>4.887863474644</v>
      </c>
      <c r="I8187">
        <v>52.091526803992998</v>
      </c>
      <c r="J8187" t="s">
        <v>63872</v>
      </c>
    </row>
    <row r="8188" spans="1:10" x14ac:dyDescent="0.25">
      <c r="A8188" t="s">
        <v>24466</v>
      </c>
      <c r="B8188" t="s">
        <v>24467</v>
      </c>
      <c r="C8188" t="s">
        <v>2963</v>
      </c>
      <c r="D8188" t="s">
        <v>24456</v>
      </c>
      <c r="E8188" t="s">
        <v>13</v>
      </c>
      <c r="F8188">
        <v>5894</v>
      </c>
      <c r="G8188" t="s">
        <v>24468</v>
      </c>
      <c r="H8188">
        <v>4.9018484079349998</v>
      </c>
      <c r="I8188">
        <v>52.091526441490998</v>
      </c>
      <c r="J8188" t="s">
        <v>63873</v>
      </c>
    </row>
    <row r="8189" spans="1:10" x14ac:dyDescent="0.25">
      <c r="A8189" t="s">
        <v>24462</v>
      </c>
      <c r="B8189" t="s">
        <v>24463</v>
      </c>
      <c r="C8189" t="s">
        <v>24464</v>
      </c>
      <c r="D8189" t="s">
        <v>24456</v>
      </c>
      <c r="E8189" t="s">
        <v>13</v>
      </c>
      <c r="F8189">
        <v>5893</v>
      </c>
      <c r="G8189" t="s">
        <v>24465</v>
      </c>
      <c r="H8189">
        <v>4.881992833859</v>
      </c>
      <c r="I8189">
        <v>52.080096715704002</v>
      </c>
      <c r="J8189" t="s">
        <v>63874</v>
      </c>
    </row>
    <row r="8190" spans="1:10" x14ac:dyDescent="0.25">
      <c r="A8190" t="s">
        <v>24458</v>
      </c>
      <c r="B8190" t="s">
        <v>24459</v>
      </c>
      <c r="C8190" t="s">
        <v>24460</v>
      </c>
      <c r="D8190" t="s">
        <v>24456</v>
      </c>
      <c r="E8190" t="s">
        <v>13</v>
      </c>
      <c r="F8190">
        <v>5892</v>
      </c>
      <c r="G8190" t="s">
        <v>24461</v>
      </c>
      <c r="H8190">
        <v>4.8751131425269998</v>
      </c>
      <c r="I8190">
        <v>52.082701060155003</v>
      </c>
      <c r="J8190" t="s">
        <v>63875</v>
      </c>
    </row>
    <row r="8191" spans="1:10" x14ac:dyDescent="0.25">
      <c r="A8191" t="s">
        <v>24454</v>
      </c>
      <c r="B8191" t="s">
        <v>24455</v>
      </c>
      <c r="C8191" t="s">
        <v>2874</v>
      </c>
      <c r="D8191" t="s">
        <v>24456</v>
      </c>
      <c r="E8191" t="s">
        <v>13</v>
      </c>
      <c r="F8191">
        <v>5891</v>
      </c>
      <c r="G8191" t="s">
        <v>24457</v>
      </c>
      <c r="H8191">
        <v>4.8850556963410003</v>
      </c>
      <c r="I8191">
        <v>52.085944122649003</v>
      </c>
      <c r="J8191" t="s">
        <v>63876</v>
      </c>
    </row>
    <row r="8192" spans="1:10" x14ac:dyDescent="0.25">
      <c r="A8192" t="s">
        <v>24451</v>
      </c>
      <c r="B8192" t="s">
        <v>24452</v>
      </c>
      <c r="C8192" t="s">
        <v>20701</v>
      </c>
      <c r="D8192" t="s">
        <v>24373</v>
      </c>
      <c r="E8192" t="s">
        <v>13</v>
      </c>
      <c r="F8192">
        <v>5890</v>
      </c>
      <c r="G8192" t="s">
        <v>24453</v>
      </c>
      <c r="H8192">
        <v>4.4090327677029997</v>
      </c>
      <c r="I8192">
        <v>52.152749042979998</v>
      </c>
      <c r="J8192" t="s">
        <v>63877</v>
      </c>
    </row>
    <row r="8193" spans="1:10" x14ac:dyDescent="0.25">
      <c r="A8193" t="s">
        <v>24447</v>
      </c>
      <c r="B8193" t="s">
        <v>24448</v>
      </c>
      <c r="C8193" t="s">
        <v>24449</v>
      </c>
      <c r="D8193" t="s">
        <v>24373</v>
      </c>
      <c r="E8193" t="s">
        <v>13</v>
      </c>
      <c r="F8193">
        <v>5889</v>
      </c>
      <c r="G8193" t="s">
        <v>24450</v>
      </c>
      <c r="H8193">
        <v>4.3761632712510004</v>
      </c>
      <c r="I8193">
        <v>52.165559831754997</v>
      </c>
      <c r="J8193" t="s">
        <v>63878</v>
      </c>
    </row>
    <row r="8194" spans="1:10" x14ac:dyDescent="0.25">
      <c r="A8194" t="s">
        <v>24443</v>
      </c>
      <c r="B8194" t="s">
        <v>24444</v>
      </c>
      <c r="C8194" t="s">
        <v>24445</v>
      </c>
      <c r="D8194" t="s">
        <v>24373</v>
      </c>
      <c r="E8194" t="s">
        <v>13</v>
      </c>
      <c r="F8194">
        <v>5888</v>
      </c>
      <c r="G8194" t="s">
        <v>24446</v>
      </c>
      <c r="H8194">
        <v>4.4166414047269997</v>
      </c>
      <c r="I8194">
        <v>52.146433777954002</v>
      </c>
      <c r="J8194" t="s">
        <v>63879</v>
      </c>
    </row>
    <row r="8195" spans="1:10" x14ac:dyDescent="0.25">
      <c r="A8195" t="s">
        <v>24439</v>
      </c>
      <c r="B8195" t="s">
        <v>24440</v>
      </c>
      <c r="C8195" t="s">
        <v>24441</v>
      </c>
      <c r="D8195" t="s">
        <v>24373</v>
      </c>
      <c r="E8195" t="s">
        <v>13</v>
      </c>
      <c r="F8195">
        <v>5887</v>
      </c>
      <c r="G8195" t="s">
        <v>24442</v>
      </c>
      <c r="H8195">
        <v>4.4283343582020001</v>
      </c>
      <c r="I8195">
        <v>52.150749873960002</v>
      </c>
      <c r="J8195" t="s">
        <v>63880</v>
      </c>
    </row>
    <row r="8196" spans="1:10" x14ac:dyDescent="0.25">
      <c r="A8196" t="s">
        <v>24435</v>
      </c>
      <c r="B8196" t="s">
        <v>24436</v>
      </c>
      <c r="C8196" t="s">
        <v>24437</v>
      </c>
      <c r="D8196" t="s">
        <v>24373</v>
      </c>
      <c r="E8196" t="s">
        <v>13</v>
      </c>
      <c r="F8196">
        <v>5886</v>
      </c>
      <c r="G8196" t="s">
        <v>24438</v>
      </c>
      <c r="H8196">
        <v>4.3897696227590002</v>
      </c>
      <c r="I8196">
        <v>52.160800120460998</v>
      </c>
      <c r="J8196" t="s">
        <v>63881</v>
      </c>
    </row>
    <row r="8197" spans="1:10" x14ac:dyDescent="0.25">
      <c r="A8197" t="s">
        <v>24431</v>
      </c>
      <c r="B8197" t="s">
        <v>24432</v>
      </c>
      <c r="C8197" t="s">
        <v>24433</v>
      </c>
      <c r="D8197" t="s">
        <v>24373</v>
      </c>
      <c r="E8197" t="s">
        <v>13</v>
      </c>
      <c r="F8197">
        <v>5885</v>
      </c>
      <c r="G8197" t="s">
        <v>24434</v>
      </c>
      <c r="H8197">
        <v>4.4134026175649996</v>
      </c>
      <c r="I8197">
        <v>52.145543462173002</v>
      </c>
      <c r="J8197" t="s">
        <v>63882</v>
      </c>
    </row>
    <row r="8198" spans="1:10" x14ac:dyDescent="0.25">
      <c r="A8198" t="s">
        <v>24427</v>
      </c>
      <c r="B8198" t="s">
        <v>24428</v>
      </c>
      <c r="C8198" t="s">
        <v>24429</v>
      </c>
      <c r="D8198" t="s">
        <v>24373</v>
      </c>
      <c r="E8198" t="s">
        <v>13</v>
      </c>
      <c r="F8198">
        <v>5884</v>
      </c>
      <c r="G8198" t="s">
        <v>24430</v>
      </c>
      <c r="H8198">
        <v>4.4025513642640002</v>
      </c>
      <c r="I8198">
        <v>52.141672834943002</v>
      </c>
      <c r="J8198" t="s">
        <v>63883</v>
      </c>
    </row>
    <row r="8199" spans="1:10" x14ac:dyDescent="0.25">
      <c r="A8199" t="s">
        <v>24423</v>
      </c>
      <c r="B8199" t="s">
        <v>24424</v>
      </c>
      <c r="C8199" t="s">
        <v>24425</v>
      </c>
      <c r="D8199" t="s">
        <v>24373</v>
      </c>
      <c r="E8199" t="s">
        <v>13</v>
      </c>
      <c r="F8199">
        <v>5883</v>
      </c>
      <c r="G8199" t="s">
        <v>24426</v>
      </c>
      <c r="H8199">
        <v>4.4031004092039998</v>
      </c>
      <c r="I8199">
        <v>52.148470593105003</v>
      </c>
      <c r="J8199" t="s">
        <v>63884</v>
      </c>
    </row>
    <row r="8200" spans="1:10" x14ac:dyDescent="0.25">
      <c r="A8200" t="s">
        <v>24419</v>
      </c>
      <c r="B8200" t="s">
        <v>24420</v>
      </c>
      <c r="C8200" t="s">
        <v>24421</v>
      </c>
      <c r="D8200" t="s">
        <v>24373</v>
      </c>
      <c r="E8200" t="s">
        <v>13</v>
      </c>
      <c r="F8200">
        <v>5882</v>
      </c>
      <c r="G8200" t="s">
        <v>24422</v>
      </c>
      <c r="H8200">
        <v>4.3962083131669996</v>
      </c>
      <c r="I8200">
        <v>52.150397770776003</v>
      </c>
      <c r="J8200" t="s">
        <v>63885</v>
      </c>
    </row>
    <row r="8201" spans="1:10" x14ac:dyDescent="0.25">
      <c r="A8201" t="s">
        <v>24415</v>
      </c>
      <c r="B8201" t="s">
        <v>24416</v>
      </c>
      <c r="C8201" t="s">
        <v>24417</v>
      </c>
      <c r="D8201" t="s">
        <v>24373</v>
      </c>
      <c r="E8201" t="s">
        <v>13</v>
      </c>
      <c r="F8201">
        <v>5881</v>
      </c>
      <c r="G8201" t="s">
        <v>24418</v>
      </c>
      <c r="H8201">
        <v>4.392582556851</v>
      </c>
      <c r="I8201">
        <v>52.143778398793003</v>
      </c>
      <c r="J8201" t="s">
        <v>63886</v>
      </c>
    </row>
    <row r="8202" spans="1:10" x14ac:dyDescent="0.25">
      <c r="A8202" t="s">
        <v>24411</v>
      </c>
      <c r="B8202" t="s">
        <v>24412</v>
      </c>
      <c r="C8202" t="s">
        <v>24413</v>
      </c>
      <c r="D8202" t="s">
        <v>24373</v>
      </c>
      <c r="E8202" t="s">
        <v>13</v>
      </c>
      <c r="F8202">
        <v>5880</v>
      </c>
      <c r="G8202" t="s">
        <v>24414</v>
      </c>
      <c r="H8202">
        <v>4.3981822180299996</v>
      </c>
      <c r="I8202">
        <v>52.137671818225002</v>
      </c>
      <c r="J8202" t="s">
        <v>63887</v>
      </c>
    </row>
    <row r="8203" spans="1:10" x14ac:dyDescent="0.25">
      <c r="A8203" t="s">
        <v>24407</v>
      </c>
      <c r="B8203" t="s">
        <v>24408</v>
      </c>
      <c r="C8203" t="s">
        <v>24409</v>
      </c>
      <c r="D8203" t="s">
        <v>24373</v>
      </c>
      <c r="E8203" t="s">
        <v>13</v>
      </c>
      <c r="F8203">
        <v>5879</v>
      </c>
      <c r="G8203" t="s">
        <v>24410</v>
      </c>
      <c r="H8203">
        <v>4.3425411681019996</v>
      </c>
      <c r="I8203">
        <v>52.136853327882001</v>
      </c>
      <c r="J8203" t="s">
        <v>63888</v>
      </c>
    </row>
    <row r="8204" spans="1:10" x14ac:dyDescent="0.25">
      <c r="A8204" t="s">
        <v>24403</v>
      </c>
      <c r="B8204" t="s">
        <v>24404</v>
      </c>
      <c r="C8204" t="s">
        <v>24405</v>
      </c>
      <c r="D8204" t="s">
        <v>24373</v>
      </c>
      <c r="E8204" t="s">
        <v>13</v>
      </c>
      <c r="F8204">
        <v>5878</v>
      </c>
      <c r="G8204" t="s">
        <v>24406</v>
      </c>
      <c r="H8204">
        <v>4.3910283432519996</v>
      </c>
      <c r="I8204">
        <v>52.113897002412997</v>
      </c>
      <c r="J8204" t="s">
        <v>63889</v>
      </c>
    </row>
    <row r="8205" spans="1:10" x14ac:dyDescent="0.25">
      <c r="A8205" t="s">
        <v>24399</v>
      </c>
      <c r="B8205" t="s">
        <v>24400</v>
      </c>
      <c r="C8205" t="s">
        <v>24401</v>
      </c>
      <c r="D8205" t="s">
        <v>24373</v>
      </c>
      <c r="E8205" t="s">
        <v>13</v>
      </c>
      <c r="F8205">
        <v>5877</v>
      </c>
      <c r="G8205" t="s">
        <v>24402</v>
      </c>
      <c r="H8205">
        <v>4.3519219375020004</v>
      </c>
      <c r="I8205">
        <v>52.113025471104002</v>
      </c>
      <c r="J8205" t="s">
        <v>63890</v>
      </c>
    </row>
    <row r="8206" spans="1:10" x14ac:dyDescent="0.25">
      <c r="A8206" t="s">
        <v>24395</v>
      </c>
      <c r="B8206" t="s">
        <v>24396</v>
      </c>
      <c r="C8206" t="s">
        <v>24397</v>
      </c>
      <c r="D8206" t="s">
        <v>24373</v>
      </c>
      <c r="E8206" t="s">
        <v>13</v>
      </c>
      <c r="F8206">
        <v>5876</v>
      </c>
      <c r="G8206" t="s">
        <v>24398</v>
      </c>
      <c r="H8206">
        <v>4.3724322844349999</v>
      </c>
      <c r="I8206">
        <v>52.110789010993003</v>
      </c>
      <c r="J8206" t="s">
        <v>63891</v>
      </c>
    </row>
    <row r="8207" spans="1:10" x14ac:dyDescent="0.25">
      <c r="A8207" t="s">
        <v>24391</v>
      </c>
      <c r="B8207" t="s">
        <v>24392</v>
      </c>
      <c r="C8207" t="s">
        <v>24393</v>
      </c>
      <c r="D8207" t="s">
        <v>24373</v>
      </c>
      <c r="E8207" t="s">
        <v>13</v>
      </c>
      <c r="F8207">
        <v>5875</v>
      </c>
      <c r="G8207" t="s">
        <v>24394</v>
      </c>
      <c r="H8207">
        <v>4.3627846422929997</v>
      </c>
      <c r="I8207">
        <v>52.126158997885</v>
      </c>
      <c r="J8207" t="s">
        <v>63892</v>
      </c>
    </row>
    <row r="8208" spans="1:10" x14ac:dyDescent="0.25">
      <c r="A8208" t="s">
        <v>24387</v>
      </c>
      <c r="B8208" t="s">
        <v>24388</v>
      </c>
      <c r="C8208" t="s">
        <v>24389</v>
      </c>
      <c r="D8208" t="s">
        <v>24373</v>
      </c>
      <c r="E8208" t="s">
        <v>13</v>
      </c>
      <c r="F8208">
        <v>5874</v>
      </c>
      <c r="G8208" t="s">
        <v>24390</v>
      </c>
      <c r="H8208">
        <v>4.3769042710669996</v>
      </c>
      <c r="I8208">
        <v>52.112157495458</v>
      </c>
      <c r="J8208" t="s">
        <v>63893</v>
      </c>
    </row>
    <row r="8209" spans="1:10" x14ac:dyDescent="0.25">
      <c r="A8209" t="s">
        <v>24383</v>
      </c>
      <c r="B8209" t="s">
        <v>24384</v>
      </c>
      <c r="C8209" t="s">
        <v>24385</v>
      </c>
      <c r="D8209" t="s">
        <v>24373</v>
      </c>
      <c r="E8209" t="s">
        <v>13</v>
      </c>
      <c r="F8209">
        <v>5873</v>
      </c>
      <c r="G8209" t="s">
        <v>24386</v>
      </c>
      <c r="H8209">
        <v>4.3406476694430003</v>
      </c>
      <c r="I8209">
        <v>52.104607744416001</v>
      </c>
      <c r="J8209" t="s">
        <v>63894</v>
      </c>
    </row>
    <row r="8210" spans="1:10" x14ac:dyDescent="0.25">
      <c r="A8210" t="s">
        <v>24379</v>
      </c>
      <c r="B8210" t="s">
        <v>24380</v>
      </c>
      <c r="C8210" t="s">
        <v>24381</v>
      </c>
      <c r="D8210" t="s">
        <v>24373</v>
      </c>
      <c r="E8210" t="s">
        <v>13</v>
      </c>
      <c r="F8210">
        <v>5872</v>
      </c>
      <c r="G8210" t="s">
        <v>24382</v>
      </c>
      <c r="H8210">
        <v>4.3614427570540002</v>
      </c>
      <c r="I8210">
        <v>52.113355883106003</v>
      </c>
      <c r="J8210" t="s">
        <v>63895</v>
      </c>
    </row>
    <row r="8211" spans="1:10" x14ac:dyDescent="0.25">
      <c r="A8211" t="s">
        <v>24375</v>
      </c>
      <c r="B8211" t="s">
        <v>24376</v>
      </c>
      <c r="C8211" t="s">
        <v>24377</v>
      </c>
      <c r="D8211" t="s">
        <v>24373</v>
      </c>
      <c r="E8211" t="s">
        <v>13</v>
      </c>
      <c r="F8211">
        <v>5871</v>
      </c>
      <c r="G8211" t="s">
        <v>24378</v>
      </c>
      <c r="H8211">
        <v>4.3761292611779998</v>
      </c>
      <c r="I8211">
        <v>52.122123069571998</v>
      </c>
      <c r="J8211" t="s">
        <v>63896</v>
      </c>
    </row>
    <row r="8212" spans="1:10" x14ac:dyDescent="0.25">
      <c r="A8212" t="s">
        <v>24370</v>
      </c>
      <c r="B8212" t="s">
        <v>24371</v>
      </c>
      <c r="C8212" t="s">
        <v>24372</v>
      </c>
      <c r="D8212" t="s">
        <v>24373</v>
      </c>
      <c r="E8212" t="s">
        <v>13</v>
      </c>
      <c r="F8212">
        <v>5870</v>
      </c>
      <c r="G8212" t="s">
        <v>24374</v>
      </c>
      <c r="H8212">
        <v>4.3875452436969997</v>
      </c>
      <c r="I8212">
        <v>52.132302008501</v>
      </c>
      <c r="J8212" t="s">
        <v>63897</v>
      </c>
    </row>
    <row r="8213" spans="1:10" x14ac:dyDescent="0.25">
      <c r="A8213" t="s">
        <v>24367</v>
      </c>
      <c r="B8213" t="s">
        <v>24368</v>
      </c>
      <c r="C8213" t="s">
        <v>1376</v>
      </c>
      <c r="D8213" t="s">
        <v>24289</v>
      </c>
      <c r="E8213" t="s">
        <v>13</v>
      </c>
      <c r="F8213">
        <v>5869</v>
      </c>
      <c r="G8213" t="s">
        <v>24369</v>
      </c>
      <c r="H8213">
        <v>4.6647921950900004</v>
      </c>
      <c r="I8213">
        <v>52.043600572665</v>
      </c>
      <c r="J8213" t="s">
        <v>63898</v>
      </c>
    </row>
    <row r="8214" spans="1:10" x14ac:dyDescent="0.25">
      <c r="A8214" t="s">
        <v>24364</v>
      </c>
      <c r="B8214" t="s">
        <v>24365</v>
      </c>
      <c r="C8214" t="s">
        <v>982</v>
      </c>
      <c r="D8214" t="s">
        <v>24289</v>
      </c>
      <c r="E8214" t="s">
        <v>13</v>
      </c>
      <c r="F8214">
        <v>5868</v>
      </c>
      <c r="G8214" t="s">
        <v>24366</v>
      </c>
      <c r="H8214">
        <v>4.6754283546659998</v>
      </c>
      <c r="I8214">
        <v>52.039339821543997</v>
      </c>
      <c r="J8214" t="s">
        <v>63899</v>
      </c>
    </row>
    <row r="8215" spans="1:10" x14ac:dyDescent="0.25">
      <c r="A8215" t="s">
        <v>24360</v>
      </c>
      <c r="B8215" t="s">
        <v>24361</v>
      </c>
      <c r="C8215" t="s">
        <v>24362</v>
      </c>
      <c r="D8215" t="s">
        <v>24289</v>
      </c>
      <c r="E8215" t="s">
        <v>13</v>
      </c>
      <c r="F8215">
        <v>5867</v>
      </c>
      <c r="G8215" t="s">
        <v>24363</v>
      </c>
      <c r="H8215">
        <v>4.6718953621030002</v>
      </c>
      <c r="I8215">
        <v>52.018369960313997</v>
      </c>
      <c r="J8215" t="s">
        <v>63900</v>
      </c>
    </row>
    <row r="8216" spans="1:10" x14ac:dyDescent="0.25">
      <c r="A8216" t="s">
        <v>24356</v>
      </c>
      <c r="B8216" t="s">
        <v>24357</v>
      </c>
      <c r="C8216" t="s">
        <v>24358</v>
      </c>
      <c r="D8216" t="s">
        <v>24289</v>
      </c>
      <c r="E8216" t="s">
        <v>13</v>
      </c>
      <c r="F8216">
        <v>5866</v>
      </c>
      <c r="G8216" t="s">
        <v>24359</v>
      </c>
      <c r="H8216">
        <v>4.6543047449759998</v>
      </c>
      <c r="I8216">
        <v>52.027069016357999</v>
      </c>
      <c r="J8216" t="s">
        <v>63901</v>
      </c>
    </row>
    <row r="8217" spans="1:10" x14ac:dyDescent="0.25">
      <c r="A8217" t="s">
        <v>24353</v>
      </c>
      <c r="B8217" t="s">
        <v>24354</v>
      </c>
      <c r="C8217" t="s">
        <v>7559</v>
      </c>
      <c r="D8217" t="s">
        <v>24289</v>
      </c>
      <c r="E8217" t="s">
        <v>13</v>
      </c>
      <c r="F8217">
        <v>5865</v>
      </c>
      <c r="G8217" t="s">
        <v>24355</v>
      </c>
      <c r="H8217">
        <v>4.663601446106</v>
      </c>
      <c r="I8217">
        <v>52.026461698923001</v>
      </c>
      <c r="J8217" t="s">
        <v>63902</v>
      </c>
    </row>
    <row r="8218" spans="1:10" x14ac:dyDescent="0.25">
      <c r="A8218" t="s">
        <v>24349</v>
      </c>
      <c r="B8218" t="s">
        <v>24350</v>
      </c>
      <c r="C8218" t="s">
        <v>24351</v>
      </c>
      <c r="D8218" t="s">
        <v>24289</v>
      </c>
      <c r="E8218" t="s">
        <v>13</v>
      </c>
      <c r="F8218">
        <v>5864</v>
      </c>
      <c r="G8218" t="s">
        <v>24352</v>
      </c>
      <c r="H8218">
        <v>4.6552995690510004</v>
      </c>
      <c r="I8218">
        <v>52.034693263069002</v>
      </c>
      <c r="J8218" t="s">
        <v>63903</v>
      </c>
    </row>
    <row r="8219" spans="1:10" x14ac:dyDescent="0.25">
      <c r="A8219" t="s">
        <v>24345</v>
      </c>
      <c r="B8219" t="s">
        <v>24346</v>
      </c>
      <c r="C8219" t="s">
        <v>24347</v>
      </c>
      <c r="D8219" t="s">
        <v>24289</v>
      </c>
      <c r="E8219" t="s">
        <v>13</v>
      </c>
      <c r="F8219">
        <v>5863</v>
      </c>
      <c r="G8219" t="s">
        <v>24348</v>
      </c>
      <c r="H8219">
        <v>4.6557603373419996</v>
      </c>
      <c r="I8219">
        <v>52.039457888297001</v>
      </c>
      <c r="J8219" t="s">
        <v>63904</v>
      </c>
    </row>
    <row r="8220" spans="1:10" x14ac:dyDescent="0.25">
      <c r="A8220" t="s">
        <v>24342</v>
      </c>
      <c r="B8220" t="s">
        <v>24343</v>
      </c>
      <c r="C8220" t="s">
        <v>129</v>
      </c>
      <c r="D8220" t="s">
        <v>24289</v>
      </c>
      <c r="E8220" t="s">
        <v>13</v>
      </c>
      <c r="F8220">
        <v>5862</v>
      </c>
      <c r="G8220" t="s">
        <v>24344</v>
      </c>
      <c r="H8220">
        <v>4.6528553466649996</v>
      </c>
      <c r="I8220">
        <v>52.04165488217</v>
      </c>
      <c r="J8220" t="s">
        <v>63905</v>
      </c>
    </row>
    <row r="8221" spans="1:10" x14ac:dyDescent="0.25">
      <c r="A8221" t="s">
        <v>24338</v>
      </c>
      <c r="B8221" t="s">
        <v>24339</v>
      </c>
      <c r="C8221" t="s">
        <v>24340</v>
      </c>
      <c r="D8221" t="s">
        <v>24289</v>
      </c>
      <c r="E8221" t="s">
        <v>13</v>
      </c>
      <c r="F8221">
        <v>5861</v>
      </c>
      <c r="G8221" t="s">
        <v>24341</v>
      </c>
      <c r="H8221">
        <v>4.6567960162470001</v>
      </c>
      <c r="I8221">
        <v>52.056935041404998</v>
      </c>
      <c r="J8221" t="s">
        <v>63906</v>
      </c>
    </row>
    <row r="8222" spans="1:10" x14ac:dyDescent="0.25">
      <c r="A8222" t="s">
        <v>24334</v>
      </c>
      <c r="B8222" t="s">
        <v>24335</v>
      </c>
      <c r="C8222" t="s">
        <v>24336</v>
      </c>
      <c r="D8222" t="s">
        <v>24289</v>
      </c>
      <c r="E8222" t="s">
        <v>13</v>
      </c>
      <c r="F8222">
        <v>5860</v>
      </c>
      <c r="G8222" t="s">
        <v>24337</v>
      </c>
      <c r="H8222">
        <v>4.652268064656</v>
      </c>
      <c r="I8222">
        <v>52.056284686716999</v>
      </c>
      <c r="J8222" t="s">
        <v>63907</v>
      </c>
    </row>
    <row r="8223" spans="1:10" x14ac:dyDescent="0.25">
      <c r="A8223" t="s">
        <v>24330</v>
      </c>
      <c r="B8223" t="s">
        <v>24331</v>
      </c>
      <c r="C8223" t="s">
        <v>24332</v>
      </c>
      <c r="D8223" t="s">
        <v>24289</v>
      </c>
      <c r="E8223" t="s">
        <v>13</v>
      </c>
      <c r="F8223">
        <v>5859</v>
      </c>
      <c r="G8223" t="s">
        <v>24333</v>
      </c>
      <c r="H8223">
        <v>4.6531695458569997</v>
      </c>
      <c r="I8223">
        <v>52.051568446683</v>
      </c>
      <c r="J8223" t="s">
        <v>63908</v>
      </c>
    </row>
    <row r="8224" spans="1:10" x14ac:dyDescent="0.25">
      <c r="A8224" t="s">
        <v>24326</v>
      </c>
      <c r="B8224" t="s">
        <v>24327</v>
      </c>
      <c r="C8224" t="s">
        <v>24328</v>
      </c>
      <c r="D8224" t="s">
        <v>24289</v>
      </c>
      <c r="E8224" t="s">
        <v>13</v>
      </c>
      <c r="F8224">
        <v>5858</v>
      </c>
      <c r="G8224" t="s">
        <v>24329</v>
      </c>
      <c r="H8224">
        <v>4.6533196843939999</v>
      </c>
      <c r="I8224">
        <v>52.047651042916002</v>
      </c>
      <c r="J8224" t="s">
        <v>63909</v>
      </c>
    </row>
    <row r="8225" spans="1:10" x14ac:dyDescent="0.25">
      <c r="A8225" t="s">
        <v>24322</v>
      </c>
      <c r="B8225" t="s">
        <v>24323</v>
      </c>
      <c r="C8225" t="s">
        <v>24324</v>
      </c>
      <c r="D8225" t="s">
        <v>24289</v>
      </c>
      <c r="E8225" t="s">
        <v>13</v>
      </c>
      <c r="F8225">
        <v>5857</v>
      </c>
      <c r="G8225" t="s">
        <v>24325</v>
      </c>
      <c r="H8225">
        <v>4.6208581705330003</v>
      </c>
      <c r="I8225">
        <v>52.030727940197004</v>
      </c>
      <c r="J8225" t="s">
        <v>63910</v>
      </c>
    </row>
    <row r="8226" spans="1:10" x14ac:dyDescent="0.25">
      <c r="A8226" t="s">
        <v>24318</v>
      </c>
      <c r="B8226" t="s">
        <v>24319</v>
      </c>
      <c r="C8226" t="s">
        <v>24320</v>
      </c>
      <c r="D8226" t="s">
        <v>24289</v>
      </c>
      <c r="E8226" t="s">
        <v>13</v>
      </c>
      <c r="F8226">
        <v>5856</v>
      </c>
      <c r="G8226" t="s">
        <v>24321</v>
      </c>
      <c r="H8226">
        <v>4.6439952177589996</v>
      </c>
      <c r="I8226">
        <v>52.030284667056002</v>
      </c>
      <c r="J8226" t="s">
        <v>63911</v>
      </c>
    </row>
    <row r="8227" spans="1:10" x14ac:dyDescent="0.25">
      <c r="A8227" t="s">
        <v>24314</v>
      </c>
      <c r="B8227" t="s">
        <v>24315</v>
      </c>
      <c r="C8227" t="s">
        <v>24316</v>
      </c>
      <c r="D8227" t="s">
        <v>24289</v>
      </c>
      <c r="E8227" t="s">
        <v>13</v>
      </c>
      <c r="F8227">
        <v>5855</v>
      </c>
      <c r="G8227" t="s">
        <v>24317</v>
      </c>
      <c r="H8227">
        <v>4.6312275967929999</v>
      </c>
      <c r="I8227">
        <v>52.033771161304003</v>
      </c>
      <c r="J8227" t="s">
        <v>63912</v>
      </c>
    </row>
    <row r="8228" spans="1:10" x14ac:dyDescent="0.25">
      <c r="A8228" t="s">
        <v>24310</v>
      </c>
      <c r="B8228" t="s">
        <v>24311</v>
      </c>
      <c r="C8228" t="s">
        <v>24312</v>
      </c>
      <c r="D8228" t="s">
        <v>24289</v>
      </c>
      <c r="E8228" t="s">
        <v>13</v>
      </c>
      <c r="F8228">
        <v>5854</v>
      </c>
      <c r="G8228" t="s">
        <v>24313</v>
      </c>
      <c r="H8228">
        <v>4.6379162990139999</v>
      </c>
      <c r="I8228">
        <v>52.038795847884998</v>
      </c>
      <c r="J8228" t="s">
        <v>63913</v>
      </c>
    </row>
    <row r="8229" spans="1:10" x14ac:dyDescent="0.25">
      <c r="A8229" t="s">
        <v>24307</v>
      </c>
      <c r="B8229" t="s">
        <v>24308</v>
      </c>
      <c r="C8229" t="s">
        <v>21535</v>
      </c>
      <c r="D8229" t="s">
        <v>24289</v>
      </c>
      <c r="E8229" t="s">
        <v>13</v>
      </c>
      <c r="F8229">
        <v>5853</v>
      </c>
      <c r="G8229" t="s">
        <v>24309</v>
      </c>
      <c r="H8229">
        <v>4.6451551344280002</v>
      </c>
      <c r="I8229">
        <v>52.042915566954001</v>
      </c>
      <c r="J8229" t="s">
        <v>63914</v>
      </c>
    </row>
    <row r="8230" spans="1:10" x14ac:dyDescent="0.25">
      <c r="A8230" t="s">
        <v>24303</v>
      </c>
      <c r="B8230" t="s">
        <v>24304</v>
      </c>
      <c r="C8230" t="s">
        <v>24305</v>
      </c>
      <c r="D8230" t="s">
        <v>24289</v>
      </c>
      <c r="E8230" t="s">
        <v>13</v>
      </c>
      <c r="F8230">
        <v>5852</v>
      </c>
      <c r="G8230" t="s">
        <v>24306</v>
      </c>
      <c r="H8230">
        <v>4.6243913933379996</v>
      </c>
      <c r="I8230">
        <v>52.060896559261998</v>
      </c>
      <c r="J8230" t="s">
        <v>63915</v>
      </c>
    </row>
    <row r="8231" spans="1:10" x14ac:dyDescent="0.25">
      <c r="A8231" t="s">
        <v>24299</v>
      </c>
      <c r="B8231" t="s">
        <v>24300</v>
      </c>
      <c r="C8231" t="s">
        <v>24301</v>
      </c>
      <c r="D8231" t="s">
        <v>24289</v>
      </c>
      <c r="E8231" t="s">
        <v>13</v>
      </c>
      <c r="F8231">
        <v>5851</v>
      </c>
      <c r="G8231" t="s">
        <v>24302</v>
      </c>
      <c r="H8231">
        <v>4.6480119891739999</v>
      </c>
      <c r="I8231">
        <v>52.049128998507001</v>
      </c>
      <c r="J8231" t="s">
        <v>63916</v>
      </c>
    </row>
    <row r="8232" spans="1:10" x14ac:dyDescent="0.25">
      <c r="A8232" t="s">
        <v>24295</v>
      </c>
      <c r="B8232" t="s">
        <v>24296</v>
      </c>
      <c r="C8232" t="s">
        <v>24297</v>
      </c>
      <c r="D8232" t="s">
        <v>24289</v>
      </c>
      <c r="E8232" t="s">
        <v>13</v>
      </c>
      <c r="F8232">
        <v>5850</v>
      </c>
      <c r="G8232" t="s">
        <v>24298</v>
      </c>
      <c r="H8232">
        <v>4.6448132132179998</v>
      </c>
      <c r="I8232">
        <v>52.056067279014997</v>
      </c>
      <c r="J8232" t="s">
        <v>63917</v>
      </c>
    </row>
    <row r="8233" spans="1:10" x14ac:dyDescent="0.25">
      <c r="A8233" t="s">
        <v>24291</v>
      </c>
      <c r="B8233" t="s">
        <v>24292</v>
      </c>
      <c r="C8233" t="s">
        <v>24293</v>
      </c>
      <c r="D8233" t="s">
        <v>24289</v>
      </c>
      <c r="E8233" t="s">
        <v>13</v>
      </c>
      <c r="F8233">
        <v>5849</v>
      </c>
      <c r="G8233" t="s">
        <v>24294</v>
      </c>
      <c r="H8233">
        <v>4.644602961176</v>
      </c>
      <c r="I8233">
        <v>52.052054616353999</v>
      </c>
      <c r="J8233" t="s">
        <v>63918</v>
      </c>
    </row>
    <row r="8234" spans="1:10" x14ac:dyDescent="0.25">
      <c r="A8234" t="s">
        <v>24286</v>
      </c>
      <c r="B8234" t="s">
        <v>24287</v>
      </c>
      <c r="C8234" t="s">
        <v>24288</v>
      </c>
      <c r="D8234" t="s">
        <v>24289</v>
      </c>
      <c r="E8234" t="s">
        <v>13</v>
      </c>
      <c r="F8234">
        <v>5848</v>
      </c>
      <c r="G8234" t="s">
        <v>24290</v>
      </c>
      <c r="H8234">
        <v>4.6436368036119999</v>
      </c>
      <c r="I8234">
        <v>52.048279834147998</v>
      </c>
      <c r="J8234" t="s">
        <v>63919</v>
      </c>
    </row>
    <row r="8235" spans="1:10" x14ac:dyDescent="0.25">
      <c r="A8235" t="s">
        <v>24283</v>
      </c>
      <c r="B8235" t="s">
        <v>24284</v>
      </c>
      <c r="C8235" t="s">
        <v>9799</v>
      </c>
      <c r="D8235" t="s">
        <v>24243</v>
      </c>
      <c r="E8235" t="s">
        <v>13</v>
      </c>
      <c r="F8235">
        <v>5847</v>
      </c>
      <c r="G8235" t="s">
        <v>24285</v>
      </c>
      <c r="H8235">
        <v>4.4254297924330004</v>
      </c>
      <c r="I8235">
        <v>52.119315396986003</v>
      </c>
      <c r="J8235" t="s">
        <v>63920</v>
      </c>
    </row>
    <row r="8236" spans="1:10" x14ac:dyDescent="0.25">
      <c r="A8236" t="s">
        <v>24279</v>
      </c>
      <c r="B8236" t="s">
        <v>24280</v>
      </c>
      <c r="C8236" t="s">
        <v>24281</v>
      </c>
      <c r="D8236" t="s">
        <v>24243</v>
      </c>
      <c r="E8236" t="s">
        <v>13</v>
      </c>
      <c r="F8236">
        <v>5846</v>
      </c>
      <c r="G8236" t="s">
        <v>24282</v>
      </c>
      <c r="H8236">
        <v>4.439744055587</v>
      </c>
      <c r="I8236">
        <v>52.124292676624997</v>
      </c>
      <c r="J8236" t="s">
        <v>63921</v>
      </c>
    </row>
    <row r="8237" spans="1:10" x14ac:dyDescent="0.25">
      <c r="A8237" t="s">
        <v>24275</v>
      </c>
      <c r="B8237" t="s">
        <v>24276</v>
      </c>
      <c r="C8237" t="s">
        <v>24277</v>
      </c>
      <c r="D8237" t="s">
        <v>24243</v>
      </c>
      <c r="E8237" t="s">
        <v>13</v>
      </c>
      <c r="F8237">
        <v>5845</v>
      </c>
      <c r="G8237" t="s">
        <v>24278</v>
      </c>
      <c r="H8237">
        <v>4.4427159065010002</v>
      </c>
      <c r="I8237">
        <v>52.128759636102998</v>
      </c>
      <c r="J8237" t="s">
        <v>63922</v>
      </c>
    </row>
    <row r="8238" spans="1:10" x14ac:dyDescent="0.25">
      <c r="A8238" t="s">
        <v>24272</v>
      </c>
      <c r="B8238" t="s">
        <v>24273</v>
      </c>
      <c r="C8238" t="s">
        <v>129</v>
      </c>
      <c r="D8238" t="s">
        <v>24243</v>
      </c>
      <c r="E8238" t="s">
        <v>13</v>
      </c>
      <c r="F8238">
        <v>5844</v>
      </c>
      <c r="G8238" t="s">
        <v>24274</v>
      </c>
      <c r="H8238">
        <v>4.4462820654020003</v>
      </c>
      <c r="I8238">
        <v>52.124263199368997</v>
      </c>
      <c r="J8238" t="s">
        <v>63923</v>
      </c>
    </row>
    <row r="8239" spans="1:10" x14ac:dyDescent="0.25">
      <c r="A8239" t="s">
        <v>24268</v>
      </c>
      <c r="B8239" t="s">
        <v>24269</v>
      </c>
      <c r="C8239" t="s">
        <v>24270</v>
      </c>
      <c r="D8239" t="s">
        <v>24243</v>
      </c>
      <c r="E8239" t="s">
        <v>13</v>
      </c>
      <c r="F8239">
        <v>5843</v>
      </c>
      <c r="G8239" t="s">
        <v>24271</v>
      </c>
      <c r="H8239">
        <v>4.4623856714160004</v>
      </c>
      <c r="I8239">
        <v>52.130797604774997</v>
      </c>
      <c r="J8239" t="s">
        <v>63924</v>
      </c>
    </row>
    <row r="8240" spans="1:10" x14ac:dyDescent="0.25">
      <c r="A8240" t="s">
        <v>24264</v>
      </c>
      <c r="B8240" t="s">
        <v>24265</v>
      </c>
      <c r="C8240" t="s">
        <v>24266</v>
      </c>
      <c r="D8240" t="s">
        <v>24243</v>
      </c>
      <c r="E8240" t="s">
        <v>13</v>
      </c>
      <c r="F8240">
        <v>5842</v>
      </c>
      <c r="G8240" t="s">
        <v>24267</v>
      </c>
      <c r="H8240">
        <v>4.4353513996430003</v>
      </c>
      <c r="I8240">
        <v>52.130193485786002</v>
      </c>
      <c r="J8240" t="s">
        <v>63925</v>
      </c>
    </row>
    <row r="8241" spans="1:10" x14ac:dyDescent="0.25">
      <c r="A8241" t="s">
        <v>24260</v>
      </c>
      <c r="B8241" t="s">
        <v>24261</v>
      </c>
      <c r="C8241" t="s">
        <v>24262</v>
      </c>
      <c r="D8241" t="s">
        <v>24243</v>
      </c>
      <c r="E8241" t="s">
        <v>13</v>
      </c>
      <c r="F8241">
        <v>5841</v>
      </c>
      <c r="G8241" t="s">
        <v>24263</v>
      </c>
      <c r="H8241">
        <v>4.4420366235850004</v>
      </c>
      <c r="I8241">
        <v>52.116011077548997</v>
      </c>
      <c r="J8241" t="s">
        <v>63926</v>
      </c>
    </row>
    <row r="8242" spans="1:10" x14ac:dyDescent="0.25">
      <c r="A8242" t="s">
        <v>24256</v>
      </c>
      <c r="B8242" t="s">
        <v>24257</v>
      </c>
      <c r="C8242" t="s">
        <v>24258</v>
      </c>
      <c r="D8242" t="s">
        <v>24243</v>
      </c>
      <c r="E8242" t="s">
        <v>13</v>
      </c>
      <c r="F8242">
        <v>5840</v>
      </c>
      <c r="G8242" t="s">
        <v>24259</v>
      </c>
      <c r="H8242">
        <v>4.4551033949400001</v>
      </c>
      <c r="I8242">
        <v>52.125519301754998</v>
      </c>
      <c r="J8242" t="s">
        <v>63927</v>
      </c>
    </row>
    <row r="8243" spans="1:10" x14ac:dyDescent="0.25">
      <c r="A8243" t="s">
        <v>24253</v>
      </c>
      <c r="B8243" t="s">
        <v>24254</v>
      </c>
      <c r="C8243" t="s">
        <v>222</v>
      </c>
      <c r="D8243" t="s">
        <v>24243</v>
      </c>
      <c r="E8243" t="s">
        <v>13</v>
      </c>
      <c r="F8243">
        <v>5839</v>
      </c>
      <c r="G8243" t="s">
        <v>24255</v>
      </c>
      <c r="H8243">
        <v>4.4490382841710003</v>
      </c>
      <c r="I8243">
        <v>52.121117683752999</v>
      </c>
      <c r="J8243" t="s">
        <v>63928</v>
      </c>
    </row>
    <row r="8244" spans="1:10" x14ac:dyDescent="0.25">
      <c r="A8244" t="s">
        <v>24249</v>
      </c>
      <c r="B8244" t="s">
        <v>24250</v>
      </c>
      <c r="C8244" t="s">
        <v>24251</v>
      </c>
      <c r="D8244" t="s">
        <v>24243</v>
      </c>
      <c r="E8244" t="s">
        <v>13</v>
      </c>
      <c r="F8244">
        <v>5838</v>
      </c>
      <c r="G8244" t="s">
        <v>24252</v>
      </c>
      <c r="H8244">
        <v>4.4331545625109996</v>
      </c>
      <c r="I8244">
        <v>52.120781312948999</v>
      </c>
      <c r="J8244" t="s">
        <v>63929</v>
      </c>
    </row>
    <row r="8245" spans="1:10" x14ac:dyDescent="0.25">
      <c r="A8245" t="s">
        <v>24245</v>
      </c>
      <c r="B8245" t="s">
        <v>24246</v>
      </c>
      <c r="C8245" t="s">
        <v>24247</v>
      </c>
      <c r="D8245" t="s">
        <v>24243</v>
      </c>
      <c r="E8245" t="s">
        <v>13</v>
      </c>
      <c r="F8245">
        <v>5837</v>
      </c>
      <c r="G8245" t="s">
        <v>24248</v>
      </c>
      <c r="H8245">
        <v>4.4522562034320003</v>
      </c>
      <c r="I8245">
        <v>52.134743828384003</v>
      </c>
      <c r="J8245" t="s">
        <v>63930</v>
      </c>
    </row>
    <row r="8246" spans="1:10" x14ac:dyDescent="0.25">
      <c r="A8246" t="s">
        <v>24240</v>
      </c>
      <c r="B8246" t="s">
        <v>24241</v>
      </c>
      <c r="C8246" t="s">
        <v>24242</v>
      </c>
      <c r="D8246" t="s">
        <v>24243</v>
      </c>
      <c r="E8246" t="s">
        <v>13</v>
      </c>
      <c r="F8246">
        <v>5836</v>
      </c>
      <c r="G8246" t="s">
        <v>24244</v>
      </c>
      <c r="H8246">
        <v>4.460698342842</v>
      </c>
      <c r="I8246">
        <v>52.142436408668999</v>
      </c>
      <c r="J8246" t="s">
        <v>63931</v>
      </c>
    </row>
    <row r="8247" spans="1:10" x14ac:dyDescent="0.25">
      <c r="A8247" t="s">
        <v>24236</v>
      </c>
      <c r="B8247" t="s">
        <v>24237</v>
      </c>
      <c r="C8247" t="s">
        <v>24238</v>
      </c>
      <c r="D8247" t="s">
        <v>24090</v>
      </c>
      <c r="E8247" t="s">
        <v>13</v>
      </c>
      <c r="F8247">
        <v>5835</v>
      </c>
      <c r="G8247" t="s">
        <v>24239</v>
      </c>
      <c r="H8247">
        <v>4.3201447955049996</v>
      </c>
      <c r="I8247">
        <v>51.927282462569003</v>
      </c>
      <c r="J8247" t="s">
        <v>63932</v>
      </c>
    </row>
    <row r="8248" spans="1:10" x14ac:dyDescent="0.25">
      <c r="A8248" t="s">
        <v>24232</v>
      </c>
      <c r="B8248" t="s">
        <v>24233</v>
      </c>
      <c r="C8248" t="s">
        <v>24234</v>
      </c>
      <c r="D8248" t="s">
        <v>24090</v>
      </c>
      <c r="E8248" t="s">
        <v>13</v>
      </c>
      <c r="F8248">
        <v>5834</v>
      </c>
      <c r="G8248" t="s">
        <v>24235</v>
      </c>
      <c r="H8248">
        <v>4.3346716769759999</v>
      </c>
      <c r="I8248">
        <v>51.934427424780999</v>
      </c>
      <c r="J8248" t="s">
        <v>63933</v>
      </c>
    </row>
    <row r="8249" spans="1:10" x14ac:dyDescent="0.25">
      <c r="A8249" t="s">
        <v>24228</v>
      </c>
      <c r="B8249" t="s">
        <v>24229</v>
      </c>
      <c r="C8249" t="s">
        <v>24230</v>
      </c>
      <c r="D8249" t="s">
        <v>24090</v>
      </c>
      <c r="E8249" t="s">
        <v>13</v>
      </c>
      <c r="F8249">
        <v>5833</v>
      </c>
      <c r="G8249" t="s">
        <v>24231</v>
      </c>
      <c r="H8249">
        <v>4.3412700043800001</v>
      </c>
      <c r="I8249">
        <v>51.944666780165001</v>
      </c>
      <c r="J8249" t="s">
        <v>63934</v>
      </c>
    </row>
    <row r="8250" spans="1:10" x14ac:dyDescent="0.25">
      <c r="A8250" t="s">
        <v>24225</v>
      </c>
      <c r="B8250" t="s">
        <v>24226</v>
      </c>
      <c r="C8250" t="s">
        <v>21998</v>
      </c>
      <c r="D8250" t="s">
        <v>24090</v>
      </c>
      <c r="E8250" t="s">
        <v>13</v>
      </c>
      <c r="F8250">
        <v>5832</v>
      </c>
      <c r="G8250" t="s">
        <v>24227</v>
      </c>
      <c r="H8250">
        <v>4.3548386265990002</v>
      </c>
      <c r="I8250">
        <v>51.939925648646998</v>
      </c>
      <c r="J8250" t="s">
        <v>63935</v>
      </c>
    </row>
    <row r="8251" spans="1:10" x14ac:dyDescent="0.25">
      <c r="A8251" t="s">
        <v>24221</v>
      </c>
      <c r="B8251" t="s">
        <v>24222</v>
      </c>
      <c r="C8251" t="s">
        <v>24223</v>
      </c>
      <c r="D8251" t="s">
        <v>24090</v>
      </c>
      <c r="E8251" t="s">
        <v>13</v>
      </c>
      <c r="F8251">
        <v>5831</v>
      </c>
      <c r="G8251" t="s">
        <v>24224</v>
      </c>
      <c r="H8251">
        <v>4.3487422148089996</v>
      </c>
      <c r="I8251">
        <v>51.937251819095998</v>
      </c>
      <c r="J8251" t="s">
        <v>63936</v>
      </c>
    </row>
    <row r="8252" spans="1:10" x14ac:dyDescent="0.25">
      <c r="A8252" t="s">
        <v>24217</v>
      </c>
      <c r="B8252" t="s">
        <v>24218</v>
      </c>
      <c r="C8252" t="s">
        <v>24219</v>
      </c>
      <c r="D8252" t="s">
        <v>24090</v>
      </c>
      <c r="E8252" t="s">
        <v>13</v>
      </c>
      <c r="F8252">
        <v>5830</v>
      </c>
      <c r="G8252" t="s">
        <v>24220</v>
      </c>
      <c r="H8252">
        <v>4.3531217845679997</v>
      </c>
      <c r="I8252">
        <v>51.935440625513998</v>
      </c>
      <c r="J8252" t="s">
        <v>63937</v>
      </c>
    </row>
    <row r="8253" spans="1:10" x14ac:dyDescent="0.25">
      <c r="A8253" t="s">
        <v>24213</v>
      </c>
      <c r="B8253" t="s">
        <v>24214</v>
      </c>
      <c r="C8253" t="s">
        <v>24215</v>
      </c>
      <c r="D8253" t="s">
        <v>24090</v>
      </c>
      <c r="E8253" t="s">
        <v>13</v>
      </c>
      <c r="F8253">
        <v>5829</v>
      </c>
      <c r="G8253" t="s">
        <v>24216</v>
      </c>
      <c r="H8253">
        <v>4.3452008624129999</v>
      </c>
      <c r="I8253">
        <v>51.932943766839998</v>
      </c>
      <c r="J8253" t="s">
        <v>63938</v>
      </c>
    </row>
    <row r="8254" spans="1:10" x14ac:dyDescent="0.25">
      <c r="A8254" t="s">
        <v>24210</v>
      </c>
      <c r="B8254" t="s">
        <v>24211</v>
      </c>
      <c r="C8254" t="s">
        <v>14681</v>
      </c>
      <c r="D8254" t="s">
        <v>24090</v>
      </c>
      <c r="E8254" t="s">
        <v>13</v>
      </c>
      <c r="F8254">
        <v>5828</v>
      </c>
      <c r="G8254" t="s">
        <v>24212</v>
      </c>
      <c r="H8254">
        <v>4.3398330145920001</v>
      </c>
      <c r="I8254">
        <v>51.934279033647002</v>
      </c>
      <c r="J8254" t="s">
        <v>63939</v>
      </c>
    </row>
    <row r="8255" spans="1:10" x14ac:dyDescent="0.25">
      <c r="A8255" t="s">
        <v>24206</v>
      </c>
      <c r="B8255" t="s">
        <v>24207</v>
      </c>
      <c r="C8255" t="s">
        <v>24208</v>
      </c>
      <c r="D8255" t="s">
        <v>24090</v>
      </c>
      <c r="E8255" t="s">
        <v>13</v>
      </c>
      <c r="F8255">
        <v>5827</v>
      </c>
      <c r="G8255" t="s">
        <v>24209</v>
      </c>
      <c r="H8255">
        <v>4.3417137636999996</v>
      </c>
      <c r="I8255">
        <v>51.938436587208002</v>
      </c>
      <c r="J8255" t="s">
        <v>63940</v>
      </c>
    </row>
    <row r="8256" spans="1:10" x14ac:dyDescent="0.25">
      <c r="A8256" t="s">
        <v>24203</v>
      </c>
      <c r="B8256" t="s">
        <v>24204</v>
      </c>
      <c r="C8256" t="s">
        <v>15877</v>
      </c>
      <c r="D8256" t="s">
        <v>24090</v>
      </c>
      <c r="E8256" t="s">
        <v>13</v>
      </c>
      <c r="F8256">
        <v>5826</v>
      </c>
      <c r="G8256" t="s">
        <v>24205</v>
      </c>
      <c r="H8256">
        <v>4.3567285411809999</v>
      </c>
      <c r="I8256">
        <v>51.928675673866998</v>
      </c>
      <c r="J8256" t="s">
        <v>63941</v>
      </c>
    </row>
    <row r="8257" spans="1:10" x14ac:dyDescent="0.25">
      <c r="A8257" t="s">
        <v>24199</v>
      </c>
      <c r="B8257" t="s">
        <v>24200</v>
      </c>
      <c r="C8257" t="s">
        <v>24201</v>
      </c>
      <c r="D8257" t="s">
        <v>24090</v>
      </c>
      <c r="E8257" t="s">
        <v>13</v>
      </c>
      <c r="F8257">
        <v>5825</v>
      </c>
      <c r="G8257" t="s">
        <v>24202</v>
      </c>
      <c r="H8257">
        <v>4.3597845230420003</v>
      </c>
      <c r="I8257">
        <v>51.928506478487002</v>
      </c>
      <c r="J8257" t="s">
        <v>63942</v>
      </c>
    </row>
    <row r="8258" spans="1:10" x14ac:dyDescent="0.25">
      <c r="A8258" t="s">
        <v>24196</v>
      </c>
      <c r="B8258" t="s">
        <v>24197</v>
      </c>
      <c r="C8258" t="s">
        <v>15881</v>
      </c>
      <c r="D8258" t="s">
        <v>24090</v>
      </c>
      <c r="E8258" t="s">
        <v>13</v>
      </c>
      <c r="F8258">
        <v>5824</v>
      </c>
      <c r="G8258" t="s">
        <v>24198</v>
      </c>
      <c r="H8258">
        <v>4.3558515939119999</v>
      </c>
      <c r="I8258">
        <v>51.932702555551998</v>
      </c>
      <c r="J8258" t="s">
        <v>63943</v>
      </c>
    </row>
    <row r="8259" spans="1:10" x14ac:dyDescent="0.25">
      <c r="A8259" t="s">
        <v>24192</v>
      </c>
      <c r="B8259" t="s">
        <v>24193</v>
      </c>
      <c r="C8259" t="s">
        <v>24194</v>
      </c>
      <c r="D8259" t="s">
        <v>24090</v>
      </c>
      <c r="E8259" t="s">
        <v>13</v>
      </c>
      <c r="F8259">
        <v>5823</v>
      </c>
      <c r="G8259" t="s">
        <v>24195</v>
      </c>
      <c r="H8259">
        <v>4.3464281463540004</v>
      </c>
      <c r="I8259">
        <v>51.930406657001001</v>
      </c>
      <c r="J8259" t="s">
        <v>63944</v>
      </c>
    </row>
    <row r="8260" spans="1:10" x14ac:dyDescent="0.25">
      <c r="A8260" t="s">
        <v>24188</v>
      </c>
      <c r="B8260" t="s">
        <v>24189</v>
      </c>
      <c r="C8260" t="s">
        <v>24190</v>
      </c>
      <c r="D8260" t="s">
        <v>24090</v>
      </c>
      <c r="E8260" t="s">
        <v>13</v>
      </c>
      <c r="F8260">
        <v>5822</v>
      </c>
      <c r="G8260" t="s">
        <v>24191</v>
      </c>
      <c r="H8260">
        <v>4.3491723300510001</v>
      </c>
      <c r="I8260">
        <v>51.926029898034002</v>
      </c>
      <c r="J8260" t="s">
        <v>63945</v>
      </c>
    </row>
    <row r="8261" spans="1:10" x14ac:dyDescent="0.25">
      <c r="A8261" t="s">
        <v>24184</v>
      </c>
      <c r="B8261" t="s">
        <v>24185</v>
      </c>
      <c r="C8261" t="s">
        <v>24186</v>
      </c>
      <c r="D8261" t="s">
        <v>24090</v>
      </c>
      <c r="E8261" t="s">
        <v>13</v>
      </c>
      <c r="F8261">
        <v>5821</v>
      </c>
      <c r="G8261" t="s">
        <v>24187</v>
      </c>
      <c r="H8261">
        <v>4.3413845994919997</v>
      </c>
      <c r="I8261">
        <v>51.925740694292003</v>
      </c>
      <c r="J8261" t="s">
        <v>63946</v>
      </c>
    </row>
    <row r="8262" spans="1:10" x14ac:dyDescent="0.25">
      <c r="A8262" t="s">
        <v>24180</v>
      </c>
      <c r="B8262" t="s">
        <v>24181</v>
      </c>
      <c r="C8262" t="s">
        <v>24182</v>
      </c>
      <c r="D8262" t="s">
        <v>24090</v>
      </c>
      <c r="E8262" t="s">
        <v>13</v>
      </c>
      <c r="F8262">
        <v>5820</v>
      </c>
      <c r="G8262" t="s">
        <v>24183</v>
      </c>
      <c r="H8262">
        <v>4.3648073041710003</v>
      </c>
      <c r="I8262">
        <v>51.918416602961003</v>
      </c>
      <c r="J8262" t="s">
        <v>63947</v>
      </c>
    </row>
    <row r="8263" spans="1:10" x14ac:dyDescent="0.25">
      <c r="A8263" t="s">
        <v>24176</v>
      </c>
      <c r="B8263" t="s">
        <v>24177</v>
      </c>
      <c r="C8263" t="s">
        <v>24178</v>
      </c>
      <c r="D8263" t="s">
        <v>24090</v>
      </c>
      <c r="E8263" t="s">
        <v>13</v>
      </c>
      <c r="F8263">
        <v>5819</v>
      </c>
      <c r="G8263" t="s">
        <v>24179</v>
      </c>
      <c r="H8263">
        <v>4.361213438109</v>
      </c>
      <c r="I8263">
        <v>51.916950989657998</v>
      </c>
      <c r="J8263" t="s">
        <v>63948</v>
      </c>
    </row>
    <row r="8264" spans="1:10" x14ac:dyDescent="0.25">
      <c r="A8264" t="s">
        <v>24172</v>
      </c>
      <c r="B8264" t="s">
        <v>24173</v>
      </c>
      <c r="C8264" t="s">
        <v>24174</v>
      </c>
      <c r="D8264" t="s">
        <v>24090</v>
      </c>
      <c r="E8264" t="s">
        <v>13</v>
      </c>
      <c r="F8264">
        <v>5818</v>
      </c>
      <c r="G8264" t="s">
        <v>24175</v>
      </c>
      <c r="H8264">
        <v>4.3546617216670001</v>
      </c>
      <c r="I8264">
        <v>51.915198563425001</v>
      </c>
      <c r="J8264" t="s">
        <v>63949</v>
      </c>
    </row>
    <row r="8265" spans="1:10" x14ac:dyDescent="0.25">
      <c r="A8265" t="s">
        <v>24169</v>
      </c>
      <c r="B8265" t="s">
        <v>24170</v>
      </c>
      <c r="C8265" t="s">
        <v>97</v>
      </c>
      <c r="D8265" t="s">
        <v>24090</v>
      </c>
      <c r="E8265" t="s">
        <v>13</v>
      </c>
      <c r="F8265">
        <v>5817</v>
      </c>
      <c r="G8265" t="s">
        <v>24171</v>
      </c>
      <c r="H8265">
        <v>4.3450711025239999</v>
      </c>
      <c r="I8265">
        <v>51.918636375410003</v>
      </c>
      <c r="J8265" t="s">
        <v>63950</v>
      </c>
    </row>
    <row r="8266" spans="1:10" x14ac:dyDescent="0.25">
      <c r="A8266" t="s">
        <v>24165</v>
      </c>
      <c r="B8266" t="s">
        <v>24166</v>
      </c>
      <c r="C8266" t="s">
        <v>24167</v>
      </c>
      <c r="D8266" t="s">
        <v>24090</v>
      </c>
      <c r="E8266" t="s">
        <v>13</v>
      </c>
      <c r="F8266">
        <v>5816</v>
      </c>
      <c r="G8266" t="s">
        <v>24168</v>
      </c>
      <c r="H8266">
        <v>4.3548028323330001</v>
      </c>
      <c r="I8266">
        <v>51.921862060126003</v>
      </c>
      <c r="J8266" t="s">
        <v>63951</v>
      </c>
    </row>
    <row r="8267" spans="1:10" x14ac:dyDescent="0.25">
      <c r="A8267" t="s">
        <v>24161</v>
      </c>
      <c r="B8267" t="s">
        <v>24162</v>
      </c>
      <c r="C8267" t="s">
        <v>24163</v>
      </c>
      <c r="D8267" t="s">
        <v>24090</v>
      </c>
      <c r="E8267" t="s">
        <v>13</v>
      </c>
      <c r="F8267">
        <v>5815</v>
      </c>
      <c r="G8267" t="s">
        <v>24164</v>
      </c>
      <c r="H8267">
        <v>4.3661363406340001</v>
      </c>
      <c r="I8267">
        <v>51.910910068779003</v>
      </c>
      <c r="J8267" t="s">
        <v>63952</v>
      </c>
    </row>
    <row r="8268" spans="1:10" x14ac:dyDescent="0.25">
      <c r="A8268" t="s">
        <v>24157</v>
      </c>
      <c r="B8268" t="s">
        <v>24158</v>
      </c>
      <c r="C8268" t="s">
        <v>24159</v>
      </c>
      <c r="D8268" t="s">
        <v>24090</v>
      </c>
      <c r="E8268" t="s">
        <v>13</v>
      </c>
      <c r="F8268">
        <v>5814</v>
      </c>
      <c r="G8268" t="s">
        <v>24160</v>
      </c>
      <c r="H8268">
        <v>4.3599085413490002</v>
      </c>
      <c r="I8268">
        <v>51.903479763965002</v>
      </c>
      <c r="J8268" t="s">
        <v>63953</v>
      </c>
    </row>
    <row r="8269" spans="1:10" x14ac:dyDescent="0.25">
      <c r="A8269" t="s">
        <v>24153</v>
      </c>
      <c r="B8269" t="s">
        <v>24154</v>
      </c>
      <c r="C8269" t="s">
        <v>24155</v>
      </c>
      <c r="D8269" t="s">
        <v>24090</v>
      </c>
      <c r="E8269" t="s">
        <v>13</v>
      </c>
      <c r="F8269">
        <v>5813</v>
      </c>
      <c r="G8269" t="s">
        <v>24156</v>
      </c>
      <c r="H8269">
        <v>4.3517962643740002</v>
      </c>
      <c r="I8269">
        <v>51.908406624405004</v>
      </c>
      <c r="J8269" t="s">
        <v>63954</v>
      </c>
    </row>
    <row r="8270" spans="1:10" x14ac:dyDescent="0.25">
      <c r="A8270" t="s">
        <v>24149</v>
      </c>
      <c r="B8270" t="s">
        <v>24150</v>
      </c>
      <c r="C8270" t="s">
        <v>24151</v>
      </c>
      <c r="D8270" t="s">
        <v>24090</v>
      </c>
      <c r="E8270" t="s">
        <v>13</v>
      </c>
      <c r="F8270">
        <v>5812</v>
      </c>
      <c r="G8270" t="s">
        <v>24152</v>
      </c>
      <c r="H8270">
        <v>4.3479500868469998</v>
      </c>
      <c r="I8270">
        <v>51.913155230931999</v>
      </c>
      <c r="J8270" t="s">
        <v>63955</v>
      </c>
    </row>
    <row r="8271" spans="1:10" x14ac:dyDescent="0.25">
      <c r="A8271" t="s">
        <v>24146</v>
      </c>
      <c r="B8271" t="s">
        <v>24147</v>
      </c>
      <c r="C8271" t="s">
        <v>23815</v>
      </c>
      <c r="D8271" t="s">
        <v>24090</v>
      </c>
      <c r="E8271" t="s">
        <v>13</v>
      </c>
      <c r="F8271">
        <v>5811</v>
      </c>
      <c r="G8271" t="s">
        <v>24148</v>
      </c>
      <c r="H8271">
        <v>4.3439612539589998</v>
      </c>
      <c r="I8271">
        <v>51.899679821893002</v>
      </c>
      <c r="J8271" t="s">
        <v>63956</v>
      </c>
    </row>
    <row r="8272" spans="1:10" x14ac:dyDescent="0.25">
      <c r="A8272" t="s">
        <v>24142</v>
      </c>
      <c r="B8272" t="s">
        <v>24143</v>
      </c>
      <c r="C8272" t="s">
        <v>24144</v>
      </c>
      <c r="D8272" t="s">
        <v>24090</v>
      </c>
      <c r="E8272" t="s">
        <v>13</v>
      </c>
      <c r="F8272">
        <v>5810</v>
      </c>
      <c r="G8272" t="s">
        <v>24145</v>
      </c>
      <c r="H8272">
        <v>4.3306872799439997</v>
      </c>
      <c r="I8272">
        <v>51.904023023809998</v>
      </c>
      <c r="J8272" t="s">
        <v>63957</v>
      </c>
    </row>
    <row r="8273" spans="1:10" x14ac:dyDescent="0.25">
      <c r="A8273" t="s">
        <v>24138</v>
      </c>
      <c r="B8273" t="s">
        <v>24139</v>
      </c>
      <c r="C8273" t="s">
        <v>24140</v>
      </c>
      <c r="D8273" t="s">
        <v>24090</v>
      </c>
      <c r="E8273" t="s">
        <v>13</v>
      </c>
      <c r="F8273">
        <v>5809</v>
      </c>
      <c r="G8273" t="s">
        <v>24141</v>
      </c>
      <c r="H8273">
        <v>4.3251913224459999</v>
      </c>
      <c r="I8273">
        <v>51.905790653944997</v>
      </c>
      <c r="J8273" t="s">
        <v>63958</v>
      </c>
    </row>
    <row r="8274" spans="1:10" x14ac:dyDescent="0.25">
      <c r="A8274" t="s">
        <v>24134</v>
      </c>
      <c r="B8274" t="s">
        <v>24135</v>
      </c>
      <c r="C8274" t="s">
        <v>24136</v>
      </c>
      <c r="D8274" t="s">
        <v>24090</v>
      </c>
      <c r="E8274" t="s">
        <v>13</v>
      </c>
      <c r="F8274">
        <v>5808</v>
      </c>
      <c r="G8274" t="s">
        <v>24137</v>
      </c>
      <c r="H8274">
        <v>4.3293005173610002</v>
      </c>
      <c r="I8274">
        <v>51.898090366691001</v>
      </c>
      <c r="J8274" t="s">
        <v>63959</v>
      </c>
    </row>
    <row r="8275" spans="1:10" x14ac:dyDescent="0.25">
      <c r="A8275" t="s">
        <v>24130</v>
      </c>
      <c r="B8275" t="s">
        <v>24131</v>
      </c>
      <c r="C8275" t="s">
        <v>24132</v>
      </c>
      <c r="D8275" t="s">
        <v>24090</v>
      </c>
      <c r="E8275" t="s">
        <v>13</v>
      </c>
      <c r="F8275">
        <v>5807</v>
      </c>
      <c r="G8275" t="s">
        <v>24133</v>
      </c>
      <c r="H8275">
        <v>4.3089440836120003</v>
      </c>
      <c r="I8275">
        <v>51.898494745922001</v>
      </c>
      <c r="J8275" t="s">
        <v>63960</v>
      </c>
    </row>
    <row r="8276" spans="1:10" x14ac:dyDescent="0.25">
      <c r="A8276" t="s">
        <v>24126</v>
      </c>
      <c r="B8276" t="s">
        <v>24127</v>
      </c>
      <c r="C8276" t="s">
        <v>24128</v>
      </c>
      <c r="D8276" t="s">
        <v>24090</v>
      </c>
      <c r="E8276" t="s">
        <v>13</v>
      </c>
      <c r="F8276">
        <v>5806</v>
      </c>
      <c r="G8276" t="s">
        <v>24129</v>
      </c>
      <c r="H8276">
        <v>4.2857375543289997</v>
      </c>
      <c r="I8276">
        <v>51.904554120180997</v>
      </c>
      <c r="J8276" t="s">
        <v>63961</v>
      </c>
    </row>
    <row r="8277" spans="1:10" x14ac:dyDescent="0.25">
      <c r="A8277" t="s">
        <v>24122</v>
      </c>
      <c r="B8277" t="s">
        <v>24123</v>
      </c>
      <c r="C8277" t="s">
        <v>24124</v>
      </c>
      <c r="D8277" t="s">
        <v>24090</v>
      </c>
      <c r="E8277" t="s">
        <v>13</v>
      </c>
      <c r="F8277">
        <v>5805</v>
      </c>
      <c r="G8277" t="s">
        <v>24125</v>
      </c>
      <c r="H8277">
        <v>4.3083941936279997</v>
      </c>
      <c r="I8277">
        <v>51.903176115424003</v>
      </c>
      <c r="J8277" t="s">
        <v>63962</v>
      </c>
    </row>
    <row r="8278" spans="1:10" x14ac:dyDescent="0.25">
      <c r="A8278" t="s">
        <v>24118</v>
      </c>
      <c r="B8278" t="s">
        <v>24119</v>
      </c>
      <c r="C8278" t="s">
        <v>24120</v>
      </c>
      <c r="D8278" t="s">
        <v>24090</v>
      </c>
      <c r="E8278" t="s">
        <v>13</v>
      </c>
      <c r="F8278">
        <v>5804</v>
      </c>
      <c r="G8278" t="s">
        <v>24121</v>
      </c>
      <c r="H8278">
        <v>4.2971017612660001</v>
      </c>
      <c r="I8278">
        <v>51.913635287097001</v>
      </c>
      <c r="J8278" t="s">
        <v>63963</v>
      </c>
    </row>
    <row r="8279" spans="1:10" x14ac:dyDescent="0.25">
      <c r="A8279" t="s">
        <v>24114</v>
      </c>
      <c r="B8279" t="s">
        <v>24115</v>
      </c>
      <c r="C8279" t="s">
        <v>24116</v>
      </c>
      <c r="D8279" t="s">
        <v>24090</v>
      </c>
      <c r="E8279" t="s">
        <v>13</v>
      </c>
      <c r="F8279">
        <v>5803</v>
      </c>
      <c r="G8279" t="s">
        <v>24117</v>
      </c>
      <c r="H8279">
        <v>4.3135660335230002</v>
      </c>
      <c r="I8279">
        <v>51.915242291978998</v>
      </c>
      <c r="J8279" t="s">
        <v>63964</v>
      </c>
    </row>
    <row r="8280" spans="1:10" x14ac:dyDescent="0.25">
      <c r="A8280" t="s">
        <v>24110</v>
      </c>
      <c r="B8280" t="s">
        <v>24111</v>
      </c>
      <c r="C8280" t="s">
        <v>24112</v>
      </c>
      <c r="D8280" t="s">
        <v>24090</v>
      </c>
      <c r="E8280" t="s">
        <v>13</v>
      </c>
      <c r="F8280">
        <v>5802</v>
      </c>
      <c r="G8280" t="s">
        <v>24113</v>
      </c>
      <c r="H8280">
        <v>4.3228712406050001</v>
      </c>
      <c r="I8280">
        <v>51.914125204214997</v>
      </c>
      <c r="J8280" t="s">
        <v>63965</v>
      </c>
    </row>
    <row r="8281" spans="1:10" x14ac:dyDescent="0.25">
      <c r="A8281" t="s">
        <v>24107</v>
      </c>
      <c r="B8281" t="s">
        <v>24108</v>
      </c>
      <c r="C8281" t="s">
        <v>13201</v>
      </c>
      <c r="D8281" t="s">
        <v>24090</v>
      </c>
      <c r="E8281" t="s">
        <v>13</v>
      </c>
      <c r="F8281">
        <v>5801</v>
      </c>
      <c r="G8281" t="s">
        <v>24109</v>
      </c>
      <c r="H8281">
        <v>4.3193722038639999</v>
      </c>
      <c r="I8281">
        <v>51.906683843798</v>
      </c>
      <c r="J8281" t="s">
        <v>63966</v>
      </c>
    </row>
    <row r="8282" spans="1:10" x14ac:dyDescent="0.25">
      <c r="A8282" t="s">
        <v>24103</v>
      </c>
      <c r="B8282" t="s">
        <v>24104</v>
      </c>
      <c r="C8282" t="s">
        <v>24105</v>
      </c>
      <c r="D8282" t="s">
        <v>24090</v>
      </c>
      <c r="E8282" t="s">
        <v>13</v>
      </c>
      <c r="F8282">
        <v>5800</v>
      </c>
      <c r="G8282" t="s">
        <v>24106</v>
      </c>
      <c r="H8282">
        <v>4.3126444677100002</v>
      </c>
      <c r="I8282">
        <v>51.908391628373003</v>
      </c>
      <c r="J8282" t="s">
        <v>63967</v>
      </c>
    </row>
    <row r="8283" spans="1:10" x14ac:dyDescent="0.25">
      <c r="A8283" t="s">
        <v>24099</v>
      </c>
      <c r="B8283" t="s">
        <v>24100</v>
      </c>
      <c r="C8283" t="s">
        <v>24101</v>
      </c>
      <c r="D8283" t="s">
        <v>24090</v>
      </c>
      <c r="E8283" t="s">
        <v>13</v>
      </c>
      <c r="F8283">
        <v>5799</v>
      </c>
      <c r="G8283" t="s">
        <v>24102</v>
      </c>
      <c r="H8283">
        <v>4.3372216071720002</v>
      </c>
      <c r="I8283">
        <v>51.917544696358</v>
      </c>
      <c r="J8283" t="s">
        <v>63968</v>
      </c>
    </row>
    <row r="8284" spans="1:10" x14ac:dyDescent="0.25">
      <c r="A8284" t="s">
        <v>24096</v>
      </c>
      <c r="B8284" t="s">
        <v>24097</v>
      </c>
      <c r="C8284" t="s">
        <v>129</v>
      </c>
      <c r="D8284" t="s">
        <v>24090</v>
      </c>
      <c r="E8284" t="s">
        <v>13</v>
      </c>
      <c r="F8284">
        <v>5798</v>
      </c>
      <c r="G8284" t="s">
        <v>24098</v>
      </c>
      <c r="H8284">
        <v>4.339991097545</v>
      </c>
      <c r="I8284">
        <v>51.910928491402998</v>
      </c>
      <c r="J8284" t="s">
        <v>63969</v>
      </c>
    </row>
    <row r="8285" spans="1:10" x14ac:dyDescent="0.25">
      <c r="A8285" t="s">
        <v>24092</v>
      </c>
      <c r="B8285" t="s">
        <v>24093</v>
      </c>
      <c r="C8285" t="s">
        <v>24094</v>
      </c>
      <c r="D8285" t="s">
        <v>24090</v>
      </c>
      <c r="E8285" t="s">
        <v>13</v>
      </c>
      <c r="F8285">
        <v>5797</v>
      </c>
      <c r="G8285" t="s">
        <v>24095</v>
      </c>
      <c r="H8285">
        <v>4.3399380728830002</v>
      </c>
      <c r="I8285">
        <v>51.905174065836</v>
      </c>
      <c r="J8285" t="s">
        <v>63970</v>
      </c>
    </row>
    <row r="8286" spans="1:10" x14ac:dyDescent="0.25">
      <c r="A8286" t="s">
        <v>24087</v>
      </c>
      <c r="B8286" t="s">
        <v>24088</v>
      </c>
      <c r="C8286" t="s">
        <v>24089</v>
      </c>
      <c r="D8286" t="s">
        <v>24090</v>
      </c>
      <c r="E8286" t="s">
        <v>13</v>
      </c>
      <c r="F8286">
        <v>5796</v>
      </c>
      <c r="G8286" t="s">
        <v>24091</v>
      </c>
      <c r="H8286">
        <v>4.3315039969929998</v>
      </c>
      <c r="I8286">
        <v>51.912117038494998</v>
      </c>
      <c r="J8286" t="s">
        <v>63971</v>
      </c>
    </row>
    <row r="8287" spans="1:10" x14ac:dyDescent="0.25">
      <c r="A8287" t="s">
        <v>24084</v>
      </c>
      <c r="B8287" t="s">
        <v>24085</v>
      </c>
      <c r="C8287" t="s">
        <v>23460</v>
      </c>
      <c r="D8287" t="s">
        <v>24029</v>
      </c>
      <c r="E8287" t="s">
        <v>13</v>
      </c>
      <c r="F8287">
        <v>5795</v>
      </c>
      <c r="G8287" t="s">
        <v>24086</v>
      </c>
      <c r="H8287">
        <v>4.1287597560759997</v>
      </c>
      <c r="I8287">
        <v>51.909628094440997</v>
      </c>
      <c r="J8287" t="s">
        <v>63972</v>
      </c>
    </row>
    <row r="8288" spans="1:10" x14ac:dyDescent="0.25">
      <c r="A8288" t="s">
        <v>24081</v>
      </c>
      <c r="B8288" t="s">
        <v>24082</v>
      </c>
      <c r="C8288" t="s">
        <v>23456</v>
      </c>
      <c r="D8288" t="s">
        <v>24029</v>
      </c>
      <c r="E8288" t="s">
        <v>13</v>
      </c>
      <c r="F8288">
        <v>5794</v>
      </c>
      <c r="G8288" t="s">
        <v>24083</v>
      </c>
      <c r="H8288">
        <v>4.0655579534289998</v>
      </c>
      <c r="I8288">
        <v>51.920778619388003</v>
      </c>
      <c r="J8288" t="s">
        <v>63973</v>
      </c>
    </row>
    <row r="8289" spans="1:10" x14ac:dyDescent="0.25">
      <c r="A8289" t="s">
        <v>24077</v>
      </c>
      <c r="B8289" t="s">
        <v>24078</v>
      </c>
      <c r="C8289" t="s">
        <v>24079</v>
      </c>
      <c r="D8289" t="s">
        <v>24029</v>
      </c>
      <c r="E8289" t="s">
        <v>13</v>
      </c>
      <c r="F8289">
        <v>5793</v>
      </c>
      <c r="G8289" t="s">
        <v>24080</v>
      </c>
      <c r="H8289">
        <v>4.0883538128190002</v>
      </c>
      <c r="I8289">
        <v>51.913234412022</v>
      </c>
      <c r="J8289" t="s">
        <v>63974</v>
      </c>
    </row>
    <row r="8290" spans="1:10" x14ac:dyDescent="0.25">
      <c r="A8290" t="s">
        <v>24074</v>
      </c>
      <c r="B8290" t="s">
        <v>24075</v>
      </c>
      <c r="C8290" t="s">
        <v>13438</v>
      </c>
      <c r="D8290" t="s">
        <v>24029</v>
      </c>
      <c r="E8290" t="s">
        <v>13</v>
      </c>
      <c r="F8290">
        <v>5792</v>
      </c>
      <c r="G8290" t="s">
        <v>24076</v>
      </c>
      <c r="H8290">
        <v>4.0931759626010003</v>
      </c>
      <c r="I8290">
        <v>51.910075722422</v>
      </c>
      <c r="J8290" t="s">
        <v>63975</v>
      </c>
    </row>
    <row r="8291" spans="1:10" x14ac:dyDescent="0.25">
      <c r="A8291" t="s">
        <v>24070</v>
      </c>
      <c r="B8291" t="s">
        <v>24071</v>
      </c>
      <c r="C8291" t="s">
        <v>24072</v>
      </c>
      <c r="D8291" t="s">
        <v>24029</v>
      </c>
      <c r="E8291" t="s">
        <v>13</v>
      </c>
      <c r="F8291">
        <v>5791</v>
      </c>
      <c r="G8291" t="s">
        <v>24073</v>
      </c>
      <c r="H8291">
        <v>4.1036998070330002</v>
      </c>
      <c r="I8291">
        <v>51.910984596543997</v>
      </c>
      <c r="J8291" t="s">
        <v>63976</v>
      </c>
    </row>
    <row r="8292" spans="1:10" x14ac:dyDescent="0.25">
      <c r="A8292" t="s">
        <v>24066</v>
      </c>
      <c r="B8292" t="s">
        <v>24067</v>
      </c>
      <c r="C8292" t="s">
        <v>24068</v>
      </c>
      <c r="D8292" t="s">
        <v>24029</v>
      </c>
      <c r="E8292" t="s">
        <v>13</v>
      </c>
      <c r="F8292">
        <v>5790</v>
      </c>
      <c r="G8292" t="s">
        <v>24069</v>
      </c>
      <c r="H8292">
        <v>4.1339151377579997</v>
      </c>
      <c r="I8292">
        <v>51.884923601803003</v>
      </c>
      <c r="J8292" t="s">
        <v>63977</v>
      </c>
    </row>
    <row r="8293" spans="1:10" x14ac:dyDescent="0.25">
      <c r="A8293" t="s">
        <v>24062</v>
      </c>
      <c r="B8293" t="s">
        <v>24063</v>
      </c>
      <c r="C8293" t="s">
        <v>24064</v>
      </c>
      <c r="D8293" t="s">
        <v>24029</v>
      </c>
      <c r="E8293" t="s">
        <v>13</v>
      </c>
      <c r="F8293">
        <v>5789</v>
      </c>
      <c r="G8293" t="s">
        <v>24065</v>
      </c>
      <c r="H8293">
        <v>4.1185636691439997</v>
      </c>
      <c r="I8293">
        <v>51.92208358749</v>
      </c>
      <c r="J8293" t="s">
        <v>63978</v>
      </c>
    </row>
    <row r="8294" spans="1:10" x14ac:dyDescent="0.25">
      <c r="A8294" t="s">
        <v>24058</v>
      </c>
      <c r="B8294" t="s">
        <v>24059</v>
      </c>
      <c r="C8294" t="s">
        <v>24060</v>
      </c>
      <c r="D8294" t="s">
        <v>24029</v>
      </c>
      <c r="E8294" t="s">
        <v>13</v>
      </c>
      <c r="F8294">
        <v>5788</v>
      </c>
      <c r="G8294" t="s">
        <v>24061</v>
      </c>
      <c r="H8294">
        <v>4.086724942669</v>
      </c>
      <c r="I8294">
        <v>51.904118172700997</v>
      </c>
      <c r="J8294" t="s">
        <v>63979</v>
      </c>
    </row>
    <row r="8295" spans="1:10" x14ac:dyDescent="0.25">
      <c r="A8295" t="s">
        <v>24054</v>
      </c>
      <c r="B8295" t="s">
        <v>24055</v>
      </c>
      <c r="C8295" t="s">
        <v>24056</v>
      </c>
      <c r="D8295" t="s">
        <v>24029</v>
      </c>
      <c r="E8295" t="s">
        <v>13</v>
      </c>
      <c r="F8295">
        <v>5787</v>
      </c>
      <c r="G8295" t="s">
        <v>24057</v>
      </c>
      <c r="H8295">
        <v>4.0946880079119996</v>
      </c>
      <c r="I8295">
        <v>51.910588065318002</v>
      </c>
      <c r="J8295" t="s">
        <v>63980</v>
      </c>
    </row>
    <row r="8296" spans="1:10" x14ac:dyDescent="0.25">
      <c r="A8296" t="s">
        <v>24051</v>
      </c>
      <c r="B8296" t="s">
        <v>24052</v>
      </c>
      <c r="C8296" t="s">
        <v>5274</v>
      </c>
      <c r="D8296" t="s">
        <v>24029</v>
      </c>
      <c r="E8296" t="s">
        <v>13</v>
      </c>
      <c r="F8296">
        <v>5786</v>
      </c>
      <c r="G8296" t="s">
        <v>24053</v>
      </c>
      <c r="H8296">
        <v>4.0817586412000004</v>
      </c>
      <c r="I8296">
        <v>51.877696531632999</v>
      </c>
      <c r="J8296" t="s">
        <v>63981</v>
      </c>
    </row>
    <row r="8297" spans="1:10" x14ac:dyDescent="0.25">
      <c r="A8297" t="s">
        <v>24047</v>
      </c>
      <c r="B8297" t="s">
        <v>24048</v>
      </c>
      <c r="C8297" t="s">
        <v>24049</v>
      </c>
      <c r="D8297" t="s">
        <v>24029</v>
      </c>
      <c r="E8297" t="s">
        <v>13</v>
      </c>
      <c r="F8297">
        <v>5785</v>
      </c>
      <c r="G8297" t="s">
        <v>24050</v>
      </c>
      <c r="H8297">
        <v>4.0654936042990002</v>
      </c>
      <c r="I8297">
        <v>51.869005404158003</v>
      </c>
      <c r="J8297" t="s">
        <v>63982</v>
      </c>
    </row>
    <row r="8298" spans="1:10" x14ac:dyDescent="0.25">
      <c r="A8298" t="s">
        <v>24043</v>
      </c>
      <c r="B8298" t="s">
        <v>24044</v>
      </c>
      <c r="C8298" t="s">
        <v>24045</v>
      </c>
      <c r="D8298" t="s">
        <v>24029</v>
      </c>
      <c r="E8298" t="s">
        <v>13</v>
      </c>
      <c r="F8298">
        <v>5784</v>
      </c>
      <c r="G8298" t="s">
        <v>24046</v>
      </c>
      <c r="H8298">
        <v>4.0719967371239996</v>
      </c>
      <c r="I8298">
        <v>51.870246171349997</v>
      </c>
      <c r="J8298" t="s">
        <v>63983</v>
      </c>
    </row>
    <row r="8299" spans="1:10" x14ac:dyDescent="0.25">
      <c r="A8299" t="s">
        <v>24039</v>
      </c>
      <c r="B8299" t="s">
        <v>24040</v>
      </c>
      <c r="C8299" t="s">
        <v>24041</v>
      </c>
      <c r="D8299" t="s">
        <v>24029</v>
      </c>
      <c r="E8299" t="s">
        <v>13</v>
      </c>
      <c r="F8299">
        <v>5783</v>
      </c>
      <c r="G8299" t="s">
        <v>24042</v>
      </c>
      <c r="H8299">
        <v>4.0666283810139996</v>
      </c>
      <c r="I8299">
        <v>51.886003957353999</v>
      </c>
      <c r="J8299" t="s">
        <v>63984</v>
      </c>
    </row>
    <row r="8300" spans="1:10" x14ac:dyDescent="0.25">
      <c r="A8300" t="s">
        <v>24035</v>
      </c>
      <c r="B8300" t="s">
        <v>24036</v>
      </c>
      <c r="C8300" t="s">
        <v>24037</v>
      </c>
      <c r="D8300" t="s">
        <v>24029</v>
      </c>
      <c r="E8300" t="s">
        <v>13</v>
      </c>
      <c r="F8300">
        <v>5782</v>
      </c>
      <c r="G8300" t="s">
        <v>24038</v>
      </c>
      <c r="H8300">
        <v>4.0842823297209998</v>
      </c>
      <c r="I8300">
        <v>51.890561244818002</v>
      </c>
      <c r="J8300" t="s">
        <v>63985</v>
      </c>
    </row>
    <row r="8301" spans="1:10" x14ac:dyDescent="0.25">
      <c r="A8301" t="s">
        <v>24031</v>
      </c>
      <c r="B8301" t="s">
        <v>24032</v>
      </c>
      <c r="C8301" t="s">
        <v>24033</v>
      </c>
      <c r="D8301" t="s">
        <v>24029</v>
      </c>
      <c r="E8301" t="s">
        <v>13</v>
      </c>
      <c r="F8301">
        <v>5781</v>
      </c>
      <c r="G8301" t="s">
        <v>24034</v>
      </c>
      <c r="H8301">
        <v>4.0937187228180001</v>
      </c>
      <c r="I8301">
        <v>51.896133596803999</v>
      </c>
      <c r="J8301" t="s">
        <v>63986</v>
      </c>
    </row>
    <row r="8302" spans="1:10" x14ac:dyDescent="0.25">
      <c r="A8302" t="s">
        <v>24026</v>
      </c>
      <c r="B8302" t="s">
        <v>24027</v>
      </c>
      <c r="C8302" t="s">
        <v>24028</v>
      </c>
      <c r="D8302" t="s">
        <v>24029</v>
      </c>
      <c r="E8302" t="s">
        <v>13</v>
      </c>
      <c r="F8302">
        <v>5780</v>
      </c>
      <c r="G8302" t="s">
        <v>24030</v>
      </c>
      <c r="H8302">
        <v>4.0705707706840002</v>
      </c>
      <c r="I8302">
        <v>51.875059211991001</v>
      </c>
      <c r="J8302" t="s">
        <v>63987</v>
      </c>
    </row>
    <row r="8303" spans="1:10" x14ac:dyDescent="0.25">
      <c r="A8303" t="s">
        <v>24022</v>
      </c>
      <c r="B8303" t="s">
        <v>24023</v>
      </c>
      <c r="C8303" t="s">
        <v>24024</v>
      </c>
      <c r="D8303" t="s">
        <v>23927</v>
      </c>
      <c r="E8303" t="s">
        <v>13</v>
      </c>
      <c r="F8303">
        <v>5779</v>
      </c>
      <c r="G8303" t="s">
        <v>24025</v>
      </c>
      <c r="H8303">
        <v>4.4190456649370002</v>
      </c>
      <c r="I8303">
        <v>51.869494989556003</v>
      </c>
      <c r="J8303" t="s">
        <v>63988</v>
      </c>
    </row>
    <row r="8304" spans="1:10" x14ac:dyDescent="0.25">
      <c r="A8304" t="s">
        <v>24019</v>
      </c>
      <c r="B8304" t="s">
        <v>24020</v>
      </c>
      <c r="C8304" t="s">
        <v>10150</v>
      </c>
      <c r="D8304" t="s">
        <v>23927</v>
      </c>
      <c r="E8304" t="s">
        <v>13</v>
      </c>
      <c r="F8304">
        <v>5778</v>
      </c>
      <c r="G8304" t="s">
        <v>24021</v>
      </c>
      <c r="H8304">
        <v>4.4800676225069997</v>
      </c>
      <c r="I8304">
        <v>51.852682121477997</v>
      </c>
      <c r="J8304" t="s">
        <v>63989</v>
      </c>
    </row>
    <row r="8305" spans="1:10" x14ac:dyDescent="0.25">
      <c r="A8305" t="s">
        <v>24015</v>
      </c>
      <c r="B8305" t="s">
        <v>24016</v>
      </c>
      <c r="C8305" t="s">
        <v>24017</v>
      </c>
      <c r="D8305" t="s">
        <v>23927</v>
      </c>
      <c r="E8305" t="s">
        <v>13</v>
      </c>
      <c r="F8305">
        <v>5777</v>
      </c>
      <c r="G8305" t="s">
        <v>24018</v>
      </c>
      <c r="H8305">
        <v>4.480892132958</v>
      </c>
      <c r="I8305">
        <v>51.855561684710999</v>
      </c>
      <c r="J8305" t="s">
        <v>63990</v>
      </c>
    </row>
    <row r="8306" spans="1:10" x14ac:dyDescent="0.25">
      <c r="A8306" t="s">
        <v>24011</v>
      </c>
      <c r="B8306" t="s">
        <v>24012</v>
      </c>
      <c r="C8306" t="s">
        <v>24013</v>
      </c>
      <c r="D8306" t="s">
        <v>23927</v>
      </c>
      <c r="E8306" t="s">
        <v>13</v>
      </c>
      <c r="F8306">
        <v>5776</v>
      </c>
      <c r="G8306" t="s">
        <v>24014</v>
      </c>
      <c r="H8306">
        <v>4.4720163358110003</v>
      </c>
      <c r="I8306">
        <v>51.856987920039003</v>
      </c>
      <c r="J8306" t="s">
        <v>63991</v>
      </c>
    </row>
    <row r="8307" spans="1:10" x14ac:dyDescent="0.25">
      <c r="A8307" t="s">
        <v>24007</v>
      </c>
      <c r="B8307" t="s">
        <v>24008</v>
      </c>
      <c r="C8307" t="s">
        <v>24009</v>
      </c>
      <c r="D8307" t="s">
        <v>23927</v>
      </c>
      <c r="E8307" t="s">
        <v>13</v>
      </c>
      <c r="F8307">
        <v>5775</v>
      </c>
      <c r="G8307" t="s">
        <v>24010</v>
      </c>
      <c r="H8307">
        <v>4.471227615928</v>
      </c>
      <c r="I8307">
        <v>51.858947919743997</v>
      </c>
      <c r="J8307" t="s">
        <v>63992</v>
      </c>
    </row>
    <row r="8308" spans="1:10" x14ac:dyDescent="0.25">
      <c r="A8308" t="s">
        <v>24004</v>
      </c>
      <c r="B8308" t="s">
        <v>24005</v>
      </c>
      <c r="C8308" t="s">
        <v>9799</v>
      </c>
      <c r="D8308" t="s">
        <v>23927</v>
      </c>
      <c r="E8308" t="s">
        <v>13</v>
      </c>
      <c r="F8308">
        <v>5774</v>
      </c>
      <c r="G8308" t="s">
        <v>24006</v>
      </c>
      <c r="H8308">
        <v>4.4560398227910003</v>
      </c>
      <c r="I8308">
        <v>51.844463665168</v>
      </c>
      <c r="J8308" t="s">
        <v>63993</v>
      </c>
    </row>
    <row r="8309" spans="1:10" x14ac:dyDescent="0.25">
      <c r="A8309" t="s">
        <v>24000</v>
      </c>
      <c r="B8309" t="s">
        <v>24001</v>
      </c>
      <c r="C8309" t="s">
        <v>24002</v>
      </c>
      <c r="D8309" t="s">
        <v>23927</v>
      </c>
      <c r="E8309" t="s">
        <v>13</v>
      </c>
      <c r="F8309">
        <v>5773</v>
      </c>
      <c r="G8309" t="s">
        <v>24003</v>
      </c>
      <c r="H8309">
        <v>4.4662386981760003</v>
      </c>
      <c r="I8309">
        <v>51.857890126746</v>
      </c>
      <c r="J8309" t="s">
        <v>63994</v>
      </c>
    </row>
    <row r="8310" spans="1:10" x14ac:dyDescent="0.25">
      <c r="A8310" t="s">
        <v>23996</v>
      </c>
      <c r="B8310" t="s">
        <v>23997</v>
      </c>
      <c r="C8310" t="s">
        <v>23998</v>
      </c>
      <c r="D8310" t="s">
        <v>23927</v>
      </c>
      <c r="E8310" t="s">
        <v>13</v>
      </c>
      <c r="F8310">
        <v>5772</v>
      </c>
      <c r="G8310" t="s">
        <v>23999</v>
      </c>
      <c r="H8310">
        <v>4.4421388801169996</v>
      </c>
      <c r="I8310">
        <v>51.860810703757998</v>
      </c>
      <c r="J8310" t="s">
        <v>63995</v>
      </c>
    </row>
    <row r="8311" spans="1:10" x14ac:dyDescent="0.25">
      <c r="A8311" t="s">
        <v>23992</v>
      </c>
      <c r="B8311" t="s">
        <v>23993</v>
      </c>
      <c r="C8311" t="s">
        <v>23994</v>
      </c>
      <c r="D8311" t="s">
        <v>23927</v>
      </c>
      <c r="E8311" t="s">
        <v>13</v>
      </c>
      <c r="F8311">
        <v>5771</v>
      </c>
      <c r="G8311" t="s">
        <v>23995</v>
      </c>
      <c r="H8311">
        <v>4.4234966591770002</v>
      </c>
      <c r="I8311">
        <v>51.850746345768997</v>
      </c>
      <c r="J8311" t="s">
        <v>63996</v>
      </c>
    </row>
    <row r="8312" spans="1:10" x14ac:dyDescent="0.25">
      <c r="A8312" t="s">
        <v>23988</v>
      </c>
      <c r="B8312" t="s">
        <v>23989</v>
      </c>
      <c r="C8312" t="s">
        <v>23990</v>
      </c>
      <c r="D8312" t="s">
        <v>23927</v>
      </c>
      <c r="E8312" t="s">
        <v>13</v>
      </c>
      <c r="F8312">
        <v>5770</v>
      </c>
      <c r="G8312" t="s">
        <v>23991</v>
      </c>
      <c r="H8312">
        <v>4.4336438015440001</v>
      </c>
      <c r="I8312">
        <v>51.853236317460997</v>
      </c>
      <c r="J8312" t="s">
        <v>63997</v>
      </c>
    </row>
    <row r="8313" spans="1:10" x14ac:dyDescent="0.25">
      <c r="A8313" t="s">
        <v>23984</v>
      </c>
      <c r="B8313" t="s">
        <v>23985</v>
      </c>
      <c r="C8313" t="s">
        <v>23986</v>
      </c>
      <c r="D8313" t="s">
        <v>23927</v>
      </c>
      <c r="E8313" t="s">
        <v>13</v>
      </c>
      <c r="F8313">
        <v>5769</v>
      </c>
      <c r="G8313" t="s">
        <v>23987</v>
      </c>
      <c r="H8313">
        <v>4.4226225979520004</v>
      </c>
      <c r="I8313">
        <v>51.854338190832003</v>
      </c>
      <c r="J8313" t="s">
        <v>63998</v>
      </c>
    </row>
    <row r="8314" spans="1:10" x14ac:dyDescent="0.25">
      <c r="A8314" t="s">
        <v>23980</v>
      </c>
      <c r="B8314" t="s">
        <v>23981</v>
      </c>
      <c r="C8314" t="s">
        <v>23982</v>
      </c>
      <c r="D8314" t="s">
        <v>23927</v>
      </c>
      <c r="E8314" t="s">
        <v>13</v>
      </c>
      <c r="F8314">
        <v>5768</v>
      </c>
      <c r="G8314" t="s">
        <v>23983</v>
      </c>
      <c r="H8314">
        <v>4.4356884758339996</v>
      </c>
      <c r="I8314">
        <v>51.859954316302002</v>
      </c>
      <c r="J8314" t="s">
        <v>63999</v>
      </c>
    </row>
    <row r="8315" spans="1:10" x14ac:dyDescent="0.25">
      <c r="A8315" t="s">
        <v>23976</v>
      </c>
      <c r="B8315" t="s">
        <v>23977</v>
      </c>
      <c r="C8315" t="s">
        <v>23978</v>
      </c>
      <c r="D8315" t="s">
        <v>23927</v>
      </c>
      <c r="E8315" t="s">
        <v>13</v>
      </c>
      <c r="F8315">
        <v>5767</v>
      </c>
      <c r="G8315" t="s">
        <v>23979</v>
      </c>
      <c r="H8315">
        <v>4.4289570486400001</v>
      </c>
      <c r="I8315">
        <v>51.857748657991998</v>
      </c>
      <c r="J8315" t="s">
        <v>64000</v>
      </c>
    </row>
    <row r="8316" spans="1:10" x14ac:dyDescent="0.25">
      <c r="A8316" t="s">
        <v>23972</v>
      </c>
      <c r="B8316" t="s">
        <v>23973</v>
      </c>
      <c r="C8316" t="s">
        <v>23974</v>
      </c>
      <c r="D8316" t="s">
        <v>23927</v>
      </c>
      <c r="E8316" t="s">
        <v>13</v>
      </c>
      <c r="F8316">
        <v>5766</v>
      </c>
      <c r="G8316" t="s">
        <v>23975</v>
      </c>
      <c r="H8316">
        <v>4.4174192004880002</v>
      </c>
      <c r="I8316">
        <v>51.857174456343998</v>
      </c>
      <c r="J8316" t="s">
        <v>64001</v>
      </c>
    </row>
    <row r="8317" spans="1:10" x14ac:dyDescent="0.25">
      <c r="A8317" t="s">
        <v>23968</v>
      </c>
      <c r="B8317" t="s">
        <v>23969</v>
      </c>
      <c r="C8317" t="s">
        <v>23970</v>
      </c>
      <c r="D8317" t="s">
        <v>23927</v>
      </c>
      <c r="E8317" t="s">
        <v>13</v>
      </c>
      <c r="F8317">
        <v>5765</v>
      </c>
      <c r="G8317" t="s">
        <v>23971</v>
      </c>
      <c r="H8317">
        <v>4.410278700019</v>
      </c>
      <c r="I8317">
        <v>51.851376510278001</v>
      </c>
      <c r="J8317" t="s">
        <v>64002</v>
      </c>
    </row>
    <row r="8318" spans="1:10" x14ac:dyDescent="0.25">
      <c r="A8318" t="s">
        <v>23964</v>
      </c>
      <c r="B8318" t="s">
        <v>23965</v>
      </c>
      <c r="C8318" t="s">
        <v>23966</v>
      </c>
      <c r="D8318" t="s">
        <v>23927</v>
      </c>
      <c r="E8318" t="s">
        <v>13</v>
      </c>
      <c r="F8318">
        <v>5764</v>
      </c>
      <c r="G8318" t="s">
        <v>23967</v>
      </c>
      <c r="H8318">
        <v>4.3988311902620003</v>
      </c>
      <c r="I8318">
        <v>51.846644346783997</v>
      </c>
      <c r="J8318" t="s">
        <v>64003</v>
      </c>
    </row>
    <row r="8319" spans="1:10" x14ac:dyDescent="0.25">
      <c r="A8319" t="s">
        <v>23960</v>
      </c>
      <c r="B8319" t="s">
        <v>23961</v>
      </c>
      <c r="C8319" t="s">
        <v>23962</v>
      </c>
      <c r="D8319" t="s">
        <v>23927</v>
      </c>
      <c r="E8319" t="s">
        <v>13</v>
      </c>
      <c r="F8319">
        <v>5763</v>
      </c>
      <c r="G8319" t="s">
        <v>23963</v>
      </c>
      <c r="H8319">
        <v>4.3986094897420003</v>
      </c>
      <c r="I8319">
        <v>51.852579651268996</v>
      </c>
      <c r="J8319" t="s">
        <v>64004</v>
      </c>
    </row>
    <row r="8320" spans="1:10" x14ac:dyDescent="0.25">
      <c r="A8320" t="s">
        <v>23956</v>
      </c>
      <c r="B8320" t="s">
        <v>23957</v>
      </c>
      <c r="C8320" t="s">
        <v>23958</v>
      </c>
      <c r="D8320" t="s">
        <v>23927</v>
      </c>
      <c r="E8320" t="s">
        <v>13</v>
      </c>
      <c r="F8320">
        <v>5762</v>
      </c>
      <c r="G8320" t="s">
        <v>23959</v>
      </c>
      <c r="H8320">
        <v>4.3892332275800001</v>
      </c>
      <c r="I8320">
        <v>51.856006444937002</v>
      </c>
      <c r="J8320" t="s">
        <v>64005</v>
      </c>
    </row>
    <row r="8321" spans="1:10" x14ac:dyDescent="0.25">
      <c r="A8321" t="s">
        <v>23953</v>
      </c>
      <c r="B8321" t="s">
        <v>23954</v>
      </c>
      <c r="C8321" t="s">
        <v>16633</v>
      </c>
      <c r="D8321" t="s">
        <v>23927</v>
      </c>
      <c r="E8321" t="s">
        <v>13</v>
      </c>
      <c r="F8321">
        <v>5761</v>
      </c>
      <c r="G8321" t="s">
        <v>23955</v>
      </c>
      <c r="H8321">
        <v>4.4001056402909997</v>
      </c>
      <c r="I8321">
        <v>51.857241450346002</v>
      </c>
      <c r="J8321" t="s">
        <v>64006</v>
      </c>
    </row>
    <row r="8322" spans="1:10" x14ac:dyDescent="0.25">
      <c r="A8322" t="s">
        <v>23949</v>
      </c>
      <c r="B8322" t="s">
        <v>23950</v>
      </c>
      <c r="C8322" t="s">
        <v>23951</v>
      </c>
      <c r="D8322" t="s">
        <v>23927</v>
      </c>
      <c r="E8322" t="s">
        <v>13</v>
      </c>
      <c r="F8322">
        <v>5760</v>
      </c>
      <c r="G8322" t="s">
        <v>23952</v>
      </c>
      <c r="H8322">
        <v>4.3889919348630002</v>
      </c>
      <c r="I8322">
        <v>51.858999346002001</v>
      </c>
      <c r="J8322" t="s">
        <v>64007</v>
      </c>
    </row>
    <row r="8323" spans="1:10" x14ac:dyDescent="0.25">
      <c r="A8323" t="s">
        <v>23945</v>
      </c>
      <c r="B8323" t="s">
        <v>23946</v>
      </c>
      <c r="C8323" t="s">
        <v>23947</v>
      </c>
      <c r="D8323" t="s">
        <v>23927</v>
      </c>
      <c r="E8323" t="s">
        <v>13</v>
      </c>
      <c r="F8323">
        <v>5759</v>
      </c>
      <c r="G8323" t="s">
        <v>23948</v>
      </c>
      <c r="H8323">
        <v>4.4256672955090002</v>
      </c>
      <c r="I8323">
        <v>51.866873952893002</v>
      </c>
      <c r="J8323" t="s">
        <v>64008</v>
      </c>
    </row>
    <row r="8324" spans="1:10" x14ac:dyDescent="0.25">
      <c r="A8324" t="s">
        <v>23941</v>
      </c>
      <c r="B8324" t="s">
        <v>23942</v>
      </c>
      <c r="C8324" t="s">
        <v>23943</v>
      </c>
      <c r="D8324" t="s">
        <v>23927</v>
      </c>
      <c r="E8324" t="s">
        <v>13</v>
      </c>
      <c r="F8324">
        <v>5758</v>
      </c>
      <c r="G8324" t="s">
        <v>23944</v>
      </c>
      <c r="H8324">
        <v>4.4217469068059998</v>
      </c>
      <c r="I8324">
        <v>51.862332172273</v>
      </c>
      <c r="J8324" t="s">
        <v>64009</v>
      </c>
    </row>
    <row r="8325" spans="1:10" x14ac:dyDescent="0.25">
      <c r="A8325" t="s">
        <v>23937</v>
      </c>
      <c r="B8325" t="s">
        <v>23938</v>
      </c>
      <c r="C8325" t="s">
        <v>23939</v>
      </c>
      <c r="D8325" t="s">
        <v>23927</v>
      </c>
      <c r="E8325" t="s">
        <v>13</v>
      </c>
      <c r="F8325">
        <v>5757</v>
      </c>
      <c r="G8325" t="s">
        <v>23940</v>
      </c>
      <c r="H8325">
        <v>4.4029727554509996</v>
      </c>
      <c r="I8325">
        <v>51.868128076746999</v>
      </c>
      <c r="J8325" t="s">
        <v>64010</v>
      </c>
    </row>
    <row r="8326" spans="1:10" x14ac:dyDescent="0.25">
      <c r="A8326" t="s">
        <v>23933</v>
      </c>
      <c r="B8326" t="s">
        <v>23934</v>
      </c>
      <c r="C8326" t="s">
        <v>23935</v>
      </c>
      <c r="D8326" t="s">
        <v>23927</v>
      </c>
      <c r="E8326" t="s">
        <v>13</v>
      </c>
      <c r="F8326">
        <v>5756</v>
      </c>
      <c r="G8326" t="s">
        <v>23936</v>
      </c>
      <c r="H8326">
        <v>4.4105293178410001</v>
      </c>
      <c r="I8326">
        <v>51.861019013434998</v>
      </c>
      <c r="J8326" t="s">
        <v>64011</v>
      </c>
    </row>
    <row r="8327" spans="1:10" x14ac:dyDescent="0.25">
      <c r="A8327" t="s">
        <v>23929</v>
      </c>
      <c r="B8327" t="s">
        <v>23930</v>
      </c>
      <c r="C8327" t="s">
        <v>23931</v>
      </c>
      <c r="D8327" t="s">
        <v>23927</v>
      </c>
      <c r="E8327" t="s">
        <v>13</v>
      </c>
      <c r="F8327">
        <v>5755</v>
      </c>
      <c r="G8327" t="s">
        <v>23932</v>
      </c>
      <c r="H8327">
        <v>4.39765573652</v>
      </c>
      <c r="I8327">
        <v>51.860392533273</v>
      </c>
      <c r="J8327" t="s">
        <v>64012</v>
      </c>
    </row>
    <row r="8328" spans="1:10" x14ac:dyDescent="0.25">
      <c r="A8328" t="s">
        <v>23924</v>
      </c>
      <c r="B8328" t="s">
        <v>23925</v>
      </c>
      <c r="C8328" t="s">
        <v>23926</v>
      </c>
      <c r="D8328" t="s">
        <v>23927</v>
      </c>
      <c r="E8328" t="s">
        <v>13</v>
      </c>
      <c r="F8328">
        <v>5754</v>
      </c>
      <c r="G8328" t="s">
        <v>23928</v>
      </c>
      <c r="H8328">
        <v>4.3955288976420004</v>
      </c>
      <c r="I8328">
        <v>51.864181907114997</v>
      </c>
      <c r="J8328" t="s">
        <v>64013</v>
      </c>
    </row>
    <row r="8329" spans="1:10" x14ac:dyDescent="0.25">
      <c r="A8329" t="s">
        <v>1146</v>
      </c>
      <c r="B8329" t="s">
        <v>1147</v>
      </c>
      <c r="C8329" t="s">
        <v>1148</v>
      </c>
      <c r="D8329" t="s">
        <v>1022</v>
      </c>
      <c r="E8329" t="s">
        <v>13</v>
      </c>
      <c r="F8329">
        <v>5753</v>
      </c>
      <c r="G8329" t="s">
        <v>1149</v>
      </c>
      <c r="H8329">
        <v>4.8000966091050001</v>
      </c>
      <c r="I8329">
        <v>51.826708163135002</v>
      </c>
      <c r="J8329" t="s">
        <v>64014</v>
      </c>
    </row>
    <row r="8330" spans="1:10" x14ac:dyDescent="0.25">
      <c r="A8330" t="s">
        <v>1142</v>
      </c>
      <c r="B8330" t="s">
        <v>1143</v>
      </c>
      <c r="C8330" t="s">
        <v>1144</v>
      </c>
      <c r="D8330" t="s">
        <v>1022</v>
      </c>
      <c r="E8330" t="s">
        <v>13</v>
      </c>
      <c r="F8330">
        <v>5752</v>
      </c>
      <c r="G8330" t="s">
        <v>1145</v>
      </c>
      <c r="H8330">
        <v>4.7902150940160002</v>
      </c>
      <c r="I8330">
        <v>51.827447384252999</v>
      </c>
      <c r="J8330" t="s">
        <v>64015</v>
      </c>
    </row>
    <row r="8331" spans="1:10" x14ac:dyDescent="0.25">
      <c r="A8331" t="s">
        <v>1138</v>
      </c>
      <c r="B8331" t="s">
        <v>1139</v>
      </c>
      <c r="C8331" t="s">
        <v>1140</v>
      </c>
      <c r="D8331" t="s">
        <v>1022</v>
      </c>
      <c r="E8331" t="s">
        <v>13</v>
      </c>
      <c r="F8331">
        <v>5751</v>
      </c>
      <c r="G8331" t="s">
        <v>1141</v>
      </c>
      <c r="H8331">
        <v>4.7800664012410001</v>
      </c>
      <c r="I8331">
        <v>51.828373819821998</v>
      </c>
      <c r="J8331" t="s">
        <v>64016</v>
      </c>
    </row>
    <row r="8332" spans="1:10" x14ac:dyDescent="0.25">
      <c r="A8332" t="s">
        <v>1134</v>
      </c>
      <c r="B8332" t="s">
        <v>1135</v>
      </c>
      <c r="C8332" t="s">
        <v>1136</v>
      </c>
      <c r="D8332" t="s">
        <v>1022</v>
      </c>
      <c r="E8332" t="s">
        <v>13</v>
      </c>
      <c r="F8332">
        <v>5750</v>
      </c>
      <c r="G8332" t="s">
        <v>1137</v>
      </c>
      <c r="H8332">
        <v>4.7608279007989998</v>
      </c>
      <c r="I8332">
        <v>51.830953027081001</v>
      </c>
      <c r="J8332" t="s">
        <v>64017</v>
      </c>
    </row>
    <row r="8333" spans="1:10" x14ac:dyDescent="0.25">
      <c r="A8333" t="s">
        <v>1130</v>
      </c>
      <c r="B8333" t="s">
        <v>1131</v>
      </c>
      <c r="C8333" t="s">
        <v>1132</v>
      </c>
      <c r="D8333" t="s">
        <v>1022</v>
      </c>
      <c r="E8333" t="s">
        <v>13</v>
      </c>
      <c r="F8333">
        <v>5749</v>
      </c>
      <c r="G8333" t="s">
        <v>1133</v>
      </c>
      <c r="H8333">
        <v>4.7445554491859996</v>
      </c>
      <c r="I8333">
        <v>51.833165649187002</v>
      </c>
      <c r="J8333" t="s">
        <v>64018</v>
      </c>
    </row>
    <row r="8334" spans="1:10" x14ac:dyDescent="0.25">
      <c r="A8334" t="s">
        <v>1126</v>
      </c>
      <c r="B8334" t="s">
        <v>1127</v>
      </c>
      <c r="C8334" t="s">
        <v>1128</v>
      </c>
      <c r="D8334" t="s">
        <v>1022</v>
      </c>
      <c r="E8334" t="s">
        <v>13</v>
      </c>
      <c r="F8334">
        <v>5748</v>
      </c>
      <c r="G8334" t="s">
        <v>1129</v>
      </c>
      <c r="H8334">
        <v>4.7761921291449996</v>
      </c>
      <c r="I8334">
        <v>51.837760066469997</v>
      </c>
      <c r="J8334" t="s">
        <v>64019</v>
      </c>
    </row>
    <row r="8335" spans="1:10" x14ac:dyDescent="0.25">
      <c r="A8335" t="s">
        <v>1122</v>
      </c>
      <c r="B8335" t="s">
        <v>1123</v>
      </c>
      <c r="C8335" t="s">
        <v>1124</v>
      </c>
      <c r="D8335" t="s">
        <v>1022</v>
      </c>
      <c r="E8335" t="s">
        <v>13</v>
      </c>
      <c r="F8335">
        <v>5747</v>
      </c>
      <c r="G8335" t="s">
        <v>1125</v>
      </c>
      <c r="H8335">
        <v>4.8042395009160002</v>
      </c>
      <c r="I8335">
        <v>51.819583003375001</v>
      </c>
      <c r="J8335" t="s">
        <v>64020</v>
      </c>
    </row>
    <row r="8336" spans="1:10" x14ac:dyDescent="0.25">
      <c r="A8336" t="s">
        <v>1118</v>
      </c>
      <c r="B8336" t="s">
        <v>1119</v>
      </c>
      <c r="C8336" t="s">
        <v>1120</v>
      </c>
      <c r="D8336" t="s">
        <v>1022</v>
      </c>
      <c r="E8336" t="s">
        <v>13</v>
      </c>
      <c r="F8336">
        <v>5746</v>
      </c>
      <c r="G8336" t="s">
        <v>1121</v>
      </c>
      <c r="H8336">
        <v>4.7931708251770004</v>
      </c>
      <c r="I8336">
        <v>51.817832848812998</v>
      </c>
      <c r="J8336" t="s">
        <v>64021</v>
      </c>
    </row>
    <row r="8337" spans="1:10" x14ac:dyDescent="0.25">
      <c r="A8337" t="s">
        <v>1114</v>
      </c>
      <c r="B8337" t="s">
        <v>1115</v>
      </c>
      <c r="C8337" t="s">
        <v>1116</v>
      </c>
      <c r="D8337" t="s">
        <v>1022</v>
      </c>
      <c r="E8337" t="s">
        <v>13</v>
      </c>
      <c r="F8337">
        <v>5745</v>
      </c>
      <c r="G8337" t="s">
        <v>1117</v>
      </c>
      <c r="H8337">
        <v>4.7983971854050003</v>
      </c>
      <c r="I8337">
        <v>51.822229465516003</v>
      </c>
      <c r="J8337" t="s">
        <v>64022</v>
      </c>
    </row>
    <row r="8338" spans="1:10" x14ac:dyDescent="0.25">
      <c r="A8338" t="s">
        <v>1110</v>
      </c>
      <c r="B8338" t="s">
        <v>1111</v>
      </c>
      <c r="C8338" t="s">
        <v>1112</v>
      </c>
      <c r="D8338" t="s">
        <v>1022</v>
      </c>
      <c r="E8338" t="s">
        <v>13</v>
      </c>
      <c r="F8338">
        <v>5744</v>
      </c>
      <c r="G8338" t="s">
        <v>1113</v>
      </c>
      <c r="H8338">
        <v>4.7830922695650004</v>
      </c>
      <c r="I8338">
        <v>51.816388473436</v>
      </c>
      <c r="J8338" t="s">
        <v>64023</v>
      </c>
    </row>
    <row r="8339" spans="1:10" x14ac:dyDescent="0.25">
      <c r="A8339" t="s">
        <v>1106</v>
      </c>
      <c r="B8339" t="s">
        <v>1107</v>
      </c>
      <c r="C8339" t="s">
        <v>1108</v>
      </c>
      <c r="D8339" t="s">
        <v>1022</v>
      </c>
      <c r="E8339" t="s">
        <v>13</v>
      </c>
      <c r="F8339">
        <v>5743</v>
      </c>
      <c r="G8339" t="s">
        <v>1109</v>
      </c>
      <c r="H8339">
        <v>4.7821876080939996</v>
      </c>
      <c r="I8339">
        <v>51.818405337106</v>
      </c>
      <c r="J8339" t="s">
        <v>64024</v>
      </c>
    </row>
    <row r="8340" spans="1:10" x14ac:dyDescent="0.25">
      <c r="A8340" t="s">
        <v>1102</v>
      </c>
      <c r="B8340" t="s">
        <v>1103</v>
      </c>
      <c r="C8340" t="s">
        <v>1104</v>
      </c>
      <c r="D8340" t="s">
        <v>1022</v>
      </c>
      <c r="E8340" t="s">
        <v>13</v>
      </c>
      <c r="F8340">
        <v>5742</v>
      </c>
      <c r="G8340" t="s">
        <v>1105</v>
      </c>
      <c r="H8340">
        <v>4.7886661638529997</v>
      </c>
      <c r="I8340">
        <v>51.820530429320002</v>
      </c>
      <c r="J8340" t="s">
        <v>64025</v>
      </c>
    </row>
    <row r="8341" spans="1:10" x14ac:dyDescent="0.25">
      <c r="A8341" t="s">
        <v>1098</v>
      </c>
      <c r="B8341" t="s">
        <v>1099</v>
      </c>
      <c r="C8341" t="s">
        <v>1100</v>
      </c>
      <c r="D8341" t="s">
        <v>1022</v>
      </c>
      <c r="E8341" t="s">
        <v>13</v>
      </c>
      <c r="F8341">
        <v>5741</v>
      </c>
      <c r="G8341" t="s">
        <v>1101</v>
      </c>
      <c r="H8341">
        <v>4.7898752817460002</v>
      </c>
      <c r="I8341">
        <v>51.824432631763997</v>
      </c>
      <c r="J8341" t="s">
        <v>64026</v>
      </c>
    </row>
    <row r="8342" spans="1:10" x14ac:dyDescent="0.25">
      <c r="A8342" t="s">
        <v>1094</v>
      </c>
      <c r="B8342" t="s">
        <v>1095</v>
      </c>
      <c r="C8342" t="s">
        <v>1096</v>
      </c>
      <c r="D8342" t="s">
        <v>1022</v>
      </c>
      <c r="E8342" t="s">
        <v>13</v>
      </c>
      <c r="F8342">
        <v>5740</v>
      </c>
      <c r="G8342" t="s">
        <v>1097</v>
      </c>
      <c r="H8342">
        <v>4.7725089166089996</v>
      </c>
      <c r="I8342">
        <v>51.817516398892003</v>
      </c>
      <c r="J8342" t="s">
        <v>64027</v>
      </c>
    </row>
    <row r="8343" spans="1:10" x14ac:dyDescent="0.25">
      <c r="A8343" t="s">
        <v>1090</v>
      </c>
      <c r="B8343" t="s">
        <v>1091</v>
      </c>
      <c r="C8343" t="s">
        <v>1092</v>
      </c>
      <c r="D8343" t="s">
        <v>1022</v>
      </c>
      <c r="E8343" t="s">
        <v>13</v>
      </c>
      <c r="F8343">
        <v>5739</v>
      </c>
      <c r="G8343" t="s">
        <v>1093</v>
      </c>
      <c r="H8343">
        <v>4.7740651267720002</v>
      </c>
      <c r="I8343">
        <v>51.820210663525998</v>
      </c>
      <c r="J8343" t="s">
        <v>64028</v>
      </c>
    </row>
    <row r="8344" spans="1:10" x14ac:dyDescent="0.25">
      <c r="A8344" t="s">
        <v>1086</v>
      </c>
      <c r="B8344" t="s">
        <v>1087</v>
      </c>
      <c r="C8344" t="s">
        <v>1088</v>
      </c>
      <c r="D8344" t="s">
        <v>1022</v>
      </c>
      <c r="E8344" t="s">
        <v>13</v>
      </c>
      <c r="F8344">
        <v>5738</v>
      </c>
      <c r="G8344" t="s">
        <v>1089</v>
      </c>
      <c r="H8344">
        <v>4.776305296336</v>
      </c>
      <c r="I8344">
        <v>51.820832860419998</v>
      </c>
      <c r="J8344" t="s">
        <v>64029</v>
      </c>
    </row>
    <row r="8345" spans="1:10" x14ac:dyDescent="0.25">
      <c r="A8345" t="s">
        <v>1082</v>
      </c>
      <c r="B8345" t="s">
        <v>1083</v>
      </c>
      <c r="C8345" t="s">
        <v>1084</v>
      </c>
      <c r="D8345" t="s">
        <v>1022</v>
      </c>
      <c r="E8345" t="s">
        <v>13</v>
      </c>
      <c r="F8345">
        <v>5737</v>
      </c>
      <c r="G8345" t="s">
        <v>1085</v>
      </c>
      <c r="H8345">
        <v>4.7798820190460001</v>
      </c>
      <c r="I8345">
        <v>51.822403384132997</v>
      </c>
      <c r="J8345" t="s">
        <v>64030</v>
      </c>
    </row>
    <row r="8346" spans="1:10" x14ac:dyDescent="0.25">
      <c r="A8346" t="s">
        <v>1079</v>
      </c>
      <c r="B8346" t="s">
        <v>1080</v>
      </c>
      <c r="C8346" t="s">
        <v>81</v>
      </c>
      <c r="D8346" t="s">
        <v>1022</v>
      </c>
      <c r="E8346" t="s">
        <v>13</v>
      </c>
      <c r="F8346">
        <v>5736</v>
      </c>
      <c r="G8346" t="s">
        <v>1081</v>
      </c>
      <c r="H8346">
        <v>4.7802367999089999</v>
      </c>
      <c r="I8346">
        <v>51.825568130781001</v>
      </c>
      <c r="J8346" t="s">
        <v>64031</v>
      </c>
    </row>
    <row r="8347" spans="1:10" x14ac:dyDescent="0.25">
      <c r="A8347" t="s">
        <v>1075</v>
      </c>
      <c r="B8347" t="s">
        <v>1076</v>
      </c>
      <c r="C8347" t="s">
        <v>1077</v>
      </c>
      <c r="D8347" t="s">
        <v>1022</v>
      </c>
      <c r="E8347" t="s">
        <v>13</v>
      </c>
      <c r="F8347">
        <v>5735</v>
      </c>
      <c r="G8347" t="s">
        <v>1078</v>
      </c>
      <c r="H8347">
        <v>4.7731936934299997</v>
      </c>
      <c r="I8347">
        <v>51.824953518610002</v>
      </c>
      <c r="J8347" t="s">
        <v>64032</v>
      </c>
    </row>
    <row r="8348" spans="1:10" x14ac:dyDescent="0.25">
      <c r="A8348" t="s">
        <v>1071</v>
      </c>
      <c r="B8348" t="s">
        <v>1072</v>
      </c>
      <c r="C8348" t="s">
        <v>1073</v>
      </c>
      <c r="D8348" t="s">
        <v>1022</v>
      </c>
      <c r="E8348" t="s">
        <v>13</v>
      </c>
      <c r="F8348">
        <v>5734</v>
      </c>
      <c r="G8348" t="s">
        <v>1074</v>
      </c>
      <c r="H8348">
        <v>4.7640345800250001</v>
      </c>
      <c r="I8348">
        <v>51.819359553470001</v>
      </c>
      <c r="J8348" t="s">
        <v>64033</v>
      </c>
    </row>
    <row r="8349" spans="1:10" x14ac:dyDescent="0.25">
      <c r="A8349" t="s">
        <v>1067</v>
      </c>
      <c r="B8349" t="s">
        <v>1068</v>
      </c>
      <c r="C8349" t="s">
        <v>1069</v>
      </c>
      <c r="D8349" t="s">
        <v>1022</v>
      </c>
      <c r="E8349" t="s">
        <v>13</v>
      </c>
      <c r="F8349">
        <v>5733</v>
      </c>
      <c r="G8349" t="s">
        <v>1070</v>
      </c>
      <c r="H8349">
        <v>4.7666999375039998</v>
      </c>
      <c r="I8349">
        <v>51.822179657249002</v>
      </c>
      <c r="J8349" t="s">
        <v>64034</v>
      </c>
    </row>
    <row r="8350" spans="1:10" x14ac:dyDescent="0.25">
      <c r="A8350" t="s">
        <v>1063</v>
      </c>
      <c r="B8350" t="s">
        <v>1064</v>
      </c>
      <c r="C8350" t="s">
        <v>1065</v>
      </c>
      <c r="D8350" t="s">
        <v>1022</v>
      </c>
      <c r="E8350" t="s">
        <v>13</v>
      </c>
      <c r="F8350">
        <v>5732</v>
      </c>
      <c r="G8350" t="s">
        <v>1066</v>
      </c>
      <c r="H8350">
        <v>4.7684893750380004</v>
      </c>
      <c r="I8350">
        <v>51.823361118557997</v>
      </c>
      <c r="J8350" t="s">
        <v>64035</v>
      </c>
    </row>
    <row r="8351" spans="1:10" x14ac:dyDescent="0.25">
      <c r="A8351" t="s">
        <v>1059</v>
      </c>
      <c r="B8351" t="s">
        <v>1060</v>
      </c>
      <c r="C8351" t="s">
        <v>1061</v>
      </c>
      <c r="D8351" t="s">
        <v>1022</v>
      </c>
      <c r="E8351" t="s">
        <v>13</v>
      </c>
      <c r="F8351">
        <v>5731</v>
      </c>
      <c r="G8351" t="s">
        <v>1062</v>
      </c>
      <c r="H8351">
        <v>4.7687738064329999</v>
      </c>
      <c r="I8351">
        <v>51.824883329221002</v>
      </c>
      <c r="J8351" t="s">
        <v>64036</v>
      </c>
    </row>
    <row r="8352" spans="1:10" x14ac:dyDescent="0.25">
      <c r="A8352" t="s">
        <v>1055</v>
      </c>
      <c r="B8352" t="s">
        <v>1056</v>
      </c>
      <c r="C8352" t="s">
        <v>1057</v>
      </c>
      <c r="D8352" t="s">
        <v>1022</v>
      </c>
      <c r="E8352" t="s">
        <v>13</v>
      </c>
      <c r="F8352">
        <v>5730</v>
      </c>
      <c r="G8352" t="s">
        <v>1058</v>
      </c>
      <c r="H8352">
        <v>4.768729552211</v>
      </c>
      <c r="I8352">
        <v>51.827059725642997</v>
      </c>
      <c r="J8352" t="s">
        <v>64037</v>
      </c>
    </row>
    <row r="8353" spans="1:10" x14ac:dyDescent="0.25">
      <c r="A8353" t="s">
        <v>1051</v>
      </c>
      <c r="B8353" t="s">
        <v>1052</v>
      </c>
      <c r="C8353" t="s">
        <v>1053</v>
      </c>
      <c r="D8353" t="s">
        <v>1022</v>
      </c>
      <c r="E8353" t="s">
        <v>13</v>
      </c>
      <c r="F8353">
        <v>5729</v>
      </c>
      <c r="G8353" t="s">
        <v>1054</v>
      </c>
      <c r="H8353">
        <v>4.7571269499320001</v>
      </c>
      <c r="I8353">
        <v>51.821833422707002</v>
      </c>
      <c r="J8353" t="s">
        <v>64038</v>
      </c>
    </row>
    <row r="8354" spans="1:10" x14ac:dyDescent="0.25">
      <c r="A8354" t="s">
        <v>1047</v>
      </c>
      <c r="B8354" t="s">
        <v>1048</v>
      </c>
      <c r="C8354" t="s">
        <v>1049</v>
      </c>
      <c r="D8354" t="s">
        <v>1022</v>
      </c>
      <c r="E8354" t="s">
        <v>13</v>
      </c>
      <c r="F8354">
        <v>5728</v>
      </c>
      <c r="G8354" t="s">
        <v>1050</v>
      </c>
      <c r="H8354">
        <v>4.7592226397969997</v>
      </c>
      <c r="I8354">
        <v>51.824223042154003</v>
      </c>
      <c r="J8354" t="s">
        <v>64039</v>
      </c>
    </row>
    <row r="8355" spans="1:10" x14ac:dyDescent="0.25">
      <c r="A8355" t="s">
        <v>1044</v>
      </c>
      <c r="B8355" t="s">
        <v>1045</v>
      </c>
      <c r="C8355" t="s">
        <v>703</v>
      </c>
      <c r="D8355" t="s">
        <v>1022</v>
      </c>
      <c r="E8355" t="s">
        <v>13</v>
      </c>
      <c r="F8355">
        <v>5727</v>
      </c>
      <c r="G8355" t="s">
        <v>1046</v>
      </c>
      <c r="H8355">
        <v>4.7592007862210002</v>
      </c>
      <c r="I8355">
        <v>51.825695364801</v>
      </c>
      <c r="J8355" t="s">
        <v>64040</v>
      </c>
    </row>
    <row r="8356" spans="1:10" x14ac:dyDescent="0.25">
      <c r="A8356" t="s">
        <v>1040</v>
      </c>
      <c r="B8356" t="s">
        <v>1041</v>
      </c>
      <c r="C8356" t="s">
        <v>1042</v>
      </c>
      <c r="D8356" t="s">
        <v>1022</v>
      </c>
      <c r="E8356" t="s">
        <v>13</v>
      </c>
      <c r="F8356">
        <v>5726</v>
      </c>
      <c r="G8356" t="s">
        <v>1043</v>
      </c>
      <c r="H8356">
        <v>4.7595505071590001</v>
      </c>
      <c r="I8356">
        <v>51.827811833752001</v>
      </c>
      <c r="J8356" t="s">
        <v>64041</v>
      </c>
    </row>
    <row r="8357" spans="1:10" x14ac:dyDescent="0.25">
      <c r="A8357" t="s">
        <v>1036</v>
      </c>
      <c r="B8357" t="s">
        <v>1037</v>
      </c>
      <c r="C8357" t="s">
        <v>1038</v>
      </c>
      <c r="D8357" t="s">
        <v>1022</v>
      </c>
      <c r="E8357" t="s">
        <v>13</v>
      </c>
      <c r="F8357">
        <v>5725</v>
      </c>
      <c r="G8357" t="s">
        <v>1039</v>
      </c>
      <c r="H8357">
        <v>4.7476298785019999</v>
      </c>
      <c r="I8357">
        <v>51.823194073831999</v>
      </c>
      <c r="J8357" t="s">
        <v>64042</v>
      </c>
    </row>
    <row r="8358" spans="1:10" x14ac:dyDescent="0.25">
      <c r="A8358" t="s">
        <v>1032</v>
      </c>
      <c r="B8358" t="s">
        <v>1033</v>
      </c>
      <c r="C8358" t="s">
        <v>1034</v>
      </c>
      <c r="D8358" t="s">
        <v>1022</v>
      </c>
      <c r="E8358" t="s">
        <v>13</v>
      </c>
      <c r="F8358">
        <v>5724</v>
      </c>
      <c r="G8358" t="s">
        <v>1035</v>
      </c>
      <c r="H8358">
        <v>4.7468485337570003</v>
      </c>
      <c r="I8358">
        <v>51.825913968889999</v>
      </c>
      <c r="J8358" t="s">
        <v>64043</v>
      </c>
    </row>
    <row r="8359" spans="1:10" x14ac:dyDescent="0.25">
      <c r="A8359" t="s">
        <v>1028</v>
      </c>
      <c r="B8359" t="s">
        <v>1029</v>
      </c>
      <c r="C8359" t="s">
        <v>1030</v>
      </c>
      <c r="D8359" t="s">
        <v>1022</v>
      </c>
      <c r="E8359" t="s">
        <v>13</v>
      </c>
      <c r="F8359">
        <v>5723</v>
      </c>
      <c r="G8359" t="s">
        <v>1031</v>
      </c>
      <c r="H8359">
        <v>4.7498362402529999</v>
      </c>
      <c r="I8359">
        <v>51.828713496212004</v>
      </c>
      <c r="J8359" t="s">
        <v>64044</v>
      </c>
    </row>
    <row r="8360" spans="1:10" x14ac:dyDescent="0.25">
      <c r="A8360" t="s">
        <v>1024</v>
      </c>
      <c r="B8360" t="s">
        <v>1025</v>
      </c>
      <c r="C8360" t="s">
        <v>1026</v>
      </c>
      <c r="D8360" t="s">
        <v>1022</v>
      </c>
      <c r="E8360" t="s">
        <v>13</v>
      </c>
      <c r="F8360">
        <v>5722</v>
      </c>
      <c r="G8360" t="s">
        <v>1027</v>
      </c>
      <c r="H8360">
        <v>4.7349348025179996</v>
      </c>
      <c r="I8360">
        <v>51.823919759395999</v>
      </c>
      <c r="J8360" t="s">
        <v>64045</v>
      </c>
    </row>
    <row r="8361" spans="1:10" x14ac:dyDescent="0.25">
      <c r="A8361" t="s">
        <v>1019</v>
      </c>
      <c r="B8361" t="s">
        <v>1020</v>
      </c>
      <c r="C8361" t="s">
        <v>1021</v>
      </c>
      <c r="D8361" t="s">
        <v>1022</v>
      </c>
      <c r="E8361" t="s">
        <v>13</v>
      </c>
      <c r="F8361">
        <v>5721</v>
      </c>
      <c r="G8361" t="s">
        <v>1023</v>
      </c>
      <c r="H8361">
        <v>4.7389174333990001</v>
      </c>
      <c r="I8361">
        <v>51.828574146721998</v>
      </c>
      <c r="J8361" t="s">
        <v>64046</v>
      </c>
    </row>
    <row r="8362" spans="1:10" x14ac:dyDescent="0.25">
      <c r="A8362" t="s">
        <v>23920</v>
      </c>
      <c r="B8362" t="s">
        <v>23921</v>
      </c>
      <c r="C8362" t="s">
        <v>23922</v>
      </c>
      <c r="D8362" t="s">
        <v>23731</v>
      </c>
      <c r="E8362" t="s">
        <v>13</v>
      </c>
      <c r="F8362">
        <v>5720</v>
      </c>
      <c r="G8362" t="s">
        <v>23923</v>
      </c>
      <c r="H8362">
        <v>4.3713672604490004</v>
      </c>
      <c r="I8362">
        <v>51.952615974388003</v>
      </c>
      <c r="J8362" t="s">
        <v>64047</v>
      </c>
    </row>
    <row r="8363" spans="1:10" x14ac:dyDescent="0.25">
      <c r="A8363" t="s">
        <v>23916</v>
      </c>
      <c r="B8363" t="s">
        <v>23917</v>
      </c>
      <c r="C8363" t="s">
        <v>23918</v>
      </c>
      <c r="D8363" t="s">
        <v>23731</v>
      </c>
      <c r="E8363" t="s">
        <v>13</v>
      </c>
      <c r="F8363">
        <v>5719</v>
      </c>
      <c r="G8363" t="s">
        <v>23919</v>
      </c>
      <c r="H8363">
        <v>4.3828062441769999</v>
      </c>
      <c r="I8363">
        <v>51.946702627771003</v>
      </c>
      <c r="J8363" t="s">
        <v>64048</v>
      </c>
    </row>
    <row r="8364" spans="1:10" x14ac:dyDescent="0.25">
      <c r="A8364" t="s">
        <v>23912</v>
      </c>
      <c r="B8364" t="s">
        <v>23913</v>
      </c>
      <c r="C8364" t="s">
        <v>23914</v>
      </c>
      <c r="D8364" t="s">
        <v>23731</v>
      </c>
      <c r="E8364" t="s">
        <v>13</v>
      </c>
      <c r="F8364">
        <v>5718</v>
      </c>
      <c r="G8364" t="s">
        <v>23915</v>
      </c>
      <c r="H8364">
        <v>4.3764115877860004</v>
      </c>
      <c r="I8364">
        <v>51.943697231681</v>
      </c>
      <c r="J8364" t="s">
        <v>64049</v>
      </c>
    </row>
    <row r="8365" spans="1:10" x14ac:dyDescent="0.25">
      <c r="A8365" t="s">
        <v>23908</v>
      </c>
      <c r="B8365" t="s">
        <v>23909</v>
      </c>
      <c r="C8365" t="s">
        <v>23910</v>
      </c>
      <c r="D8365" t="s">
        <v>23731</v>
      </c>
      <c r="E8365" t="s">
        <v>13</v>
      </c>
      <c r="F8365">
        <v>5717</v>
      </c>
      <c r="G8365" t="s">
        <v>23911</v>
      </c>
      <c r="H8365">
        <v>4.380988963049</v>
      </c>
      <c r="I8365">
        <v>51.941148966272998</v>
      </c>
      <c r="J8365" t="s">
        <v>64050</v>
      </c>
    </row>
    <row r="8366" spans="1:10" x14ac:dyDescent="0.25">
      <c r="A8366" t="s">
        <v>23904</v>
      </c>
      <c r="B8366" t="s">
        <v>23905</v>
      </c>
      <c r="C8366" t="s">
        <v>23906</v>
      </c>
      <c r="D8366" t="s">
        <v>23731</v>
      </c>
      <c r="E8366" t="s">
        <v>13</v>
      </c>
      <c r="F8366">
        <v>5716</v>
      </c>
      <c r="G8366" t="s">
        <v>23907</v>
      </c>
      <c r="H8366">
        <v>4.3877535224289996</v>
      </c>
      <c r="I8366">
        <v>51.938501238859999</v>
      </c>
      <c r="J8366" t="s">
        <v>64051</v>
      </c>
    </row>
    <row r="8367" spans="1:10" x14ac:dyDescent="0.25">
      <c r="A8367" t="s">
        <v>23900</v>
      </c>
      <c r="B8367" t="s">
        <v>23901</v>
      </c>
      <c r="C8367" t="s">
        <v>23902</v>
      </c>
      <c r="D8367" t="s">
        <v>23731</v>
      </c>
      <c r="E8367" t="s">
        <v>13</v>
      </c>
      <c r="F8367">
        <v>5715</v>
      </c>
      <c r="G8367" t="s">
        <v>23903</v>
      </c>
      <c r="H8367">
        <v>4.3708625112419996</v>
      </c>
      <c r="I8367">
        <v>51.941915342439003</v>
      </c>
      <c r="J8367" t="s">
        <v>64052</v>
      </c>
    </row>
    <row r="8368" spans="1:10" x14ac:dyDescent="0.25">
      <c r="A8368" t="s">
        <v>23897</v>
      </c>
      <c r="B8368" t="s">
        <v>23898</v>
      </c>
      <c r="C8368" t="s">
        <v>14674</v>
      </c>
      <c r="D8368" t="s">
        <v>23731</v>
      </c>
      <c r="E8368" t="s">
        <v>13</v>
      </c>
      <c r="F8368">
        <v>5714</v>
      </c>
      <c r="G8368" t="s">
        <v>23899</v>
      </c>
      <c r="H8368">
        <v>4.3691821436309999</v>
      </c>
      <c r="I8368">
        <v>51.945273664333001</v>
      </c>
      <c r="J8368" t="s">
        <v>64053</v>
      </c>
    </row>
    <row r="8369" spans="1:10" x14ac:dyDescent="0.25">
      <c r="A8369" t="s">
        <v>23893</v>
      </c>
      <c r="B8369" t="s">
        <v>23894</v>
      </c>
      <c r="C8369" t="s">
        <v>23895</v>
      </c>
      <c r="D8369" t="s">
        <v>23731</v>
      </c>
      <c r="E8369" t="s">
        <v>13</v>
      </c>
      <c r="F8369">
        <v>5713</v>
      </c>
      <c r="G8369" t="s">
        <v>23896</v>
      </c>
      <c r="H8369">
        <v>4.3619698986750004</v>
      </c>
      <c r="I8369">
        <v>51.942388794867</v>
      </c>
      <c r="J8369" t="s">
        <v>64054</v>
      </c>
    </row>
    <row r="8370" spans="1:10" x14ac:dyDescent="0.25">
      <c r="A8370" t="s">
        <v>23889</v>
      </c>
      <c r="B8370" t="s">
        <v>23890</v>
      </c>
      <c r="C8370" t="s">
        <v>23891</v>
      </c>
      <c r="D8370" t="s">
        <v>23731</v>
      </c>
      <c r="E8370" t="s">
        <v>13</v>
      </c>
      <c r="F8370">
        <v>5712</v>
      </c>
      <c r="G8370" t="s">
        <v>23892</v>
      </c>
      <c r="H8370">
        <v>4.3669342846959998</v>
      </c>
      <c r="I8370">
        <v>51.938538585579003</v>
      </c>
      <c r="J8370" t="s">
        <v>64055</v>
      </c>
    </row>
    <row r="8371" spans="1:10" x14ac:dyDescent="0.25">
      <c r="A8371" t="s">
        <v>23885</v>
      </c>
      <c r="B8371" t="s">
        <v>23886</v>
      </c>
      <c r="C8371" t="s">
        <v>23887</v>
      </c>
      <c r="D8371" t="s">
        <v>23731</v>
      </c>
      <c r="E8371" t="s">
        <v>13</v>
      </c>
      <c r="F8371">
        <v>5711</v>
      </c>
      <c r="G8371" t="s">
        <v>23888</v>
      </c>
      <c r="H8371">
        <v>4.3957773413009997</v>
      </c>
      <c r="I8371">
        <v>51.941092601896003</v>
      </c>
      <c r="J8371" t="s">
        <v>64056</v>
      </c>
    </row>
    <row r="8372" spans="1:10" x14ac:dyDescent="0.25">
      <c r="A8372" t="s">
        <v>23881</v>
      </c>
      <c r="B8372" t="s">
        <v>23882</v>
      </c>
      <c r="C8372" t="s">
        <v>23883</v>
      </c>
      <c r="D8372" t="s">
        <v>23731</v>
      </c>
      <c r="E8372" t="s">
        <v>13</v>
      </c>
      <c r="F8372">
        <v>5710</v>
      </c>
      <c r="G8372" t="s">
        <v>23884</v>
      </c>
      <c r="H8372">
        <v>4.4037465914959997</v>
      </c>
      <c r="I8372">
        <v>51.932941980064001</v>
      </c>
      <c r="J8372" t="s">
        <v>64057</v>
      </c>
    </row>
    <row r="8373" spans="1:10" x14ac:dyDescent="0.25">
      <c r="A8373" t="s">
        <v>23877</v>
      </c>
      <c r="B8373" t="s">
        <v>23878</v>
      </c>
      <c r="C8373" t="s">
        <v>23879</v>
      </c>
      <c r="D8373" t="s">
        <v>23731</v>
      </c>
      <c r="E8373" t="s">
        <v>13</v>
      </c>
      <c r="F8373">
        <v>5709</v>
      </c>
      <c r="G8373" t="s">
        <v>23880</v>
      </c>
      <c r="H8373">
        <v>4.4112213400669997</v>
      </c>
      <c r="I8373">
        <v>51.925754048538003</v>
      </c>
      <c r="J8373" t="s">
        <v>64058</v>
      </c>
    </row>
    <row r="8374" spans="1:10" x14ac:dyDescent="0.25">
      <c r="A8374" t="s">
        <v>23874</v>
      </c>
      <c r="B8374" t="s">
        <v>23875</v>
      </c>
      <c r="C8374" t="s">
        <v>2443</v>
      </c>
      <c r="D8374" t="s">
        <v>23731</v>
      </c>
      <c r="E8374" t="s">
        <v>13</v>
      </c>
      <c r="F8374">
        <v>5708</v>
      </c>
      <c r="G8374" t="s">
        <v>23876</v>
      </c>
      <c r="H8374">
        <v>4.3781180604410004</v>
      </c>
      <c r="I8374">
        <v>51.929461024074001</v>
      </c>
      <c r="J8374" t="s">
        <v>64059</v>
      </c>
    </row>
    <row r="8375" spans="1:10" x14ac:dyDescent="0.25">
      <c r="A8375" t="s">
        <v>23871</v>
      </c>
      <c r="B8375" t="s">
        <v>23872</v>
      </c>
      <c r="C8375" t="s">
        <v>37</v>
      </c>
      <c r="D8375" t="s">
        <v>23731</v>
      </c>
      <c r="E8375" t="s">
        <v>13</v>
      </c>
      <c r="F8375">
        <v>5707</v>
      </c>
      <c r="G8375" t="s">
        <v>23873</v>
      </c>
      <c r="H8375">
        <v>4.381568411001</v>
      </c>
      <c r="I8375">
        <v>51.934777197488003</v>
      </c>
      <c r="J8375" t="s">
        <v>64060</v>
      </c>
    </row>
    <row r="8376" spans="1:10" x14ac:dyDescent="0.25">
      <c r="A8376" t="s">
        <v>23867</v>
      </c>
      <c r="B8376" t="s">
        <v>23868</v>
      </c>
      <c r="C8376" t="s">
        <v>23869</v>
      </c>
      <c r="D8376" t="s">
        <v>23731</v>
      </c>
      <c r="E8376" t="s">
        <v>13</v>
      </c>
      <c r="F8376">
        <v>5706</v>
      </c>
      <c r="G8376" t="s">
        <v>23870</v>
      </c>
      <c r="H8376">
        <v>4.3770650141839997</v>
      </c>
      <c r="I8376">
        <v>51.936184790277999</v>
      </c>
      <c r="J8376" t="s">
        <v>64061</v>
      </c>
    </row>
    <row r="8377" spans="1:10" x14ac:dyDescent="0.25">
      <c r="A8377" t="s">
        <v>23863</v>
      </c>
      <c r="B8377" t="s">
        <v>23864</v>
      </c>
      <c r="C8377" t="s">
        <v>23865</v>
      </c>
      <c r="D8377" t="s">
        <v>23731</v>
      </c>
      <c r="E8377" t="s">
        <v>13</v>
      </c>
      <c r="F8377">
        <v>5705</v>
      </c>
      <c r="G8377" t="s">
        <v>23866</v>
      </c>
      <c r="H8377">
        <v>4.36857320833</v>
      </c>
      <c r="I8377">
        <v>51.935604510253</v>
      </c>
      <c r="J8377" t="s">
        <v>64062</v>
      </c>
    </row>
    <row r="8378" spans="1:10" x14ac:dyDescent="0.25">
      <c r="A8378" t="s">
        <v>23859</v>
      </c>
      <c r="B8378" t="s">
        <v>23860</v>
      </c>
      <c r="C8378" t="s">
        <v>23861</v>
      </c>
      <c r="D8378" t="s">
        <v>23731</v>
      </c>
      <c r="E8378" t="s">
        <v>13</v>
      </c>
      <c r="F8378">
        <v>5704</v>
      </c>
      <c r="G8378" t="s">
        <v>23862</v>
      </c>
      <c r="H8378">
        <v>4.3692317575060002</v>
      </c>
      <c r="I8378">
        <v>51.931092318208002</v>
      </c>
      <c r="J8378" t="s">
        <v>64063</v>
      </c>
    </row>
    <row r="8379" spans="1:10" x14ac:dyDescent="0.25">
      <c r="A8379" t="s">
        <v>23855</v>
      </c>
      <c r="B8379" t="s">
        <v>23856</v>
      </c>
      <c r="C8379" t="s">
        <v>23857</v>
      </c>
      <c r="D8379" t="s">
        <v>23731</v>
      </c>
      <c r="E8379" t="s">
        <v>13</v>
      </c>
      <c r="F8379">
        <v>5703</v>
      </c>
      <c r="G8379" t="s">
        <v>23858</v>
      </c>
      <c r="H8379">
        <v>4.3694846228379998</v>
      </c>
      <c r="I8379">
        <v>51.927003797238001</v>
      </c>
      <c r="J8379" t="s">
        <v>64064</v>
      </c>
    </row>
    <row r="8380" spans="1:10" x14ac:dyDescent="0.25">
      <c r="A8380" t="s">
        <v>23851</v>
      </c>
      <c r="B8380" t="s">
        <v>23852</v>
      </c>
      <c r="C8380" t="s">
        <v>23853</v>
      </c>
      <c r="D8380" t="s">
        <v>23731</v>
      </c>
      <c r="E8380" t="s">
        <v>13</v>
      </c>
      <c r="F8380">
        <v>5702</v>
      </c>
      <c r="G8380" t="s">
        <v>23854</v>
      </c>
      <c r="H8380">
        <v>4.3811720276169996</v>
      </c>
      <c r="I8380">
        <v>51.924712855354002</v>
      </c>
      <c r="J8380" t="s">
        <v>64065</v>
      </c>
    </row>
    <row r="8381" spans="1:10" x14ac:dyDescent="0.25">
      <c r="A8381" t="s">
        <v>23847</v>
      </c>
      <c r="B8381" t="s">
        <v>23848</v>
      </c>
      <c r="C8381" t="s">
        <v>23849</v>
      </c>
      <c r="D8381" t="s">
        <v>23731</v>
      </c>
      <c r="E8381" t="s">
        <v>13</v>
      </c>
      <c r="F8381">
        <v>5701</v>
      </c>
      <c r="G8381" t="s">
        <v>23850</v>
      </c>
      <c r="H8381">
        <v>4.3843836329499997</v>
      </c>
      <c r="I8381">
        <v>51.917261971517</v>
      </c>
      <c r="J8381" t="s">
        <v>64066</v>
      </c>
    </row>
    <row r="8382" spans="1:10" x14ac:dyDescent="0.25">
      <c r="A8382" t="s">
        <v>23843</v>
      </c>
      <c r="B8382" t="s">
        <v>23844</v>
      </c>
      <c r="C8382" t="s">
        <v>23845</v>
      </c>
      <c r="D8382" t="s">
        <v>23731</v>
      </c>
      <c r="E8382" t="s">
        <v>13</v>
      </c>
      <c r="F8382">
        <v>5700</v>
      </c>
      <c r="G8382" t="s">
        <v>23846</v>
      </c>
      <c r="H8382">
        <v>4.3911618457759998</v>
      </c>
      <c r="I8382">
        <v>51.921169615250001</v>
      </c>
      <c r="J8382" t="s">
        <v>64067</v>
      </c>
    </row>
    <row r="8383" spans="1:10" x14ac:dyDescent="0.25">
      <c r="A8383" t="s">
        <v>23839</v>
      </c>
      <c r="B8383" t="s">
        <v>23840</v>
      </c>
      <c r="C8383" t="s">
        <v>23841</v>
      </c>
      <c r="D8383" t="s">
        <v>23731</v>
      </c>
      <c r="E8383" t="s">
        <v>13</v>
      </c>
      <c r="F8383">
        <v>5699</v>
      </c>
      <c r="G8383" t="s">
        <v>23842</v>
      </c>
      <c r="H8383">
        <v>4.3991301229869997</v>
      </c>
      <c r="I8383">
        <v>51.922197656168997</v>
      </c>
      <c r="J8383" t="s">
        <v>64068</v>
      </c>
    </row>
    <row r="8384" spans="1:10" x14ac:dyDescent="0.25">
      <c r="A8384" t="s">
        <v>23835</v>
      </c>
      <c r="B8384" t="s">
        <v>23836</v>
      </c>
      <c r="C8384" t="s">
        <v>23837</v>
      </c>
      <c r="D8384" t="s">
        <v>23731</v>
      </c>
      <c r="E8384" t="s">
        <v>13</v>
      </c>
      <c r="F8384">
        <v>5698</v>
      </c>
      <c r="G8384" t="s">
        <v>23838</v>
      </c>
      <c r="H8384">
        <v>4.4041758926029999</v>
      </c>
      <c r="I8384">
        <v>51.921021554886998</v>
      </c>
      <c r="J8384" t="s">
        <v>64069</v>
      </c>
    </row>
    <row r="8385" spans="1:10" x14ac:dyDescent="0.25">
      <c r="A8385" t="s">
        <v>23831</v>
      </c>
      <c r="B8385" t="s">
        <v>23832</v>
      </c>
      <c r="C8385" t="s">
        <v>23833</v>
      </c>
      <c r="D8385" t="s">
        <v>23731</v>
      </c>
      <c r="E8385" t="s">
        <v>13</v>
      </c>
      <c r="F8385">
        <v>5697</v>
      </c>
      <c r="G8385" t="s">
        <v>23834</v>
      </c>
      <c r="H8385">
        <v>4.4005606290339996</v>
      </c>
      <c r="I8385">
        <v>51.924388364207999</v>
      </c>
      <c r="J8385" t="s">
        <v>64070</v>
      </c>
    </row>
    <row r="8386" spans="1:10" x14ac:dyDescent="0.25">
      <c r="A8386" t="s">
        <v>23828</v>
      </c>
      <c r="B8386" t="s">
        <v>23829</v>
      </c>
      <c r="C8386" t="s">
        <v>81</v>
      </c>
      <c r="D8386" t="s">
        <v>23731</v>
      </c>
      <c r="E8386" t="s">
        <v>13</v>
      </c>
      <c r="F8386">
        <v>5696</v>
      </c>
      <c r="G8386" t="s">
        <v>23830</v>
      </c>
      <c r="H8386">
        <v>4.3895975701880001</v>
      </c>
      <c r="I8386">
        <v>51.924096987132003</v>
      </c>
      <c r="J8386" t="s">
        <v>64071</v>
      </c>
    </row>
    <row r="8387" spans="1:10" x14ac:dyDescent="0.25">
      <c r="A8387" t="s">
        <v>23824</v>
      </c>
      <c r="B8387" t="s">
        <v>23825</v>
      </c>
      <c r="C8387" t="s">
        <v>23826</v>
      </c>
      <c r="D8387" t="s">
        <v>23731</v>
      </c>
      <c r="E8387" t="s">
        <v>13</v>
      </c>
      <c r="F8387">
        <v>5695</v>
      </c>
      <c r="G8387" t="s">
        <v>23827</v>
      </c>
      <c r="H8387">
        <v>4.3779511389539998</v>
      </c>
      <c r="I8387">
        <v>51.917255132069997</v>
      </c>
      <c r="J8387" t="s">
        <v>64072</v>
      </c>
    </row>
    <row r="8388" spans="1:10" x14ac:dyDescent="0.25">
      <c r="A8388" t="s">
        <v>23820</v>
      </c>
      <c r="B8388" t="s">
        <v>23821</v>
      </c>
      <c r="C8388" t="s">
        <v>23822</v>
      </c>
      <c r="D8388" t="s">
        <v>23731</v>
      </c>
      <c r="E8388" t="s">
        <v>13</v>
      </c>
      <c r="F8388">
        <v>5694</v>
      </c>
      <c r="G8388" t="s">
        <v>23823</v>
      </c>
      <c r="H8388">
        <v>4.4098902494400001</v>
      </c>
      <c r="I8388">
        <v>51.908491132987002</v>
      </c>
      <c r="J8388" t="s">
        <v>64073</v>
      </c>
    </row>
    <row r="8389" spans="1:10" x14ac:dyDescent="0.25">
      <c r="A8389" t="s">
        <v>23817</v>
      </c>
      <c r="B8389" t="s">
        <v>23818</v>
      </c>
      <c r="C8389" t="s">
        <v>18632</v>
      </c>
      <c r="D8389" t="s">
        <v>23731</v>
      </c>
      <c r="E8389" t="s">
        <v>13</v>
      </c>
      <c r="F8389">
        <v>5693</v>
      </c>
      <c r="G8389" t="s">
        <v>23819</v>
      </c>
      <c r="H8389">
        <v>4.3860013792150001</v>
      </c>
      <c r="I8389">
        <v>51.902909852473996</v>
      </c>
      <c r="J8389" t="s">
        <v>64074</v>
      </c>
    </row>
    <row r="8390" spans="1:10" x14ac:dyDescent="0.25">
      <c r="A8390" t="s">
        <v>23813</v>
      </c>
      <c r="B8390" t="s">
        <v>23814</v>
      </c>
      <c r="C8390" t="s">
        <v>23815</v>
      </c>
      <c r="D8390" t="s">
        <v>23731</v>
      </c>
      <c r="E8390" t="s">
        <v>13</v>
      </c>
      <c r="F8390">
        <v>5692</v>
      </c>
      <c r="G8390" t="s">
        <v>23816</v>
      </c>
      <c r="H8390">
        <v>4.4041191525489998</v>
      </c>
      <c r="I8390">
        <v>51.902229357677001</v>
      </c>
      <c r="J8390" t="s">
        <v>64075</v>
      </c>
    </row>
    <row r="8391" spans="1:10" x14ac:dyDescent="0.25">
      <c r="A8391" t="s">
        <v>23809</v>
      </c>
      <c r="B8391" t="s">
        <v>23810</v>
      </c>
      <c r="C8391" t="s">
        <v>23811</v>
      </c>
      <c r="D8391" t="s">
        <v>23731</v>
      </c>
      <c r="E8391" t="s">
        <v>13</v>
      </c>
      <c r="F8391">
        <v>5691</v>
      </c>
      <c r="G8391" t="s">
        <v>23812</v>
      </c>
      <c r="H8391">
        <v>4.4022403039100002</v>
      </c>
      <c r="I8391">
        <v>51.904672478602002</v>
      </c>
      <c r="J8391" t="s">
        <v>64076</v>
      </c>
    </row>
    <row r="8392" spans="1:10" x14ac:dyDescent="0.25">
      <c r="A8392" t="s">
        <v>23806</v>
      </c>
      <c r="B8392" t="s">
        <v>23807</v>
      </c>
      <c r="C8392" t="s">
        <v>21304</v>
      </c>
      <c r="D8392" t="s">
        <v>23731</v>
      </c>
      <c r="E8392" t="s">
        <v>13</v>
      </c>
      <c r="F8392">
        <v>5690</v>
      </c>
      <c r="G8392" t="s">
        <v>23808</v>
      </c>
      <c r="H8392">
        <v>4.4041607958010003</v>
      </c>
      <c r="I8392">
        <v>51.905705551973</v>
      </c>
      <c r="J8392" t="s">
        <v>64077</v>
      </c>
    </row>
    <row r="8393" spans="1:10" x14ac:dyDescent="0.25">
      <c r="A8393" t="s">
        <v>23802</v>
      </c>
      <c r="B8393" t="s">
        <v>23803</v>
      </c>
      <c r="C8393" t="s">
        <v>23804</v>
      </c>
      <c r="D8393" t="s">
        <v>23731</v>
      </c>
      <c r="E8393" t="s">
        <v>13</v>
      </c>
      <c r="F8393">
        <v>5689</v>
      </c>
      <c r="G8393" t="s">
        <v>23805</v>
      </c>
      <c r="H8393">
        <v>4.4052296197710001</v>
      </c>
      <c r="I8393">
        <v>51.907776660857003</v>
      </c>
      <c r="J8393" t="s">
        <v>64078</v>
      </c>
    </row>
    <row r="8394" spans="1:10" x14ac:dyDescent="0.25">
      <c r="A8394" t="s">
        <v>23798</v>
      </c>
      <c r="B8394" t="s">
        <v>23799</v>
      </c>
      <c r="C8394" t="s">
        <v>23800</v>
      </c>
      <c r="D8394" t="s">
        <v>23731</v>
      </c>
      <c r="E8394" t="s">
        <v>13</v>
      </c>
      <c r="F8394">
        <v>5688</v>
      </c>
      <c r="G8394" t="s">
        <v>23801</v>
      </c>
      <c r="H8394">
        <v>4.3753859465989997</v>
      </c>
      <c r="I8394">
        <v>51.911337637654</v>
      </c>
      <c r="J8394" t="s">
        <v>64079</v>
      </c>
    </row>
    <row r="8395" spans="1:10" x14ac:dyDescent="0.25">
      <c r="A8395" t="s">
        <v>23794</v>
      </c>
      <c r="B8395" t="s">
        <v>23795</v>
      </c>
      <c r="C8395" t="s">
        <v>23796</v>
      </c>
      <c r="D8395" t="s">
        <v>23731</v>
      </c>
      <c r="E8395" t="s">
        <v>13</v>
      </c>
      <c r="F8395">
        <v>5687</v>
      </c>
      <c r="G8395" t="s">
        <v>23797</v>
      </c>
      <c r="H8395">
        <v>4.3844654396329998</v>
      </c>
      <c r="I8395">
        <v>51.910157422574997</v>
      </c>
      <c r="J8395" t="s">
        <v>64080</v>
      </c>
    </row>
    <row r="8396" spans="1:10" x14ac:dyDescent="0.25">
      <c r="A8396" t="s">
        <v>23791</v>
      </c>
      <c r="B8396" t="s">
        <v>23792</v>
      </c>
      <c r="C8396" t="s">
        <v>2451</v>
      </c>
      <c r="D8396" t="s">
        <v>23731</v>
      </c>
      <c r="E8396" t="s">
        <v>13</v>
      </c>
      <c r="F8396">
        <v>5686</v>
      </c>
      <c r="G8396" t="s">
        <v>23793</v>
      </c>
      <c r="H8396">
        <v>4.393733129079</v>
      </c>
      <c r="I8396">
        <v>51.90961753549</v>
      </c>
      <c r="J8396" t="s">
        <v>64081</v>
      </c>
    </row>
    <row r="8397" spans="1:10" x14ac:dyDescent="0.25">
      <c r="A8397" t="s">
        <v>23788</v>
      </c>
      <c r="B8397" t="s">
        <v>23789</v>
      </c>
      <c r="C8397" t="s">
        <v>22135</v>
      </c>
      <c r="D8397" t="s">
        <v>23731</v>
      </c>
      <c r="E8397" t="s">
        <v>13</v>
      </c>
      <c r="F8397">
        <v>5685</v>
      </c>
      <c r="G8397" t="s">
        <v>23790</v>
      </c>
      <c r="H8397">
        <v>4.399566071403</v>
      </c>
      <c r="I8397">
        <v>51.909081067785998</v>
      </c>
      <c r="J8397" t="s">
        <v>64082</v>
      </c>
    </row>
    <row r="8398" spans="1:10" x14ac:dyDescent="0.25">
      <c r="A8398" t="s">
        <v>23784</v>
      </c>
      <c r="B8398" t="s">
        <v>23785</v>
      </c>
      <c r="C8398" t="s">
        <v>23786</v>
      </c>
      <c r="D8398" t="s">
        <v>23731</v>
      </c>
      <c r="E8398" t="s">
        <v>13</v>
      </c>
      <c r="F8398">
        <v>5684</v>
      </c>
      <c r="G8398" t="s">
        <v>23787</v>
      </c>
      <c r="H8398">
        <v>4.394790383628</v>
      </c>
      <c r="I8398">
        <v>51.912719223388002</v>
      </c>
      <c r="J8398" t="s">
        <v>64083</v>
      </c>
    </row>
    <row r="8399" spans="1:10" x14ac:dyDescent="0.25">
      <c r="A8399" t="s">
        <v>23780</v>
      </c>
      <c r="B8399" t="s">
        <v>23781</v>
      </c>
      <c r="C8399" t="s">
        <v>23782</v>
      </c>
      <c r="D8399" t="s">
        <v>23731</v>
      </c>
      <c r="E8399" t="s">
        <v>13</v>
      </c>
      <c r="F8399">
        <v>5683</v>
      </c>
      <c r="G8399" t="s">
        <v>23783</v>
      </c>
      <c r="H8399">
        <v>4.3922367506229998</v>
      </c>
      <c r="I8399">
        <v>51.913636401296003</v>
      </c>
      <c r="J8399" t="s">
        <v>64084</v>
      </c>
    </row>
    <row r="8400" spans="1:10" x14ac:dyDescent="0.25">
      <c r="A8400" t="s">
        <v>23776</v>
      </c>
      <c r="B8400" t="s">
        <v>23777</v>
      </c>
      <c r="C8400" t="s">
        <v>23778</v>
      </c>
      <c r="D8400" t="s">
        <v>23731</v>
      </c>
      <c r="E8400" t="s">
        <v>13</v>
      </c>
      <c r="F8400">
        <v>5682</v>
      </c>
      <c r="G8400" t="s">
        <v>23779</v>
      </c>
      <c r="H8400">
        <v>4.3912410103769997</v>
      </c>
      <c r="I8400">
        <v>51.915652034330002</v>
      </c>
      <c r="J8400" t="s">
        <v>64085</v>
      </c>
    </row>
    <row r="8401" spans="1:10" x14ac:dyDescent="0.25">
      <c r="A8401" t="s">
        <v>23773</v>
      </c>
      <c r="B8401" t="s">
        <v>23774</v>
      </c>
      <c r="C8401" t="s">
        <v>89</v>
      </c>
      <c r="D8401" t="s">
        <v>23731</v>
      </c>
      <c r="E8401" t="s">
        <v>13</v>
      </c>
      <c r="F8401">
        <v>5681</v>
      </c>
      <c r="G8401" t="s">
        <v>23775</v>
      </c>
      <c r="H8401">
        <v>4.3870349567259996</v>
      </c>
      <c r="I8401">
        <v>51.91310298162</v>
      </c>
      <c r="J8401" t="s">
        <v>64086</v>
      </c>
    </row>
    <row r="8402" spans="1:10" x14ac:dyDescent="0.25">
      <c r="A8402" t="s">
        <v>23770</v>
      </c>
      <c r="B8402" t="s">
        <v>23771</v>
      </c>
      <c r="C8402" t="s">
        <v>85</v>
      </c>
      <c r="D8402" t="s">
        <v>23731</v>
      </c>
      <c r="E8402" t="s">
        <v>13</v>
      </c>
      <c r="F8402">
        <v>5680</v>
      </c>
      <c r="G8402" t="s">
        <v>23772</v>
      </c>
      <c r="H8402">
        <v>4.3818996406180002</v>
      </c>
      <c r="I8402">
        <v>51.912795327567999</v>
      </c>
      <c r="J8402" t="s">
        <v>64087</v>
      </c>
    </row>
    <row r="8403" spans="1:10" x14ac:dyDescent="0.25">
      <c r="A8403" t="s">
        <v>23766</v>
      </c>
      <c r="B8403" t="s">
        <v>23767</v>
      </c>
      <c r="C8403" t="s">
        <v>23768</v>
      </c>
      <c r="D8403" t="s">
        <v>23731</v>
      </c>
      <c r="E8403" t="s">
        <v>13</v>
      </c>
      <c r="F8403">
        <v>5679</v>
      </c>
      <c r="G8403" t="s">
        <v>23769</v>
      </c>
      <c r="H8403">
        <v>4.4034426621270004</v>
      </c>
      <c r="I8403">
        <v>51.911580075788997</v>
      </c>
      <c r="J8403" t="s">
        <v>64088</v>
      </c>
    </row>
    <row r="8404" spans="1:10" x14ac:dyDescent="0.25">
      <c r="A8404" t="s">
        <v>23763</v>
      </c>
      <c r="B8404" t="s">
        <v>23764</v>
      </c>
      <c r="C8404" t="s">
        <v>15941</v>
      </c>
      <c r="D8404" t="s">
        <v>23731</v>
      </c>
      <c r="E8404" t="s">
        <v>13</v>
      </c>
      <c r="F8404">
        <v>5678</v>
      </c>
      <c r="G8404" t="s">
        <v>23765</v>
      </c>
      <c r="H8404">
        <v>4.3970375058769999</v>
      </c>
      <c r="I8404">
        <v>51.915021815187004</v>
      </c>
      <c r="J8404" t="s">
        <v>64089</v>
      </c>
    </row>
    <row r="8405" spans="1:10" x14ac:dyDescent="0.25">
      <c r="A8405" t="s">
        <v>23759</v>
      </c>
      <c r="B8405" t="s">
        <v>23760</v>
      </c>
      <c r="C8405" t="s">
        <v>23761</v>
      </c>
      <c r="D8405" t="s">
        <v>23731</v>
      </c>
      <c r="E8405" t="s">
        <v>13</v>
      </c>
      <c r="F8405">
        <v>5677</v>
      </c>
      <c r="G8405" t="s">
        <v>23762</v>
      </c>
      <c r="H8405">
        <v>4.3966217833360002</v>
      </c>
      <c r="I8405">
        <v>51.91911328202</v>
      </c>
      <c r="J8405" t="s">
        <v>64090</v>
      </c>
    </row>
    <row r="8406" spans="1:10" x14ac:dyDescent="0.25">
      <c r="A8406" t="s">
        <v>23755</v>
      </c>
      <c r="B8406" t="s">
        <v>23756</v>
      </c>
      <c r="C8406" t="s">
        <v>23757</v>
      </c>
      <c r="D8406" t="s">
        <v>23731</v>
      </c>
      <c r="E8406" t="s">
        <v>13</v>
      </c>
      <c r="F8406">
        <v>5676</v>
      </c>
      <c r="G8406" t="s">
        <v>23758</v>
      </c>
      <c r="H8406">
        <v>4.4096020017989996</v>
      </c>
      <c r="I8406">
        <v>51.915177476396003</v>
      </c>
      <c r="J8406" t="s">
        <v>64091</v>
      </c>
    </row>
    <row r="8407" spans="1:10" x14ac:dyDescent="0.25">
      <c r="A8407" t="s">
        <v>23751</v>
      </c>
      <c r="B8407" t="s">
        <v>23752</v>
      </c>
      <c r="C8407" t="s">
        <v>23753</v>
      </c>
      <c r="D8407" t="s">
        <v>23731</v>
      </c>
      <c r="E8407" t="s">
        <v>13</v>
      </c>
      <c r="F8407">
        <v>5675</v>
      </c>
      <c r="G8407" t="s">
        <v>23754</v>
      </c>
      <c r="H8407">
        <v>4.413192984188</v>
      </c>
      <c r="I8407">
        <v>51.917421776556999</v>
      </c>
      <c r="J8407" t="s">
        <v>64092</v>
      </c>
    </row>
    <row r="8408" spans="1:10" x14ac:dyDescent="0.25">
      <c r="A8408" t="s">
        <v>23747</v>
      </c>
      <c r="B8408" t="s">
        <v>23748</v>
      </c>
      <c r="C8408" t="s">
        <v>23749</v>
      </c>
      <c r="D8408" t="s">
        <v>23731</v>
      </c>
      <c r="E8408" t="s">
        <v>13</v>
      </c>
      <c r="F8408">
        <v>5674</v>
      </c>
      <c r="G8408" t="s">
        <v>23750</v>
      </c>
      <c r="H8408">
        <v>4.4131757870749997</v>
      </c>
      <c r="I8408">
        <v>51.921425263773003</v>
      </c>
      <c r="J8408" t="s">
        <v>64093</v>
      </c>
    </row>
    <row r="8409" spans="1:10" x14ac:dyDescent="0.25">
      <c r="A8409" t="s">
        <v>23744</v>
      </c>
      <c r="B8409" t="s">
        <v>23745</v>
      </c>
      <c r="C8409" t="s">
        <v>4780</v>
      </c>
      <c r="D8409" t="s">
        <v>23731</v>
      </c>
      <c r="E8409" t="s">
        <v>13</v>
      </c>
      <c r="F8409">
        <v>5673</v>
      </c>
      <c r="G8409" t="s">
        <v>23746</v>
      </c>
      <c r="H8409">
        <v>4.4096817423310002</v>
      </c>
      <c r="I8409">
        <v>51.920929905824003</v>
      </c>
      <c r="J8409" t="s">
        <v>64094</v>
      </c>
    </row>
    <row r="8410" spans="1:10" x14ac:dyDescent="0.25">
      <c r="A8410" t="s">
        <v>23740</v>
      </c>
      <c r="B8410" t="s">
        <v>23741</v>
      </c>
      <c r="C8410" t="s">
        <v>23742</v>
      </c>
      <c r="D8410" t="s">
        <v>23731</v>
      </c>
      <c r="E8410" t="s">
        <v>13</v>
      </c>
      <c r="F8410">
        <v>5672</v>
      </c>
      <c r="G8410" t="s">
        <v>23743</v>
      </c>
      <c r="H8410">
        <v>4.4077612375240003</v>
      </c>
      <c r="I8410">
        <v>51.919014638097998</v>
      </c>
      <c r="J8410" t="s">
        <v>64095</v>
      </c>
    </row>
    <row r="8411" spans="1:10" x14ac:dyDescent="0.25">
      <c r="A8411" t="s">
        <v>23737</v>
      </c>
      <c r="B8411" t="s">
        <v>23738</v>
      </c>
      <c r="C8411" t="s">
        <v>20137</v>
      </c>
      <c r="D8411" t="s">
        <v>23731</v>
      </c>
      <c r="E8411" t="s">
        <v>13</v>
      </c>
      <c r="F8411">
        <v>5671</v>
      </c>
      <c r="G8411" t="s">
        <v>23739</v>
      </c>
      <c r="H8411">
        <v>4.4051989649410004</v>
      </c>
      <c r="I8411">
        <v>51.916748180547998</v>
      </c>
      <c r="J8411" t="s">
        <v>64096</v>
      </c>
    </row>
    <row r="8412" spans="1:10" x14ac:dyDescent="0.25">
      <c r="A8412" t="s">
        <v>23733</v>
      </c>
      <c r="B8412" t="s">
        <v>23734</v>
      </c>
      <c r="C8412" t="s">
        <v>23735</v>
      </c>
      <c r="D8412" t="s">
        <v>23731</v>
      </c>
      <c r="E8412" t="s">
        <v>13</v>
      </c>
      <c r="F8412">
        <v>5670</v>
      </c>
      <c r="G8412" t="s">
        <v>23736</v>
      </c>
      <c r="H8412">
        <v>4.4032749331390004</v>
      </c>
      <c r="I8412">
        <v>51.918823468428997</v>
      </c>
      <c r="J8412" t="s">
        <v>64097</v>
      </c>
    </row>
    <row r="8413" spans="1:10" x14ac:dyDescent="0.25">
      <c r="A8413" t="s">
        <v>23728</v>
      </c>
      <c r="B8413" t="s">
        <v>23729</v>
      </c>
      <c r="C8413" t="s">
        <v>23730</v>
      </c>
      <c r="D8413" t="s">
        <v>23731</v>
      </c>
      <c r="E8413" t="s">
        <v>13</v>
      </c>
      <c r="F8413">
        <v>5669</v>
      </c>
      <c r="G8413" t="s">
        <v>23732</v>
      </c>
      <c r="H8413">
        <v>4.3998914919700001</v>
      </c>
      <c r="I8413">
        <v>51.916729980733997</v>
      </c>
      <c r="J8413" t="s">
        <v>64098</v>
      </c>
    </row>
    <row r="8414" spans="1:10" x14ac:dyDescent="0.25">
      <c r="A8414" t="s">
        <v>23724</v>
      </c>
      <c r="B8414" t="s">
        <v>23725</v>
      </c>
      <c r="C8414" t="s">
        <v>23726</v>
      </c>
      <c r="D8414" t="s">
        <v>23610</v>
      </c>
      <c r="E8414" t="s">
        <v>13</v>
      </c>
      <c r="F8414">
        <v>5668</v>
      </c>
      <c r="G8414" t="s">
        <v>23727</v>
      </c>
      <c r="H8414">
        <v>4.3508371604400002</v>
      </c>
      <c r="I8414">
        <v>52.026722907268002</v>
      </c>
      <c r="J8414" t="s">
        <v>64099</v>
      </c>
    </row>
    <row r="8415" spans="1:10" x14ac:dyDescent="0.25">
      <c r="A8415" t="s">
        <v>23720</v>
      </c>
      <c r="B8415" t="s">
        <v>23721</v>
      </c>
      <c r="C8415" t="s">
        <v>23722</v>
      </c>
      <c r="D8415" t="s">
        <v>23610</v>
      </c>
      <c r="E8415" t="s">
        <v>13</v>
      </c>
      <c r="F8415">
        <v>5667</v>
      </c>
      <c r="G8415" t="s">
        <v>23723</v>
      </c>
      <c r="H8415">
        <v>4.3493218672439999</v>
      </c>
      <c r="I8415">
        <v>52.034582206939</v>
      </c>
      <c r="J8415" t="s">
        <v>64100</v>
      </c>
    </row>
    <row r="8416" spans="1:10" x14ac:dyDescent="0.25">
      <c r="A8416" t="s">
        <v>23716</v>
      </c>
      <c r="B8416" t="s">
        <v>23717</v>
      </c>
      <c r="C8416" t="s">
        <v>23718</v>
      </c>
      <c r="D8416" t="s">
        <v>23610</v>
      </c>
      <c r="E8416" t="s">
        <v>13</v>
      </c>
      <c r="F8416">
        <v>5666</v>
      </c>
      <c r="G8416" t="s">
        <v>23719</v>
      </c>
      <c r="H8416">
        <v>4.3381400656469999</v>
      </c>
      <c r="I8416">
        <v>52.022155804168001</v>
      </c>
      <c r="J8416" t="s">
        <v>64101</v>
      </c>
    </row>
    <row r="8417" spans="1:10" x14ac:dyDescent="0.25">
      <c r="A8417" t="s">
        <v>23712</v>
      </c>
      <c r="B8417" t="s">
        <v>23713</v>
      </c>
      <c r="C8417" t="s">
        <v>23714</v>
      </c>
      <c r="D8417" t="s">
        <v>23610</v>
      </c>
      <c r="E8417" t="s">
        <v>13</v>
      </c>
      <c r="F8417">
        <v>5665</v>
      </c>
      <c r="G8417" t="s">
        <v>23715</v>
      </c>
      <c r="H8417">
        <v>4.3432051931920004</v>
      </c>
      <c r="I8417">
        <v>52.029036863141002</v>
      </c>
      <c r="J8417" t="s">
        <v>64102</v>
      </c>
    </row>
    <row r="8418" spans="1:10" x14ac:dyDescent="0.25">
      <c r="A8418" t="s">
        <v>23708</v>
      </c>
      <c r="B8418" t="s">
        <v>23709</v>
      </c>
      <c r="C8418" t="s">
        <v>23710</v>
      </c>
      <c r="D8418" t="s">
        <v>23610</v>
      </c>
      <c r="E8418" t="s">
        <v>13</v>
      </c>
      <c r="F8418">
        <v>5664</v>
      </c>
      <c r="G8418" t="s">
        <v>23711</v>
      </c>
      <c r="H8418">
        <v>4.3381235770239996</v>
      </c>
      <c r="I8418">
        <v>52.033971289504002</v>
      </c>
      <c r="J8418" t="s">
        <v>64103</v>
      </c>
    </row>
    <row r="8419" spans="1:10" x14ac:dyDescent="0.25">
      <c r="A8419" t="s">
        <v>23704</v>
      </c>
      <c r="B8419" t="s">
        <v>23705</v>
      </c>
      <c r="C8419" t="s">
        <v>23706</v>
      </c>
      <c r="D8419" t="s">
        <v>23610</v>
      </c>
      <c r="E8419" t="s">
        <v>13</v>
      </c>
      <c r="F8419">
        <v>5663</v>
      </c>
      <c r="G8419" t="s">
        <v>23707</v>
      </c>
      <c r="H8419">
        <v>4.3256615413370003</v>
      </c>
      <c r="I8419">
        <v>52.019227660870001</v>
      </c>
      <c r="J8419" t="s">
        <v>64104</v>
      </c>
    </row>
    <row r="8420" spans="1:10" x14ac:dyDescent="0.25">
      <c r="A8420" t="s">
        <v>23700</v>
      </c>
      <c r="B8420" t="s">
        <v>23701</v>
      </c>
      <c r="C8420" t="s">
        <v>23702</v>
      </c>
      <c r="D8420" t="s">
        <v>23610</v>
      </c>
      <c r="E8420" t="s">
        <v>13</v>
      </c>
      <c r="F8420">
        <v>5662</v>
      </c>
      <c r="G8420" t="s">
        <v>23703</v>
      </c>
      <c r="H8420">
        <v>4.3140887068789997</v>
      </c>
      <c r="I8420">
        <v>52.022166725439</v>
      </c>
      <c r="J8420" t="s">
        <v>64105</v>
      </c>
    </row>
    <row r="8421" spans="1:10" x14ac:dyDescent="0.25">
      <c r="A8421" t="s">
        <v>23696</v>
      </c>
      <c r="B8421" t="s">
        <v>23697</v>
      </c>
      <c r="C8421" t="s">
        <v>23698</v>
      </c>
      <c r="D8421" t="s">
        <v>23610</v>
      </c>
      <c r="E8421" t="s">
        <v>13</v>
      </c>
      <c r="F8421">
        <v>5661</v>
      </c>
      <c r="G8421" t="s">
        <v>23699</v>
      </c>
      <c r="H8421">
        <v>4.3042440687730004</v>
      </c>
      <c r="I8421">
        <v>52.026677020904003</v>
      </c>
      <c r="J8421" t="s">
        <v>64106</v>
      </c>
    </row>
    <row r="8422" spans="1:10" x14ac:dyDescent="0.25">
      <c r="A8422" t="s">
        <v>23692</v>
      </c>
      <c r="B8422" t="s">
        <v>23693</v>
      </c>
      <c r="C8422" t="s">
        <v>23694</v>
      </c>
      <c r="D8422" t="s">
        <v>23610</v>
      </c>
      <c r="E8422" t="s">
        <v>13</v>
      </c>
      <c r="F8422">
        <v>5660</v>
      </c>
      <c r="G8422" t="s">
        <v>23695</v>
      </c>
      <c r="H8422">
        <v>4.312670547323</v>
      </c>
      <c r="I8422">
        <v>52.029273868244999</v>
      </c>
      <c r="J8422" t="s">
        <v>64107</v>
      </c>
    </row>
    <row r="8423" spans="1:10" x14ac:dyDescent="0.25">
      <c r="A8423" t="s">
        <v>23688</v>
      </c>
      <c r="B8423" t="s">
        <v>23689</v>
      </c>
      <c r="C8423" t="s">
        <v>23690</v>
      </c>
      <c r="D8423" t="s">
        <v>23610</v>
      </c>
      <c r="E8423" t="s">
        <v>13</v>
      </c>
      <c r="F8423">
        <v>5659</v>
      </c>
      <c r="G8423" t="s">
        <v>23691</v>
      </c>
      <c r="H8423">
        <v>4.3080671124850003</v>
      </c>
      <c r="I8423">
        <v>52.034920119475998</v>
      </c>
      <c r="J8423" t="s">
        <v>64108</v>
      </c>
    </row>
    <row r="8424" spans="1:10" x14ac:dyDescent="0.25">
      <c r="A8424" t="s">
        <v>23684</v>
      </c>
      <c r="B8424" t="s">
        <v>23685</v>
      </c>
      <c r="C8424" t="s">
        <v>23686</v>
      </c>
      <c r="D8424" t="s">
        <v>23610</v>
      </c>
      <c r="E8424" t="s">
        <v>13</v>
      </c>
      <c r="F8424">
        <v>5658</v>
      </c>
      <c r="G8424" t="s">
        <v>23687</v>
      </c>
      <c r="H8424">
        <v>4.3026072397839998</v>
      </c>
      <c r="I8424">
        <v>52.038751054374004</v>
      </c>
      <c r="J8424" t="s">
        <v>64109</v>
      </c>
    </row>
    <row r="8425" spans="1:10" x14ac:dyDescent="0.25">
      <c r="A8425" t="s">
        <v>23680</v>
      </c>
      <c r="B8425" t="s">
        <v>23681</v>
      </c>
      <c r="C8425" t="s">
        <v>23682</v>
      </c>
      <c r="D8425" t="s">
        <v>23610</v>
      </c>
      <c r="E8425" t="s">
        <v>13</v>
      </c>
      <c r="F8425">
        <v>5657</v>
      </c>
      <c r="G8425" t="s">
        <v>23683</v>
      </c>
      <c r="H8425">
        <v>4.2979876712970002</v>
      </c>
      <c r="I8425">
        <v>52.036298229684</v>
      </c>
      <c r="J8425" t="s">
        <v>64110</v>
      </c>
    </row>
    <row r="8426" spans="1:10" x14ac:dyDescent="0.25">
      <c r="A8426" t="s">
        <v>23676</v>
      </c>
      <c r="B8426" t="s">
        <v>23677</v>
      </c>
      <c r="C8426" t="s">
        <v>23678</v>
      </c>
      <c r="D8426" t="s">
        <v>23610</v>
      </c>
      <c r="E8426" t="s">
        <v>13</v>
      </c>
      <c r="F8426">
        <v>5656</v>
      </c>
      <c r="G8426" t="s">
        <v>23679</v>
      </c>
      <c r="H8426">
        <v>4.3030971235080004</v>
      </c>
      <c r="I8426">
        <v>52.042214147513</v>
      </c>
      <c r="J8426" t="s">
        <v>64111</v>
      </c>
    </row>
    <row r="8427" spans="1:10" x14ac:dyDescent="0.25">
      <c r="A8427" t="s">
        <v>23673</v>
      </c>
      <c r="B8427" t="s">
        <v>23674</v>
      </c>
      <c r="C8427" t="s">
        <v>4091</v>
      </c>
      <c r="D8427" t="s">
        <v>23610</v>
      </c>
      <c r="E8427" t="s">
        <v>13</v>
      </c>
      <c r="F8427">
        <v>5655</v>
      </c>
      <c r="G8427" t="s">
        <v>23675</v>
      </c>
      <c r="H8427">
        <v>4.3302779579089998</v>
      </c>
      <c r="I8427">
        <v>52.026203885316001</v>
      </c>
      <c r="J8427" t="s">
        <v>64112</v>
      </c>
    </row>
    <row r="8428" spans="1:10" x14ac:dyDescent="0.25">
      <c r="A8428" t="s">
        <v>23670</v>
      </c>
      <c r="B8428" t="s">
        <v>23671</v>
      </c>
      <c r="C8428" t="s">
        <v>4329</v>
      </c>
      <c r="D8428" t="s">
        <v>23610</v>
      </c>
      <c r="E8428" t="s">
        <v>13</v>
      </c>
      <c r="F8428">
        <v>5654</v>
      </c>
      <c r="G8428" t="s">
        <v>23672</v>
      </c>
      <c r="H8428">
        <v>4.322548335145</v>
      </c>
      <c r="I8428">
        <v>52.032339593400003</v>
      </c>
      <c r="J8428" t="s">
        <v>64113</v>
      </c>
    </row>
    <row r="8429" spans="1:10" x14ac:dyDescent="0.25">
      <c r="A8429" t="s">
        <v>23666</v>
      </c>
      <c r="B8429" t="s">
        <v>23667</v>
      </c>
      <c r="C8429" t="s">
        <v>23668</v>
      </c>
      <c r="D8429" t="s">
        <v>23610</v>
      </c>
      <c r="E8429" t="s">
        <v>13</v>
      </c>
      <c r="F8429">
        <v>5653</v>
      </c>
      <c r="G8429" t="s">
        <v>23669</v>
      </c>
      <c r="H8429">
        <v>4.316217336077</v>
      </c>
      <c r="I8429">
        <v>52.037441696240002</v>
      </c>
      <c r="J8429" t="s">
        <v>64114</v>
      </c>
    </row>
    <row r="8430" spans="1:10" x14ac:dyDescent="0.25">
      <c r="A8430" t="s">
        <v>23662</v>
      </c>
      <c r="B8430" t="s">
        <v>23663</v>
      </c>
      <c r="C8430" t="s">
        <v>23664</v>
      </c>
      <c r="D8430" t="s">
        <v>23610</v>
      </c>
      <c r="E8430" t="s">
        <v>13</v>
      </c>
      <c r="F8430">
        <v>5652</v>
      </c>
      <c r="G8430" t="s">
        <v>23665</v>
      </c>
      <c r="H8430">
        <v>4.3124053566049998</v>
      </c>
      <c r="I8430">
        <v>52.041575021576001</v>
      </c>
      <c r="J8430" t="s">
        <v>64115</v>
      </c>
    </row>
    <row r="8431" spans="1:10" x14ac:dyDescent="0.25">
      <c r="A8431" t="s">
        <v>23659</v>
      </c>
      <c r="B8431" t="s">
        <v>23660</v>
      </c>
      <c r="C8431" t="s">
        <v>17134</v>
      </c>
      <c r="D8431" t="s">
        <v>23610</v>
      </c>
      <c r="E8431" t="s">
        <v>13</v>
      </c>
      <c r="F8431">
        <v>5651</v>
      </c>
      <c r="G8431" t="s">
        <v>23661</v>
      </c>
      <c r="H8431">
        <v>4.3086855376009998</v>
      </c>
      <c r="I8431">
        <v>52.045648512116003</v>
      </c>
      <c r="J8431" t="s">
        <v>64116</v>
      </c>
    </row>
    <row r="8432" spans="1:10" x14ac:dyDescent="0.25">
      <c r="A8432" t="s">
        <v>23656</v>
      </c>
      <c r="B8432" t="s">
        <v>23657</v>
      </c>
      <c r="C8432" t="s">
        <v>9049</v>
      </c>
      <c r="D8432" t="s">
        <v>23610</v>
      </c>
      <c r="E8432" t="s">
        <v>13</v>
      </c>
      <c r="F8432">
        <v>5650</v>
      </c>
      <c r="G8432" t="s">
        <v>23658</v>
      </c>
      <c r="H8432">
        <v>4.3216233310590004</v>
      </c>
      <c r="I8432">
        <v>52.039608192964003</v>
      </c>
      <c r="J8432" t="s">
        <v>64117</v>
      </c>
    </row>
    <row r="8433" spans="1:10" x14ac:dyDescent="0.25">
      <c r="A8433" t="s">
        <v>23652</v>
      </c>
      <c r="B8433" t="s">
        <v>23653</v>
      </c>
      <c r="C8433" t="s">
        <v>23654</v>
      </c>
      <c r="D8433" t="s">
        <v>23610</v>
      </c>
      <c r="E8433" t="s">
        <v>13</v>
      </c>
      <c r="F8433">
        <v>5649</v>
      </c>
      <c r="G8433" t="s">
        <v>23655</v>
      </c>
      <c r="H8433">
        <v>4.3338272030820004</v>
      </c>
      <c r="I8433">
        <v>52.039766264325003</v>
      </c>
      <c r="J8433" t="s">
        <v>64118</v>
      </c>
    </row>
    <row r="8434" spans="1:10" x14ac:dyDescent="0.25">
      <c r="A8434" t="s">
        <v>23648</v>
      </c>
      <c r="B8434" t="s">
        <v>23649</v>
      </c>
      <c r="C8434" t="s">
        <v>23650</v>
      </c>
      <c r="D8434" t="s">
        <v>23610</v>
      </c>
      <c r="E8434" t="s">
        <v>13</v>
      </c>
      <c r="F8434">
        <v>5648</v>
      </c>
      <c r="G8434" t="s">
        <v>23651</v>
      </c>
      <c r="H8434">
        <v>4.3253711263419996</v>
      </c>
      <c r="I8434">
        <v>52.045964165276999</v>
      </c>
      <c r="J8434" t="s">
        <v>64119</v>
      </c>
    </row>
    <row r="8435" spans="1:10" x14ac:dyDescent="0.25">
      <c r="A8435" t="s">
        <v>23644</v>
      </c>
      <c r="B8435" t="s">
        <v>23645</v>
      </c>
      <c r="C8435" t="s">
        <v>23646</v>
      </c>
      <c r="D8435" t="s">
        <v>23610</v>
      </c>
      <c r="E8435" t="s">
        <v>13</v>
      </c>
      <c r="F8435">
        <v>5647</v>
      </c>
      <c r="G8435" t="s">
        <v>23647</v>
      </c>
      <c r="H8435">
        <v>4.3170127701479997</v>
      </c>
      <c r="I8435">
        <v>52.043673079294003</v>
      </c>
      <c r="J8435" t="s">
        <v>64120</v>
      </c>
    </row>
    <row r="8436" spans="1:10" x14ac:dyDescent="0.25">
      <c r="A8436" t="s">
        <v>23641</v>
      </c>
      <c r="B8436" t="s">
        <v>23642</v>
      </c>
      <c r="C8436" t="s">
        <v>15750</v>
      </c>
      <c r="D8436" t="s">
        <v>23610</v>
      </c>
      <c r="E8436" t="s">
        <v>13</v>
      </c>
      <c r="F8436">
        <v>5646</v>
      </c>
      <c r="G8436" t="s">
        <v>23643</v>
      </c>
      <c r="H8436">
        <v>4.3189362903989998</v>
      </c>
      <c r="I8436">
        <v>52.050191553540003</v>
      </c>
      <c r="J8436" t="s">
        <v>64121</v>
      </c>
    </row>
    <row r="8437" spans="1:10" x14ac:dyDescent="0.25">
      <c r="A8437" t="s">
        <v>23637</v>
      </c>
      <c r="B8437" t="s">
        <v>23638</v>
      </c>
      <c r="C8437" t="s">
        <v>23639</v>
      </c>
      <c r="D8437" t="s">
        <v>23610</v>
      </c>
      <c r="E8437" t="s">
        <v>13</v>
      </c>
      <c r="F8437">
        <v>5645</v>
      </c>
      <c r="G8437" t="s">
        <v>23640</v>
      </c>
      <c r="H8437">
        <v>4.3454568376019997</v>
      </c>
      <c r="I8437">
        <v>52.046596472723003</v>
      </c>
      <c r="J8437" t="s">
        <v>64122</v>
      </c>
    </row>
    <row r="8438" spans="1:10" x14ac:dyDescent="0.25">
      <c r="A8438" t="s">
        <v>23633</v>
      </c>
      <c r="B8438" t="s">
        <v>23634</v>
      </c>
      <c r="C8438" t="s">
        <v>23635</v>
      </c>
      <c r="D8438" t="s">
        <v>23610</v>
      </c>
      <c r="E8438" t="s">
        <v>13</v>
      </c>
      <c r="F8438">
        <v>5644</v>
      </c>
      <c r="G8438" t="s">
        <v>23636</v>
      </c>
      <c r="H8438">
        <v>4.347897617888</v>
      </c>
      <c r="I8438">
        <v>52.050274499529998</v>
      </c>
      <c r="J8438" t="s">
        <v>64123</v>
      </c>
    </row>
    <row r="8439" spans="1:10" x14ac:dyDescent="0.25">
      <c r="A8439" t="s">
        <v>23630</v>
      </c>
      <c r="B8439" t="s">
        <v>23631</v>
      </c>
      <c r="C8439" t="s">
        <v>18899</v>
      </c>
      <c r="D8439" t="s">
        <v>23610</v>
      </c>
      <c r="E8439" t="s">
        <v>13</v>
      </c>
      <c r="F8439">
        <v>5643</v>
      </c>
      <c r="G8439" t="s">
        <v>23632</v>
      </c>
      <c r="H8439">
        <v>4.3367420610150003</v>
      </c>
      <c r="I8439">
        <v>52.046556450978002</v>
      </c>
      <c r="J8439" t="s">
        <v>64124</v>
      </c>
    </row>
    <row r="8440" spans="1:10" x14ac:dyDescent="0.25">
      <c r="A8440" t="s">
        <v>23626</v>
      </c>
      <c r="B8440" t="s">
        <v>23627</v>
      </c>
      <c r="C8440" t="s">
        <v>23628</v>
      </c>
      <c r="D8440" t="s">
        <v>23610</v>
      </c>
      <c r="E8440" t="s">
        <v>13</v>
      </c>
      <c r="F8440">
        <v>5642</v>
      </c>
      <c r="G8440" t="s">
        <v>23629</v>
      </c>
      <c r="H8440">
        <v>4.3329805900630003</v>
      </c>
      <c r="I8440">
        <v>52.050458787248999</v>
      </c>
      <c r="J8440" t="s">
        <v>64125</v>
      </c>
    </row>
    <row r="8441" spans="1:10" x14ac:dyDescent="0.25">
      <c r="A8441" t="s">
        <v>23623</v>
      </c>
      <c r="B8441" t="s">
        <v>23624</v>
      </c>
      <c r="C8441" t="s">
        <v>1629</v>
      </c>
      <c r="D8441" t="s">
        <v>23610</v>
      </c>
      <c r="E8441" t="s">
        <v>13</v>
      </c>
      <c r="F8441">
        <v>5641</v>
      </c>
      <c r="G8441" t="s">
        <v>23625</v>
      </c>
      <c r="H8441">
        <v>4.3288866988630001</v>
      </c>
      <c r="I8441">
        <v>52.054907084515001</v>
      </c>
      <c r="J8441" t="s">
        <v>64126</v>
      </c>
    </row>
    <row r="8442" spans="1:10" x14ac:dyDescent="0.25">
      <c r="A8442" t="s">
        <v>23620</v>
      </c>
      <c r="B8442" t="s">
        <v>23621</v>
      </c>
      <c r="C8442" t="s">
        <v>6548</v>
      </c>
      <c r="D8442" t="s">
        <v>23610</v>
      </c>
      <c r="E8442" t="s">
        <v>13</v>
      </c>
      <c r="F8442">
        <v>5640</v>
      </c>
      <c r="G8442" t="s">
        <v>23622</v>
      </c>
      <c r="H8442">
        <v>4.3403720942369999</v>
      </c>
      <c r="I8442">
        <v>52.050173624739998</v>
      </c>
      <c r="J8442" t="s">
        <v>64127</v>
      </c>
    </row>
    <row r="8443" spans="1:10" x14ac:dyDescent="0.25">
      <c r="A8443" t="s">
        <v>23616</v>
      </c>
      <c r="B8443" t="s">
        <v>23617</v>
      </c>
      <c r="C8443" t="s">
        <v>23618</v>
      </c>
      <c r="D8443" t="s">
        <v>23610</v>
      </c>
      <c r="E8443" t="s">
        <v>13</v>
      </c>
      <c r="F8443">
        <v>5639</v>
      </c>
      <c r="G8443" t="s">
        <v>23619</v>
      </c>
      <c r="H8443">
        <v>4.3349681394969997</v>
      </c>
      <c r="I8443">
        <v>52.055889537071003</v>
      </c>
      <c r="J8443" t="s">
        <v>64128</v>
      </c>
    </row>
    <row r="8444" spans="1:10" x14ac:dyDescent="0.25">
      <c r="A8444" t="s">
        <v>23612</v>
      </c>
      <c r="B8444" t="s">
        <v>23613</v>
      </c>
      <c r="C8444" t="s">
        <v>23614</v>
      </c>
      <c r="D8444" t="s">
        <v>23610</v>
      </c>
      <c r="E8444" t="s">
        <v>13</v>
      </c>
      <c r="F8444">
        <v>5638</v>
      </c>
      <c r="G8444" t="s">
        <v>23615</v>
      </c>
      <c r="H8444">
        <v>4.3426482641639996</v>
      </c>
      <c r="I8444">
        <v>52.055948666082003</v>
      </c>
      <c r="J8444" t="s">
        <v>64129</v>
      </c>
    </row>
    <row r="8445" spans="1:10" x14ac:dyDescent="0.25">
      <c r="A8445" t="s">
        <v>23607</v>
      </c>
      <c r="B8445" t="s">
        <v>23608</v>
      </c>
      <c r="C8445" t="s">
        <v>23609</v>
      </c>
      <c r="D8445" t="s">
        <v>23610</v>
      </c>
      <c r="E8445" t="s">
        <v>13</v>
      </c>
      <c r="F8445">
        <v>5637</v>
      </c>
      <c r="G8445" t="s">
        <v>23611</v>
      </c>
      <c r="H8445">
        <v>4.3393115508470004</v>
      </c>
      <c r="I8445">
        <v>52.059356788485999</v>
      </c>
      <c r="J8445" t="s">
        <v>64130</v>
      </c>
    </row>
    <row r="8446" spans="1:10" x14ac:dyDescent="0.25">
      <c r="A8446" t="s">
        <v>1015</v>
      </c>
      <c r="B8446" t="s">
        <v>1016</v>
      </c>
      <c r="C8446" t="s">
        <v>1017</v>
      </c>
      <c r="D8446" t="s">
        <v>974</v>
      </c>
      <c r="E8446" t="s">
        <v>13</v>
      </c>
      <c r="F8446">
        <v>5636</v>
      </c>
      <c r="G8446" t="s">
        <v>1018</v>
      </c>
      <c r="H8446">
        <v>4.5598434566439998</v>
      </c>
      <c r="I8446">
        <v>51.873759663986</v>
      </c>
      <c r="J8446" t="s">
        <v>64131</v>
      </c>
    </row>
    <row r="8447" spans="1:10" x14ac:dyDescent="0.25">
      <c r="A8447" t="s">
        <v>1011</v>
      </c>
      <c r="B8447" t="s">
        <v>1012</v>
      </c>
      <c r="C8447" t="s">
        <v>1013</v>
      </c>
      <c r="D8447" t="s">
        <v>974</v>
      </c>
      <c r="E8447" t="s">
        <v>13</v>
      </c>
      <c r="F8447">
        <v>5635</v>
      </c>
      <c r="G8447" t="s">
        <v>1014</v>
      </c>
      <c r="H8447">
        <v>4.5619920225159998</v>
      </c>
      <c r="I8447">
        <v>51.860270192111003</v>
      </c>
      <c r="J8447" t="s">
        <v>64132</v>
      </c>
    </row>
    <row r="8448" spans="1:10" x14ac:dyDescent="0.25">
      <c r="A8448" t="s">
        <v>1007</v>
      </c>
      <c r="B8448" t="s">
        <v>1008</v>
      </c>
      <c r="C8448" t="s">
        <v>1009</v>
      </c>
      <c r="D8448" t="s">
        <v>974</v>
      </c>
      <c r="E8448" t="s">
        <v>13</v>
      </c>
      <c r="F8448">
        <v>5634</v>
      </c>
      <c r="G8448" t="s">
        <v>1010</v>
      </c>
      <c r="H8448">
        <v>4.6192583901450002</v>
      </c>
      <c r="I8448">
        <v>51.875201876947003</v>
      </c>
      <c r="J8448" t="s">
        <v>64133</v>
      </c>
    </row>
    <row r="8449" spans="1:10" x14ac:dyDescent="0.25">
      <c r="A8449" t="s">
        <v>1004</v>
      </c>
      <c r="B8449" t="s">
        <v>1005</v>
      </c>
      <c r="C8449" t="s">
        <v>877</v>
      </c>
      <c r="D8449" t="s">
        <v>974</v>
      </c>
      <c r="E8449" t="s">
        <v>13</v>
      </c>
      <c r="F8449">
        <v>5633</v>
      </c>
      <c r="G8449" t="s">
        <v>1006</v>
      </c>
      <c r="H8449">
        <v>4.6352437759729996</v>
      </c>
      <c r="I8449">
        <v>51.858537200682001</v>
      </c>
      <c r="J8449" t="s">
        <v>64134</v>
      </c>
    </row>
    <row r="8450" spans="1:10" x14ac:dyDescent="0.25">
      <c r="A8450" t="s">
        <v>1000</v>
      </c>
      <c r="B8450" t="s">
        <v>1001</v>
      </c>
      <c r="C8450" t="s">
        <v>1002</v>
      </c>
      <c r="D8450" t="s">
        <v>974</v>
      </c>
      <c r="E8450" t="s">
        <v>13</v>
      </c>
      <c r="F8450">
        <v>5632</v>
      </c>
      <c r="G8450" t="s">
        <v>1003</v>
      </c>
      <c r="H8450">
        <v>4.5851353630730003</v>
      </c>
      <c r="I8450">
        <v>51.855943448113997</v>
      </c>
      <c r="J8450" t="s">
        <v>64135</v>
      </c>
    </row>
    <row r="8451" spans="1:10" x14ac:dyDescent="0.25">
      <c r="A8451" t="s">
        <v>996</v>
      </c>
      <c r="B8451" t="s">
        <v>997</v>
      </c>
      <c r="C8451" t="s">
        <v>998</v>
      </c>
      <c r="D8451" t="s">
        <v>974</v>
      </c>
      <c r="E8451" t="s">
        <v>13</v>
      </c>
      <c r="F8451">
        <v>5631</v>
      </c>
      <c r="G8451" t="s">
        <v>999</v>
      </c>
      <c r="H8451">
        <v>4.5805987453460002</v>
      </c>
      <c r="I8451">
        <v>51.889558581282998</v>
      </c>
      <c r="J8451" t="s">
        <v>64136</v>
      </c>
    </row>
    <row r="8452" spans="1:10" x14ac:dyDescent="0.25">
      <c r="A8452" t="s">
        <v>992</v>
      </c>
      <c r="B8452" t="s">
        <v>993</v>
      </c>
      <c r="C8452" t="s">
        <v>994</v>
      </c>
      <c r="D8452" t="s">
        <v>974</v>
      </c>
      <c r="E8452" t="s">
        <v>13</v>
      </c>
      <c r="F8452">
        <v>5630</v>
      </c>
      <c r="G8452" t="s">
        <v>995</v>
      </c>
      <c r="H8452">
        <v>4.6035773841449998</v>
      </c>
      <c r="I8452">
        <v>51.885361813204</v>
      </c>
      <c r="J8452" t="s">
        <v>64137</v>
      </c>
    </row>
    <row r="8453" spans="1:10" x14ac:dyDescent="0.25">
      <c r="A8453" t="s">
        <v>988</v>
      </c>
      <c r="B8453" t="s">
        <v>989</v>
      </c>
      <c r="C8453" t="s">
        <v>990</v>
      </c>
      <c r="D8453" t="s">
        <v>974</v>
      </c>
      <c r="E8453" t="s">
        <v>13</v>
      </c>
      <c r="F8453">
        <v>5629</v>
      </c>
      <c r="G8453" t="s">
        <v>991</v>
      </c>
      <c r="H8453">
        <v>4.6184135661039996</v>
      </c>
      <c r="I8453">
        <v>51.868214596359998</v>
      </c>
      <c r="J8453" t="s">
        <v>64138</v>
      </c>
    </row>
    <row r="8454" spans="1:10" x14ac:dyDescent="0.25">
      <c r="A8454" t="s">
        <v>984</v>
      </c>
      <c r="B8454" t="s">
        <v>985</v>
      </c>
      <c r="C8454" t="s">
        <v>986</v>
      </c>
      <c r="D8454" t="s">
        <v>974</v>
      </c>
      <c r="E8454" t="s">
        <v>13</v>
      </c>
      <c r="F8454">
        <v>5628</v>
      </c>
      <c r="G8454" t="s">
        <v>987</v>
      </c>
      <c r="H8454">
        <v>4.6168326069920003</v>
      </c>
      <c r="I8454">
        <v>51.861420193938997</v>
      </c>
      <c r="J8454" t="s">
        <v>64139</v>
      </c>
    </row>
    <row r="8455" spans="1:10" x14ac:dyDescent="0.25">
      <c r="A8455" t="s">
        <v>980</v>
      </c>
      <c r="B8455" t="s">
        <v>981</v>
      </c>
      <c r="C8455" t="s">
        <v>982</v>
      </c>
      <c r="D8455" t="s">
        <v>974</v>
      </c>
      <c r="E8455" t="s">
        <v>13</v>
      </c>
      <c r="F8455">
        <v>5627</v>
      </c>
      <c r="G8455" t="s">
        <v>983</v>
      </c>
      <c r="H8455">
        <v>4.5977189337439999</v>
      </c>
      <c r="I8455">
        <v>51.863035506400998</v>
      </c>
      <c r="J8455" t="s">
        <v>64140</v>
      </c>
    </row>
    <row r="8456" spans="1:10" x14ac:dyDescent="0.25">
      <c r="A8456" t="s">
        <v>976</v>
      </c>
      <c r="B8456" t="s">
        <v>977</v>
      </c>
      <c r="C8456" t="s">
        <v>978</v>
      </c>
      <c r="D8456" t="s">
        <v>974</v>
      </c>
      <c r="E8456" t="s">
        <v>13</v>
      </c>
      <c r="F8456">
        <v>5626</v>
      </c>
      <c r="G8456" t="s">
        <v>979</v>
      </c>
      <c r="H8456">
        <v>4.5845587928059999</v>
      </c>
      <c r="I8456">
        <v>51.875703776660004</v>
      </c>
      <c r="J8456" t="s">
        <v>64141</v>
      </c>
    </row>
    <row r="8457" spans="1:10" x14ac:dyDescent="0.25">
      <c r="A8457" t="s">
        <v>972</v>
      </c>
      <c r="B8457" t="s">
        <v>973</v>
      </c>
      <c r="C8457" t="s">
        <v>129</v>
      </c>
      <c r="D8457" t="s">
        <v>974</v>
      </c>
      <c r="E8457" t="s">
        <v>13</v>
      </c>
      <c r="F8457">
        <v>5625</v>
      </c>
      <c r="G8457" t="s">
        <v>975</v>
      </c>
      <c r="H8457">
        <v>4.5986152990139999</v>
      </c>
      <c r="I8457">
        <v>51.871533998064002</v>
      </c>
      <c r="J8457" t="s">
        <v>64142</v>
      </c>
    </row>
    <row r="8458" spans="1:10" x14ac:dyDescent="0.25">
      <c r="A8458" t="s">
        <v>968</v>
      </c>
      <c r="B8458" t="s">
        <v>969</v>
      </c>
      <c r="C8458" t="s">
        <v>970</v>
      </c>
      <c r="D8458" t="s">
        <v>943</v>
      </c>
      <c r="E8458" t="s">
        <v>13</v>
      </c>
      <c r="F8458">
        <v>5624</v>
      </c>
      <c r="G8458" t="s">
        <v>971</v>
      </c>
      <c r="H8458">
        <v>4.7296823896670004</v>
      </c>
      <c r="I8458">
        <v>51.840038077986001</v>
      </c>
      <c r="J8458" t="s">
        <v>64143</v>
      </c>
    </row>
    <row r="8459" spans="1:10" x14ac:dyDescent="0.25">
      <c r="A8459" t="s">
        <v>964</v>
      </c>
      <c r="B8459" t="s">
        <v>965</v>
      </c>
      <c r="C8459" t="s">
        <v>966</v>
      </c>
      <c r="D8459" t="s">
        <v>943</v>
      </c>
      <c r="E8459" t="s">
        <v>13</v>
      </c>
      <c r="F8459">
        <v>5623</v>
      </c>
      <c r="G8459" t="s">
        <v>967</v>
      </c>
      <c r="H8459">
        <v>4.7216302181519998</v>
      </c>
      <c r="I8459">
        <v>51.832867461524003</v>
      </c>
      <c r="J8459" t="s">
        <v>64144</v>
      </c>
    </row>
    <row r="8460" spans="1:10" x14ac:dyDescent="0.25">
      <c r="A8460" t="s">
        <v>960</v>
      </c>
      <c r="B8460" t="s">
        <v>961</v>
      </c>
      <c r="C8460" t="s">
        <v>962</v>
      </c>
      <c r="D8460" t="s">
        <v>943</v>
      </c>
      <c r="E8460" t="s">
        <v>13</v>
      </c>
      <c r="F8460">
        <v>5622</v>
      </c>
      <c r="G8460" t="s">
        <v>963</v>
      </c>
      <c r="H8460">
        <v>4.7178186034729999</v>
      </c>
      <c r="I8460">
        <v>51.826257412250001</v>
      </c>
      <c r="J8460" t="s">
        <v>64145</v>
      </c>
    </row>
    <row r="8461" spans="1:10" x14ac:dyDescent="0.25">
      <c r="A8461" t="s">
        <v>956</v>
      </c>
      <c r="B8461" t="s">
        <v>957</v>
      </c>
      <c r="C8461" t="s">
        <v>958</v>
      </c>
      <c r="D8461" t="s">
        <v>943</v>
      </c>
      <c r="E8461" t="s">
        <v>13</v>
      </c>
      <c r="F8461">
        <v>5621</v>
      </c>
      <c r="G8461" t="s">
        <v>959</v>
      </c>
      <c r="H8461">
        <v>4.7030629025500001</v>
      </c>
      <c r="I8461">
        <v>51.837340854205003</v>
      </c>
      <c r="J8461" t="s">
        <v>64146</v>
      </c>
    </row>
    <row r="8462" spans="1:10" x14ac:dyDescent="0.25">
      <c r="A8462" t="s">
        <v>952</v>
      </c>
      <c r="B8462" t="s">
        <v>953</v>
      </c>
      <c r="C8462" t="s">
        <v>954</v>
      </c>
      <c r="D8462" t="s">
        <v>943</v>
      </c>
      <c r="E8462" t="s">
        <v>13</v>
      </c>
      <c r="F8462">
        <v>5620</v>
      </c>
      <c r="G8462" t="s">
        <v>955</v>
      </c>
      <c r="H8462">
        <v>4.7005296251260003</v>
      </c>
      <c r="I8462">
        <v>51.827428489764998</v>
      </c>
      <c r="J8462" t="s">
        <v>64147</v>
      </c>
    </row>
    <row r="8463" spans="1:10" x14ac:dyDescent="0.25">
      <c r="A8463" t="s">
        <v>948</v>
      </c>
      <c r="B8463" t="s">
        <v>949</v>
      </c>
      <c r="C8463" t="s">
        <v>950</v>
      </c>
      <c r="D8463" t="s">
        <v>943</v>
      </c>
      <c r="E8463" t="s">
        <v>13</v>
      </c>
      <c r="F8463">
        <v>5619</v>
      </c>
      <c r="G8463" t="s">
        <v>951</v>
      </c>
      <c r="H8463">
        <v>4.6909780204520004</v>
      </c>
      <c r="I8463">
        <v>51.827627146486002</v>
      </c>
      <c r="J8463" t="s">
        <v>64148</v>
      </c>
    </row>
    <row r="8464" spans="1:10" x14ac:dyDescent="0.25">
      <c r="A8464" t="s">
        <v>945</v>
      </c>
      <c r="B8464" t="s">
        <v>946</v>
      </c>
      <c r="C8464" t="s">
        <v>864</v>
      </c>
      <c r="D8464" t="s">
        <v>943</v>
      </c>
      <c r="E8464" t="s">
        <v>13</v>
      </c>
      <c r="F8464">
        <v>5618</v>
      </c>
      <c r="G8464" t="s">
        <v>947</v>
      </c>
      <c r="H8464">
        <v>4.6888625973679998</v>
      </c>
      <c r="I8464">
        <v>51.842159798056002</v>
      </c>
      <c r="J8464" t="s">
        <v>64149</v>
      </c>
    </row>
    <row r="8465" spans="1:10" x14ac:dyDescent="0.25">
      <c r="A8465" t="s">
        <v>940</v>
      </c>
      <c r="B8465" t="s">
        <v>941</v>
      </c>
      <c r="C8465" t="s">
        <v>942</v>
      </c>
      <c r="D8465" t="s">
        <v>943</v>
      </c>
      <c r="E8465" t="s">
        <v>13</v>
      </c>
      <c r="F8465">
        <v>5617</v>
      </c>
      <c r="G8465" t="s">
        <v>944</v>
      </c>
      <c r="H8465">
        <v>4.6789873944669997</v>
      </c>
      <c r="I8465">
        <v>51.831328702547999</v>
      </c>
      <c r="J8465" t="s">
        <v>64150</v>
      </c>
    </row>
    <row r="8466" spans="1:10" x14ac:dyDescent="0.25">
      <c r="A8466" t="s">
        <v>23603</v>
      </c>
      <c r="B8466" t="s">
        <v>23604</v>
      </c>
      <c r="C8466" t="s">
        <v>23605</v>
      </c>
      <c r="D8466" t="s">
        <v>23539</v>
      </c>
      <c r="E8466" t="s">
        <v>13</v>
      </c>
      <c r="F8466">
        <v>5616</v>
      </c>
      <c r="G8466" t="s">
        <v>23606</v>
      </c>
      <c r="H8466">
        <v>4.8942687685499999</v>
      </c>
      <c r="I8466">
        <v>52.037852304947002</v>
      </c>
      <c r="J8466" t="s">
        <v>64151</v>
      </c>
    </row>
    <row r="8467" spans="1:10" x14ac:dyDescent="0.25">
      <c r="A8467" t="s">
        <v>23599</v>
      </c>
      <c r="B8467" t="s">
        <v>23600</v>
      </c>
      <c r="C8467" t="s">
        <v>23601</v>
      </c>
      <c r="D8467" t="s">
        <v>23539</v>
      </c>
      <c r="E8467" t="s">
        <v>13</v>
      </c>
      <c r="F8467">
        <v>5615</v>
      </c>
      <c r="G8467" t="s">
        <v>23602</v>
      </c>
      <c r="H8467">
        <v>4.8602346817099997</v>
      </c>
      <c r="I8467">
        <v>52.050163240583998</v>
      </c>
      <c r="J8467" t="s">
        <v>64152</v>
      </c>
    </row>
    <row r="8468" spans="1:10" x14ac:dyDescent="0.25">
      <c r="A8468" t="s">
        <v>23595</v>
      </c>
      <c r="B8468" t="s">
        <v>23596</v>
      </c>
      <c r="C8468" t="s">
        <v>23597</v>
      </c>
      <c r="D8468" t="s">
        <v>23539</v>
      </c>
      <c r="E8468" t="s">
        <v>13</v>
      </c>
      <c r="F8468">
        <v>5614</v>
      </c>
      <c r="G8468" t="s">
        <v>23598</v>
      </c>
      <c r="H8468">
        <v>4.8522377309240001</v>
      </c>
      <c r="I8468">
        <v>52.044739616698998</v>
      </c>
      <c r="J8468" t="s">
        <v>64153</v>
      </c>
    </row>
    <row r="8469" spans="1:10" x14ac:dyDescent="0.25">
      <c r="A8469" t="s">
        <v>23591</v>
      </c>
      <c r="B8469" t="s">
        <v>23592</v>
      </c>
      <c r="C8469" t="s">
        <v>23593</v>
      </c>
      <c r="D8469" t="s">
        <v>23539</v>
      </c>
      <c r="E8469" t="s">
        <v>13</v>
      </c>
      <c r="F8469">
        <v>5613</v>
      </c>
      <c r="G8469" t="s">
        <v>23594</v>
      </c>
      <c r="H8469">
        <v>4.832378422413</v>
      </c>
      <c r="I8469">
        <v>52.038535806205999</v>
      </c>
      <c r="J8469" t="s">
        <v>64154</v>
      </c>
    </row>
    <row r="8470" spans="1:10" x14ac:dyDescent="0.25">
      <c r="A8470" t="s">
        <v>23588</v>
      </c>
      <c r="B8470" t="s">
        <v>23589</v>
      </c>
      <c r="C8470" t="s">
        <v>13406</v>
      </c>
      <c r="D8470" t="s">
        <v>23539</v>
      </c>
      <c r="E8470" t="s">
        <v>13</v>
      </c>
      <c r="F8470">
        <v>5612</v>
      </c>
      <c r="G8470" t="s">
        <v>23590</v>
      </c>
      <c r="H8470">
        <v>4.8977179141990002</v>
      </c>
      <c r="I8470">
        <v>52.016057498678997</v>
      </c>
      <c r="J8470" t="s">
        <v>64155</v>
      </c>
    </row>
    <row r="8471" spans="1:10" x14ac:dyDescent="0.25">
      <c r="A8471" t="s">
        <v>23584</v>
      </c>
      <c r="B8471" t="s">
        <v>23585</v>
      </c>
      <c r="C8471" t="s">
        <v>23586</v>
      </c>
      <c r="D8471" t="s">
        <v>23539</v>
      </c>
      <c r="E8471" t="s">
        <v>13</v>
      </c>
      <c r="F8471">
        <v>5611</v>
      </c>
      <c r="G8471" t="s">
        <v>23587</v>
      </c>
      <c r="H8471">
        <v>4.8551605259250001</v>
      </c>
      <c r="I8471">
        <v>52.000299830754997</v>
      </c>
      <c r="J8471" t="s">
        <v>64156</v>
      </c>
    </row>
    <row r="8472" spans="1:10" x14ac:dyDescent="0.25">
      <c r="A8472" t="s">
        <v>23581</v>
      </c>
      <c r="B8472" t="s">
        <v>23582</v>
      </c>
      <c r="C8472" t="s">
        <v>11573</v>
      </c>
      <c r="D8472" t="s">
        <v>23539</v>
      </c>
      <c r="E8472" t="s">
        <v>13</v>
      </c>
      <c r="F8472">
        <v>5610</v>
      </c>
      <c r="G8472" t="s">
        <v>23583</v>
      </c>
      <c r="H8472">
        <v>4.861991334951</v>
      </c>
      <c r="I8472">
        <v>52.015090278762997</v>
      </c>
      <c r="J8472" t="s">
        <v>64157</v>
      </c>
    </row>
    <row r="8473" spans="1:10" x14ac:dyDescent="0.25">
      <c r="A8473" t="s">
        <v>23577</v>
      </c>
      <c r="B8473" t="s">
        <v>23578</v>
      </c>
      <c r="C8473" t="s">
        <v>23579</v>
      </c>
      <c r="D8473" t="s">
        <v>23539</v>
      </c>
      <c r="E8473" t="s">
        <v>13</v>
      </c>
      <c r="F8473">
        <v>5609</v>
      </c>
      <c r="G8473" t="s">
        <v>23580</v>
      </c>
      <c r="H8473">
        <v>4.8574766307959996</v>
      </c>
      <c r="I8473">
        <v>52.029269085616001</v>
      </c>
      <c r="J8473" t="s">
        <v>64158</v>
      </c>
    </row>
    <row r="8474" spans="1:10" x14ac:dyDescent="0.25">
      <c r="A8474" t="s">
        <v>23573</v>
      </c>
      <c r="B8474" t="s">
        <v>23574</v>
      </c>
      <c r="C8474" t="s">
        <v>23575</v>
      </c>
      <c r="D8474" t="s">
        <v>23539</v>
      </c>
      <c r="E8474" t="s">
        <v>13</v>
      </c>
      <c r="F8474">
        <v>5608</v>
      </c>
      <c r="G8474" t="s">
        <v>23576</v>
      </c>
      <c r="H8474">
        <v>4.865165176593</v>
      </c>
      <c r="I8474">
        <v>52.035359894385003</v>
      </c>
      <c r="J8474" t="s">
        <v>64159</v>
      </c>
    </row>
    <row r="8475" spans="1:10" x14ac:dyDescent="0.25">
      <c r="A8475" t="s">
        <v>23569</v>
      </c>
      <c r="B8475" t="s">
        <v>23570</v>
      </c>
      <c r="C8475" t="s">
        <v>23571</v>
      </c>
      <c r="D8475" t="s">
        <v>23539</v>
      </c>
      <c r="E8475" t="s">
        <v>13</v>
      </c>
      <c r="F8475">
        <v>5607</v>
      </c>
      <c r="G8475" t="s">
        <v>23572</v>
      </c>
      <c r="H8475">
        <v>4.8704604820819997</v>
      </c>
      <c r="I8475">
        <v>52.033075137597002</v>
      </c>
      <c r="J8475" t="s">
        <v>64160</v>
      </c>
    </row>
    <row r="8476" spans="1:10" x14ac:dyDescent="0.25">
      <c r="A8476" t="s">
        <v>23565</v>
      </c>
      <c r="B8476" t="s">
        <v>23566</v>
      </c>
      <c r="C8476" t="s">
        <v>23567</v>
      </c>
      <c r="D8476" t="s">
        <v>23539</v>
      </c>
      <c r="E8476" t="s">
        <v>13</v>
      </c>
      <c r="F8476">
        <v>5606</v>
      </c>
      <c r="G8476" t="s">
        <v>23568</v>
      </c>
      <c r="H8476">
        <v>4.8762767677719996</v>
      </c>
      <c r="I8476">
        <v>52.018614578091999</v>
      </c>
      <c r="J8476" t="s">
        <v>64161</v>
      </c>
    </row>
    <row r="8477" spans="1:10" x14ac:dyDescent="0.25">
      <c r="A8477" t="s">
        <v>23561</v>
      </c>
      <c r="B8477" t="s">
        <v>23562</v>
      </c>
      <c r="C8477" t="s">
        <v>23563</v>
      </c>
      <c r="D8477" t="s">
        <v>23539</v>
      </c>
      <c r="E8477" t="s">
        <v>13</v>
      </c>
      <c r="F8477">
        <v>5605</v>
      </c>
      <c r="G8477" t="s">
        <v>23564</v>
      </c>
      <c r="H8477">
        <v>4.863426217202</v>
      </c>
      <c r="I8477">
        <v>52.021939512160003</v>
      </c>
      <c r="J8477" t="s">
        <v>64162</v>
      </c>
    </row>
    <row r="8478" spans="1:10" x14ac:dyDescent="0.25">
      <c r="A8478" t="s">
        <v>23557</v>
      </c>
      <c r="B8478" t="s">
        <v>23558</v>
      </c>
      <c r="C8478" t="s">
        <v>23559</v>
      </c>
      <c r="D8478" t="s">
        <v>23539</v>
      </c>
      <c r="E8478" t="s">
        <v>13</v>
      </c>
      <c r="F8478">
        <v>5604</v>
      </c>
      <c r="G8478" t="s">
        <v>23560</v>
      </c>
      <c r="H8478">
        <v>4.8631212040519998</v>
      </c>
      <c r="I8478">
        <v>52.025898930608001</v>
      </c>
      <c r="J8478" t="s">
        <v>64163</v>
      </c>
    </row>
    <row r="8479" spans="1:10" x14ac:dyDescent="0.25">
      <c r="A8479" t="s">
        <v>23553</v>
      </c>
      <c r="B8479" t="s">
        <v>23554</v>
      </c>
      <c r="C8479" t="s">
        <v>23555</v>
      </c>
      <c r="D8479" t="s">
        <v>23539</v>
      </c>
      <c r="E8479" t="s">
        <v>13</v>
      </c>
      <c r="F8479">
        <v>5603</v>
      </c>
      <c r="G8479" t="s">
        <v>23556</v>
      </c>
      <c r="H8479">
        <v>4.8672632110330003</v>
      </c>
      <c r="I8479">
        <v>52.028714176385002</v>
      </c>
      <c r="J8479" t="s">
        <v>64164</v>
      </c>
    </row>
    <row r="8480" spans="1:10" x14ac:dyDescent="0.25">
      <c r="A8480" t="s">
        <v>23549</v>
      </c>
      <c r="B8480" t="s">
        <v>23550</v>
      </c>
      <c r="C8480" t="s">
        <v>23551</v>
      </c>
      <c r="D8480" t="s">
        <v>23539</v>
      </c>
      <c r="E8480" t="s">
        <v>13</v>
      </c>
      <c r="F8480">
        <v>5602</v>
      </c>
      <c r="G8480" t="s">
        <v>23552</v>
      </c>
      <c r="H8480">
        <v>4.8724822727500001</v>
      </c>
      <c r="I8480">
        <v>52.029374601104003</v>
      </c>
      <c r="J8480" t="s">
        <v>64165</v>
      </c>
    </row>
    <row r="8481" spans="1:10" x14ac:dyDescent="0.25">
      <c r="A8481" t="s">
        <v>23545</v>
      </c>
      <c r="B8481" t="s">
        <v>23546</v>
      </c>
      <c r="C8481" t="s">
        <v>23547</v>
      </c>
      <c r="D8481" t="s">
        <v>23539</v>
      </c>
      <c r="E8481" t="s">
        <v>13</v>
      </c>
      <c r="F8481">
        <v>5601</v>
      </c>
      <c r="G8481" t="s">
        <v>23548</v>
      </c>
      <c r="H8481">
        <v>4.8718676540499999</v>
      </c>
      <c r="I8481">
        <v>52.022610986037002</v>
      </c>
      <c r="J8481" t="s">
        <v>64166</v>
      </c>
    </row>
    <row r="8482" spans="1:10" x14ac:dyDescent="0.25">
      <c r="A8482" t="s">
        <v>23541</v>
      </c>
      <c r="B8482" t="s">
        <v>23542</v>
      </c>
      <c r="C8482" t="s">
        <v>23543</v>
      </c>
      <c r="D8482" t="s">
        <v>23539</v>
      </c>
      <c r="E8482" t="s">
        <v>13</v>
      </c>
      <c r="F8482">
        <v>5600</v>
      </c>
      <c r="G8482" t="s">
        <v>23544</v>
      </c>
      <c r="H8482">
        <v>4.8288886768459998</v>
      </c>
      <c r="I8482">
        <v>52.022917835035003</v>
      </c>
      <c r="J8482" t="s">
        <v>64167</v>
      </c>
    </row>
    <row r="8483" spans="1:10" x14ac:dyDescent="0.25">
      <c r="A8483" t="s">
        <v>23536</v>
      </c>
      <c r="B8483" t="s">
        <v>23537</v>
      </c>
      <c r="C8483" t="s">
        <v>23538</v>
      </c>
      <c r="D8483" t="s">
        <v>23539</v>
      </c>
      <c r="E8483" t="s">
        <v>13</v>
      </c>
      <c r="F8483">
        <v>5599</v>
      </c>
      <c r="G8483" t="s">
        <v>23540</v>
      </c>
      <c r="H8483">
        <v>4.8091895415800003</v>
      </c>
      <c r="I8483">
        <v>52.015351821835999</v>
      </c>
      <c r="J8483" t="s">
        <v>64168</v>
      </c>
    </row>
    <row r="8484" spans="1:10" x14ac:dyDescent="0.25">
      <c r="A8484" t="s">
        <v>23532</v>
      </c>
      <c r="B8484" t="s">
        <v>23533</v>
      </c>
      <c r="C8484" t="s">
        <v>23534</v>
      </c>
      <c r="D8484" t="s">
        <v>23493</v>
      </c>
      <c r="E8484" t="s">
        <v>13</v>
      </c>
      <c r="F8484">
        <v>5598</v>
      </c>
      <c r="G8484" t="s">
        <v>23535</v>
      </c>
      <c r="H8484">
        <v>4.4926344404160004</v>
      </c>
      <c r="I8484">
        <v>52.179500984382003</v>
      </c>
      <c r="J8484" t="s">
        <v>64169</v>
      </c>
    </row>
    <row r="8485" spans="1:10" x14ac:dyDescent="0.25">
      <c r="A8485" t="s">
        <v>23528</v>
      </c>
      <c r="B8485" t="s">
        <v>23529</v>
      </c>
      <c r="C8485" t="s">
        <v>23530</v>
      </c>
      <c r="D8485" t="s">
        <v>23493</v>
      </c>
      <c r="E8485" t="s">
        <v>13</v>
      </c>
      <c r="F8485">
        <v>5597</v>
      </c>
      <c r="G8485" t="s">
        <v>23531</v>
      </c>
      <c r="H8485">
        <v>4.4806359265279996</v>
      </c>
      <c r="I8485">
        <v>52.196864810619999</v>
      </c>
      <c r="J8485" t="s">
        <v>64170</v>
      </c>
    </row>
    <row r="8486" spans="1:10" x14ac:dyDescent="0.25">
      <c r="A8486" t="s">
        <v>23524</v>
      </c>
      <c r="B8486" t="s">
        <v>23525</v>
      </c>
      <c r="C8486" t="s">
        <v>23526</v>
      </c>
      <c r="D8486" t="s">
        <v>23493</v>
      </c>
      <c r="E8486" t="s">
        <v>13</v>
      </c>
      <c r="F8486">
        <v>5596</v>
      </c>
      <c r="G8486" t="s">
        <v>23527</v>
      </c>
      <c r="H8486">
        <v>4.4825296041250002</v>
      </c>
      <c r="I8486">
        <v>52.191643925866003</v>
      </c>
      <c r="J8486" t="s">
        <v>64171</v>
      </c>
    </row>
    <row r="8487" spans="1:10" x14ac:dyDescent="0.25">
      <c r="A8487" t="s">
        <v>23520</v>
      </c>
      <c r="B8487" t="s">
        <v>23521</v>
      </c>
      <c r="C8487" t="s">
        <v>23522</v>
      </c>
      <c r="D8487" t="s">
        <v>23493</v>
      </c>
      <c r="E8487" t="s">
        <v>13</v>
      </c>
      <c r="F8487">
        <v>5595</v>
      </c>
      <c r="G8487" t="s">
        <v>23523</v>
      </c>
      <c r="H8487">
        <v>4.4721675794370004</v>
      </c>
      <c r="I8487">
        <v>52.194138345361999</v>
      </c>
      <c r="J8487" t="s">
        <v>64172</v>
      </c>
    </row>
    <row r="8488" spans="1:10" x14ac:dyDescent="0.25">
      <c r="A8488" t="s">
        <v>23517</v>
      </c>
      <c r="B8488" t="s">
        <v>23518</v>
      </c>
      <c r="C8488" t="s">
        <v>17138</v>
      </c>
      <c r="D8488" t="s">
        <v>23493</v>
      </c>
      <c r="E8488" t="s">
        <v>13</v>
      </c>
      <c r="F8488">
        <v>5594</v>
      </c>
      <c r="G8488" t="s">
        <v>23519</v>
      </c>
      <c r="H8488">
        <v>4.4537017067780003</v>
      </c>
      <c r="I8488">
        <v>52.181131987638999</v>
      </c>
      <c r="J8488" t="s">
        <v>64173</v>
      </c>
    </row>
    <row r="8489" spans="1:10" x14ac:dyDescent="0.25">
      <c r="A8489" t="s">
        <v>23513</v>
      </c>
      <c r="B8489" t="s">
        <v>23514</v>
      </c>
      <c r="C8489" t="s">
        <v>23515</v>
      </c>
      <c r="D8489" t="s">
        <v>23493</v>
      </c>
      <c r="E8489" t="s">
        <v>13</v>
      </c>
      <c r="F8489">
        <v>5593</v>
      </c>
      <c r="G8489" t="s">
        <v>23516</v>
      </c>
      <c r="H8489">
        <v>4.4644180442919996</v>
      </c>
      <c r="I8489">
        <v>52.185429451251999</v>
      </c>
      <c r="J8489" t="s">
        <v>64174</v>
      </c>
    </row>
    <row r="8490" spans="1:10" x14ac:dyDescent="0.25">
      <c r="A8490" t="s">
        <v>23510</v>
      </c>
      <c r="B8490" t="s">
        <v>23511</v>
      </c>
      <c r="C8490" t="s">
        <v>479</v>
      </c>
      <c r="D8490" t="s">
        <v>23493</v>
      </c>
      <c r="E8490" t="s">
        <v>13</v>
      </c>
      <c r="F8490">
        <v>5592</v>
      </c>
      <c r="G8490" t="s">
        <v>23512</v>
      </c>
      <c r="H8490">
        <v>4.4727048098570004</v>
      </c>
      <c r="I8490">
        <v>52.187419638613001</v>
      </c>
      <c r="J8490" t="s">
        <v>64175</v>
      </c>
    </row>
    <row r="8491" spans="1:10" x14ac:dyDescent="0.25">
      <c r="A8491" t="s">
        <v>23506</v>
      </c>
      <c r="B8491" t="s">
        <v>23507</v>
      </c>
      <c r="C8491" t="s">
        <v>23508</v>
      </c>
      <c r="D8491" t="s">
        <v>23493</v>
      </c>
      <c r="E8491" t="s">
        <v>13</v>
      </c>
      <c r="F8491">
        <v>5591</v>
      </c>
      <c r="G8491" t="s">
        <v>23509</v>
      </c>
      <c r="H8491">
        <v>4.4830333773669997</v>
      </c>
      <c r="I8491">
        <v>52.184185335673</v>
      </c>
      <c r="J8491" t="s">
        <v>64176</v>
      </c>
    </row>
    <row r="8492" spans="1:10" x14ac:dyDescent="0.25">
      <c r="A8492" t="s">
        <v>23502</v>
      </c>
      <c r="B8492" t="s">
        <v>23503</v>
      </c>
      <c r="C8492" t="s">
        <v>23504</v>
      </c>
      <c r="D8492" t="s">
        <v>23493</v>
      </c>
      <c r="E8492" t="s">
        <v>13</v>
      </c>
      <c r="F8492">
        <v>5590</v>
      </c>
      <c r="G8492" t="s">
        <v>23505</v>
      </c>
      <c r="H8492">
        <v>4.471506315928</v>
      </c>
      <c r="I8492">
        <v>52.179727352515002</v>
      </c>
      <c r="J8492" t="s">
        <v>64177</v>
      </c>
    </row>
    <row r="8493" spans="1:10" x14ac:dyDescent="0.25">
      <c r="A8493" t="s">
        <v>23499</v>
      </c>
      <c r="B8493" t="s">
        <v>23500</v>
      </c>
      <c r="C8493" t="s">
        <v>9799</v>
      </c>
      <c r="D8493" t="s">
        <v>23493</v>
      </c>
      <c r="E8493" t="s">
        <v>13</v>
      </c>
      <c r="F8493">
        <v>5589</v>
      </c>
      <c r="G8493" t="s">
        <v>23501</v>
      </c>
      <c r="H8493">
        <v>4.4782158905980003</v>
      </c>
      <c r="I8493">
        <v>52.198452654546003</v>
      </c>
      <c r="J8493" t="s">
        <v>64178</v>
      </c>
    </row>
    <row r="8494" spans="1:10" x14ac:dyDescent="0.25">
      <c r="A8494" t="s">
        <v>23495</v>
      </c>
      <c r="B8494" t="s">
        <v>23496</v>
      </c>
      <c r="C8494" t="s">
        <v>23497</v>
      </c>
      <c r="D8494" t="s">
        <v>23493</v>
      </c>
      <c r="E8494" t="s">
        <v>13</v>
      </c>
      <c r="F8494">
        <v>5588</v>
      </c>
      <c r="G8494" t="s">
        <v>23498</v>
      </c>
      <c r="H8494">
        <v>4.4495893296969999</v>
      </c>
      <c r="I8494">
        <v>52.174118132723002</v>
      </c>
      <c r="J8494" t="s">
        <v>64179</v>
      </c>
    </row>
    <row r="8495" spans="1:10" x14ac:dyDescent="0.25">
      <c r="A8495" t="s">
        <v>23490</v>
      </c>
      <c r="B8495" t="s">
        <v>23491</v>
      </c>
      <c r="C8495" t="s">
        <v>23492</v>
      </c>
      <c r="D8495" t="s">
        <v>23493</v>
      </c>
      <c r="E8495" t="s">
        <v>13</v>
      </c>
      <c r="F8495">
        <v>5587</v>
      </c>
      <c r="G8495" t="s">
        <v>23494</v>
      </c>
      <c r="H8495">
        <v>4.4625098702479997</v>
      </c>
      <c r="I8495">
        <v>52.174333064900999</v>
      </c>
      <c r="J8495" t="s">
        <v>64180</v>
      </c>
    </row>
    <row r="8496" spans="1:10" x14ac:dyDescent="0.25">
      <c r="A8496" t="s">
        <v>23486</v>
      </c>
      <c r="B8496" t="s">
        <v>23487</v>
      </c>
      <c r="C8496" t="s">
        <v>23488</v>
      </c>
      <c r="D8496" t="s">
        <v>23385</v>
      </c>
      <c r="E8496" t="s">
        <v>13</v>
      </c>
      <c r="F8496">
        <v>5586</v>
      </c>
      <c r="G8496" t="s">
        <v>23489</v>
      </c>
      <c r="H8496">
        <v>4.7436842400819996</v>
      </c>
      <c r="I8496">
        <v>52.169529307161</v>
      </c>
      <c r="J8496" t="s">
        <v>64181</v>
      </c>
    </row>
    <row r="8497" spans="1:10" x14ac:dyDescent="0.25">
      <c r="A8497" t="s">
        <v>23482</v>
      </c>
      <c r="B8497" t="s">
        <v>23483</v>
      </c>
      <c r="C8497" t="s">
        <v>23484</v>
      </c>
      <c r="D8497" t="s">
        <v>23385</v>
      </c>
      <c r="E8497" t="s">
        <v>13</v>
      </c>
      <c r="F8497">
        <v>5585</v>
      </c>
      <c r="G8497" t="s">
        <v>23485</v>
      </c>
      <c r="H8497">
        <v>4.7088316711339999</v>
      </c>
      <c r="I8497">
        <v>52.194185195867</v>
      </c>
      <c r="J8497" t="s">
        <v>64182</v>
      </c>
    </row>
    <row r="8498" spans="1:10" x14ac:dyDescent="0.25">
      <c r="A8498" t="s">
        <v>23478</v>
      </c>
      <c r="B8498" t="s">
        <v>23479</v>
      </c>
      <c r="C8498" t="s">
        <v>23480</v>
      </c>
      <c r="D8498" t="s">
        <v>23385</v>
      </c>
      <c r="E8498" t="s">
        <v>13</v>
      </c>
      <c r="F8498">
        <v>5584</v>
      </c>
      <c r="G8498" t="s">
        <v>23481</v>
      </c>
      <c r="H8498">
        <v>4.7066961269450003</v>
      </c>
      <c r="I8498">
        <v>52.166633997371001</v>
      </c>
      <c r="J8498" t="s">
        <v>64183</v>
      </c>
    </row>
    <row r="8499" spans="1:10" x14ac:dyDescent="0.25">
      <c r="A8499" t="s">
        <v>23474</v>
      </c>
      <c r="B8499" t="s">
        <v>23475</v>
      </c>
      <c r="C8499" t="s">
        <v>23476</v>
      </c>
      <c r="D8499" t="s">
        <v>23385</v>
      </c>
      <c r="E8499" t="s">
        <v>13</v>
      </c>
      <c r="F8499">
        <v>5583</v>
      </c>
      <c r="G8499" t="s">
        <v>23477</v>
      </c>
      <c r="H8499">
        <v>4.7305725740069997</v>
      </c>
      <c r="I8499">
        <v>52.171303692438002</v>
      </c>
      <c r="J8499" t="s">
        <v>64184</v>
      </c>
    </row>
    <row r="8500" spans="1:10" x14ac:dyDescent="0.25">
      <c r="A8500" t="s">
        <v>23470</v>
      </c>
      <c r="B8500" t="s">
        <v>23471</v>
      </c>
      <c r="C8500" t="s">
        <v>23472</v>
      </c>
      <c r="D8500" t="s">
        <v>23385</v>
      </c>
      <c r="E8500" t="s">
        <v>13</v>
      </c>
      <c r="F8500">
        <v>5582</v>
      </c>
      <c r="G8500" t="s">
        <v>23473</v>
      </c>
      <c r="H8500">
        <v>4.7253071411930003</v>
      </c>
      <c r="I8500">
        <v>52.191279838683002</v>
      </c>
      <c r="J8500" t="s">
        <v>64185</v>
      </c>
    </row>
    <row r="8501" spans="1:10" x14ac:dyDescent="0.25">
      <c r="A8501" t="s">
        <v>23466</v>
      </c>
      <c r="B8501" t="s">
        <v>23467</v>
      </c>
      <c r="C8501" t="s">
        <v>23468</v>
      </c>
      <c r="D8501" t="s">
        <v>23385</v>
      </c>
      <c r="E8501" t="s">
        <v>13</v>
      </c>
      <c r="F8501">
        <v>5581</v>
      </c>
      <c r="G8501" t="s">
        <v>23469</v>
      </c>
      <c r="H8501">
        <v>4.7063354648839999</v>
      </c>
      <c r="I8501">
        <v>52.192939820005002</v>
      </c>
      <c r="J8501" t="s">
        <v>64186</v>
      </c>
    </row>
    <row r="8502" spans="1:10" x14ac:dyDescent="0.25">
      <c r="A8502" t="s">
        <v>23462</v>
      </c>
      <c r="B8502" t="s">
        <v>23463</v>
      </c>
      <c r="C8502" t="s">
        <v>23464</v>
      </c>
      <c r="D8502" t="s">
        <v>23385</v>
      </c>
      <c r="E8502" t="s">
        <v>13</v>
      </c>
      <c r="F8502">
        <v>5580</v>
      </c>
      <c r="G8502" t="s">
        <v>23465</v>
      </c>
      <c r="H8502">
        <v>4.7036723433900001</v>
      </c>
      <c r="I8502">
        <v>52.169987145933</v>
      </c>
      <c r="J8502" t="s">
        <v>64187</v>
      </c>
    </row>
    <row r="8503" spans="1:10" x14ac:dyDescent="0.25">
      <c r="A8503" t="s">
        <v>23458</v>
      </c>
      <c r="B8503" t="s">
        <v>23459</v>
      </c>
      <c r="C8503" t="s">
        <v>23460</v>
      </c>
      <c r="D8503" t="s">
        <v>23385</v>
      </c>
      <c r="E8503" t="s">
        <v>13</v>
      </c>
      <c r="F8503">
        <v>5579</v>
      </c>
      <c r="G8503" t="s">
        <v>23461</v>
      </c>
      <c r="H8503">
        <v>4.8133374319020001</v>
      </c>
      <c r="I8503">
        <v>52.184212032898003</v>
      </c>
      <c r="J8503" t="s">
        <v>64188</v>
      </c>
    </row>
    <row r="8504" spans="1:10" x14ac:dyDescent="0.25">
      <c r="A8504" t="s">
        <v>23454</v>
      </c>
      <c r="B8504" t="s">
        <v>23455</v>
      </c>
      <c r="C8504" t="s">
        <v>23456</v>
      </c>
      <c r="D8504" t="s">
        <v>23385</v>
      </c>
      <c r="E8504" t="s">
        <v>13</v>
      </c>
      <c r="F8504">
        <v>5578</v>
      </c>
      <c r="G8504" t="s">
        <v>23457</v>
      </c>
      <c r="H8504">
        <v>4.770829537919</v>
      </c>
      <c r="I8504">
        <v>52.183007656872</v>
      </c>
      <c r="J8504" t="s">
        <v>64189</v>
      </c>
    </row>
    <row r="8505" spans="1:10" x14ac:dyDescent="0.25">
      <c r="A8505" t="s">
        <v>23450</v>
      </c>
      <c r="B8505" t="s">
        <v>23451</v>
      </c>
      <c r="C8505" t="s">
        <v>23452</v>
      </c>
      <c r="D8505" t="s">
        <v>23385</v>
      </c>
      <c r="E8505" t="s">
        <v>13</v>
      </c>
      <c r="F8505">
        <v>5577</v>
      </c>
      <c r="G8505" t="s">
        <v>23453</v>
      </c>
      <c r="H8505">
        <v>4.8552802210349997</v>
      </c>
      <c r="I8505">
        <v>52.170359552329998</v>
      </c>
      <c r="J8505" t="s">
        <v>64190</v>
      </c>
    </row>
    <row r="8506" spans="1:10" x14ac:dyDescent="0.25">
      <c r="A8506" t="s">
        <v>23446</v>
      </c>
      <c r="B8506" t="s">
        <v>23447</v>
      </c>
      <c r="C8506" t="s">
        <v>23448</v>
      </c>
      <c r="D8506" t="s">
        <v>23385</v>
      </c>
      <c r="E8506" t="s">
        <v>13</v>
      </c>
      <c r="F8506">
        <v>5576</v>
      </c>
      <c r="G8506" t="s">
        <v>23449</v>
      </c>
      <c r="H8506">
        <v>4.8405998293590002</v>
      </c>
      <c r="I8506">
        <v>52.179870300898997</v>
      </c>
      <c r="J8506" t="s">
        <v>64191</v>
      </c>
    </row>
    <row r="8507" spans="1:10" x14ac:dyDescent="0.25">
      <c r="A8507" t="s">
        <v>23442</v>
      </c>
      <c r="B8507" t="s">
        <v>23443</v>
      </c>
      <c r="C8507" t="s">
        <v>23444</v>
      </c>
      <c r="D8507" t="s">
        <v>23385</v>
      </c>
      <c r="E8507" t="s">
        <v>13</v>
      </c>
      <c r="F8507">
        <v>5575</v>
      </c>
      <c r="G8507" t="s">
        <v>23445</v>
      </c>
      <c r="H8507">
        <v>4.8442002908169997</v>
      </c>
      <c r="I8507">
        <v>52.168876399886003</v>
      </c>
      <c r="J8507" t="s">
        <v>64192</v>
      </c>
    </row>
    <row r="8508" spans="1:10" x14ac:dyDescent="0.25">
      <c r="A8508" t="s">
        <v>23438</v>
      </c>
      <c r="B8508" t="s">
        <v>23439</v>
      </c>
      <c r="C8508" t="s">
        <v>23440</v>
      </c>
      <c r="D8508" t="s">
        <v>23385</v>
      </c>
      <c r="E8508" t="s">
        <v>13</v>
      </c>
      <c r="F8508">
        <v>5574</v>
      </c>
      <c r="G8508" t="s">
        <v>23441</v>
      </c>
      <c r="H8508">
        <v>4.7801956425309999</v>
      </c>
      <c r="I8508">
        <v>52.184524174522998</v>
      </c>
      <c r="J8508" t="s">
        <v>64193</v>
      </c>
    </row>
    <row r="8509" spans="1:10" x14ac:dyDescent="0.25">
      <c r="A8509" t="s">
        <v>23435</v>
      </c>
      <c r="B8509" t="s">
        <v>23436</v>
      </c>
      <c r="C8509" t="s">
        <v>23413</v>
      </c>
      <c r="D8509" t="s">
        <v>23385</v>
      </c>
      <c r="E8509" t="s">
        <v>13</v>
      </c>
      <c r="F8509">
        <v>5573</v>
      </c>
      <c r="G8509" t="s">
        <v>23437</v>
      </c>
      <c r="H8509">
        <v>4.7557520462170002</v>
      </c>
      <c r="I8509">
        <v>52.210464481578001</v>
      </c>
      <c r="J8509" t="s">
        <v>64194</v>
      </c>
    </row>
    <row r="8510" spans="1:10" x14ac:dyDescent="0.25">
      <c r="A8510" t="s">
        <v>23431</v>
      </c>
      <c r="B8510" t="s">
        <v>23432</v>
      </c>
      <c r="C8510" t="s">
        <v>23433</v>
      </c>
      <c r="D8510" t="s">
        <v>23385</v>
      </c>
      <c r="E8510" t="s">
        <v>13</v>
      </c>
      <c r="F8510">
        <v>5572</v>
      </c>
      <c r="G8510" t="s">
        <v>23434</v>
      </c>
      <c r="H8510">
        <v>4.7609318639040001</v>
      </c>
      <c r="I8510">
        <v>52.193661607396002</v>
      </c>
      <c r="J8510" t="s">
        <v>64195</v>
      </c>
    </row>
    <row r="8511" spans="1:10" x14ac:dyDescent="0.25">
      <c r="A8511" t="s">
        <v>23427</v>
      </c>
      <c r="B8511" t="s">
        <v>23428</v>
      </c>
      <c r="C8511" t="s">
        <v>23429</v>
      </c>
      <c r="D8511" t="s">
        <v>23385</v>
      </c>
      <c r="E8511" t="s">
        <v>13</v>
      </c>
      <c r="F8511">
        <v>5571</v>
      </c>
      <c r="G8511" t="s">
        <v>23430</v>
      </c>
      <c r="H8511">
        <v>4.7883994222370001</v>
      </c>
      <c r="I8511">
        <v>52.214191455296003</v>
      </c>
      <c r="J8511" t="s">
        <v>64196</v>
      </c>
    </row>
    <row r="8512" spans="1:10" x14ac:dyDescent="0.25">
      <c r="A8512" t="s">
        <v>23423</v>
      </c>
      <c r="B8512" t="s">
        <v>23424</v>
      </c>
      <c r="C8512" t="s">
        <v>23425</v>
      </c>
      <c r="D8512" t="s">
        <v>23385</v>
      </c>
      <c r="E8512" t="s">
        <v>13</v>
      </c>
      <c r="F8512">
        <v>5570</v>
      </c>
      <c r="G8512" t="s">
        <v>23426</v>
      </c>
      <c r="H8512">
        <v>4.7560467248510001</v>
      </c>
      <c r="I8512">
        <v>52.192630953723999</v>
      </c>
      <c r="J8512" t="s">
        <v>64197</v>
      </c>
    </row>
    <row r="8513" spans="1:10" x14ac:dyDescent="0.25">
      <c r="A8513" t="s">
        <v>23419</v>
      </c>
      <c r="B8513" t="s">
        <v>23420</v>
      </c>
      <c r="C8513" t="s">
        <v>23421</v>
      </c>
      <c r="D8513" t="s">
        <v>23385</v>
      </c>
      <c r="E8513" t="s">
        <v>13</v>
      </c>
      <c r="F8513">
        <v>5569</v>
      </c>
      <c r="G8513" t="s">
        <v>23422</v>
      </c>
      <c r="H8513">
        <v>4.7506804988990003</v>
      </c>
      <c r="I8513">
        <v>52.199201047598002</v>
      </c>
      <c r="J8513" t="s">
        <v>64198</v>
      </c>
    </row>
    <row r="8514" spans="1:10" x14ac:dyDescent="0.25">
      <c r="A8514" t="s">
        <v>23415</v>
      </c>
      <c r="B8514" t="s">
        <v>23416</v>
      </c>
      <c r="C8514" t="s">
        <v>23417</v>
      </c>
      <c r="D8514" t="s">
        <v>23385</v>
      </c>
      <c r="E8514" t="s">
        <v>13</v>
      </c>
      <c r="F8514">
        <v>5568</v>
      </c>
      <c r="G8514" t="s">
        <v>23418</v>
      </c>
      <c r="H8514">
        <v>4.7986487138899996</v>
      </c>
      <c r="I8514">
        <v>52.139478936944002</v>
      </c>
      <c r="J8514" t="s">
        <v>64199</v>
      </c>
    </row>
    <row r="8515" spans="1:10" x14ac:dyDescent="0.25">
      <c r="A8515" t="s">
        <v>23411</v>
      </c>
      <c r="B8515" t="s">
        <v>23412</v>
      </c>
      <c r="C8515" t="s">
        <v>23413</v>
      </c>
      <c r="D8515" t="s">
        <v>23385</v>
      </c>
      <c r="E8515" t="s">
        <v>13</v>
      </c>
      <c r="F8515">
        <v>5567</v>
      </c>
      <c r="G8515" t="s">
        <v>23414</v>
      </c>
      <c r="H8515">
        <v>4.7768079957399996</v>
      </c>
      <c r="I8515">
        <v>52.160509484830001</v>
      </c>
      <c r="J8515" t="s">
        <v>64200</v>
      </c>
    </row>
    <row r="8516" spans="1:10" x14ac:dyDescent="0.25">
      <c r="A8516" t="s">
        <v>23407</v>
      </c>
      <c r="B8516" t="s">
        <v>23408</v>
      </c>
      <c r="C8516" t="s">
        <v>23409</v>
      </c>
      <c r="D8516" t="s">
        <v>23385</v>
      </c>
      <c r="E8516" t="s">
        <v>13</v>
      </c>
      <c r="F8516">
        <v>5566</v>
      </c>
      <c r="G8516" t="s">
        <v>23410</v>
      </c>
      <c r="H8516">
        <v>4.8701035105179997</v>
      </c>
      <c r="I8516">
        <v>52.159501634202002</v>
      </c>
      <c r="J8516" t="s">
        <v>64201</v>
      </c>
    </row>
    <row r="8517" spans="1:10" x14ac:dyDescent="0.25">
      <c r="A8517" t="s">
        <v>23403</v>
      </c>
      <c r="B8517" t="s">
        <v>23404</v>
      </c>
      <c r="C8517" t="s">
        <v>23405</v>
      </c>
      <c r="D8517" t="s">
        <v>23385</v>
      </c>
      <c r="E8517" t="s">
        <v>13</v>
      </c>
      <c r="F8517">
        <v>5565</v>
      </c>
      <c r="G8517" t="s">
        <v>23406</v>
      </c>
      <c r="H8517">
        <v>4.8268440729020003</v>
      </c>
      <c r="I8517">
        <v>52.167298532731003</v>
      </c>
      <c r="J8517" t="s">
        <v>64202</v>
      </c>
    </row>
    <row r="8518" spans="1:10" x14ac:dyDescent="0.25">
      <c r="A8518" t="s">
        <v>23399</v>
      </c>
      <c r="B8518" t="s">
        <v>23400</v>
      </c>
      <c r="C8518" t="s">
        <v>23401</v>
      </c>
      <c r="D8518" t="s">
        <v>23385</v>
      </c>
      <c r="E8518" t="s">
        <v>13</v>
      </c>
      <c r="F8518">
        <v>5564</v>
      </c>
      <c r="G8518" t="s">
        <v>23402</v>
      </c>
      <c r="H8518">
        <v>4.8524178509890001</v>
      </c>
      <c r="I8518">
        <v>52.145600448835999</v>
      </c>
      <c r="J8518" t="s">
        <v>64203</v>
      </c>
    </row>
    <row r="8519" spans="1:10" x14ac:dyDescent="0.25">
      <c r="A8519" t="s">
        <v>23395</v>
      </c>
      <c r="B8519" t="s">
        <v>23396</v>
      </c>
      <c r="C8519" t="s">
        <v>23397</v>
      </c>
      <c r="D8519" t="s">
        <v>23385</v>
      </c>
      <c r="E8519" t="s">
        <v>13</v>
      </c>
      <c r="F8519">
        <v>5563</v>
      </c>
      <c r="G8519" t="s">
        <v>23398</v>
      </c>
      <c r="H8519">
        <v>4.7727158015009996</v>
      </c>
      <c r="I8519">
        <v>52.150037471748</v>
      </c>
      <c r="J8519" t="s">
        <v>64204</v>
      </c>
    </row>
    <row r="8520" spans="1:10" x14ac:dyDescent="0.25">
      <c r="A8520" t="s">
        <v>23391</v>
      </c>
      <c r="B8520" t="s">
        <v>23392</v>
      </c>
      <c r="C8520" t="s">
        <v>23393</v>
      </c>
      <c r="D8520" t="s">
        <v>23385</v>
      </c>
      <c r="E8520" t="s">
        <v>13</v>
      </c>
      <c r="F8520">
        <v>5562</v>
      </c>
      <c r="G8520" t="s">
        <v>23394</v>
      </c>
      <c r="H8520">
        <v>4.7794214313039998</v>
      </c>
      <c r="I8520">
        <v>52.163076112157</v>
      </c>
      <c r="J8520" t="s">
        <v>64205</v>
      </c>
    </row>
    <row r="8521" spans="1:10" x14ac:dyDescent="0.25">
      <c r="A8521" t="s">
        <v>23387</v>
      </c>
      <c r="B8521" t="s">
        <v>23388</v>
      </c>
      <c r="C8521" t="s">
        <v>23389</v>
      </c>
      <c r="D8521" t="s">
        <v>23385</v>
      </c>
      <c r="E8521" t="s">
        <v>13</v>
      </c>
      <c r="F8521">
        <v>5561</v>
      </c>
      <c r="G8521" t="s">
        <v>23390</v>
      </c>
      <c r="H8521">
        <v>4.8286449588679998</v>
      </c>
      <c r="I8521">
        <v>52.164691605134998</v>
      </c>
      <c r="J8521" t="s">
        <v>64206</v>
      </c>
    </row>
    <row r="8522" spans="1:10" x14ac:dyDescent="0.25">
      <c r="A8522" t="s">
        <v>23382</v>
      </c>
      <c r="B8522" t="s">
        <v>23383</v>
      </c>
      <c r="C8522" t="s">
        <v>23384</v>
      </c>
      <c r="D8522" t="s">
        <v>23385</v>
      </c>
      <c r="E8522" t="s">
        <v>13</v>
      </c>
      <c r="F8522">
        <v>5560</v>
      </c>
      <c r="G8522" t="s">
        <v>23386</v>
      </c>
      <c r="H8522">
        <v>4.7787253191949999</v>
      </c>
      <c r="I8522">
        <v>52.145103672882001</v>
      </c>
      <c r="J8522" t="s">
        <v>64207</v>
      </c>
    </row>
    <row r="8523" spans="1:10" x14ac:dyDescent="0.25">
      <c r="A8523" t="s">
        <v>23378</v>
      </c>
      <c r="B8523" t="s">
        <v>23379</v>
      </c>
      <c r="C8523" t="s">
        <v>23380</v>
      </c>
      <c r="D8523" t="s">
        <v>23314</v>
      </c>
      <c r="E8523" t="s">
        <v>13</v>
      </c>
      <c r="F8523">
        <v>5559</v>
      </c>
      <c r="G8523" t="s">
        <v>23381</v>
      </c>
      <c r="H8523">
        <v>4.241344885188</v>
      </c>
      <c r="I8523">
        <v>51.936904822362997</v>
      </c>
      <c r="J8523" t="s">
        <v>64208</v>
      </c>
    </row>
    <row r="8524" spans="1:10" x14ac:dyDescent="0.25">
      <c r="A8524" t="s">
        <v>23374</v>
      </c>
      <c r="B8524" t="s">
        <v>23375</v>
      </c>
      <c r="C8524" t="s">
        <v>23376</v>
      </c>
      <c r="D8524" t="s">
        <v>23314</v>
      </c>
      <c r="E8524" t="s">
        <v>13</v>
      </c>
      <c r="F8524">
        <v>5558</v>
      </c>
      <c r="G8524" t="s">
        <v>23377</v>
      </c>
      <c r="H8524">
        <v>4.2653385033979996</v>
      </c>
      <c r="I8524">
        <v>51.910351630744998</v>
      </c>
      <c r="J8524" t="s">
        <v>64209</v>
      </c>
    </row>
    <row r="8525" spans="1:10" x14ac:dyDescent="0.25">
      <c r="A8525" t="s">
        <v>23371</v>
      </c>
      <c r="B8525" t="s">
        <v>23372</v>
      </c>
      <c r="C8525" t="s">
        <v>13201</v>
      </c>
      <c r="D8525" t="s">
        <v>23314</v>
      </c>
      <c r="E8525" t="s">
        <v>13</v>
      </c>
      <c r="F8525">
        <v>5557</v>
      </c>
      <c r="G8525" t="s">
        <v>23373</v>
      </c>
      <c r="H8525">
        <v>4.2768176589179996</v>
      </c>
      <c r="I8525">
        <v>51.917376247721002</v>
      </c>
      <c r="J8525" t="s">
        <v>64210</v>
      </c>
    </row>
    <row r="8526" spans="1:10" x14ac:dyDescent="0.25">
      <c r="A8526" t="s">
        <v>23367</v>
      </c>
      <c r="B8526" t="s">
        <v>23368</v>
      </c>
      <c r="C8526" t="s">
        <v>23369</v>
      </c>
      <c r="D8526" t="s">
        <v>23314</v>
      </c>
      <c r="E8526" t="s">
        <v>13</v>
      </c>
      <c r="F8526">
        <v>5556</v>
      </c>
      <c r="G8526" t="s">
        <v>23370</v>
      </c>
      <c r="H8526">
        <v>4.2202974119330001</v>
      </c>
      <c r="I8526">
        <v>51.936246555631001</v>
      </c>
      <c r="J8526" t="s">
        <v>64211</v>
      </c>
    </row>
    <row r="8527" spans="1:10" x14ac:dyDescent="0.25">
      <c r="A8527" t="s">
        <v>23363</v>
      </c>
      <c r="B8527" t="s">
        <v>23364</v>
      </c>
      <c r="C8527" t="s">
        <v>23365</v>
      </c>
      <c r="D8527" t="s">
        <v>23314</v>
      </c>
      <c r="E8527" t="s">
        <v>13</v>
      </c>
      <c r="F8527">
        <v>5555</v>
      </c>
      <c r="G8527" t="s">
        <v>23366</v>
      </c>
      <c r="H8527">
        <v>4.2279136645620001</v>
      </c>
      <c r="I8527">
        <v>51.941949619911</v>
      </c>
      <c r="J8527" t="s">
        <v>64212</v>
      </c>
    </row>
    <row r="8528" spans="1:10" x14ac:dyDescent="0.25">
      <c r="A8528" t="s">
        <v>23360</v>
      </c>
      <c r="B8528" t="s">
        <v>23361</v>
      </c>
      <c r="C8528" t="s">
        <v>3421</v>
      </c>
      <c r="D8528" t="s">
        <v>23314</v>
      </c>
      <c r="E8528" t="s">
        <v>13</v>
      </c>
      <c r="F8528">
        <v>5554</v>
      </c>
      <c r="G8528" t="s">
        <v>23362</v>
      </c>
      <c r="H8528">
        <v>4.2280111788920003</v>
      </c>
      <c r="I8528">
        <v>51.93419009083</v>
      </c>
      <c r="J8528" t="s">
        <v>64213</v>
      </c>
    </row>
    <row r="8529" spans="1:10" x14ac:dyDescent="0.25">
      <c r="A8529" t="s">
        <v>23357</v>
      </c>
      <c r="B8529" t="s">
        <v>23358</v>
      </c>
      <c r="C8529" t="s">
        <v>37</v>
      </c>
      <c r="D8529" t="s">
        <v>23314</v>
      </c>
      <c r="E8529" t="s">
        <v>13</v>
      </c>
      <c r="F8529">
        <v>5553</v>
      </c>
      <c r="G8529" t="s">
        <v>23359</v>
      </c>
      <c r="H8529">
        <v>4.2319044476879997</v>
      </c>
      <c r="I8529">
        <v>51.929618971304997</v>
      </c>
      <c r="J8529" t="s">
        <v>64214</v>
      </c>
    </row>
    <row r="8530" spans="1:10" x14ac:dyDescent="0.25">
      <c r="A8530" t="s">
        <v>23353</v>
      </c>
      <c r="B8530" t="s">
        <v>23354</v>
      </c>
      <c r="C8530" t="s">
        <v>23355</v>
      </c>
      <c r="D8530" t="s">
        <v>23314</v>
      </c>
      <c r="E8530" t="s">
        <v>13</v>
      </c>
      <c r="F8530">
        <v>5552</v>
      </c>
      <c r="G8530" t="s">
        <v>23356</v>
      </c>
      <c r="H8530">
        <v>4.2431173884069997</v>
      </c>
      <c r="I8530">
        <v>51.917620373713</v>
      </c>
      <c r="J8530" t="s">
        <v>64215</v>
      </c>
    </row>
    <row r="8531" spans="1:10" x14ac:dyDescent="0.25">
      <c r="A8531" t="s">
        <v>23349</v>
      </c>
      <c r="B8531" t="s">
        <v>23350</v>
      </c>
      <c r="C8531" t="s">
        <v>23351</v>
      </c>
      <c r="D8531" t="s">
        <v>23314</v>
      </c>
      <c r="E8531" t="s">
        <v>13</v>
      </c>
      <c r="F8531">
        <v>5551</v>
      </c>
      <c r="G8531" t="s">
        <v>23352</v>
      </c>
      <c r="H8531">
        <v>4.2359847908679997</v>
      </c>
      <c r="I8531">
        <v>51.922000843155999</v>
      </c>
      <c r="J8531" t="s">
        <v>64216</v>
      </c>
    </row>
    <row r="8532" spans="1:10" x14ac:dyDescent="0.25">
      <c r="A8532" t="s">
        <v>23345</v>
      </c>
      <c r="B8532" t="s">
        <v>23346</v>
      </c>
      <c r="C8532" t="s">
        <v>23347</v>
      </c>
      <c r="D8532" t="s">
        <v>23314</v>
      </c>
      <c r="E8532" t="s">
        <v>13</v>
      </c>
      <c r="F8532">
        <v>5550</v>
      </c>
      <c r="G8532" t="s">
        <v>23348</v>
      </c>
      <c r="H8532">
        <v>4.2405410625900002</v>
      </c>
      <c r="I8532">
        <v>51.927635052075999</v>
      </c>
      <c r="J8532" t="s">
        <v>64217</v>
      </c>
    </row>
    <row r="8533" spans="1:10" x14ac:dyDescent="0.25">
      <c r="A8533" t="s">
        <v>23342</v>
      </c>
      <c r="B8533" t="s">
        <v>23343</v>
      </c>
      <c r="C8533" t="s">
        <v>17501</v>
      </c>
      <c r="D8533" t="s">
        <v>23314</v>
      </c>
      <c r="E8533" t="s">
        <v>13</v>
      </c>
      <c r="F8533">
        <v>5549</v>
      </c>
      <c r="G8533" t="s">
        <v>23344</v>
      </c>
      <c r="H8533">
        <v>4.245492384376</v>
      </c>
      <c r="I8533">
        <v>51.927131780975003</v>
      </c>
      <c r="J8533" t="s">
        <v>64218</v>
      </c>
    </row>
    <row r="8534" spans="1:10" x14ac:dyDescent="0.25">
      <c r="A8534" t="s">
        <v>23338</v>
      </c>
      <c r="B8534" t="s">
        <v>23339</v>
      </c>
      <c r="C8534" t="s">
        <v>23340</v>
      </c>
      <c r="D8534" t="s">
        <v>23314</v>
      </c>
      <c r="E8534" t="s">
        <v>13</v>
      </c>
      <c r="F8534">
        <v>5548</v>
      </c>
      <c r="G8534" t="s">
        <v>23341</v>
      </c>
      <c r="H8534">
        <v>4.2469227748079996</v>
      </c>
      <c r="I8534">
        <v>51.922587218670003</v>
      </c>
      <c r="J8534" t="s">
        <v>64219</v>
      </c>
    </row>
    <row r="8535" spans="1:10" x14ac:dyDescent="0.25">
      <c r="A8535" t="s">
        <v>23335</v>
      </c>
      <c r="B8535" t="s">
        <v>23336</v>
      </c>
      <c r="C8535" t="s">
        <v>2874</v>
      </c>
      <c r="D8535" t="s">
        <v>23314</v>
      </c>
      <c r="E8535" t="s">
        <v>13</v>
      </c>
      <c r="F8535">
        <v>5547</v>
      </c>
      <c r="G8535" t="s">
        <v>23337</v>
      </c>
      <c r="H8535">
        <v>4.2568628877450001</v>
      </c>
      <c r="I8535">
        <v>51.920611141968998</v>
      </c>
      <c r="J8535" t="s">
        <v>64220</v>
      </c>
    </row>
    <row r="8536" spans="1:10" x14ac:dyDescent="0.25">
      <c r="A8536" t="s">
        <v>23331</v>
      </c>
      <c r="B8536" t="s">
        <v>23332</v>
      </c>
      <c r="C8536" t="s">
        <v>23333</v>
      </c>
      <c r="D8536" t="s">
        <v>23314</v>
      </c>
      <c r="E8536" t="s">
        <v>13</v>
      </c>
      <c r="F8536">
        <v>5546</v>
      </c>
      <c r="G8536" t="s">
        <v>23334</v>
      </c>
      <c r="H8536">
        <v>4.2636029087880001</v>
      </c>
      <c r="I8536">
        <v>51.922563329315999</v>
      </c>
      <c r="J8536" t="s">
        <v>64221</v>
      </c>
    </row>
    <row r="8537" spans="1:10" x14ac:dyDescent="0.25">
      <c r="A8537" t="s">
        <v>23327</v>
      </c>
      <c r="B8537" t="s">
        <v>23328</v>
      </c>
      <c r="C8537" t="s">
        <v>23329</v>
      </c>
      <c r="D8537" t="s">
        <v>23314</v>
      </c>
      <c r="E8537" t="s">
        <v>13</v>
      </c>
      <c r="F8537">
        <v>5545</v>
      </c>
      <c r="G8537" t="s">
        <v>23330</v>
      </c>
      <c r="H8537">
        <v>4.2656608028239997</v>
      </c>
      <c r="I8537">
        <v>51.919168930628999</v>
      </c>
      <c r="J8537" t="s">
        <v>64222</v>
      </c>
    </row>
    <row r="8538" spans="1:10" x14ac:dyDescent="0.25">
      <c r="A8538" t="s">
        <v>23323</v>
      </c>
      <c r="B8538" t="s">
        <v>23324</v>
      </c>
      <c r="C8538" t="s">
        <v>23325</v>
      </c>
      <c r="D8538" t="s">
        <v>23314</v>
      </c>
      <c r="E8538" t="s">
        <v>13</v>
      </c>
      <c r="F8538">
        <v>5544</v>
      </c>
      <c r="G8538" t="s">
        <v>23326</v>
      </c>
      <c r="H8538">
        <v>4.2520533025429996</v>
      </c>
      <c r="I8538">
        <v>51.929767001819002</v>
      </c>
      <c r="J8538" t="s">
        <v>64223</v>
      </c>
    </row>
    <row r="8539" spans="1:10" x14ac:dyDescent="0.25">
      <c r="A8539" t="s">
        <v>23320</v>
      </c>
      <c r="B8539" t="s">
        <v>23321</v>
      </c>
      <c r="C8539" t="s">
        <v>479</v>
      </c>
      <c r="D8539" t="s">
        <v>23314</v>
      </c>
      <c r="E8539" t="s">
        <v>13</v>
      </c>
      <c r="F8539">
        <v>5543</v>
      </c>
      <c r="G8539" t="s">
        <v>23322</v>
      </c>
      <c r="H8539">
        <v>4.2545175424780002</v>
      </c>
      <c r="I8539">
        <v>51.926661420386999</v>
      </c>
      <c r="J8539" t="s">
        <v>64224</v>
      </c>
    </row>
    <row r="8540" spans="1:10" x14ac:dyDescent="0.25">
      <c r="A8540" t="s">
        <v>23316</v>
      </c>
      <c r="B8540" t="s">
        <v>23317</v>
      </c>
      <c r="C8540" t="s">
        <v>23318</v>
      </c>
      <c r="D8540" t="s">
        <v>23314</v>
      </c>
      <c r="E8540" t="s">
        <v>13</v>
      </c>
      <c r="F8540">
        <v>5542</v>
      </c>
      <c r="G8540" t="s">
        <v>23319</v>
      </c>
      <c r="H8540">
        <v>4.2567768270009996</v>
      </c>
      <c r="I8540">
        <v>51.924463186301999</v>
      </c>
      <c r="J8540" t="s">
        <v>64225</v>
      </c>
    </row>
    <row r="8541" spans="1:10" x14ac:dyDescent="0.25">
      <c r="A8541" t="s">
        <v>23311</v>
      </c>
      <c r="B8541" t="s">
        <v>23312</v>
      </c>
      <c r="C8541" t="s">
        <v>23313</v>
      </c>
      <c r="D8541" t="s">
        <v>23314</v>
      </c>
      <c r="E8541" t="s">
        <v>13</v>
      </c>
      <c r="F8541">
        <v>5541</v>
      </c>
      <c r="G8541" t="s">
        <v>23315</v>
      </c>
      <c r="H8541">
        <v>4.2524958126719996</v>
      </c>
      <c r="I8541">
        <v>51.915513274662999</v>
      </c>
      <c r="J8541" t="s">
        <v>64226</v>
      </c>
    </row>
    <row r="8542" spans="1:10" x14ac:dyDescent="0.25">
      <c r="A8542" t="s">
        <v>23308</v>
      </c>
      <c r="B8542" t="s">
        <v>23309</v>
      </c>
      <c r="C8542" t="s">
        <v>9799</v>
      </c>
      <c r="D8542" t="s">
        <v>23233</v>
      </c>
      <c r="E8542" t="s">
        <v>13</v>
      </c>
      <c r="F8542">
        <v>5540</v>
      </c>
      <c r="G8542" t="s">
        <v>23310</v>
      </c>
      <c r="H8542">
        <v>4.5412172112190001</v>
      </c>
      <c r="I8542">
        <v>52.255671768100001</v>
      </c>
      <c r="J8542" t="s">
        <v>64227</v>
      </c>
    </row>
    <row r="8543" spans="1:10" x14ac:dyDescent="0.25">
      <c r="A8543" t="s">
        <v>23304</v>
      </c>
      <c r="B8543" t="s">
        <v>23305</v>
      </c>
      <c r="C8543" t="s">
        <v>23306</v>
      </c>
      <c r="D8543" t="s">
        <v>23233</v>
      </c>
      <c r="E8543" t="s">
        <v>13</v>
      </c>
      <c r="F8543">
        <v>5539</v>
      </c>
      <c r="G8543" t="s">
        <v>23307</v>
      </c>
      <c r="H8543">
        <v>4.5342753322840004</v>
      </c>
      <c r="I8543">
        <v>52.232188128037002</v>
      </c>
      <c r="J8543" t="s">
        <v>64228</v>
      </c>
    </row>
    <row r="8544" spans="1:10" x14ac:dyDescent="0.25">
      <c r="A8544" t="s">
        <v>23300</v>
      </c>
      <c r="B8544" t="s">
        <v>23301</v>
      </c>
      <c r="C8544" t="s">
        <v>23302</v>
      </c>
      <c r="D8544" t="s">
        <v>23233</v>
      </c>
      <c r="E8544" t="s">
        <v>13</v>
      </c>
      <c r="F8544">
        <v>5538</v>
      </c>
      <c r="G8544" t="s">
        <v>23303</v>
      </c>
      <c r="H8544">
        <v>4.5354607144869998</v>
      </c>
      <c r="I8544">
        <v>52.234902272936999</v>
      </c>
      <c r="J8544" t="s">
        <v>64229</v>
      </c>
    </row>
    <row r="8545" spans="1:10" x14ac:dyDescent="0.25">
      <c r="A8545" t="s">
        <v>23296</v>
      </c>
      <c r="B8545" t="s">
        <v>23297</v>
      </c>
      <c r="C8545" t="s">
        <v>23298</v>
      </c>
      <c r="D8545" t="s">
        <v>23233</v>
      </c>
      <c r="E8545" t="s">
        <v>13</v>
      </c>
      <c r="F8545">
        <v>5537</v>
      </c>
      <c r="G8545" t="s">
        <v>23299</v>
      </c>
      <c r="H8545">
        <v>4.5392167479210004</v>
      </c>
      <c r="I8545">
        <v>52.242598977471999</v>
      </c>
      <c r="J8545" t="s">
        <v>64230</v>
      </c>
    </row>
    <row r="8546" spans="1:10" x14ac:dyDescent="0.25">
      <c r="A8546" t="s">
        <v>23293</v>
      </c>
      <c r="B8546" t="s">
        <v>23294</v>
      </c>
      <c r="C8546" t="s">
        <v>18165</v>
      </c>
      <c r="D8546" t="s">
        <v>23233</v>
      </c>
      <c r="E8546" t="s">
        <v>13</v>
      </c>
      <c r="F8546">
        <v>5536</v>
      </c>
      <c r="G8546" t="s">
        <v>23295</v>
      </c>
      <c r="H8546">
        <v>4.5347968575220001</v>
      </c>
      <c r="I8546">
        <v>52.276322909634999</v>
      </c>
      <c r="J8546" t="s">
        <v>64231</v>
      </c>
    </row>
    <row r="8547" spans="1:10" x14ac:dyDescent="0.25">
      <c r="A8547" t="s">
        <v>23289</v>
      </c>
      <c r="B8547" t="s">
        <v>23290</v>
      </c>
      <c r="C8547" t="s">
        <v>23291</v>
      </c>
      <c r="D8547" t="s">
        <v>23233</v>
      </c>
      <c r="E8547" t="s">
        <v>13</v>
      </c>
      <c r="F8547">
        <v>5535</v>
      </c>
      <c r="G8547" t="s">
        <v>23292</v>
      </c>
      <c r="H8547">
        <v>4.5616375478210003</v>
      </c>
      <c r="I8547">
        <v>52.241242027169001</v>
      </c>
      <c r="J8547" t="s">
        <v>64232</v>
      </c>
    </row>
    <row r="8548" spans="1:10" x14ac:dyDescent="0.25">
      <c r="A8548" t="s">
        <v>23285</v>
      </c>
      <c r="B8548" t="s">
        <v>23286</v>
      </c>
      <c r="C8548" t="s">
        <v>23287</v>
      </c>
      <c r="D8548" t="s">
        <v>23233</v>
      </c>
      <c r="E8548" t="s">
        <v>13</v>
      </c>
      <c r="F8548">
        <v>5534</v>
      </c>
      <c r="G8548" t="s">
        <v>23288</v>
      </c>
      <c r="H8548">
        <v>4.5559694296859998</v>
      </c>
      <c r="I8548">
        <v>52.243018885197003</v>
      </c>
      <c r="J8548" t="s">
        <v>64233</v>
      </c>
    </row>
    <row r="8549" spans="1:10" x14ac:dyDescent="0.25">
      <c r="A8549" t="s">
        <v>23281</v>
      </c>
      <c r="B8549" t="s">
        <v>23282</v>
      </c>
      <c r="C8549" t="s">
        <v>23283</v>
      </c>
      <c r="D8549" t="s">
        <v>23233</v>
      </c>
      <c r="E8549" t="s">
        <v>13</v>
      </c>
      <c r="F8549">
        <v>5533</v>
      </c>
      <c r="G8549" t="s">
        <v>23284</v>
      </c>
      <c r="H8549">
        <v>4.5512448858140004</v>
      </c>
      <c r="I8549">
        <v>52.243767769319</v>
      </c>
      <c r="J8549" t="s">
        <v>64234</v>
      </c>
    </row>
    <row r="8550" spans="1:10" x14ac:dyDescent="0.25">
      <c r="A8550" t="s">
        <v>23278</v>
      </c>
      <c r="B8550" t="s">
        <v>23279</v>
      </c>
      <c r="C8550" t="s">
        <v>85</v>
      </c>
      <c r="D8550" t="s">
        <v>23233</v>
      </c>
      <c r="E8550" t="s">
        <v>13</v>
      </c>
      <c r="F8550">
        <v>5532</v>
      </c>
      <c r="G8550" t="s">
        <v>23280</v>
      </c>
      <c r="H8550">
        <v>4.5608516582740002</v>
      </c>
      <c r="I8550">
        <v>52.244955451233999</v>
      </c>
      <c r="J8550" t="s">
        <v>64235</v>
      </c>
    </row>
    <row r="8551" spans="1:10" x14ac:dyDescent="0.25">
      <c r="A8551" t="s">
        <v>23275</v>
      </c>
      <c r="B8551" t="s">
        <v>23276</v>
      </c>
      <c r="C8551" t="s">
        <v>17501</v>
      </c>
      <c r="D8551" t="s">
        <v>23233</v>
      </c>
      <c r="E8551" t="s">
        <v>13</v>
      </c>
      <c r="F8551">
        <v>5531</v>
      </c>
      <c r="G8551" t="s">
        <v>23277</v>
      </c>
      <c r="H8551">
        <v>4.5632775893659998</v>
      </c>
      <c r="I8551">
        <v>52.249310644715997</v>
      </c>
      <c r="J8551" t="s">
        <v>64236</v>
      </c>
    </row>
    <row r="8552" spans="1:10" x14ac:dyDescent="0.25">
      <c r="A8552" t="s">
        <v>23272</v>
      </c>
      <c r="B8552" t="s">
        <v>23273</v>
      </c>
      <c r="C8552" t="s">
        <v>37</v>
      </c>
      <c r="D8552" t="s">
        <v>23233</v>
      </c>
      <c r="E8552" t="s">
        <v>13</v>
      </c>
      <c r="F8552">
        <v>5530</v>
      </c>
      <c r="G8552" t="s">
        <v>23274</v>
      </c>
      <c r="H8552">
        <v>4.5570086249930002</v>
      </c>
      <c r="I8552">
        <v>52.250003086934001</v>
      </c>
      <c r="J8552" t="s">
        <v>64237</v>
      </c>
    </row>
    <row r="8553" spans="1:10" x14ac:dyDescent="0.25">
      <c r="A8553" t="s">
        <v>23268</v>
      </c>
      <c r="B8553" t="s">
        <v>23269</v>
      </c>
      <c r="C8553" t="s">
        <v>23270</v>
      </c>
      <c r="D8553" t="s">
        <v>23233</v>
      </c>
      <c r="E8553" t="s">
        <v>13</v>
      </c>
      <c r="F8553">
        <v>5529</v>
      </c>
      <c r="G8553" t="s">
        <v>23271</v>
      </c>
      <c r="H8553">
        <v>4.5506003460729998</v>
      </c>
      <c r="I8553">
        <v>52.250340739198002</v>
      </c>
      <c r="J8553" t="s">
        <v>64238</v>
      </c>
    </row>
    <row r="8554" spans="1:10" x14ac:dyDescent="0.25">
      <c r="A8554" t="s">
        <v>23265</v>
      </c>
      <c r="B8554" t="s">
        <v>23266</v>
      </c>
      <c r="C8554" t="s">
        <v>479</v>
      </c>
      <c r="D8554" t="s">
        <v>23233</v>
      </c>
      <c r="E8554" t="s">
        <v>13</v>
      </c>
      <c r="F8554">
        <v>5528</v>
      </c>
      <c r="G8554" t="s">
        <v>23267</v>
      </c>
      <c r="H8554">
        <v>4.5642025978099996</v>
      </c>
      <c r="I8554">
        <v>52.254921383937003</v>
      </c>
      <c r="J8554" t="s">
        <v>64239</v>
      </c>
    </row>
    <row r="8555" spans="1:10" x14ac:dyDescent="0.25">
      <c r="A8555" t="s">
        <v>23261</v>
      </c>
      <c r="B8555" t="s">
        <v>23262</v>
      </c>
      <c r="C8555" t="s">
        <v>23263</v>
      </c>
      <c r="D8555" t="s">
        <v>23233</v>
      </c>
      <c r="E8555" t="s">
        <v>13</v>
      </c>
      <c r="F8555">
        <v>5527</v>
      </c>
      <c r="G8555" t="s">
        <v>23264</v>
      </c>
      <c r="H8555">
        <v>4.5543620660719997</v>
      </c>
      <c r="I8555">
        <v>52.254675210271998</v>
      </c>
      <c r="J8555" t="s">
        <v>64240</v>
      </c>
    </row>
    <row r="8556" spans="1:10" x14ac:dyDescent="0.25">
      <c r="A8556" t="s">
        <v>23257</v>
      </c>
      <c r="B8556" t="s">
        <v>23258</v>
      </c>
      <c r="C8556" t="s">
        <v>23259</v>
      </c>
      <c r="D8556" t="s">
        <v>23233</v>
      </c>
      <c r="E8556" t="s">
        <v>13</v>
      </c>
      <c r="F8556">
        <v>5526</v>
      </c>
      <c r="G8556" t="s">
        <v>23260</v>
      </c>
      <c r="H8556">
        <v>4.556450954352</v>
      </c>
      <c r="I8556">
        <v>52.258409245209002</v>
      </c>
      <c r="J8556" t="s">
        <v>64241</v>
      </c>
    </row>
    <row r="8557" spans="1:10" x14ac:dyDescent="0.25">
      <c r="A8557" t="s">
        <v>23253</v>
      </c>
      <c r="B8557" t="s">
        <v>23254</v>
      </c>
      <c r="C8557" t="s">
        <v>23255</v>
      </c>
      <c r="D8557" t="s">
        <v>23233</v>
      </c>
      <c r="E8557" t="s">
        <v>13</v>
      </c>
      <c r="F8557">
        <v>5525</v>
      </c>
      <c r="G8557" t="s">
        <v>23256</v>
      </c>
      <c r="H8557">
        <v>4.559021702571</v>
      </c>
      <c r="I8557">
        <v>52.260788995308999</v>
      </c>
      <c r="J8557" t="s">
        <v>64242</v>
      </c>
    </row>
    <row r="8558" spans="1:10" x14ac:dyDescent="0.25">
      <c r="A8558" t="s">
        <v>23249</v>
      </c>
      <c r="B8558" t="s">
        <v>23250</v>
      </c>
      <c r="C8558" t="s">
        <v>23251</v>
      </c>
      <c r="D8558" t="s">
        <v>23233</v>
      </c>
      <c r="E8558" t="s">
        <v>13</v>
      </c>
      <c r="F8558">
        <v>5524</v>
      </c>
      <c r="G8558" t="s">
        <v>23252</v>
      </c>
      <c r="H8558">
        <v>4.5505523746360002</v>
      </c>
      <c r="I8558">
        <v>52.259441526170001</v>
      </c>
      <c r="J8558" t="s">
        <v>64243</v>
      </c>
    </row>
    <row r="8559" spans="1:10" x14ac:dyDescent="0.25">
      <c r="A8559" t="s">
        <v>23246</v>
      </c>
      <c r="B8559" t="s">
        <v>23247</v>
      </c>
      <c r="C8559" t="s">
        <v>1376</v>
      </c>
      <c r="D8559" t="s">
        <v>23233</v>
      </c>
      <c r="E8559" t="s">
        <v>13</v>
      </c>
      <c r="F8559">
        <v>5523</v>
      </c>
      <c r="G8559" t="s">
        <v>23248</v>
      </c>
      <c r="H8559">
        <v>4.566895588695</v>
      </c>
      <c r="I8559">
        <v>52.259973446236998</v>
      </c>
      <c r="J8559" t="s">
        <v>64244</v>
      </c>
    </row>
    <row r="8560" spans="1:10" x14ac:dyDescent="0.25">
      <c r="A8560" t="s">
        <v>23243</v>
      </c>
      <c r="B8560" t="s">
        <v>23244</v>
      </c>
      <c r="C8560" t="s">
        <v>97</v>
      </c>
      <c r="D8560" t="s">
        <v>23233</v>
      </c>
      <c r="E8560" t="s">
        <v>13</v>
      </c>
      <c r="F8560">
        <v>5522</v>
      </c>
      <c r="G8560" t="s">
        <v>23245</v>
      </c>
      <c r="H8560">
        <v>4.5610375102629996</v>
      </c>
      <c r="I8560">
        <v>52.263251802028002</v>
      </c>
      <c r="J8560" t="s">
        <v>64245</v>
      </c>
    </row>
    <row r="8561" spans="1:10" x14ac:dyDescent="0.25">
      <c r="A8561" t="s">
        <v>23239</v>
      </c>
      <c r="B8561" t="s">
        <v>23240</v>
      </c>
      <c r="C8561" t="s">
        <v>23241</v>
      </c>
      <c r="D8561" t="s">
        <v>23233</v>
      </c>
      <c r="E8561" t="s">
        <v>13</v>
      </c>
      <c r="F8561">
        <v>5521</v>
      </c>
      <c r="G8561" t="s">
        <v>23242</v>
      </c>
      <c r="H8561">
        <v>4.5558670937550003</v>
      </c>
      <c r="I8561">
        <v>52.266187382368003</v>
      </c>
      <c r="J8561" t="s">
        <v>64246</v>
      </c>
    </row>
    <row r="8562" spans="1:10" x14ac:dyDescent="0.25">
      <c r="A8562" t="s">
        <v>23235</v>
      </c>
      <c r="B8562" t="s">
        <v>23236</v>
      </c>
      <c r="C8562" t="s">
        <v>23237</v>
      </c>
      <c r="D8562" t="s">
        <v>23233</v>
      </c>
      <c r="E8562" t="s">
        <v>13</v>
      </c>
      <c r="F8562">
        <v>5520</v>
      </c>
      <c r="G8562" t="s">
        <v>23238</v>
      </c>
      <c r="H8562">
        <v>4.5637145483200001</v>
      </c>
      <c r="I8562">
        <v>52.266023779579001</v>
      </c>
      <c r="J8562" t="s">
        <v>64247</v>
      </c>
    </row>
    <row r="8563" spans="1:10" x14ac:dyDescent="0.25">
      <c r="A8563" t="s">
        <v>23230</v>
      </c>
      <c r="B8563" t="s">
        <v>23231</v>
      </c>
      <c r="C8563" t="s">
        <v>23232</v>
      </c>
      <c r="D8563" t="s">
        <v>23233</v>
      </c>
      <c r="E8563" t="s">
        <v>13</v>
      </c>
      <c r="F8563">
        <v>5519</v>
      </c>
      <c r="G8563" t="s">
        <v>23234</v>
      </c>
      <c r="H8563">
        <v>4.5664895817559996</v>
      </c>
      <c r="I8563">
        <v>52.270016013713999</v>
      </c>
      <c r="J8563" t="s">
        <v>64248</v>
      </c>
    </row>
    <row r="8564" spans="1:10" x14ac:dyDescent="0.25">
      <c r="A8564" t="s">
        <v>23226</v>
      </c>
      <c r="B8564" t="s">
        <v>23227</v>
      </c>
      <c r="C8564" t="s">
        <v>23228</v>
      </c>
      <c r="D8564" t="s">
        <v>23169</v>
      </c>
      <c r="E8564" t="s">
        <v>13</v>
      </c>
      <c r="F8564">
        <v>5518</v>
      </c>
      <c r="G8564" t="s">
        <v>23229</v>
      </c>
      <c r="H8564">
        <v>4.5347082414289996</v>
      </c>
      <c r="I8564">
        <v>52.172242339531998</v>
      </c>
      <c r="J8564" t="s">
        <v>64249</v>
      </c>
    </row>
    <row r="8565" spans="1:10" x14ac:dyDescent="0.25">
      <c r="A8565" t="s">
        <v>23222</v>
      </c>
      <c r="B8565" t="s">
        <v>23223</v>
      </c>
      <c r="C8565" t="s">
        <v>23224</v>
      </c>
      <c r="D8565" t="s">
        <v>23169</v>
      </c>
      <c r="E8565" t="s">
        <v>13</v>
      </c>
      <c r="F8565">
        <v>5517</v>
      </c>
      <c r="G8565" t="s">
        <v>23225</v>
      </c>
      <c r="H8565">
        <v>4.5275498758239996</v>
      </c>
      <c r="I8565">
        <v>52.169116669570002</v>
      </c>
      <c r="J8565" t="s">
        <v>64250</v>
      </c>
    </row>
    <row r="8566" spans="1:10" x14ac:dyDescent="0.25">
      <c r="A8566" t="s">
        <v>23218</v>
      </c>
      <c r="B8566" t="s">
        <v>23219</v>
      </c>
      <c r="C8566" t="s">
        <v>23220</v>
      </c>
      <c r="D8566" t="s">
        <v>23169</v>
      </c>
      <c r="E8566" t="s">
        <v>13</v>
      </c>
      <c r="F8566">
        <v>5516</v>
      </c>
      <c r="G8566" t="s">
        <v>23221</v>
      </c>
      <c r="H8566">
        <v>4.531645206706</v>
      </c>
      <c r="I8566">
        <v>52.166172390927997</v>
      </c>
      <c r="J8566" t="s">
        <v>64251</v>
      </c>
    </row>
    <row r="8567" spans="1:10" x14ac:dyDescent="0.25">
      <c r="A8567" t="s">
        <v>23215</v>
      </c>
      <c r="B8567" t="s">
        <v>23216</v>
      </c>
      <c r="C8567" t="s">
        <v>5274</v>
      </c>
      <c r="D8567" t="s">
        <v>23169</v>
      </c>
      <c r="E8567" t="s">
        <v>13</v>
      </c>
      <c r="F8567">
        <v>5515</v>
      </c>
      <c r="G8567" t="s">
        <v>23217</v>
      </c>
      <c r="H8567">
        <v>4.5487889479049999</v>
      </c>
      <c r="I8567">
        <v>52.154403413826998</v>
      </c>
      <c r="J8567" t="s">
        <v>64252</v>
      </c>
    </row>
    <row r="8568" spans="1:10" x14ac:dyDescent="0.25">
      <c r="A8568" t="s">
        <v>23211</v>
      </c>
      <c r="B8568" t="s">
        <v>23212</v>
      </c>
      <c r="C8568" t="s">
        <v>23213</v>
      </c>
      <c r="D8568" t="s">
        <v>23169</v>
      </c>
      <c r="E8568" t="s">
        <v>13</v>
      </c>
      <c r="F8568">
        <v>5514</v>
      </c>
      <c r="G8568" t="s">
        <v>23214</v>
      </c>
      <c r="H8568">
        <v>4.5322474841769997</v>
      </c>
      <c r="I8568">
        <v>52.144328280194998</v>
      </c>
      <c r="J8568" t="s">
        <v>64253</v>
      </c>
    </row>
    <row r="8569" spans="1:10" x14ac:dyDescent="0.25">
      <c r="A8569" t="s">
        <v>23207</v>
      </c>
      <c r="B8569" t="s">
        <v>23208</v>
      </c>
      <c r="C8569" t="s">
        <v>23209</v>
      </c>
      <c r="D8569" t="s">
        <v>23169</v>
      </c>
      <c r="E8569" t="s">
        <v>13</v>
      </c>
      <c r="F8569">
        <v>5513</v>
      </c>
      <c r="G8569" t="s">
        <v>23210</v>
      </c>
      <c r="H8569">
        <v>4.5288072158470003</v>
      </c>
      <c r="I8569">
        <v>52.146878659616</v>
      </c>
      <c r="J8569" t="s">
        <v>64254</v>
      </c>
    </row>
    <row r="8570" spans="1:10" x14ac:dyDescent="0.25">
      <c r="A8570" t="s">
        <v>23203</v>
      </c>
      <c r="B8570" t="s">
        <v>23204</v>
      </c>
      <c r="C8570" t="s">
        <v>23205</v>
      </c>
      <c r="D8570" t="s">
        <v>23169</v>
      </c>
      <c r="E8570" t="s">
        <v>13</v>
      </c>
      <c r="F8570">
        <v>5512</v>
      </c>
      <c r="G8570" t="s">
        <v>23206</v>
      </c>
      <c r="H8570">
        <v>4.5427331667399997</v>
      </c>
      <c r="I8570">
        <v>52.157204194689001</v>
      </c>
      <c r="J8570" t="s">
        <v>64255</v>
      </c>
    </row>
    <row r="8571" spans="1:10" x14ac:dyDescent="0.25">
      <c r="A8571" t="s">
        <v>23199</v>
      </c>
      <c r="B8571" t="s">
        <v>23200</v>
      </c>
      <c r="C8571" t="s">
        <v>23201</v>
      </c>
      <c r="D8571" t="s">
        <v>23169</v>
      </c>
      <c r="E8571" t="s">
        <v>13</v>
      </c>
      <c r="F8571">
        <v>5511</v>
      </c>
      <c r="G8571" t="s">
        <v>23202</v>
      </c>
      <c r="H8571">
        <v>4.5403144532489996</v>
      </c>
      <c r="I8571">
        <v>52.160463119737997</v>
      </c>
      <c r="J8571" t="s">
        <v>64256</v>
      </c>
    </row>
    <row r="8572" spans="1:10" x14ac:dyDescent="0.25">
      <c r="A8572" t="s">
        <v>23195</v>
      </c>
      <c r="B8572" t="s">
        <v>23196</v>
      </c>
      <c r="C8572" t="s">
        <v>23197</v>
      </c>
      <c r="D8572" t="s">
        <v>23169</v>
      </c>
      <c r="E8572" t="s">
        <v>13</v>
      </c>
      <c r="F8572">
        <v>5510</v>
      </c>
      <c r="G8572" t="s">
        <v>23198</v>
      </c>
      <c r="H8572">
        <v>4.537373539641</v>
      </c>
      <c r="I8572">
        <v>52.164646841042</v>
      </c>
      <c r="J8572" t="s">
        <v>64257</v>
      </c>
    </row>
    <row r="8573" spans="1:10" x14ac:dyDescent="0.25">
      <c r="A8573" t="s">
        <v>23191</v>
      </c>
      <c r="B8573" t="s">
        <v>23192</v>
      </c>
      <c r="C8573" t="s">
        <v>23193</v>
      </c>
      <c r="D8573" t="s">
        <v>23169</v>
      </c>
      <c r="E8573" t="s">
        <v>13</v>
      </c>
      <c r="F8573">
        <v>5509</v>
      </c>
      <c r="G8573" t="s">
        <v>23194</v>
      </c>
      <c r="H8573">
        <v>4.5331408603429999</v>
      </c>
      <c r="I8573">
        <v>52.162525829791001</v>
      </c>
      <c r="J8573" t="s">
        <v>64258</v>
      </c>
    </row>
    <row r="8574" spans="1:10" x14ac:dyDescent="0.25">
      <c r="A8574" t="s">
        <v>23187</v>
      </c>
      <c r="B8574" t="s">
        <v>23188</v>
      </c>
      <c r="C8574" t="s">
        <v>23189</v>
      </c>
      <c r="D8574" t="s">
        <v>23169</v>
      </c>
      <c r="E8574" t="s">
        <v>13</v>
      </c>
      <c r="F8574">
        <v>5508</v>
      </c>
      <c r="G8574" t="s">
        <v>23190</v>
      </c>
      <c r="H8574">
        <v>4.5240563889200001</v>
      </c>
      <c r="I8574">
        <v>52.166009810334003</v>
      </c>
      <c r="J8574" t="s">
        <v>64259</v>
      </c>
    </row>
    <row r="8575" spans="1:10" x14ac:dyDescent="0.25">
      <c r="A8575" t="s">
        <v>23183</v>
      </c>
      <c r="B8575" t="s">
        <v>23184</v>
      </c>
      <c r="C8575" t="s">
        <v>23185</v>
      </c>
      <c r="D8575" t="s">
        <v>23169</v>
      </c>
      <c r="E8575" t="s">
        <v>13</v>
      </c>
      <c r="F8575">
        <v>5507</v>
      </c>
      <c r="G8575" t="s">
        <v>23186</v>
      </c>
      <c r="H8575">
        <v>4.5195760984779998</v>
      </c>
      <c r="I8575">
        <v>52.165280064713997</v>
      </c>
      <c r="J8575" t="s">
        <v>64260</v>
      </c>
    </row>
    <row r="8576" spans="1:10" x14ac:dyDescent="0.25">
      <c r="A8576" t="s">
        <v>23179</v>
      </c>
      <c r="B8576" t="s">
        <v>23180</v>
      </c>
      <c r="C8576" t="s">
        <v>23181</v>
      </c>
      <c r="D8576" t="s">
        <v>23169</v>
      </c>
      <c r="E8576" t="s">
        <v>13</v>
      </c>
      <c r="F8576">
        <v>5506</v>
      </c>
      <c r="G8576" t="s">
        <v>23182</v>
      </c>
      <c r="H8576">
        <v>4.5266656214929997</v>
      </c>
      <c r="I8576">
        <v>52.161430565088999</v>
      </c>
      <c r="J8576" t="s">
        <v>64261</v>
      </c>
    </row>
    <row r="8577" spans="1:10" x14ac:dyDescent="0.25">
      <c r="A8577" t="s">
        <v>23175</v>
      </c>
      <c r="B8577" t="s">
        <v>23176</v>
      </c>
      <c r="C8577" t="s">
        <v>23177</v>
      </c>
      <c r="D8577" t="s">
        <v>23169</v>
      </c>
      <c r="E8577" t="s">
        <v>13</v>
      </c>
      <c r="F8577">
        <v>5505</v>
      </c>
      <c r="G8577" t="s">
        <v>23178</v>
      </c>
      <c r="H8577">
        <v>4.5179199084350001</v>
      </c>
      <c r="I8577">
        <v>52.160879513756001</v>
      </c>
      <c r="J8577" t="s">
        <v>64262</v>
      </c>
    </row>
    <row r="8578" spans="1:10" x14ac:dyDescent="0.25">
      <c r="A8578" t="s">
        <v>23171</v>
      </c>
      <c r="B8578" t="s">
        <v>23172</v>
      </c>
      <c r="C8578" t="s">
        <v>23173</v>
      </c>
      <c r="D8578" t="s">
        <v>23169</v>
      </c>
      <c r="E8578" t="s">
        <v>13</v>
      </c>
      <c r="F8578">
        <v>5504</v>
      </c>
      <c r="G8578" t="s">
        <v>23174</v>
      </c>
      <c r="H8578">
        <v>4.5274092737989999</v>
      </c>
      <c r="I8578">
        <v>52.157102237578002</v>
      </c>
      <c r="J8578" t="s">
        <v>64263</v>
      </c>
    </row>
    <row r="8579" spans="1:10" x14ac:dyDescent="0.25">
      <c r="A8579" t="s">
        <v>23167</v>
      </c>
      <c r="B8579" t="s">
        <v>23168</v>
      </c>
      <c r="C8579" t="s">
        <v>12366</v>
      </c>
      <c r="D8579" t="s">
        <v>23169</v>
      </c>
      <c r="E8579" t="s">
        <v>13</v>
      </c>
      <c r="F8579">
        <v>5503</v>
      </c>
      <c r="G8579" t="s">
        <v>23170</v>
      </c>
      <c r="H8579">
        <v>4.5298039932940002</v>
      </c>
      <c r="I8579">
        <v>52.152338905432998</v>
      </c>
      <c r="J8579" t="s">
        <v>64264</v>
      </c>
    </row>
    <row r="8580" spans="1:10" x14ac:dyDescent="0.25">
      <c r="A8580" t="s">
        <v>23163</v>
      </c>
      <c r="B8580" t="s">
        <v>23164</v>
      </c>
      <c r="C8580" t="s">
        <v>23165</v>
      </c>
      <c r="D8580" t="s">
        <v>22962</v>
      </c>
      <c r="E8580" t="s">
        <v>13</v>
      </c>
      <c r="F8580">
        <v>5502</v>
      </c>
      <c r="G8580" t="s">
        <v>23166</v>
      </c>
      <c r="H8580">
        <v>4.447633295448</v>
      </c>
      <c r="I8580">
        <v>52.146560025695003</v>
      </c>
      <c r="J8580" t="s">
        <v>64265</v>
      </c>
    </row>
    <row r="8581" spans="1:10" x14ac:dyDescent="0.25">
      <c r="A8581" t="s">
        <v>23159</v>
      </c>
      <c r="B8581" t="s">
        <v>23160</v>
      </c>
      <c r="C8581" t="s">
        <v>23161</v>
      </c>
      <c r="D8581" t="s">
        <v>22962</v>
      </c>
      <c r="E8581" t="s">
        <v>13</v>
      </c>
      <c r="F8581">
        <v>5501</v>
      </c>
      <c r="G8581" t="s">
        <v>23162</v>
      </c>
      <c r="H8581">
        <v>4.4533677956559998</v>
      </c>
      <c r="I8581">
        <v>52.149492989971002</v>
      </c>
      <c r="J8581" t="s">
        <v>64266</v>
      </c>
    </row>
    <row r="8582" spans="1:10" x14ac:dyDescent="0.25">
      <c r="A8582" t="s">
        <v>23155</v>
      </c>
      <c r="B8582" t="s">
        <v>23156</v>
      </c>
      <c r="C8582" t="s">
        <v>23157</v>
      </c>
      <c r="D8582" t="s">
        <v>22962</v>
      </c>
      <c r="E8582" t="s">
        <v>13</v>
      </c>
      <c r="F8582">
        <v>5500</v>
      </c>
      <c r="G8582" t="s">
        <v>23158</v>
      </c>
      <c r="H8582">
        <v>4.4549625688359997</v>
      </c>
      <c r="I8582">
        <v>52.154121983072997</v>
      </c>
      <c r="J8582" t="s">
        <v>64267</v>
      </c>
    </row>
    <row r="8583" spans="1:10" x14ac:dyDescent="0.25">
      <c r="A8583" t="s">
        <v>23151</v>
      </c>
      <c r="B8583" t="s">
        <v>23152</v>
      </c>
      <c r="C8583" t="s">
        <v>23153</v>
      </c>
      <c r="D8583" t="s">
        <v>22962</v>
      </c>
      <c r="E8583" t="s">
        <v>13</v>
      </c>
      <c r="F8583">
        <v>5499</v>
      </c>
      <c r="G8583" t="s">
        <v>23154</v>
      </c>
      <c r="H8583">
        <v>4.4454067048450003</v>
      </c>
      <c r="I8583">
        <v>52.155369920319004</v>
      </c>
      <c r="J8583" t="s">
        <v>64268</v>
      </c>
    </row>
    <row r="8584" spans="1:10" x14ac:dyDescent="0.25">
      <c r="A8584" t="s">
        <v>23147</v>
      </c>
      <c r="B8584" t="s">
        <v>23148</v>
      </c>
      <c r="C8584" t="s">
        <v>23149</v>
      </c>
      <c r="D8584" t="s">
        <v>22962</v>
      </c>
      <c r="E8584" t="s">
        <v>13</v>
      </c>
      <c r="F8584">
        <v>5498</v>
      </c>
      <c r="G8584" t="s">
        <v>23150</v>
      </c>
      <c r="H8584">
        <v>4.5014032786679996</v>
      </c>
      <c r="I8584">
        <v>52.181382282694003</v>
      </c>
      <c r="J8584" t="s">
        <v>64269</v>
      </c>
    </row>
    <row r="8585" spans="1:10" x14ac:dyDescent="0.25">
      <c r="A8585" t="s">
        <v>23143</v>
      </c>
      <c r="B8585" t="s">
        <v>23144</v>
      </c>
      <c r="C8585" t="s">
        <v>23145</v>
      </c>
      <c r="D8585" t="s">
        <v>22962</v>
      </c>
      <c r="E8585" t="s">
        <v>13</v>
      </c>
      <c r="F8585">
        <v>5497</v>
      </c>
      <c r="G8585" t="s">
        <v>23146</v>
      </c>
      <c r="H8585">
        <v>4.5019161205960003</v>
      </c>
      <c r="I8585">
        <v>52.177483912996998</v>
      </c>
      <c r="J8585" t="s">
        <v>64270</v>
      </c>
    </row>
    <row r="8586" spans="1:10" x14ac:dyDescent="0.25">
      <c r="A8586" t="s">
        <v>23139</v>
      </c>
      <c r="B8586" t="s">
        <v>23140</v>
      </c>
      <c r="C8586" t="s">
        <v>23141</v>
      </c>
      <c r="D8586" t="s">
        <v>22962</v>
      </c>
      <c r="E8586" t="s">
        <v>13</v>
      </c>
      <c r="F8586">
        <v>5496</v>
      </c>
      <c r="G8586" t="s">
        <v>23142</v>
      </c>
      <c r="H8586">
        <v>4.5069083450320004</v>
      </c>
      <c r="I8586">
        <v>52.177879409071998</v>
      </c>
      <c r="J8586" t="s">
        <v>64271</v>
      </c>
    </row>
    <row r="8587" spans="1:10" x14ac:dyDescent="0.25">
      <c r="A8587" t="s">
        <v>23135</v>
      </c>
      <c r="B8587" t="s">
        <v>23136</v>
      </c>
      <c r="C8587" t="s">
        <v>23137</v>
      </c>
      <c r="D8587" t="s">
        <v>22962</v>
      </c>
      <c r="E8587" t="s">
        <v>13</v>
      </c>
      <c r="F8587">
        <v>5495</v>
      </c>
      <c r="G8587" t="s">
        <v>23138</v>
      </c>
      <c r="H8587">
        <v>4.5125763909050001</v>
      </c>
      <c r="I8587">
        <v>52.180904914716002</v>
      </c>
      <c r="J8587" t="s">
        <v>64272</v>
      </c>
    </row>
    <row r="8588" spans="1:10" x14ac:dyDescent="0.25">
      <c r="A8588" t="s">
        <v>23131</v>
      </c>
      <c r="B8588" t="s">
        <v>23132</v>
      </c>
      <c r="C8588" t="s">
        <v>23133</v>
      </c>
      <c r="D8588" t="s">
        <v>22962</v>
      </c>
      <c r="E8588" t="s">
        <v>13</v>
      </c>
      <c r="F8588">
        <v>5494</v>
      </c>
      <c r="G8588" t="s">
        <v>23134</v>
      </c>
      <c r="H8588">
        <v>4.5143073012060002</v>
      </c>
      <c r="I8588">
        <v>52.175106550469998</v>
      </c>
      <c r="J8588" t="s">
        <v>64273</v>
      </c>
    </row>
    <row r="8589" spans="1:10" x14ac:dyDescent="0.25">
      <c r="A8589" t="s">
        <v>23127</v>
      </c>
      <c r="B8589" t="s">
        <v>23128</v>
      </c>
      <c r="C8589" t="s">
        <v>23129</v>
      </c>
      <c r="D8589" t="s">
        <v>22962</v>
      </c>
      <c r="E8589" t="s">
        <v>13</v>
      </c>
      <c r="F8589">
        <v>5493</v>
      </c>
      <c r="G8589" t="s">
        <v>23130</v>
      </c>
      <c r="H8589">
        <v>4.5017375872930003</v>
      </c>
      <c r="I8589">
        <v>52.174230983740003</v>
      </c>
      <c r="J8589" t="s">
        <v>64274</v>
      </c>
    </row>
    <row r="8590" spans="1:10" x14ac:dyDescent="0.25">
      <c r="A8590" t="s">
        <v>23123</v>
      </c>
      <c r="B8590" t="s">
        <v>23124</v>
      </c>
      <c r="C8590" t="s">
        <v>23125</v>
      </c>
      <c r="D8590" t="s">
        <v>22962</v>
      </c>
      <c r="E8590" t="s">
        <v>13</v>
      </c>
      <c r="F8590">
        <v>5492</v>
      </c>
      <c r="G8590" t="s">
        <v>23126</v>
      </c>
      <c r="H8590">
        <v>4.4614489004670004</v>
      </c>
      <c r="I8590">
        <v>52.167464509684997</v>
      </c>
      <c r="J8590" t="s">
        <v>64275</v>
      </c>
    </row>
    <row r="8591" spans="1:10" x14ac:dyDescent="0.25">
      <c r="A8591" t="s">
        <v>23120</v>
      </c>
      <c r="B8591" t="s">
        <v>23121</v>
      </c>
      <c r="C8591" t="s">
        <v>14401</v>
      </c>
      <c r="D8591" t="s">
        <v>22962</v>
      </c>
      <c r="E8591" t="s">
        <v>13</v>
      </c>
      <c r="F8591">
        <v>5491</v>
      </c>
      <c r="G8591" t="s">
        <v>23122</v>
      </c>
      <c r="H8591">
        <v>4.4721744198830002</v>
      </c>
      <c r="I8591">
        <v>52.171614705899998</v>
      </c>
      <c r="J8591" t="s">
        <v>64276</v>
      </c>
    </row>
    <row r="8592" spans="1:10" x14ac:dyDescent="0.25">
      <c r="A8592" t="s">
        <v>23116</v>
      </c>
      <c r="B8592" t="s">
        <v>23117</v>
      </c>
      <c r="C8592" t="s">
        <v>23118</v>
      </c>
      <c r="D8592" t="s">
        <v>22962</v>
      </c>
      <c r="E8592" t="s">
        <v>13</v>
      </c>
      <c r="F8592">
        <v>5490</v>
      </c>
      <c r="G8592" t="s">
        <v>23119</v>
      </c>
      <c r="H8592">
        <v>4.4782940390650001</v>
      </c>
      <c r="I8592">
        <v>52.175634959427001</v>
      </c>
      <c r="J8592" t="s">
        <v>64277</v>
      </c>
    </row>
    <row r="8593" spans="1:10" x14ac:dyDescent="0.25">
      <c r="A8593" t="s">
        <v>23112</v>
      </c>
      <c r="B8593" t="s">
        <v>23113</v>
      </c>
      <c r="C8593" t="s">
        <v>23114</v>
      </c>
      <c r="D8593" t="s">
        <v>22962</v>
      </c>
      <c r="E8593" t="s">
        <v>13</v>
      </c>
      <c r="F8593">
        <v>5489</v>
      </c>
      <c r="G8593" t="s">
        <v>23115</v>
      </c>
      <c r="H8593">
        <v>4.4853673388350002</v>
      </c>
      <c r="I8593">
        <v>52.173181613670998</v>
      </c>
      <c r="J8593" t="s">
        <v>64278</v>
      </c>
    </row>
    <row r="8594" spans="1:10" x14ac:dyDescent="0.25">
      <c r="A8594" t="s">
        <v>23108</v>
      </c>
      <c r="B8594" t="s">
        <v>23109</v>
      </c>
      <c r="C8594" t="s">
        <v>23110</v>
      </c>
      <c r="D8594" t="s">
        <v>22962</v>
      </c>
      <c r="E8594" t="s">
        <v>13</v>
      </c>
      <c r="F8594">
        <v>5488</v>
      </c>
      <c r="G8594" t="s">
        <v>23111</v>
      </c>
      <c r="H8594">
        <v>4.4759558539539999</v>
      </c>
      <c r="I8594">
        <v>52.167160686586001</v>
      </c>
      <c r="J8594" t="s">
        <v>64279</v>
      </c>
    </row>
    <row r="8595" spans="1:10" x14ac:dyDescent="0.25">
      <c r="A8595" t="s">
        <v>23104</v>
      </c>
      <c r="B8595" t="s">
        <v>23105</v>
      </c>
      <c r="C8595" t="s">
        <v>23106</v>
      </c>
      <c r="D8595" t="s">
        <v>22962</v>
      </c>
      <c r="E8595" t="s">
        <v>13</v>
      </c>
      <c r="F8595">
        <v>5487</v>
      </c>
      <c r="G8595" t="s">
        <v>23107</v>
      </c>
      <c r="H8595">
        <v>4.4584708174449998</v>
      </c>
      <c r="I8595">
        <v>52.158937191131997</v>
      </c>
      <c r="J8595" t="s">
        <v>64280</v>
      </c>
    </row>
    <row r="8596" spans="1:10" x14ac:dyDescent="0.25">
      <c r="A8596" t="s">
        <v>23100</v>
      </c>
      <c r="B8596" t="s">
        <v>23101</v>
      </c>
      <c r="C8596" t="s">
        <v>23102</v>
      </c>
      <c r="D8596" t="s">
        <v>22962</v>
      </c>
      <c r="E8596" t="s">
        <v>13</v>
      </c>
      <c r="F8596">
        <v>5486</v>
      </c>
      <c r="G8596" t="s">
        <v>23103</v>
      </c>
      <c r="H8596">
        <v>4.4677378790990003</v>
      </c>
      <c r="I8596">
        <v>52.161642192614003</v>
      </c>
      <c r="J8596" t="s">
        <v>64281</v>
      </c>
    </row>
    <row r="8597" spans="1:10" x14ac:dyDescent="0.25">
      <c r="A8597" t="s">
        <v>23097</v>
      </c>
      <c r="B8597" t="s">
        <v>23098</v>
      </c>
      <c r="C8597" t="s">
        <v>3417</v>
      </c>
      <c r="D8597" t="s">
        <v>22962</v>
      </c>
      <c r="E8597" t="s">
        <v>13</v>
      </c>
      <c r="F8597">
        <v>5485</v>
      </c>
      <c r="G8597" t="s">
        <v>23099</v>
      </c>
      <c r="H8597">
        <v>4.4758836734859999</v>
      </c>
      <c r="I8597">
        <v>52.160329773374002</v>
      </c>
      <c r="J8597" t="s">
        <v>64282</v>
      </c>
    </row>
    <row r="8598" spans="1:10" x14ac:dyDescent="0.25">
      <c r="A8598" t="s">
        <v>23093</v>
      </c>
      <c r="B8598" t="s">
        <v>23094</v>
      </c>
      <c r="C8598" t="s">
        <v>23095</v>
      </c>
      <c r="D8598" t="s">
        <v>22962</v>
      </c>
      <c r="E8598" t="s">
        <v>13</v>
      </c>
      <c r="F8598">
        <v>5484</v>
      </c>
      <c r="G8598" t="s">
        <v>23096</v>
      </c>
      <c r="H8598">
        <v>4.472124480602</v>
      </c>
      <c r="I8598">
        <v>52.138230616892997</v>
      </c>
      <c r="J8598" t="s">
        <v>64283</v>
      </c>
    </row>
    <row r="8599" spans="1:10" x14ac:dyDescent="0.25">
      <c r="A8599" t="s">
        <v>23089</v>
      </c>
      <c r="B8599" t="s">
        <v>23090</v>
      </c>
      <c r="C8599" t="s">
        <v>23091</v>
      </c>
      <c r="D8599" t="s">
        <v>22962</v>
      </c>
      <c r="E8599" t="s">
        <v>13</v>
      </c>
      <c r="F8599">
        <v>5483</v>
      </c>
      <c r="G8599" t="s">
        <v>23092</v>
      </c>
      <c r="H8599">
        <v>4.4778108827600001</v>
      </c>
      <c r="I8599">
        <v>52.151120287437998</v>
      </c>
      <c r="J8599" t="s">
        <v>64284</v>
      </c>
    </row>
    <row r="8600" spans="1:10" x14ac:dyDescent="0.25">
      <c r="A8600" t="s">
        <v>23085</v>
      </c>
      <c r="B8600" t="s">
        <v>23086</v>
      </c>
      <c r="C8600" t="s">
        <v>23087</v>
      </c>
      <c r="D8600" t="s">
        <v>22962</v>
      </c>
      <c r="E8600" t="s">
        <v>13</v>
      </c>
      <c r="F8600">
        <v>5482</v>
      </c>
      <c r="G8600" t="s">
        <v>23088</v>
      </c>
      <c r="H8600">
        <v>4.4806134533890001</v>
      </c>
      <c r="I8600">
        <v>52.130631784377996</v>
      </c>
      <c r="J8600" t="s">
        <v>64285</v>
      </c>
    </row>
    <row r="8601" spans="1:10" x14ac:dyDescent="0.25">
      <c r="A8601" t="s">
        <v>23081</v>
      </c>
      <c r="B8601" t="s">
        <v>23082</v>
      </c>
      <c r="C8601" t="s">
        <v>23083</v>
      </c>
      <c r="D8601" t="s">
        <v>22962</v>
      </c>
      <c r="E8601" t="s">
        <v>13</v>
      </c>
      <c r="F8601">
        <v>5481</v>
      </c>
      <c r="G8601" t="s">
        <v>23084</v>
      </c>
      <c r="H8601">
        <v>4.4687602105439996</v>
      </c>
      <c r="I8601">
        <v>52.150443100474</v>
      </c>
      <c r="J8601" t="s">
        <v>64286</v>
      </c>
    </row>
    <row r="8602" spans="1:10" x14ac:dyDescent="0.25">
      <c r="A8602" t="s">
        <v>23077</v>
      </c>
      <c r="B8602" t="s">
        <v>23078</v>
      </c>
      <c r="C8602" t="s">
        <v>23079</v>
      </c>
      <c r="D8602" t="s">
        <v>22962</v>
      </c>
      <c r="E8602" t="s">
        <v>13</v>
      </c>
      <c r="F8602">
        <v>5480</v>
      </c>
      <c r="G8602" t="s">
        <v>23080</v>
      </c>
      <c r="H8602">
        <v>4.4712428466210001</v>
      </c>
      <c r="I8602">
        <v>52.144089517106998</v>
      </c>
      <c r="J8602" t="s">
        <v>64287</v>
      </c>
    </row>
    <row r="8603" spans="1:10" x14ac:dyDescent="0.25">
      <c r="A8603" t="s">
        <v>23073</v>
      </c>
      <c r="B8603" t="s">
        <v>23074</v>
      </c>
      <c r="C8603" t="s">
        <v>23075</v>
      </c>
      <c r="D8603" t="s">
        <v>22962</v>
      </c>
      <c r="E8603" t="s">
        <v>13</v>
      </c>
      <c r="F8603">
        <v>5479</v>
      </c>
      <c r="G8603" t="s">
        <v>23076</v>
      </c>
      <c r="H8603">
        <v>4.4805113495000004</v>
      </c>
      <c r="I8603">
        <v>52.142909696864997</v>
      </c>
      <c r="J8603" t="s">
        <v>64288</v>
      </c>
    </row>
    <row r="8604" spans="1:10" x14ac:dyDescent="0.25">
      <c r="A8604" t="s">
        <v>23069</v>
      </c>
      <c r="B8604" t="s">
        <v>23070</v>
      </c>
      <c r="C8604" t="s">
        <v>23071</v>
      </c>
      <c r="D8604" t="s">
        <v>22962</v>
      </c>
      <c r="E8604" t="s">
        <v>13</v>
      </c>
      <c r="F8604">
        <v>5478</v>
      </c>
      <c r="G8604" t="s">
        <v>23072</v>
      </c>
      <c r="H8604">
        <v>4.4753240974780004</v>
      </c>
      <c r="I8604">
        <v>52.156838239541003</v>
      </c>
      <c r="J8604" t="s">
        <v>64289</v>
      </c>
    </row>
    <row r="8605" spans="1:10" x14ac:dyDescent="0.25">
      <c r="A8605" t="s">
        <v>23066</v>
      </c>
      <c r="B8605" t="s">
        <v>23067</v>
      </c>
      <c r="C8605" t="s">
        <v>2119</v>
      </c>
      <c r="D8605" t="s">
        <v>22962</v>
      </c>
      <c r="E8605" t="s">
        <v>13</v>
      </c>
      <c r="F8605">
        <v>5477</v>
      </c>
      <c r="G8605" t="s">
        <v>23068</v>
      </c>
      <c r="H8605">
        <v>4.48186784421</v>
      </c>
      <c r="I8605">
        <v>52.155260239851998</v>
      </c>
      <c r="J8605" t="s">
        <v>64290</v>
      </c>
    </row>
    <row r="8606" spans="1:10" x14ac:dyDescent="0.25">
      <c r="A8606" t="s">
        <v>23062</v>
      </c>
      <c r="B8606" t="s">
        <v>23063</v>
      </c>
      <c r="C8606" t="s">
        <v>23064</v>
      </c>
      <c r="D8606" t="s">
        <v>22962</v>
      </c>
      <c r="E8606" t="s">
        <v>13</v>
      </c>
      <c r="F8606">
        <v>5476</v>
      </c>
      <c r="G8606" t="s">
        <v>23065</v>
      </c>
      <c r="H8606">
        <v>4.5172964250129999</v>
      </c>
      <c r="I8606">
        <v>52.157078218362997</v>
      </c>
      <c r="J8606" t="s">
        <v>64291</v>
      </c>
    </row>
    <row r="8607" spans="1:10" x14ac:dyDescent="0.25">
      <c r="A8607" t="s">
        <v>23058</v>
      </c>
      <c r="B8607" t="s">
        <v>23059</v>
      </c>
      <c r="C8607" t="s">
        <v>23060</v>
      </c>
      <c r="D8607" t="s">
        <v>22962</v>
      </c>
      <c r="E8607" t="s">
        <v>13</v>
      </c>
      <c r="F8607">
        <v>5475</v>
      </c>
      <c r="G8607" t="s">
        <v>23061</v>
      </c>
      <c r="H8607">
        <v>4.5128544617079998</v>
      </c>
      <c r="I8607">
        <v>52.14646014433</v>
      </c>
      <c r="J8607" t="s">
        <v>64292</v>
      </c>
    </row>
    <row r="8608" spans="1:10" x14ac:dyDescent="0.25">
      <c r="A8608" t="s">
        <v>23054</v>
      </c>
      <c r="B8608" t="s">
        <v>23055</v>
      </c>
      <c r="C8608" t="s">
        <v>23056</v>
      </c>
      <c r="D8608" t="s">
        <v>22962</v>
      </c>
      <c r="E8608" t="s">
        <v>13</v>
      </c>
      <c r="F8608">
        <v>5474</v>
      </c>
      <c r="G8608" t="s">
        <v>23057</v>
      </c>
      <c r="H8608">
        <v>4.4991988051599998</v>
      </c>
      <c r="I8608">
        <v>52.138763544036998</v>
      </c>
      <c r="J8608" t="s">
        <v>64293</v>
      </c>
    </row>
    <row r="8609" spans="1:10" x14ac:dyDescent="0.25">
      <c r="A8609" t="s">
        <v>23050</v>
      </c>
      <c r="B8609" t="s">
        <v>23051</v>
      </c>
      <c r="C8609" t="s">
        <v>23052</v>
      </c>
      <c r="D8609" t="s">
        <v>22962</v>
      </c>
      <c r="E8609" t="s">
        <v>13</v>
      </c>
      <c r="F8609">
        <v>5473</v>
      </c>
      <c r="G8609" t="s">
        <v>23053</v>
      </c>
      <c r="H8609">
        <v>4.4895783232850004</v>
      </c>
      <c r="I8609">
        <v>52.144748385250999</v>
      </c>
      <c r="J8609" t="s">
        <v>64294</v>
      </c>
    </row>
    <row r="8610" spans="1:10" x14ac:dyDescent="0.25">
      <c r="A8610" t="s">
        <v>23046</v>
      </c>
      <c r="B8610" t="s">
        <v>23047</v>
      </c>
      <c r="C8610" t="s">
        <v>23048</v>
      </c>
      <c r="D8610" t="s">
        <v>22962</v>
      </c>
      <c r="E8610" t="s">
        <v>13</v>
      </c>
      <c r="F8610">
        <v>5472</v>
      </c>
      <c r="G8610" t="s">
        <v>23049</v>
      </c>
      <c r="H8610">
        <v>4.4896758505329997</v>
      </c>
      <c r="I8610">
        <v>52.150777962117999</v>
      </c>
      <c r="J8610" t="s">
        <v>64295</v>
      </c>
    </row>
    <row r="8611" spans="1:10" x14ac:dyDescent="0.25">
      <c r="A8611" t="s">
        <v>23042</v>
      </c>
      <c r="B8611" t="s">
        <v>23043</v>
      </c>
      <c r="C8611" t="s">
        <v>23044</v>
      </c>
      <c r="D8611" t="s">
        <v>22962</v>
      </c>
      <c r="E8611" t="s">
        <v>13</v>
      </c>
      <c r="F8611">
        <v>5471</v>
      </c>
      <c r="G8611" t="s">
        <v>23045</v>
      </c>
      <c r="H8611">
        <v>4.4968980687759998</v>
      </c>
      <c r="I8611">
        <v>52.147660614016999</v>
      </c>
      <c r="J8611" t="s">
        <v>64296</v>
      </c>
    </row>
    <row r="8612" spans="1:10" x14ac:dyDescent="0.25">
      <c r="A8612" t="s">
        <v>23039</v>
      </c>
      <c r="B8612" t="s">
        <v>23040</v>
      </c>
      <c r="C8612" t="s">
        <v>3421</v>
      </c>
      <c r="D8612" t="s">
        <v>22962</v>
      </c>
      <c r="E8612" t="s">
        <v>13</v>
      </c>
      <c r="F8612">
        <v>5470</v>
      </c>
      <c r="G8612" t="s">
        <v>23041</v>
      </c>
      <c r="H8612">
        <v>4.5002794627859997</v>
      </c>
      <c r="I8612">
        <v>52.151591209922998</v>
      </c>
      <c r="J8612" t="s">
        <v>64297</v>
      </c>
    </row>
    <row r="8613" spans="1:10" x14ac:dyDescent="0.25">
      <c r="A8613" t="s">
        <v>23035</v>
      </c>
      <c r="B8613" t="s">
        <v>23036</v>
      </c>
      <c r="C8613" t="s">
        <v>23037</v>
      </c>
      <c r="D8613" t="s">
        <v>22962</v>
      </c>
      <c r="E8613" t="s">
        <v>13</v>
      </c>
      <c r="F8613">
        <v>5469</v>
      </c>
      <c r="G8613" t="s">
        <v>23038</v>
      </c>
      <c r="H8613">
        <v>4.5062168640560003</v>
      </c>
      <c r="I8613">
        <v>52.149391442183997</v>
      </c>
      <c r="J8613" t="s">
        <v>64298</v>
      </c>
    </row>
    <row r="8614" spans="1:10" x14ac:dyDescent="0.25">
      <c r="A8614" t="s">
        <v>23031</v>
      </c>
      <c r="B8614" t="s">
        <v>23032</v>
      </c>
      <c r="C8614" t="s">
        <v>23033</v>
      </c>
      <c r="D8614" t="s">
        <v>22962</v>
      </c>
      <c r="E8614" t="s">
        <v>13</v>
      </c>
      <c r="F8614">
        <v>5468</v>
      </c>
      <c r="G8614" t="s">
        <v>23034</v>
      </c>
      <c r="H8614">
        <v>4.5088476104220003</v>
      </c>
      <c r="I8614">
        <v>52.154156335460002</v>
      </c>
      <c r="J8614" t="s">
        <v>64299</v>
      </c>
    </row>
    <row r="8615" spans="1:10" x14ac:dyDescent="0.25">
      <c r="A8615" t="s">
        <v>23027</v>
      </c>
      <c r="B8615" t="s">
        <v>23028</v>
      </c>
      <c r="C8615" t="s">
        <v>23029</v>
      </c>
      <c r="D8615" t="s">
        <v>22962</v>
      </c>
      <c r="E8615" t="s">
        <v>13</v>
      </c>
      <c r="F8615">
        <v>5467</v>
      </c>
      <c r="G8615" t="s">
        <v>23030</v>
      </c>
      <c r="H8615">
        <v>4.5164552977039998</v>
      </c>
      <c r="I8615">
        <v>52.152716584190998</v>
      </c>
      <c r="J8615" t="s">
        <v>64300</v>
      </c>
    </row>
    <row r="8616" spans="1:10" x14ac:dyDescent="0.25">
      <c r="A8616" t="s">
        <v>23023</v>
      </c>
      <c r="B8616" t="s">
        <v>23024</v>
      </c>
      <c r="C8616" t="s">
        <v>23025</v>
      </c>
      <c r="D8616" t="s">
        <v>22962</v>
      </c>
      <c r="E8616" t="s">
        <v>13</v>
      </c>
      <c r="F8616">
        <v>5466</v>
      </c>
      <c r="G8616" t="s">
        <v>23026</v>
      </c>
      <c r="H8616">
        <v>4.5110229926110001</v>
      </c>
      <c r="I8616">
        <v>52.166086404441998</v>
      </c>
      <c r="J8616" t="s">
        <v>64301</v>
      </c>
    </row>
    <row r="8617" spans="1:10" x14ac:dyDescent="0.25">
      <c r="A8617" t="s">
        <v>23020</v>
      </c>
      <c r="B8617" t="s">
        <v>23021</v>
      </c>
      <c r="C8617" t="s">
        <v>543</v>
      </c>
      <c r="D8617" t="s">
        <v>22962</v>
      </c>
      <c r="E8617" t="s">
        <v>13</v>
      </c>
      <c r="F8617">
        <v>5465</v>
      </c>
      <c r="G8617" t="s">
        <v>23022</v>
      </c>
      <c r="H8617">
        <v>4.5017305706349999</v>
      </c>
      <c r="I8617">
        <v>52.167679804114997</v>
      </c>
      <c r="J8617" t="s">
        <v>64302</v>
      </c>
    </row>
    <row r="8618" spans="1:10" x14ac:dyDescent="0.25">
      <c r="A8618" t="s">
        <v>23017</v>
      </c>
      <c r="B8618" t="s">
        <v>23018</v>
      </c>
      <c r="C8618" t="s">
        <v>20725</v>
      </c>
      <c r="D8618" t="s">
        <v>22962</v>
      </c>
      <c r="E8618" t="s">
        <v>13</v>
      </c>
      <c r="F8618">
        <v>5464</v>
      </c>
      <c r="G8618" t="s">
        <v>23019</v>
      </c>
      <c r="H8618">
        <v>4.4933950248299999</v>
      </c>
      <c r="I8618">
        <v>52.169261101905001</v>
      </c>
      <c r="J8618" t="s">
        <v>64303</v>
      </c>
    </row>
    <row r="8619" spans="1:10" x14ac:dyDescent="0.25">
      <c r="A8619" t="s">
        <v>23014</v>
      </c>
      <c r="B8619" t="s">
        <v>23015</v>
      </c>
      <c r="C8619" t="s">
        <v>9049</v>
      </c>
      <c r="D8619" t="s">
        <v>22962</v>
      </c>
      <c r="E8619" t="s">
        <v>13</v>
      </c>
      <c r="F8619">
        <v>5463</v>
      </c>
      <c r="G8619" t="s">
        <v>23016</v>
      </c>
      <c r="H8619">
        <v>4.4860600927899998</v>
      </c>
      <c r="I8619">
        <v>52.166831023573998</v>
      </c>
      <c r="J8619" t="s">
        <v>64304</v>
      </c>
    </row>
    <row r="8620" spans="1:10" x14ac:dyDescent="0.25">
      <c r="A8620" t="s">
        <v>23011</v>
      </c>
      <c r="B8620" t="s">
        <v>23012</v>
      </c>
      <c r="C8620" t="s">
        <v>9085</v>
      </c>
      <c r="D8620" t="s">
        <v>22962</v>
      </c>
      <c r="E8620" t="s">
        <v>13</v>
      </c>
      <c r="F8620">
        <v>5462</v>
      </c>
      <c r="G8620" t="s">
        <v>23013</v>
      </c>
      <c r="H8620">
        <v>4.5092097546399996</v>
      </c>
      <c r="I8620">
        <v>52.158456242908002</v>
      </c>
      <c r="J8620" t="s">
        <v>64305</v>
      </c>
    </row>
    <row r="8621" spans="1:10" x14ac:dyDescent="0.25">
      <c r="A8621" t="s">
        <v>23008</v>
      </c>
      <c r="B8621" t="s">
        <v>23009</v>
      </c>
      <c r="C8621" t="s">
        <v>14642</v>
      </c>
      <c r="D8621" t="s">
        <v>22962</v>
      </c>
      <c r="E8621" t="s">
        <v>13</v>
      </c>
      <c r="F8621">
        <v>5461</v>
      </c>
      <c r="G8621" t="s">
        <v>23010</v>
      </c>
      <c r="H8621">
        <v>4.4878182870329999</v>
      </c>
      <c r="I8621">
        <v>52.163532959841</v>
      </c>
      <c r="J8621" t="s">
        <v>64306</v>
      </c>
    </row>
    <row r="8622" spans="1:10" x14ac:dyDescent="0.25">
      <c r="A8622" t="s">
        <v>23004</v>
      </c>
      <c r="B8622" t="s">
        <v>23005</v>
      </c>
      <c r="C8622" t="s">
        <v>23006</v>
      </c>
      <c r="D8622" t="s">
        <v>22962</v>
      </c>
      <c r="E8622" t="s">
        <v>13</v>
      </c>
      <c r="F8622">
        <v>5460</v>
      </c>
      <c r="G8622" t="s">
        <v>23007</v>
      </c>
      <c r="H8622">
        <v>4.5018994031580002</v>
      </c>
      <c r="I8622">
        <v>52.158616830687997</v>
      </c>
      <c r="J8622" t="s">
        <v>64307</v>
      </c>
    </row>
    <row r="8623" spans="1:10" x14ac:dyDescent="0.25">
      <c r="A8623" t="s">
        <v>23000</v>
      </c>
      <c r="B8623" t="s">
        <v>23001</v>
      </c>
      <c r="C8623" t="s">
        <v>23002</v>
      </c>
      <c r="D8623" t="s">
        <v>22962</v>
      </c>
      <c r="E8623" t="s">
        <v>13</v>
      </c>
      <c r="F8623">
        <v>5459</v>
      </c>
      <c r="G8623" t="s">
        <v>23003</v>
      </c>
      <c r="H8623">
        <v>4.5025882284960002</v>
      </c>
      <c r="I8623">
        <v>52.162263927620998</v>
      </c>
      <c r="J8623" t="s">
        <v>64308</v>
      </c>
    </row>
    <row r="8624" spans="1:10" x14ac:dyDescent="0.25">
      <c r="A8624" t="s">
        <v>22996</v>
      </c>
      <c r="B8624" t="s">
        <v>22997</v>
      </c>
      <c r="C8624" t="s">
        <v>22998</v>
      </c>
      <c r="D8624" t="s">
        <v>22962</v>
      </c>
      <c r="E8624" t="s">
        <v>13</v>
      </c>
      <c r="F8624">
        <v>5458</v>
      </c>
      <c r="G8624" t="s">
        <v>22999</v>
      </c>
      <c r="H8624">
        <v>4.4950701089220004</v>
      </c>
      <c r="I8624">
        <v>52.163186300329997</v>
      </c>
      <c r="J8624" t="s">
        <v>64309</v>
      </c>
    </row>
    <row r="8625" spans="1:10" x14ac:dyDescent="0.25">
      <c r="A8625" t="s">
        <v>22992</v>
      </c>
      <c r="B8625" t="s">
        <v>22993</v>
      </c>
      <c r="C8625" t="s">
        <v>22994</v>
      </c>
      <c r="D8625" t="s">
        <v>22962</v>
      </c>
      <c r="E8625" t="s">
        <v>13</v>
      </c>
      <c r="F8625">
        <v>5457</v>
      </c>
      <c r="G8625" t="s">
        <v>22995</v>
      </c>
      <c r="H8625">
        <v>4.4836339002149996</v>
      </c>
      <c r="I8625">
        <v>52.162517573252003</v>
      </c>
      <c r="J8625" t="s">
        <v>64310</v>
      </c>
    </row>
    <row r="8626" spans="1:10" x14ac:dyDescent="0.25">
      <c r="A8626" t="s">
        <v>22988</v>
      </c>
      <c r="B8626" t="s">
        <v>22989</v>
      </c>
      <c r="C8626" t="s">
        <v>22990</v>
      </c>
      <c r="D8626" t="s">
        <v>22962</v>
      </c>
      <c r="E8626" t="s">
        <v>13</v>
      </c>
      <c r="F8626">
        <v>5456</v>
      </c>
      <c r="G8626" t="s">
        <v>22991</v>
      </c>
      <c r="H8626">
        <v>4.4978290537849999</v>
      </c>
      <c r="I8626">
        <v>52.158268225104003</v>
      </c>
      <c r="J8626" t="s">
        <v>64311</v>
      </c>
    </row>
    <row r="8627" spans="1:10" x14ac:dyDescent="0.25">
      <c r="A8627" t="s">
        <v>22984</v>
      </c>
      <c r="B8627" t="s">
        <v>22985</v>
      </c>
      <c r="C8627" t="s">
        <v>22986</v>
      </c>
      <c r="D8627" t="s">
        <v>22962</v>
      </c>
      <c r="E8627" t="s">
        <v>13</v>
      </c>
      <c r="F8627">
        <v>5455</v>
      </c>
      <c r="G8627" t="s">
        <v>22987</v>
      </c>
      <c r="H8627">
        <v>4.4941433757120004</v>
      </c>
      <c r="I8627">
        <v>52.158672990760003</v>
      </c>
      <c r="J8627" t="s">
        <v>64312</v>
      </c>
    </row>
    <row r="8628" spans="1:10" x14ac:dyDescent="0.25">
      <c r="A8628" t="s">
        <v>22980</v>
      </c>
      <c r="B8628" t="s">
        <v>22981</v>
      </c>
      <c r="C8628" t="s">
        <v>22982</v>
      </c>
      <c r="D8628" t="s">
        <v>22962</v>
      </c>
      <c r="E8628" t="s">
        <v>13</v>
      </c>
      <c r="F8628">
        <v>5454</v>
      </c>
      <c r="G8628" t="s">
        <v>22983</v>
      </c>
      <c r="H8628">
        <v>4.4944052604409999</v>
      </c>
      <c r="I8628">
        <v>52.161094359517001</v>
      </c>
      <c r="J8628" t="s">
        <v>64313</v>
      </c>
    </row>
    <row r="8629" spans="1:10" x14ac:dyDescent="0.25">
      <c r="A8629" t="s">
        <v>22976</v>
      </c>
      <c r="B8629" t="s">
        <v>22977</v>
      </c>
      <c r="C8629" t="s">
        <v>22978</v>
      </c>
      <c r="D8629" t="s">
        <v>22962</v>
      </c>
      <c r="E8629" t="s">
        <v>13</v>
      </c>
      <c r="F8629">
        <v>5453</v>
      </c>
      <c r="G8629" t="s">
        <v>22979</v>
      </c>
      <c r="H8629">
        <v>4.4881094687900003</v>
      </c>
      <c r="I8629">
        <v>52.161399024821002</v>
      </c>
      <c r="J8629" t="s">
        <v>64314</v>
      </c>
    </row>
    <row r="8630" spans="1:10" x14ac:dyDescent="0.25">
      <c r="A8630" t="s">
        <v>22972</v>
      </c>
      <c r="B8630" t="s">
        <v>22973</v>
      </c>
      <c r="C8630" t="s">
        <v>22974</v>
      </c>
      <c r="D8630" t="s">
        <v>22962</v>
      </c>
      <c r="E8630" t="s">
        <v>13</v>
      </c>
      <c r="F8630">
        <v>5452</v>
      </c>
      <c r="G8630" t="s">
        <v>22975</v>
      </c>
      <c r="H8630">
        <v>4.4983414593489996</v>
      </c>
      <c r="I8630">
        <v>52.154875302405998</v>
      </c>
      <c r="J8630" t="s">
        <v>64315</v>
      </c>
    </row>
    <row r="8631" spans="1:10" x14ac:dyDescent="0.25">
      <c r="A8631" t="s">
        <v>22968</v>
      </c>
      <c r="B8631" t="s">
        <v>22969</v>
      </c>
      <c r="C8631" t="s">
        <v>22970</v>
      </c>
      <c r="D8631" t="s">
        <v>22962</v>
      </c>
      <c r="E8631" t="s">
        <v>13</v>
      </c>
      <c r="F8631">
        <v>5451</v>
      </c>
      <c r="G8631" t="s">
        <v>22971</v>
      </c>
      <c r="H8631">
        <v>4.4908262804219996</v>
      </c>
      <c r="I8631">
        <v>52.154901172358002</v>
      </c>
      <c r="J8631" t="s">
        <v>64316</v>
      </c>
    </row>
    <row r="8632" spans="1:10" x14ac:dyDescent="0.25">
      <c r="A8632" t="s">
        <v>22964</v>
      </c>
      <c r="B8632" t="s">
        <v>22965</v>
      </c>
      <c r="C8632" t="s">
        <v>22966</v>
      </c>
      <c r="D8632" t="s">
        <v>22962</v>
      </c>
      <c r="E8632" t="s">
        <v>13</v>
      </c>
      <c r="F8632">
        <v>5450</v>
      </c>
      <c r="G8632" t="s">
        <v>22967</v>
      </c>
      <c r="H8632">
        <v>4.4842475021989996</v>
      </c>
      <c r="I8632">
        <v>52.157562380530997</v>
      </c>
      <c r="J8632" t="s">
        <v>64317</v>
      </c>
    </row>
    <row r="8633" spans="1:10" x14ac:dyDescent="0.25">
      <c r="A8633" t="s">
        <v>22959</v>
      </c>
      <c r="B8633" t="s">
        <v>22960</v>
      </c>
      <c r="C8633" t="s">
        <v>22961</v>
      </c>
      <c r="D8633" t="s">
        <v>22962</v>
      </c>
      <c r="E8633" t="s">
        <v>13</v>
      </c>
      <c r="F8633">
        <v>5449</v>
      </c>
      <c r="G8633" t="s">
        <v>22963</v>
      </c>
      <c r="H8633">
        <v>4.4887788473830001</v>
      </c>
      <c r="I8633">
        <v>52.158091529981</v>
      </c>
      <c r="J8633" t="s">
        <v>64318</v>
      </c>
    </row>
    <row r="8634" spans="1:10" x14ac:dyDescent="0.25">
      <c r="A8634" t="s">
        <v>936</v>
      </c>
      <c r="B8634" t="s">
        <v>937</v>
      </c>
      <c r="C8634" t="s">
        <v>938</v>
      </c>
      <c r="D8634" t="s">
        <v>922</v>
      </c>
      <c r="E8634" t="s">
        <v>13</v>
      </c>
      <c r="F8634">
        <v>5448</v>
      </c>
      <c r="G8634" t="s">
        <v>939</v>
      </c>
      <c r="H8634">
        <v>4.6085046245930004</v>
      </c>
      <c r="I8634">
        <v>51.909386587024002</v>
      </c>
      <c r="J8634" t="s">
        <v>64319</v>
      </c>
    </row>
    <row r="8635" spans="1:10" x14ac:dyDescent="0.25">
      <c r="A8635" t="s">
        <v>932</v>
      </c>
      <c r="B8635" t="s">
        <v>933</v>
      </c>
      <c r="C8635" t="s">
        <v>934</v>
      </c>
      <c r="D8635" t="s">
        <v>922</v>
      </c>
      <c r="E8635" t="s">
        <v>13</v>
      </c>
      <c r="F8635">
        <v>5447</v>
      </c>
      <c r="G8635" t="s">
        <v>935</v>
      </c>
      <c r="H8635">
        <v>4.6250661259300001</v>
      </c>
      <c r="I8635">
        <v>51.916490462010998</v>
      </c>
      <c r="J8635" t="s">
        <v>64320</v>
      </c>
    </row>
    <row r="8636" spans="1:10" x14ac:dyDescent="0.25">
      <c r="A8636" t="s">
        <v>22955</v>
      </c>
      <c r="B8636" t="s">
        <v>22956</v>
      </c>
      <c r="C8636" t="s">
        <v>22957</v>
      </c>
      <c r="D8636" t="s">
        <v>922</v>
      </c>
      <c r="E8636" t="s">
        <v>13</v>
      </c>
      <c r="F8636">
        <v>5446</v>
      </c>
      <c r="G8636" t="s">
        <v>22958</v>
      </c>
      <c r="H8636">
        <v>4.6119817714259996</v>
      </c>
      <c r="I8636">
        <v>51.924510038008002</v>
      </c>
      <c r="J8636" t="s">
        <v>64321</v>
      </c>
    </row>
    <row r="8637" spans="1:10" x14ac:dyDescent="0.25">
      <c r="A8637" t="s">
        <v>928</v>
      </c>
      <c r="B8637" t="s">
        <v>929</v>
      </c>
      <c r="C8637" t="s">
        <v>930</v>
      </c>
      <c r="D8637" t="s">
        <v>922</v>
      </c>
      <c r="E8637" t="s">
        <v>13</v>
      </c>
      <c r="F8637">
        <v>5445</v>
      </c>
      <c r="G8637" t="s">
        <v>931</v>
      </c>
      <c r="H8637">
        <v>4.6052945291849996</v>
      </c>
      <c r="I8637">
        <v>51.91308729779</v>
      </c>
      <c r="J8637" t="s">
        <v>64322</v>
      </c>
    </row>
    <row r="8638" spans="1:10" x14ac:dyDescent="0.25">
      <c r="A8638" t="s">
        <v>924</v>
      </c>
      <c r="B8638" t="s">
        <v>925</v>
      </c>
      <c r="C8638" t="s">
        <v>926</v>
      </c>
      <c r="D8638" t="s">
        <v>922</v>
      </c>
      <c r="E8638" t="s">
        <v>13</v>
      </c>
      <c r="F8638">
        <v>5444</v>
      </c>
      <c r="G8638" t="s">
        <v>927</v>
      </c>
      <c r="H8638">
        <v>4.5922467771289996</v>
      </c>
      <c r="I8638">
        <v>51.918613675803002</v>
      </c>
      <c r="J8638" t="s">
        <v>64323</v>
      </c>
    </row>
    <row r="8639" spans="1:10" x14ac:dyDescent="0.25">
      <c r="A8639" t="s">
        <v>919</v>
      </c>
      <c r="B8639" t="s">
        <v>920</v>
      </c>
      <c r="C8639" t="s">
        <v>921</v>
      </c>
      <c r="D8639" t="s">
        <v>922</v>
      </c>
      <c r="E8639" t="s">
        <v>13</v>
      </c>
      <c r="F8639">
        <v>5443</v>
      </c>
      <c r="G8639" t="s">
        <v>923</v>
      </c>
      <c r="H8639">
        <v>4.5771019098389996</v>
      </c>
      <c r="I8639">
        <v>51.908236966860997</v>
      </c>
      <c r="J8639" t="s">
        <v>64324</v>
      </c>
    </row>
    <row r="8640" spans="1:10" x14ac:dyDescent="0.25">
      <c r="A8640" t="s">
        <v>22951</v>
      </c>
      <c r="B8640" t="s">
        <v>22952</v>
      </c>
      <c r="C8640" t="s">
        <v>22953</v>
      </c>
      <c r="D8640" t="s">
        <v>22799</v>
      </c>
      <c r="E8640" t="s">
        <v>13</v>
      </c>
      <c r="F8640">
        <v>5442</v>
      </c>
      <c r="G8640" t="s">
        <v>22954</v>
      </c>
      <c r="H8640">
        <v>4.4253920392449997</v>
      </c>
      <c r="I8640">
        <v>52.169921513995</v>
      </c>
      <c r="J8640" t="s">
        <v>64325</v>
      </c>
    </row>
    <row r="8641" spans="1:10" x14ac:dyDescent="0.25">
      <c r="A8641" t="s">
        <v>22947</v>
      </c>
      <c r="B8641" t="s">
        <v>22948</v>
      </c>
      <c r="C8641" t="s">
        <v>22949</v>
      </c>
      <c r="D8641" t="s">
        <v>22799</v>
      </c>
      <c r="E8641" t="s">
        <v>13</v>
      </c>
      <c r="F8641">
        <v>5441</v>
      </c>
      <c r="G8641" t="s">
        <v>22950</v>
      </c>
      <c r="H8641">
        <v>4.4389982707510001</v>
      </c>
      <c r="I8641">
        <v>52.161174488663001</v>
      </c>
      <c r="J8641" t="s">
        <v>64326</v>
      </c>
    </row>
    <row r="8642" spans="1:10" x14ac:dyDescent="0.25">
      <c r="A8642" t="s">
        <v>22943</v>
      </c>
      <c r="B8642" t="s">
        <v>22944</v>
      </c>
      <c r="C8642" t="s">
        <v>22945</v>
      </c>
      <c r="D8642" t="s">
        <v>22799</v>
      </c>
      <c r="E8642" t="s">
        <v>13</v>
      </c>
      <c r="F8642">
        <v>5440</v>
      </c>
      <c r="G8642" t="s">
        <v>22946</v>
      </c>
      <c r="H8642">
        <v>4.4437364613390002</v>
      </c>
      <c r="I8642">
        <v>52.174863741781003</v>
      </c>
      <c r="J8642" t="s">
        <v>64327</v>
      </c>
    </row>
    <row r="8643" spans="1:10" x14ac:dyDescent="0.25">
      <c r="A8643" t="s">
        <v>22939</v>
      </c>
      <c r="B8643" t="s">
        <v>22940</v>
      </c>
      <c r="C8643" t="s">
        <v>22941</v>
      </c>
      <c r="D8643" t="s">
        <v>22799</v>
      </c>
      <c r="E8643" t="s">
        <v>13</v>
      </c>
      <c r="F8643">
        <v>5439</v>
      </c>
      <c r="G8643" t="s">
        <v>22942</v>
      </c>
      <c r="H8643">
        <v>4.4288260093409999</v>
      </c>
      <c r="I8643">
        <v>52.181850405078002</v>
      </c>
      <c r="J8643" t="s">
        <v>64328</v>
      </c>
    </row>
    <row r="8644" spans="1:10" x14ac:dyDescent="0.25">
      <c r="A8644" t="s">
        <v>22936</v>
      </c>
      <c r="B8644" t="s">
        <v>22937</v>
      </c>
      <c r="C8644" t="s">
        <v>872</v>
      </c>
      <c r="D8644" t="s">
        <v>22799</v>
      </c>
      <c r="E8644" t="s">
        <v>13</v>
      </c>
      <c r="F8644">
        <v>5438</v>
      </c>
      <c r="G8644" t="s">
        <v>22938</v>
      </c>
      <c r="H8644">
        <v>4.4352811448729996</v>
      </c>
      <c r="I8644">
        <v>52.177759507586998</v>
      </c>
      <c r="J8644" t="s">
        <v>64329</v>
      </c>
    </row>
    <row r="8645" spans="1:10" x14ac:dyDescent="0.25">
      <c r="A8645" t="s">
        <v>22932</v>
      </c>
      <c r="B8645" t="s">
        <v>22933</v>
      </c>
      <c r="C8645" t="s">
        <v>22934</v>
      </c>
      <c r="D8645" t="s">
        <v>22799</v>
      </c>
      <c r="E8645" t="s">
        <v>13</v>
      </c>
      <c r="F8645">
        <v>5437</v>
      </c>
      <c r="G8645" t="s">
        <v>22935</v>
      </c>
      <c r="H8645">
        <v>4.4522876660290001</v>
      </c>
      <c r="I8645">
        <v>52.203528289563998</v>
      </c>
      <c r="J8645" t="s">
        <v>64330</v>
      </c>
    </row>
    <row r="8646" spans="1:10" x14ac:dyDescent="0.25">
      <c r="A8646" t="s">
        <v>22928</v>
      </c>
      <c r="B8646" t="s">
        <v>22929</v>
      </c>
      <c r="C8646" t="s">
        <v>22930</v>
      </c>
      <c r="D8646" t="s">
        <v>22799</v>
      </c>
      <c r="E8646" t="s">
        <v>13</v>
      </c>
      <c r="F8646">
        <v>5436</v>
      </c>
      <c r="G8646" t="s">
        <v>22931</v>
      </c>
      <c r="H8646">
        <v>4.4547879363530001</v>
      </c>
      <c r="I8646">
        <v>52.188535464475002</v>
      </c>
      <c r="J8646" t="s">
        <v>64331</v>
      </c>
    </row>
    <row r="8647" spans="1:10" x14ac:dyDescent="0.25">
      <c r="A8647" t="s">
        <v>22924</v>
      </c>
      <c r="B8647" t="s">
        <v>22925</v>
      </c>
      <c r="C8647" t="s">
        <v>22926</v>
      </c>
      <c r="D8647" t="s">
        <v>22799</v>
      </c>
      <c r="E8647" t="s">
        <v>13</v>
      </c>
      <c r="F8647">
        <v>5435</v>
      </c>
      <c r="G8647" t="s">
        <v>22927</v>
      </c>
      <c r="H8647">
        <v>4.4349491706500004</v>
      </c>
      <c r="I8647">
        <v>52.191071929690999</v>
      </c>
      <c r="J8647" t="s">
        <v>64332</v>
      </c>
    </row>
    <row r="8648" spans="1:10" x14ac:dyDescent="0.25">
      <c r="A8648" t="s">
        <v>22920</v>
      </c>
      <c r="B8648" t="s">
        <v>22921</v>
      </c>
      <c r="C8648" t="s">
        <v>22922</v>
      </c>
      <c r="D8648" t="s">
        <v>22799</v>
      </c>
      <c r="E8648" t="s">
        <v>13</v>
      </c>
      <c r="F8648">
        <v>5434</v>
      </c>
      <c r="G8648" t="s">
        <v>22923</v>
      </c>
      <c r="H8648">
        <v>4.434888115593</v>
      </c>
      <c r="I8648">
        <v>52.194845184115998</v>
      </c>
      <c r="J8648" t="s">
        <v>64333</v>
      </c>
    </row>
    <row r="8649" spans="1:10" x14ac:dyDescent="0.25">
      <c r="A8649" t="s">
        <v>22917</v>
      </c>
      <c r="B8649" t="s">
        <v>22918</v>
      </c>
      <c r="C8649" t="s">
        <v>17028</v>
      </c>
      <c r="D8649" t="s">
        <v>22799</v>
      </c>
      <c r="E8649" t="s">
        <v>13</v>
      </c>
      <c r="F8649">
        <v>5433</v>
      </c>
      <c r="G8649" t="s">
        <v>22919</v>
      </c>
      <c r="H8649">
        <v>4.4421007691390004</v>
      </c>
      <c r="I8649">
        <v>52.194277648810001</v>
      </c>
      <c r="J8649" t="s">
        <v>64334</v>
      </c>
    </row>
    <row r="8650" spans="1:10" x14ac:dyDescent="0.25">
      <c r="A8650" t="s">
        <v>22913</v>
      </c>
      <c r="B8650" t="s">
        <v>22914</v>
      </c>
      <c r="C8650" t="s">
        <v>22915</v>
      </c>
      <c r="D8650" t="s">
        <v>22799</v>
      </c>
      <c r="E8650" t="s">
        <v>13</v>
      </c>
      <c r="F8650">
        <v>5432</v>
      </c>
      <c r="G8650" t="s">
        <v>22916</v>
      </c>
      <c r="H8650">
        <v>4.4426854793470003</v>
      </c>
      <c r="I8650">
        <v>52.183222134927</v>
      </c>
      <c r="J8650" t="s">
        <v>64335</v>
      </c>
    </row>
    <row r="8651" spans="1:10" x14ac:dyDescent="0.25">
      <c r="A8651" t="s">
        <v>22909</v>
      </c>
      <c r="B8651" t="s">
        <v>22910</v>
      </c>
      <c r="C8651" t="s">
        <v>22911</v>
      </c>
      <c r="D8651" t="s">
        <v>22799</v>
      </c>
      <c r="E8651" t="s">
        <v>13</v>
      </c>
      <c r="F8651">
        <v>5431</v>
      </c>
      <c r="G8651" t="s">
        <v>22912</v>
      </c>
      <c r="H8651">
        <v>4.4419556115269998</v>
      </c>
      <c r="I8651">
        <v>52.186252940086</v>
      </c>
      <c r="J8651" t="s">
        <v>64336</v>
      </c>
    </row>
    <row r="8652" spans="1:10" x14ac:dyDescent="0.25">
      <c r="A8652" t="s">
        <v>22906</v>
      </c>
      <c r="B8652" t="s">
        <v>22907</v>
      </c>
      <c r="C8652" t="s">
        <v>16827</v>
      </c>
      <c r="D8652" t="s">
        <v>22799</v>
      </c>
      <c r="E8652" t="s">
        <v>13</v>
      </c>
      <c r="F8652">
        <v>5430</v>
      </c>
      <c r="G8652" t="s">
        <v>22908</v>
      </c>
      <c r="H8652">
        <v>4.4498506499139996</v>
      </c>
      <c r="I8652">
        <v>52.193649358309003</v>
      </c>
      <c r="J8652" t="s">
        <v>64337</v>
      </c>
    </row>
    <row r="8653" spans="1:10" x14ac:dyDescent="0.25">
      <c r="A8653" t="s">
        <v>22902</v>
      </c>
      <c r="B8653" t="s">
        <v>22903</v>
      </c>
      <c r="C8653" t="s">
        <v>22904</v>
      </c>
      <c r="D8653" t="s">
        <v>22799</v>
      </c>
      <c r="E8653" t="s">
        <v>13</v>
      </c>
      <c r="F8653">
        <v>5429</v>
      </c>
      <c r="G8653" t="s">
        <v>22905</v>
      </c>
      <c r="H8653">
        <v>4.4341023851749997</v>
      </c>
      <c r="I8653">
        <v>52.186379712372002</v>
      </c>
      <c r="J8653" t="s">
        <v>64338</v>
      </c>
    </row>
    <row r="8654" spans="1:10" x14ac:dyDescent="0.25">
      <c r="A8654" t="s">
        <v>22899</v>
      </c>
      <c r="B8654" t="s">
        <v>22900</v>
      </c>
      <c r="C8654" t="s">
        <v>129</v>
      </c>
      <c r="D8654" t="s">
        <v>22799</v>
      </c>
      <c r="E8654" t="s">
        <v>13</v>
      </c>
      <c r="F8654">
        <v>5428</v>
      </c>
      <c r="G8654" t="s">
        <v>22901</v>
      </c>
      <c r="H8654">
        <v>4.443336946873</v>
      </c>
      <c r="I8654">
        <v>52.190596987764003</v>
      </c>
      <c r="J8654" t="s">
        <v>64339</v>
      </c>
    </row>
    <row r="8655" spans="1:10" x14ac:dyDescent="0.25">
      <c r="A8655" t="s">
        <v>22895</v>
      </c>
      <c r="B8655" t="s">
        <v>22896</v>
      </c>
      <c r="C8655" t="s">
        <v>22897</v>
      </c>
      <c r="D8655" t="s">
        <v>22799</v>
      </c>
      <c r="E8655" t="s">
        <v>13</v>
      </c>
      <c r="F8655">
        <v>5427</v>
      </c>
      <c r="G8655" t="s">
        <v>22898</v>
      </c>
      <c r="H8655">
        <v>4.4111877380450002</v>
      </c>
      <c r="I8655">
        <v>52.177363199216003</v>
      </c>
      <c r="J8655" t="s">
        <v>64340</v>
      </c>
    </row>
    <row r="8656" spans="1:10" x14ac:dyDescent="0.25">
      <c r="A8656" t="s">
        <v>22891</v>
      </c>
      <c r="B8656" t="s">
        <v>22892</v>
      </c>
      <c r="C8656" t="s">
        <v>22893</v>
      </c>
      <c r="D8656" t="s">
        <v>22799</v>
      </c>
      <c r="E8656" t="s">
        <v>13</v>
      </c>
      <c r="F8656">
        <v>5426</v>
      </c>
      <c r="G8656" t="s">
        <v>22894</v>
      </c>
      <c r="H8656">
        <v>4.3956771961280001</v>
      </c>
      <c r="I8656">
        <v>52.186159523072</v>
      </c>
      <c r="J8656" t="s">
        <v>64341</v>
      </c>
    </row>
    <row r="8657" spans="1:10" x14ac:dyDescent="0.25">
      <c r="A8657" t="s">
        <v>22887</v>
      </c>
      <c r="B8657" t="s">
        <v>22888</v>
      </c>
      <c r="C8657" t="s">
        <v>22889</v>
      </c>
      <c r="D8657" t="s">
        <v>22799</v>
      </c>
      <c r="E8657" t="s">
        <v>13</v>
      </c>
      <c r="F8657">
        <v>5425</v>
      </c>
      <c r="G8657" t="s">
        <v>22890</v>
      </c>
      <c r="H8657">
        <v>4.4061766116280001</v>
      </c>
      <c r="I8657">
        <v>52.213810914046</v>
      </c>
      <c r="J8657" t="s">
        <v>64342</v>
      </c>
    </row>
    <row r="8658" spans="1:10" x14ac:dyDescent="0.25">
      <c r="A8658" t="s">
        <v>22883</v>
      </c>
      <c r="B8658" t="s">
        <v>22884</v>
      </c>
      <c r="C8658" t="s">
        <v>22885</v>
      </c>
      <c r="D8658" t="s">
        <v>22799</v>
      </c>
      <c r="E8658" t="s">
        <v>13</v>
      </c>
      <c r="F8658">
        <v>5424</v>
      </c>
      <c r="G8658" t="s">
        <v>22886</v>
      </c>
      <c r="H8658">
        <v>4.4093707473719999</v>
      </c>
      <c r="I8658">
        <v>52.198387396256997</v>
      </c>
      <c r="J8658" t="s">
        <v>64343</v>
      </c>
    </row>
    <row r="8659" spans="1:10" x14ac:dyDescent="0.25">
      <c r="A8659" t="s">
        <v>22879</v>
      </c>
      <c r="B8659" t="s">
        <v>22880</v>
      </c>
      <c r="C8659" t="s">
        <v>22881</v>
      </c>
      <c r="D8659" t="s">
        <v>22799</v>
      </c>
      <c r="E8659" t="s">
        <v>13</v>
      </c>
      <c r="F8659">
        <v>5423</v>
      </c>
      <c r="G8659" t="s">
        <v>22882</v>
      </c>
      <c r="H8659">
        <v>4.4125623025160001</v>
      </c>
      <c r="I8659">
        <v>52.203293002446998</v>
      </c>
      <c r="J8659" t="s">
        <v>64344</v>
      </c>
    </row>
    <row r="8660" spans="1:10" x14ac:dyDescent="0.25">
      <c r="A8660" t="s">
        <v>22875</v>
      </c>
      <c r="B8660" t="s">
        <v>22876</v>
      </c>
      <c r="C8660" t="s">
        <v>22877</v>
      </c>
      <c r="D8660" t="s">
        <v>22799</v>
      </c>
      <c r="E8660" t="s">
        <v>13</v>
      </c>
      <c r="F8660">
        <v>5422</v>
      </c>
      <c r="G8660" t="s">
        <v>22878</v>
      </c>
      <c r="H8660">
        <v>4.4009341090419998</v>
      </c>
      <c r="I8660">
        <v>52.197645297111002</v>
      </c>
      <c r="J8660" t="s">
        <v>64345</v>
      </c>
    </row>
    <row r="8661" spans="1:10" x14ac:dyDescent="0.25">
      <c r="A8661" t="s">
        <v>22872</v>
      </c>
      <c r="B8661" t="s">
        <v>22873</v>
      </c>
      <c r="C8661" t="s">
        <v>7559</v>
      </c>
      <c r="D8661" t="s">
        <v>22799</v>
      </c>
      <c r="E8661" t="s">
        <v>13</v>
      </c>
      <c r="F8661">
        <v>5421</v>
      </c>
      <c r="G8661" t="s">
        <v>22874</v>
      </c>
      <c r="H8661">
        <v>4.3987527725189999</v>
      </c>
      <c r="I8661">
        <v>52.199721730256002</v>
      </c>
      <c r="J8661" t="s">
        <v>64346</v>
      </c>
    </row>
    <row r="8662" spans="1:10" x14ac:dyDescent="0.25">
      <c r="A8662" t="s">
        <v>22868</v>
      </c>
      <c r="B8662" t="s">
        <v>22869</v>
      </c>
      <c r="C8662" t="s">
        <v>22870</v>
      </c>
      <c r="D8662" t="s">
        <v>22799</v>
      </c>
      <c r="E8662" t="s">
        <v>13</v>
      </c>
      <c r="F8662">
        <v>5420</v>
      </c>
      <c r="G8662" t="s">
        <v>22871</v>
      </c>
      <c r="H8662">
        <v>4.3901179966969996</v>
      </c>
      <c r="I8662">
        <v>52.197364148970003</v>
      </c>
      <c r="J8662" t="s">
        <v>64347</v>
      </c>
    </row>
    <row r="8663" spans="1:10" x14ac:dyDescent="0.25">
      <c r="A8663" t="s">
        <v>22865</v>
      </c>
      <c r="B8663" t="s">
        <v>22866</v>
      </c>
      <c r="C8663" t="s">
        <v>5304</v>
      </c>
      <c r="D8663" t="s">
        <v>22799</v>
      </c>
      <c r="E8663" t="s">
        <v>13</v>
      </c>
      <c r="F8663">
        <v>5419</v>
      </c>
      <c r="G8663" t="s">
        <v>22867</v>
      </c>
      <c r="H8663">
        <v>4.3994373732429999</v>
      </c>
      <c r="I8663">
        <v>52.202024528846998</v>
      </c>
      <c r="J8663" t="s">
        <v>64348</v>
      </c>
    </row>
    <row r="8664" spans="1:10" x14ac:dyDescent="0.25">
      <c r="A8664" t="s">
        <v>22862</v>
      </c>
      <c r="B8664" t="s">
        <v>22863</v>
      </c>
      <c r="C8664" t="s">
        <v>129</v>
      </c>
      <c r="D8664" t="s">
        <v>22799</v>
      </c>
      <c r="E8664" t="s">
        <v>13</v>
      </c>
      <c r="F8664">
        <v>5418</v>
      </c>
      <c r="G8664" t="s">
        <v>22864</v>
      </c>
      <c r="H8664">
        <v>4.3954094985139998</v>
      </c>
      <c r="I8664">
        <v>52.203860535075002</v>
      </c>
      <c r="J8664" t="s">
        <v>64349</v>
      </c>
    </row>
    <row r="8665" spans="1:10" x14ac:dyDescent="0.25">
      <c r="A8665" t="s">
        <v>22858</v>
      </c>
      <c r="B8665" t="s">
        <v>22859</v>
      </c>
      <c r="C8665" t="s">
        <v>22860</v>
      </c>
      <c r="D8665" t="s">
        <v>22799</v>
      </c>
      <c r="E8665" t="s">
        <v>13</v>
      </c>
      <c r="F8665">
        <v>5417</v>
      </c>
      <c r="G8665" t="s">
        <v>22861</v>
      </c>
      <c r="H8665">
        <v>4.405120361012</v>
      </c>
      <c r="I8665">
        <v>52.204200861971003</v>
      </c>
      <c r="J8665" t="s">
        <v>64350</v>
      </c>
    </row>
    <row r="8666" spans="1:10" x14ac:dyDescent="0.25">
      <c r="A8666" t="s">
        <v>22855</v>
      </c>
      <c r="B8666" t="s">
        <v>22856</v>
      </c>
      <c r="C8666" t="s">
        <v>18510</v>
      </c>
      <c r="D8666" t="s">
        <v>22799</v>
      </c>
      <c r="E8666" t="s">
        <v>13</v>
      </c>
      <c r="F8666">
        <v>5416</v>
      </c>
      <c r="G8666" t="s">
        <v>22857</v>
      </c>
      <c r="H8666">
        <v>4.4013535801380002</v>
      </c>
      <c r="I8666">
        <v>52.207089244964997</v>
      </c>
      <c r="J8666" t="s">
        <v>64351</v>
      </c>
    </row>
    <row r="8667" spans="1:10" x14ac:dyDescent="0.25">
      <c r="A8667" t="s">
        <v>22851</v>
      </c>
      <c r="B8667" t="s">
        <v>22852</v>
      </c>
      <c r="C8667" t="s">
        <v>22853</v>
      </c>
      <c r="D8667" t="s">
        <v>22799</v>
      </c>
      <c r="E8667" t="s">
        <v>13</v>
      </c>
      <c r="F8667">
        <v>5415</v>
      </c>
      <c r="G8667" t="s">
        <v>22854</v>
      </c>
      <c r="H8667">
        <v>4.3923364818639996</v>
      </c>
      <c r="I8667">
        <v>52.204804664298997</v>
      </c>
      <c r="J8667" t="s">
        <v>64352</v>
      </c>
    </row>
    <row r="8668" spans="1:10" x14ac:dyDescent="0.25">
      <c r="A8668" t="s">
        <v>22847</v>
      </c>
      <c r="B8668" t="s">
        <v>22848</v>
      </c>
      <c r="C8668" t="s">
        <v>22849</v>
      </c>
      <c r="D8668" t="s">
        <v>22799</v>
      </c>
      <c r="E8668" t="s">
        <v>13</v>
      </c>
      <c r="F8668">
        <v>5414</v>
      </c>
      <c r="G8668" t="s">
        <v>22850</v>
      </c>
      <c r="H8668">
        <v>4.4152844300230001</v>
      </c>
      <c r="I8668">
        <v>52.191661071672002</v>
      </c>
      <c r="J8668" t="s">
        <v>64353</v>
      </c>
    </row>
    <row r="8669" spans="1:10" x14ac:dyDescent="0.25">
      <c r="A8669" t="s">
        <v>22843</v>
      </c>
      <c r="B8669" t="s">
        <v>22844</v>
      </c>
      <c r="C8669" t="s">
        <v>22845</v>
      </c>
      <c r="D8669" t="s">
        <v>22799</v>
      </c>
      <c r="E8669" t="s">
        <v>13</v>
      </c>
      <c r="F8669">
        <v>5413</v>
      </c>
      <c r="G8669" t="s">
        <v>22846</v>
      </c>
      <c r="H8669">
        <v>4.4154194555219997</v>
      </c>
      <c r="I8669">
        <v>52.196903906792002</v>
      </c>
      <c r="J8669" t="s">
        <v>64354</v>
      </c>
    </row>
    <row r="8670" spans="1:10" x14ac:dyDescent="0.25">
      <c r="A8670" t="s">
        <v>22839</v>
      </c>
      <c r="B8670" t="s">
        <v>22840</v>
      </c>
      <c r="C8670" t="s">
        <v>22841</v>
      </c>
      <c r="D8670" t="s">
        <v>22799</v>
      </c>
      <c r="E8670" t="s">
        <v>13</v>
      </c>
      <c r="F8670">
        <v>5412</v>
      </c>
      <c r="G8670" t="s">
        <v>22842</v>
      </c>
      <c r="H8670">
        <v>4.4193428997630004</v>
      </c>
      <c r="I8670">
        <v>52.200764839572997</v>
      </c>
      <c r="J8670" t="s">
        <v>64355</v>
      </c>
    </row>
    <row r="8671" spans="1:10" x14ac:dyDescent="0.25">
      <c r="A8671" t="s">
        <v>22836</v>
      </c>
      <c r="B8671" t="s">
        <v>22837</v>
      </c>
      <c r="C8671" t="s">
        <v>12414</v>
      </c>
      <c r="D8671" t="s">
        <v>22799</v>
      </c>
      <c r="E8671" t="s">
        <v>13</v>
      </c>
      <c r="F8671">
        <v>5411</v>
      </c>
      <c r="G8671" t="s">
        <v>22838</v>
      </c>
      <c r="H8671">
        <v>4.4239786271410004</v>
      </c>
      <c r="I8671">
        <v>52.186707589409998</v>
      </c>
      <c r="J8671" t="s">
        <v>64356</v>
      </c>
    </row>
    <row r="8672" spans="1:10" x14ac:dyDescent="0.25">
      <c r="A8672" t="s">
        <v>22832</v>
      </c>
      <c r="B8672" t="s">
        <v>22833</v>
      </c>
      <c r="C8672" t="s">
        <v>22834</v>
      </c>
      <c r="D8672" t="s">
        <v>22799</v>
      </c>
      <c r="E8672" t="s">
        <v>13</v>
      </c>
      <c r="F8672">
        <v>5410</v>
      </c>
      <c r="G8672" t="s">
        <v>22835</v>
      </c>
      <c r="H8672">
        <v>4.4279766059260002</v>
      </c>
      <c r="I8672">
        <v>52.191932007604002</v>
      </c>
      <c r="J8672" t="s">
        <v>64357</v>
      </c>
    </row>
    <row r="8673" spans="1:10" x14ac:dyDescent="0.25">
      <c r="A8673" t="s">
        <v>22829</v>
      </c>
      <c r="B8673" t="s">
        <v>22830</v>
      </c>
      <c r="C8673" t="s">
        <v>872</v>
      </c>
      <c r="D8673" t="s">
        <v>22799</v>
      </c>
      <c r="E8673" t="s">
        <v>13</v>
      </c>
      <c r="F8673">
        <v>5409</v>
      </c>
      <c r="G8673" t="s">
        <v>22831</v>
      </c>
      <c r="H8673">
        <v>4.4237472977200003</v>
      </c>
      <c r="I8673">
        <v>52.195856024653999</v>
      </c>
      <c r="J8673" t="s">
        <v>64358</v>
      </c>
    </row>
    <row r="8674" spans="1:10" x14ac:dyDescent="0.25">
      <c r="A8674" t="s">
        <v>22825</v>
      </c>
      <c r="B8674" t="s">
        <v>22826</v>
      </c>
      <c r="C8674" t="s">
        <v>22827</v>
      </c>
      <c r="D8674" t="s">
        <v>22799</v>
      </c>
      <c r="E8674" t="s">
        <v>13</v>
      </c>
      <c r="F8674">
        <v>5408</v>
      </c>
      <c r="G8674" t="s">
        <v>22828</v>
      </c>
      <c r="H8674">
        <v>4.435860229547</v>
      </c>
      <c r="I8674">
        <v>52.203692126634003</v>
      </c>
      <c r="J8674" t="s">
        <v>64359</v>
      </c>
    </row>
    <row r="8675" spans="1:10" x14ac:dyDescent="0.25">
      <c r="A8675" t="s">
        <v>22821</v>
      </c>
      <c r="B8675" t="s">
        <v>22822</v>
      </c>
      <c r="C8675" t="s">
        <v>22823</v>
      </c>
      <c r="D8675" t="s">
        <v>22799</v>
      </c>
      <c r="E8675" t="s">
        <v>13</v>
      </c>
      <c r="F8675">
        <v>5407</v>
      </c>
      <c r="G8675" t="s">
        <v>22824</v>
      </c>
      <c r="H8675">
        <v>4.4294655328879999</v>
      </c>
      <c r="I8675">
        <v>52.199878952812</v>
      </c>
      <c r="J8675" t="s">
        <v>64360</v>
      </c>
    </row>
    <row r="8676" spans="1:10" x14ac:dyDescent="0.25">
      <c r="A8676" t="s">
        <v>22817</v>
      </c>
      <c r="B8676" t="s">
        <v>22818</v>
      </c>
      <c r="C8676" t="s">
        <v>22819</v>
      </c>
      <c r="D8676" t="s">
        <v>22799</v>
      </c>
      <c r="E8676" t="s">
        <v>13</v>
      </c>
      <c r="F8676">
        <v>5406</v>
      </c>
      <c r="G8676" t="s">
        <v>22820</v>
      </c>
      <c r="H8676">
        <v>4.4207039648600004</v>
      </c>
      <c r="I8676">
        <v>52.211674869036003</v>
      </c>
      <c r="J8676" t="s">
        <v>64361</v>
      </c>
    </row>
    <row r="8677" spans="1:10" x14ac:dyDescent="0.25">
      <c r="A8677" t="s">
        <v>22813</v>
      </c>
      <c r="B8677" t="s">
        <v>22814</v>
      </c>
      <c r="C8677" t="s">
        <v>22815</v>
      </c>
      <c r="D8677" t="s">
        <v>22799</v>
      </c>
      <c r="E8677" t="s">
        <v>13</v>
      </c>
      <c r="F8677">
        <v>5405</v>
      </c>
      <c r="G8677" t="s">
        <v>22816</v>
      </c>
      <c r="H8677">
        <v>4.4256515066229998</v>
      </c>
      <c r="I8677">
        <v>52.213644137499003</v>
      </c>
      <c r="J8677" t="s">
        <v>64362</v>
      </c>
    </row>
    <row r="8678" spans="1:10" x14ac:dyDescent="0.25">
      <c r="A8678" t="s">
        <v>22809</v>
      </c>
      <c r="B8678" t="s">
        <v>22810</v>
      </c>
      <c r="C8678" t="s">
        <v>22811</v>
      </c>
      <c r="D8678" t="s">
        <v>22799</v>
      </c>
      <c r="E8678" t="s">
        <v>13</v>
      </c>
      <c r="F8678">
        <v>5404</v>
      </c>
      <c r="G8678" t="s">
        <v>22812</v>
      </c>
      <c r="H8678">
        <v>4.4238378082810002</v>
      </c>
      <c r="I8678">
        <v>52.204513129787998</v>
      </c>
      <c r="J8678" t="s">
        <v>64363</v>
      </c>
    </row>
    <row r="8679" spans="1:10" x14ac:dyDescent="0.25">
      <c r="A8679" t="s">
        <v>22805</v>
      </c>
      <c r="B8679" t="s">
        <v>22806</v>
      </c>
      <c r="C8679" t="s">
        <v>22807</v>
      </c>
      <c r="D8679" t="s">
        <v>22799</v>
      </c>
      <c r="E8679" t="s">
        <v>13</v>
      </c>
      <c r="F8679">
        <v>5403</v>
      </c>
      <c r="G8679" t="s">
        <v>22808</v>
      </c>
      <c r="H8679">
        <v>4.4143451669729998</v>
      </c>
      <c r="I8679">
        <v>52.207106420214998</v>
      </c>
      <c r="J8679" t="s">
        <v>64364</v>
      </c>
    </row>
    <row r="8680" spans="1:10" x14ac:dyDescent="0.25">
      <c r="A8680" t="s">
        <v>22801</v>
      </c>
      <c r="B8680" t="s">
        <v>22802</v>
      </c>
      <c r="C8680" t="s">
        <v>22803</v>
      </c>
      <c r="D8680" t="s">
        <v>22799</v>
      </c>
      <c r="E8680" t="s">
        <v>13</v>
      </c>
      <c r="F8680">
        <v>5402</v>
      </c>
      <c r="G8680" t="s">
        <v>22804</v>
      </c>
      <c r="H8680">
        <v>4.4299510332240004</v>
      </c>
      <c r="I8680">
        <v>52.209263327686003</v>
      </c>
      <c r="J8680" t="s">
        <v>64365</v>
      </c>
    </row>
    <row r="8681" spans="1:10" x14ac:dyDescent="0.25">
      <c r="A8681" t="s">
        <v>22796</v>
      </c>
      <c r="B8681" t="s">
        <v>22797</v>
      </c>
      <c r="C8681" t="s">
        <v>22798</v>
      </c>
      <c r="D8681" t="s">
        <v>22799</v>
      </c>
      <c r="E8681" t="s">
        <v>13</v>
      </c>
      <c r="F8681">
        <v>5401</v>
      </c>
      <c r="G8681" t="s">
        <v>22800</v>
      </c>
      <c r="H8681">
        <v>4.4151616971410004</v>
      </c>
      <c r="I8681">
        <v>52.211457659969</v>
      </c>
      <c r="J8681" t="s">
        <v>64366</v>
      </c>
    </row>
    <row r="8682" spans="1:10" x14ac:dyDescent="0.25">
      <c r="A8682" t="s">
        <v>22793</v>
      </c>
      <c r="B8682" t="s">
        <v>22794</v>
      </c>
      <c r="C8682" t="s">
        <v>9799</v>
      </c>
      <c r="D8682" t="s">
        <v>22716</v>
      </c>
      <c r="E8682" t="s">
        <v>13</v>
      </c>
      <c r="F8682">
        <v>5400</v>
      </c>
      <c r="G8682" t="s">
        <v>22795</v>
      </c>
      <c r="H8682">
        <v>4.574641305488</v>
      </c>
      <c r="I8682">
        <v>52.299048939862999</v>
      </c>
      <c r="J8682" t="s">
        <v>64367</v>
      </c>
    </row>
    <row r="8683" spans="1:10" x14ac:dyDescent="0.25">
      <c r="A8683" t="s">
        <v>22789</v>
      </c>
      <c r="B8683" t="s">
        <v>22790</v>
      </c>
      <c r="C8683" t="s">
        <v>22791</v>
      </c>
      <c r="D8683" t="s">
        <v>22716</v>
      </c>
      <c r="E8683" t="s">
        <v>13</v>
      </c>
      <c r="F8683">
        <v>5399</v>
      </c>
      <c r="G8683" t="s">
        <v>22792</v>
      </c>
      <c r="H8683">
        <v>4.5718137645660004</v>
      </c>
      <c r="I8683">
        <v>52.274605216278999</v>
      </c>
      <c r="J8683" t="s">
        <v>64368</v>
      </c>
    </row>
    <row r="8684" spans="1:10" x14ac:dyDescent="0.25">
      <c r="A8684" t="s">
        <v>22785</v>
      </c>
      <c r="B8684" t="s">
        <v>22786</v>
      </c>
      <c r="C8684" t="s">
        <v>22787</v>
      </c>
      <c r="D8684" t="s">
        <v>22716</v>
      </c>
      <c r="E8684" t="s">
        <v>13</v>
      </c>
      <c r="F8684">
        <v>5398</v>
      </c>
      <c r="G8684" t="s">
        <v>22788</v>
      </c>
      <c r="H8684">
        <v>4.5682754033339998</v>
      </c>
      <c r="I8684">
        <v>52.298738589602998</v>
      </c>
      <c r="J8684" t="s">
        <v>64369</v>
      </c>
    </row>
    <row r="8685" spans="1:10" x14ac:dyDescent="0.25">
      <c r="A8685" t="s">
        <v>22781</v>
      </c>
      <c r="B8685" t="s">
        <v>22782</v>
      </c>
      <c r="C8685" t="s">
        <v>22783</v>
      </c>
      <c r="D8685" t="s">
        <v>22716</v>
      </c>
      <c r="E8685" t="s">
        <v>13</v>
      </c>
      <c r="F8685">
        <v>5397</v>
      </c>
      <c r="G8685" t="s">
        <v>22784</v>
      </c>
      <c r="H8685">
        <v>4.5809787642290001</v>
      </c>
      <c r="I8685">
        <v>52.301302911785001</v>
      </c>
      <c r="J8685" t="s">
        <v>64370</v>
      </c>
    </row>
    <row r="8686" spans="1:10" x14ac:dyDescent="0.25">
      <c r="A8686" t="s">
        <v>22777</v>
      </c>
      <c r="B8686" t="s">
        <v>22778</v>
      </c>
      <c r="C8686" t="s">
        <v>22779</v>
      </c>
      <c r="D8686" t="s">
        <v>22716</v>
      </c>
      <c r="E8686" t="s">
        <v>13</v>
      </c>
      <c r="F8686">
        <v>5396</v>
      </c>
      <c r="G8686" t="s">
        <v>22780</v>
      </c>
      <c r="H8686">
        <v>4.570978075747</v>
      </c>
      <c r="I8686">
        <v>52.296825605153003</v>
      </c>
      <c r="J8686" t="s">
        <v>64371</v>
      </c>
    </row>
    <row r="8687" spans="1:10" x14ac:dyDescent="0.25">
      <c r="A8687" t="s">
        <v>22773</v>
      </c>
      <c r="B8687" t="s">
        <v>22774</v>
      </c>
      <c r="C8687" t="s">
        <v>22775</v>
      </c>
      <c r="D8687" t="s">
        <v>22716</v>
      </c>
      <c r="E8687" t="s">
        <v>13</v>
      </c>
      <c r="F8687">
        <v>5395</v>
      </c>
      <c r="G8687" t="s">
        <v>22776</v>
      </c>
      <c r="H8687">
        <v>4.5903824521640004</v>
      </c>
      <c r="I8687">
        <v>52.288105501010001</v>
      </c>
      <c r="J8687" t="s">
        <v>64372</v>
      </c>
    </row>
    <row r="8688" spans="1:10" x14ac:dyDescent="0.25">
      <c r="A8688" t="s">
        <v>22769</v>
      </c>
      <c r="B8688" t="s">
        <v>22770</v>
      </c>
      <c r="C8688" t="s">
        <v>22771</v>
      </c>
      <c r="D8688" t="s">
        <v>22716</v>
      </c>
      <c r="E8688" t="s">
        <v>13</v>
      </c>
      <c r="F8688">
        <v>5394</v>
      </c>
      <c r="G8688" t="s">
        <v>22772</v>
      </c>
      <c r="H8688">
        <v>4.5842701694320001</v>
      </c>
      <c r="I8688">
        <v>52.280592918814001</v>
      </c>
      <c r="J8688" t="s">
        <v>64373</v>
      </c>
    </row>
    <row r="8689" spans="1:10" x14ac:dyDescent="0.25">
      <c r="A8689" t="s">
        <v>22765</v>
      </c>
      <c r="B8689" t="s">
        <v>22766</v>
      </c>
      <c r="C8689" t="s">
        <v>22767</v>
      </c>
      <c r="D8689" t="s">
        <v>22716</v>
      </c>
      <c r="E8689" t="s">
        <v>13</v>
      </c>
      <c r="F8689">
        <v>5393</v>
      </c>
      <c r="G8689" t="s">
        <v>22768</v>
      </c>
      <c r="H8689">
        <v>4.587521740103</v>
      </c>
      <c r="I8689">
        <v>52.284399612106</v>
      </c>
      <c r="J8689" t="s">
        <v>64374</v>
      </c>
    </row>
    <row r="8690" spans="1:10" x14ac:dyDescent="0.25">
      <c r="A8690" t="s">
        <v>22762</v>
      </c>
      <c r="B8690" t="s">
        <v>22763</v>
      </c>
      <c r="C8690" t="s">
        <v>18934</v>
      </c>
      <c r="D8690" t="s">
        <v>22716</v>
      </c>
      <c r="E8690" t="s">
        <v>13</v>
      </c>
      <c r="F8690">
        <v>5392</v>
      </c>
      <c r="G8690" t="s">
        <v>22764</v>
      </c>
      <c r="H8690">
        <v>4.578809142551</v>
      </c>
      <c r="I8690">
        <v>52.282675773210997</v>
      </c>
      <c r="J8690" t="s">
        <v>64375</v>
      </c>
    </row>
    <row r="8691" spans="1:10" x14ac:dyDescent="0.25">
      <c r="A8691" t="s">
        <v>22758</v>
      </c>
      <c r="B8691" t="s">
        <v>22759</v>
      </c>
      <c r="C8691" t="s">
        <v>22760</v>
      </c>
      <c r="D8691" t="s">
        <v>22716</v>
      </c>
      <c r="E8691" t="s">
        <v>13</v>
      </c>
      <c r="F8691">
        <v>5391</v>
      </c>
      <c r="G8691" t="s">
        <v>22761</v>
      </c>
      <c r="H8691">
        <v>4.5811666329399996</v>
      </c>
      <c r="I8691">
        <v>52.285311783543001</v>
      </c>
      <c r="J8691" t="s">
        <v>64376</v>
      </c>
    </row>
    <row r="8692" spans="1:10" x14ac:dyDescent="0.25">
      <c r="A8692" t="s">
        <v>22754</v>
      </c>
      <c r="B8692" t="s">
        <v>22755</v>
      </c>
      <c r="C8692" t="s">
        <v>22756</v>
      </c>
      <c r="D8692" t="s">
        <v>22716</v>
      </c>
      <c r="E8692" t="s">
        <v>13</v>
      </c>
      <c r="F8692">
        <v>5390</v>
      </c>
      <c r="G8692" t="s">
        <v>22757</v>
      </c>
      <c r="H8692">
        <v>4.574794736007</v>
      </c>
      <c r="I8692">
        <v>52.285931085232001</v>
      </c>
      <c r="J8692" t="s">
        <v>64377</v>
      </c>
    </row>
    <row r="8693" spans="1:10" x14ac:dyDescent="0.25">
      <c r="A8693" t="s">
        <v>22751</v>
      </c>
      <c r="B8693" t="s">
        <v>22752</v>
      </c>
      <c r="C8693" t="s">
        <v>81</v>
      </c>
      <c r="D8693" t="s">
        <v>22716</v>
      </c>
      <c r="E8693" t="s">
        <v>13</v>
      </c>
      <c r="F8693">
        <v>5389</v>
      </c>
      <c r="G8693" t="s">
        <v>22753</v>
      </c>
      <c r="H8693">
        <v>4.5932549257030004</v>
      </c>
      <c r="I8693">
        <v>52.292024790778001</v>
      </c>
      <c r="J8693" t="s">
        <v>64378</v>
      </c>
    </row>
    <row r="8694" spans="1:10" x14ac:dyDescent="0.25">
      <c r="A8694" t="s">
        <v>22747</v>
      </c>
      <c r="B8694" t="s">
        <v>22748</v>
      </c>
      <c r="C8694" t="s">
        <v>22749</v>
      </c>
      <c r="D8694" t="s">
        <v>22716</v>
      </c>
      <c r="E8694" t="s">
        <v>13</v>
      </c>
      <c r="F8694">
        <v>5388</v>
      </c>
      <c r="G8694" t="s">
        <v>22750</v>
      </c>
      <c r="H8694">
        <v>4.5952422159120001</v>
      </c>
      <c r="I8694">
        <v>52.297039329028998</v>
      </c>
      <c r="J8694" t="s">
        <v>64379</v>
      </c>
    </row>
    <row r="8695" spans="1:10" x14ac:dyDescent="0.25">
      <c r="A8695" t="s">
        <v>22744</v>
      </c>
      <c r="B8695" t="s">
        <v>22745</v>
      </c>
      <c r="C8695" t="s">
        <v>14674</v>
      </c>
      <c r="D8695" t="s">
        <v>22716</v>
      </c>
      <c r="E8695" t="s">
        <v>13</v>
      </c>
      <c r="F8695">
        <v>5387</v>
      </c>
      <c r="G8695" t="s">
        <v>22746</v>
      </c>
      <c r="H8695">
        <v>4.5909573147199998</v>
      </c>
      <c r="I8695">
        <v>52.297834785338999</v>
      </c>
      <c r="J8695" t="s">
        <v>64380</v>
      </c>
    </row>
    <row r="8696" spans="1:10" x14ac:dyDescent="0.25">
      <c r="A8696" t="s">
        <v>22740</v>
      </c>
      <c r="B8696" t="s">
        <v>22741</v>
      </c>
      <c r="C8696" t="s">
        <v>22742</v>
      </c>
      <c r="D8696" t="s">
        <v>22716</v>
      </c>
      <c r="E8696" t="s">
        <v>13</v>
      </c>
      <c r="F8696">
        <v>5386</v>
      </c>
      <c r="G8696" t="s">
        <v>22743</v>
      </c>
      <c r="H8696">
        <v>4.5845565961189996</v>
      </c>
      <c r="I8696">
        <v>52.298805211428999</v>
      </c>
      <c r="J8696" t="s">
        <v>64381</v>
      </c>
    </row>
    <row r="8697" spans="1:10" x14ac:dyDescent="0.25">
      <c r="A8697" t="s">
        <v>22736</v>
      </c>
      <c r="B8697" t="s">
        <v>22737</v>
      </c>
      <c r="C8697" t="s">
        <v>22738</v>
      </c>
      <c r="D8697" t="s">
        <v>22716</v>
      </c>
      <c r="E8697" t="s">
        <v>13</v>
      </c>
      <c r="F8697">
        <v>5385</v>
      </c>
      <c r="G8697" t="s">
        <v>22739</v>
      </c>
      <c r="H8697">
        <v>4.5885379829320003</v>
      </c>
      <c r="I8697">
        <v>52.302717723069001</v>
      </c>
      <c r="J8697" t="s">
        <v>64382</v>
      </c>
    </row>
    <row r="8698" spans="1:10" x14ac:dyDescent="0.25">
      <c r="A8698" t="s">
        <v>22733</v>
      </c>
      <c r="B8698" t="s">
        <v>22734</v>
      </c>
      <c r="C8698" t="s">
        <v>14532</v>
      </c>
      <c r="D8698" t="s">
        <v>22716</v>
      </c>
      <c r="E8698" t="s">
        <v>13</v>
      </c>
      <c r="F8698">
        <v>5384</v>
      </c>
      <c r="G8698" t="s">
        <v>22735</v>
      </c>
      <c r="H8698">
        <v>4.5883779671439999</v>
      </c>
      <c r="I8698">
        <v>52.305813402741997</v>
      </c>
      <c r="J8698" t="s">
        <v>64383</v>
      </c>
    </row>
    <row r="8699" spans="1:10" x14ac:dyDescent="0.25">
      <c r="A8699" t="s">
        <v>22729</v>
      </c>
      <c r="B8699" t="s">
        <v>22730</v>
      </c>
      <c r="C8699" t="s">
        <v>22731</v>
      </c>
      <c r="D8699" t="s">
        <v>22716</v>
      </c>
      <c r="E8699" t="s">
        <v>13</v>
      </c>
      <c r="F8699">
        <v>5383</v>
      </c>
      <c r="G8699" t="s">
        <v>22732</v>
      </c>
      <c r="H8699">
        <v>4.5818353346720002</v>
      </c>
      <c r="I8699">
        <v>52.288041757099002</v>
      </c>
      <c r="J8699" t="s">
        <v>64384</v>
      </c>
    </row>
    <row r="8700" spans="1:10" x14ac:dyDescent="0.25">
      <c r="A8700" t="s">
        <v>22725</v>
      </c>
      <c r="B8700" t="s">
        <v>22726</v>
      </c>
      <c r="C8700" t="s">
        <v>22727</v>
      </c>
      <c r="D8700" t="s">
        <v>22716</v>
      </c>
      <c r="E8700" t="s">
        <v>13</v>
      </c>
      <c r="F8700">
        <v>5382</v>
      </c>
      <c r="G8700" t="s">
        <v>22728</v>
      </c>
      <c r="H8700">
        <v>4.585746007439</v>
      </c>
      <c r="I8700">
        <v>52.289769233637998</v>
      </c>
      <c r="J8700" t="s">
        <v>64385</v>
      </c>
    </row>
    <row r="8701" spans="1:10" x14ac:dyDescent="0.25">
      <c r="A8701" t="s">
        <v>22721</v>
      </c>
      <c r="B8701" t="s">
        <v>22722</v>
      </c>
      <c r="C8701" t="s">
        <v>22723</v>
      </c>
      <c r="D8701" t="s">
        <v>22716</v>
      </c>
      <c r="E8701" t="s">
        <v>13</v>
      </c>
      <c r="F8701">
        <v>5381</v>
      </c>
      <c r="G8701" t="s">
        <v>22724</v>
      </c>
      <c r="H8701">
        <v>4.5873894062689997</v>
      </c>
      <c r="I8701">
        <v>52.295441439554999</v>
      </c>
      <c r="J8701" t="s">
        <v>64386</v>
      </c>
    </row>
    <row r="8702" spans="1:10" x14ac:dyDescent="0.25">
      <c r="A8702" t="s">
        <v>22718</v>
      </c>
      <c r="B8702" t="s">
        <v>22719</v>
      </c>
      <c r="C8702" t="s">
        <v>97</v>
      </c>
      <c r="D8702" t="s">
        <v>22716</v>
      </c>
      <c r="E8702" t="s">
        <v>13</v>
      </c>
      <c r="F8702">
        <v>5380</v>
      </c>
      <c r="G8702" t="s">
        <v>22720</v>
      </c>
      <c r="H8702">
        <v>4.585219528144</v>
      </c>
      <c r="I8702">
        <v>52.293590552676001</v>
      </c>
      <c r="J8702" t="s">
        <v>64387</v>
      </c>
    </row>
    <row r="8703" spans="1:10" x14ac:dyDescent="0.25">
      <c r="A8703" t="s">
        <v>22714</v>
      </c>
      <c r="B8703" t="s">
        <v>22715</v>
      </c>
      <c r="C8703" t="s">
        <v>129</v>
      </c>
      <c r="D8703" t="s">
        <v>22716</v>
      </c>
      <c r="E8703" t="s">
        <v>13</v>
      </c>
      <c r="F8703">
        <v>5379</v>
      </c>
      <c r="G8703" t="s">
        <v>22717</v>
      </c>
      <c r="H8703">
        <v>4.5797087409949997</v>
      </c>
      <c r="I8703">
        <v>52.292037072447002</v>
      </c>
      <c r="J8703" t="s">
        <v>64388</v>
      </c>
    </row>
    <row r="8704" spans="1:10" x14ac:dyDescent="0.25">
      <c r="A8704" t="s">
        <v>915</v>
      </c>
      <c r="B8704" t="s">
        <v>916</v>
      </c>
      <c r="C8704" t="s">
        <v>917</v>
      </c>
      <c r="D8704" t="s">
        <v>873</v>
      </c>
      <c r="E8704" t="s">
        <v>13</v>
      </c>
      <c r="F8704">
        <v>5378</v>
      </c>
      <c r="G8704" t="s">
        <v>918</v>
      </c>
      <c r="H8704">
        <v>4.6653105691540002</v>
      </c>
      <c r="I8704">
        <v>51.836995130405001</v>
      </c>
      <c r="J8704" t="s">
        <v>64389</v>
      </c>
    </row>
    <row r="8705" spans="1:10" x14ac:dyDescent="0.25">
      <c r="A8705" t="s">
        <v>911</v>
      </c>
      <c r="B8705" t="s">
        <v>912</v>
      </c>
      <c r="C8705" t="s">
        <v>913</v>
      </c>
      <c r="D8705" t="s">
        <v>873</v>
      </c>
      <c r="E8705" t="s">
        <v>13</v>
      </c>
      <c r="F8705">
        <v>5377</v>
      </c>
      <c r="G8705" t="s">
        <v>914</v>
      </c>
      <c r="H8705">
        <v>4.6504140207209996</v>
      </c>
      <c r="I8705">
        <v>51.854688867973998</v>
      </c>
      <c r="J8705" t="s">
        <v>64390</v>
      </c>
    </row>
    <row r="8706" spans="1:10" x14ac:dyDescent="0.25">
      <c r="A8706" t="s">
        <v>907</v>
      </c>
      <c r="B8706" t="s">
        <v>908</v>
      </c>
      <c r="C8706" t="s">
        <v>909</v>
      </c>
      <c r="D8706" t="s">
        <v>873</v>
      </c>
      <c r="E8706" t="s">
        <v>13</v>
      </c>
      <c r="F8706">
        <v>5376</v>
      </c>
      <c r="G8706" t="s">
        <v>910</v>
      </c>
      <c r="H8706">
        <v>4.6139940055570001</v>
      </c>
      <c r="I8706">
        <v>51.844064386359001</v>
      </c>
      <c r="J8706" t="s">
        <v>64391</v>
      </c>
    </row>
    <row r="8707" spans="1:10" x14ac:dyDescent="0.25">
      <c r="A8707" t="s">
        <v>903</v>
      </c>
      <c r="B8707" t="s">
        <v>904</v>
      </c>
      <c r="C8707" t="s">
        <v>905</v>
      </c>
      <c r="D8707" t="s">
        <v>873</v>
      </c>
      <c r="E8707" t="s">
        <v>13</v>
      </c>
      <c r="F8707">
        <v>5375</v>
      </c>
      <c r="G8707" t="s">
        <v>906</v>
      </c>
      <c r="H8707">
        <v>4.6532333511989998</v>
      </c>
      <c r="I8707">
        <v>51.837151199909997</v>
      </c>
      <c r="J8707" t="s">
        <v>64392</v>
      </c>
    </row>
    <row r="8708" spans="1:10" x14ac:dyDescent="0.25">
      <c r="A8708" t="s">
        <v>899</v>
      </c>
      <c r="B8708" t="s">
        <v>900</v>
      </c>
      <c r="C8708" t="s">
        <v>901</v>
      </c>
      <c r="D8708" t="s">
        <v>873</v>
      </c>
      <c r="E8708" t="s">
        <v>13</v>
      </c>
      <c r="F8708">
        <v>5374</v>
      </c>
      <c r="G8708" t="s">
        <v>902</v>
      </c>
      <c r="H8708">
        <v>4.6427374070349998</v>
      </c>
      <c r="I8708">
        <v>51.831637381787999</v>
      </c>
      <c r="J8708" t="s">
        <v>64393</v>
      </c>
    </row>
    <row r="8709" spans="1:10" x14ac:dyDescent="0.25">
      <c r="A8709" t="s">
        <v>895</v>
      </c>
      <c r="B8709" t="s">
        <v>896</v>
      </c>
      <c r="C8709" t="s">
        <v>897</v>
      </c>
      <c r="D8709" t="s">
        <v>873</v>
      </c>
      <c r="E8709" t="s">
        <v>13</v>
      </c>
      <c r="F8709">
        <v>5373</v>
      </c>
      <c r="G8709" t="s">
        <v>898</v>
      </c>
      <c r="H8709">
        <v>4.6257618155919999</v>
      </c>
      <c r="I8709">
        <v>51.832778072030997</v>
      </c>
      <c r="J8709" t="s">
        <v>64394</v>
      </c>
    </row>
    <row r="8710" spans="1:10" x14ac:dyDescent="0.25">
      <c r="A8710" t="s">
        <v>891</v>
      </c>
      <c r="B8710" t="s">
        <v>892</v>
      </c>
      <c r="C8710" t="s">
        <v>893</v>
      </c>
      <c r="D8710" t="s">
        <v>873</v>
      </c>
      <c r="E8710" t="s">
        <v>13</v>
      </c>
      <c r="F8710">
        <v>5372</v>
      </c>
      <c r="G8710" t="s">
        <v>894</v>
      </c>
      <c r="H8710">
        <v>4.6235455135889998</v>
      </c>
      <c r="I8710">
        <v>51.840000422072002</v>
      </c>
      <c r="J8710" t="s">
        <v>64395</v>
      </c>
    </row>
    <row r="8711" spans="1:10" x14ac:dyDescent="0.25">
      <c r="A8711" t="s">
        <v>887</v>
      </c>
      <c r="B8711" t="s">
        <v>888</v>
      </c>
      <c r="C8711" t="s">
        <v>889</v>
      </c>
      <c r="D8711" t="s">
        <v>873</v>
      </c>
      <c r="E8711" t="s">
        <v>13</v>
      </c>
      <c r="F8711">
        <v>5371</v>
      </c>
      <c r="G8711" t="s">
        <v>890</v>
      </c>
      <c r="H8711">
        <v>4.632359059803</v>
      </c>
      <c r="I8711">
        <v>51.835990605638997</v>
      </c>
      <c r="J8711" t="s">
        <v>64396</v>
      </c>
    </row>
    <row r="8712" spans="1:10" x14ac:dyDescent="0.25">
      <c r="A8712" t="s">
        <v>883</v>
      </c>
      <c r="B8712" t="s">
        <v>884</v>
      </c>
      <c r="C8712" t="s">
        <v>885</v>
      </c>
      <c r="D8712" t="s">
        <v>873</v>
      </c>
      <c r="E8712" t="s">
        <v>13</v>
      </c>
      <c r="F8712">
        <v>5370</v>
      </c>
      <c r="G8712" t="s">
        <v>886</v>
      </c>
      <c r="H8712">
        <v>4.6365493729539997</v>
      </c>
      <c r="I8712">
        <v>51.839492787475997</v>
      </c>
      <c r="J8712" t="s">
        <v>64397</v>
      </c>
    </row>
    <row r="8713" spans="1:10" x14ac:dyDescent="0.25">
      <c r="A8713" t="s">
        <v>879</v>
      </c>
      <c r="B8713" t="s">
        <v>880</v>
      </c>
      <c r="C8713" t="s">
        <v>881</v>
      </c>
      <c r="D8713" t="s">
        <v>873</v>
      </c>
      <c r="E8713" t="s">
        <v>13</v>
      </c>
      <c r="F8713">
        <v>5369</v>
      </c>
      <c r="G8713" t="s">
        <v>882</v>
      </c>
      <c r="H8713">
        <v>4.6471190020539996</v>
      </c>
      <c r="I8713">
        <v>51.844594764760998</v>
      </c>
      <c r="J8713" t="s">
        <v>64398</v>
      </c>
    </row>
    <row r="8714" spans="1:10" x14ac:dyDescent="0.25">
      <c r="A8714" t="s">
        <v>875</v>
      </c>
      <c r="B8714" t="s">
        <v>876</v>
      </c>
      <c r="C8714" t="s">
        <v>877</v>
      </c>
      <c r="D8714" t="s">
        <v>873</v>
      </c>
      <c r="E8714" t="s">
        <v>13</v>
      </c>
      <c r="F8714">
        <v>5368</v>
      </c>
      <c r="G8714" t="s">
        <v>878</v>
      </c>
      <c r="H8714">
        <v>4.6423450530650001</v>
      </c>
      <c r="I8714">
        <v>51.849073555583999</v>
      </c>
      <c r="J8714" t="s">
        <v>64399</v>
      </c>
    </row>
    <row r="8715" spans="1:10" x14ac:dyDescent="0.25">
      <c r="A8715" t="s">
        <v>870</v>
      </c>
      <c r="B8715" t="s">
        <v>871</v>
      </c>
      <c r="C8715" t="s">
        <v>872</v>
      </c>
      <c r="D8715" t="s">
        <v>873</v>
      </c>
      <c r="E8715" t="s">
        <v>13</v>
      </c>
      <c r="F8715">
        <v>5367</v>
      </c>
      <c r="G8715" t="s">
        <v>874</v>
      </c>
      <c r="H8715">
        <v>4.6314649272170003</v>
      </c>
      <c r="I8715">
        <v>51.845603773652002</v>
      </c>
      <c r="J8715" t="s">
        <v>64400</v>
      </c>
    </row>
    <row r="8716" spans="1:10" x14ac:dyDescent="0.25">
      <c r="A8716" t="s">
        <v>22710</v>
      </c>
      <c r="B8716" t="s">
        <v>22711</v>
      </c>
      <c r="C8716" t="s">
        <v>22712</v>
      </c>
      <c r="D8716" t="s">
        <v>22562</v>
      </c>
      <c r="E8716" t="s">
        <v>13</v>
      </c>
      <c r="F8716">
        <v>5366</v>
      </c>
      <c r="G8716" t="s">
        <v>22713</v>
      </c>
      <c r="H8716">
        <v>4.1785281660560001</v>
      </c>
      <c r="I8716">
        <v>51.83004723805</v>
      </c>
      <c r="J8716" t="s">
        <v>64401</v>
      </c>
    </row>
    <row r="8717" spans="1:10" x14ac:dyDescent="0.25">
      <c r="A8717" t="s">
        <v>22706</v>
      </c>
      <c r="B8717" t="s">
        <v>22707</v>
      </c>
      <c r="C8717" t="s">
        <v>22708</v>
      </c>
      <c r="D8717" t="s">
        <v>22562</v>
      </c>
      <c r="E8717" t="s">
        <v>13</v>
      </c>
      <c r="F8717">
        <v>5365</v>
      </c>
      <c r="G8717" t="s">
        <v>22709</v>
      </c>
      <c r="H8717">
        <v>4.1932854693620003</v>
      </c>
      <c r="I8717">
        <v>51.820878346035002</v>
      </c>
      <c r="J8717" t="s">
        <v>64402</v>
      </c>
    </row>
    <row r="8718" spans="1:10" x14ac:dyDescent="0.25">
      <c r="A8718" t="s">
        <v>22702</v>
      </c>
      <c r="B8718" t="s">
        <v>22703</v>
      </c>
      <c r="C8718" t="s">
        <v>22704</v>
      </c>
      <c r="D8718" t="s">
        <v>22562</v>
      </c>
      <c r="E8718" t="s">
        <v>13</v>
      </c>
      <c r="F8718">
        <v>5364</v>
      </c>
      <c r="G8718" t="s">
        <v>22705</v>
      </c>
      <c r="H8718">
        <v>4.191770839878</v>
      </c>
      <c r="I8718">
        <v>51.827863671655997</v>
      </c>
      <c r="J8718" t="s">
        <v>64403</v>
      </c>
    </row>
    <row r="8719" spans="1:10" x14ac:dyDescent="0.25">
      <c r="A8719" t="s">
        <v>22698</v>
      </c>
      <c r="B8719" t="s">
        <v>22699</v>
      </c>
      <c r="C8719" t="s">
        <v>22700</v>
      </c>
      <c r="D8719" t="s">
        <v>22562</v>
      </c>
      <c r="E8719" t="s">
        <v>13</v>
      </c>
      <c r="F8719">
        <v>5363</v>
      </c>
      <c r="G8719" t="s">
        <v>22701</v>
      </c>
      <c r="H8719">
        <v>4.1220141650100004</v>
      </c>
      <c r="I8719">
        <v>51.824277362197002</v>
      </c>
      <c r="J8719" t="s">
        <v>64404</v>
      </c>
    </row>
    <row r="8720" spans="1:10" x14ac:dyDescent="0.25">
      <c r="A8720" t="s">
        <v>22695</v>
      </c>
      <c r="B8720" t="s">
        <v>22696</v>
      </c>
      <c r="C8720" t="s">
        <v>9799</v>
      </c>
      <c r="D8720" t="s">
        <v>22562</v>
      </c>
      <c r="E8720" t="s">
        <v>13</v>
      </c>
      <c r="F8720">
        <v>5362</v>
      </c>
      <c r="G8720" t="s">
        <v>22697</v>
      </c>
      <c r="H8720">
        <v>4.1414291143039996</v>
      </c>
      <c r="I8720">
        <v>51.854640410999998</v>
      </c>
      <c r="J8720" t="s">
        <v>64405</v>
      </c>
    </row>
    <row r="8721" spans="1:10" x14ac:dyDescent="0.25">
      <c r="A8721" t="s">
        <v>22691</v>
      </c>
      <c r="B8721" t="s">
        <v>22692</v>
      </c>
      <c r="C8721" t="s">
        <v>22693</v>
      </c>
      <c r="D8721" t="s">
        <v>22562</v>
      </c>
      <c r="E8721" t="s">
        <v>13</v>
      </c>
      <c r="F8721">
        <v>5361</v>
      </c>
      <c r="G8721" t="s">
        <v>22694</v>
      </c>
      <c r="H8721">
        <v>4.0944088770320004</v>
      </c>
      <c r="I8721">
        <v>51.839833680909997</v>
      </c>
      <c r="J8721" t="s">
        <v>64406</v>
      </c>
    </row>
    <row r="8722" spans="1:10" x14ac:dyDescent="0.25">
      <c r="A8722" t="s">
        <v>22687</v>
      </c>
      <c r="B8722" t="s">
        <v>22688</v>
      </c>
      <c r="C8722" t="s">
        <v>22689</v>
      </c>
      <c r="D8722" t="s">
        <v>22562</v>
      </c>
      <c r="E8722" t="s">
        <v>13</v>
      </c>
      <c r="F8722">
        <v>5360</v>
      </c>
      <c r="G8722" t="s">
        <v>22690</v>
      </c>
      <c r="H8722">
        <v>4.1755485210880003</v>
      </c>
      <c r="I8722">
        <v>51.841175884122002</v>
      </c>
      <c r="J8722" t="s">
        <v>64407</v>
      </c>
    </row>
    <row r="8723" spans="1:10" x14ac:dyDescent="0.25">
      <c r="A8723" t="s">
        <v>22683</v>
      </c>
      <c r="B8723" t="s">
        <v>22684</v>
      </c>
      <c r="C8723" t="s">
        <v>22685</v>
      </c>
      <c r="D8723" t="s">
        <v>22562</v>
      </c>
      <c r="E8723" t="s">
        <v>13</v>
      </c>
      <c r="F8723">
        <v>5359</v>
      </c>
      <c r="G8723" t="s">
        <v>22686</v>
      </c>
      <c r="H8723">
        <v>4.1453031901459996</v>
      </c>
      <c r="I8723">
        <v>51.831196836248999</v>
      </c>
      <c r="J8723" t="s">
        <v>64408</v>
      </c>
    </row>
    <row r="8724" spans="1:10" x14ac:dyDescent="0.25">
      <c r="A8724" t="s">
        <v>22679</v>
      </c>
      <c r="B8724" t="s">
        <v>22680</v>
      </c>
      <c r="C8724" t="s">
        <v>22681</v>
      </c>
      <c r="D8724" t="s">
        <v>22562</v>
      </c>
      <c r="E8724" t="s">
        <v>13</v>
      </c>
      <c r="F8724">
        <v>5358</v>
      </c>
      <c r="G8724" t="s">
        <v>22682</v>
      </c>
      <c r="H8724">
        <v>4.1449398028070004</v>
      </c>
      <c r="I8724">
        <v>51.833967546518998</v>
      </c>
      <c r="J8724" t="s">
        <v>64409</v>
      </c>
    </row>
    <row r="8725" spans="1:10" x14ac:dyDescent="0.25">
      <c r="A8725" t="s">
        <v>22675</v>
      </c>
      <c r="B8725" t="s">
        <v>22676</v>
      </c>
      <c r="C8725" t="s">
        <v>22677</v>
      </c>
      <c r="D8725" t="s">
        <v>22562</v>
      </c>
      <c r="E8725" t="s">
        <v>13</v>
      </c>
      <c r="F8725">
        <v>5357</v>
      </c>
      <c r="G8725" t="s">
        <v>22678</v>
      </c>
      <c r="H8725">
        <v>4.1598508592050001</v>
      </c>
      <c r="I8725">
        <v>51.849518098379001</v>
      </c>
      <c r="J8725" t="s">
        <v>64410</v>
      </c>
    </row>
    <row r="8726" spans="1:10" x14ac:dyDescent="0.25">
      <c r="A8726" t="s">
        <v>22671</v>
      </c>
      <c r="B8726" t="s">
        <v>22672</v>
      </c>
      <c r="C8726" t="s">
        <v>22673</v>
      </c>
      <c r="D8726" t="s">
        <v>22562</v>
      </c>
      <c r="E8726" t="s">
        <v>13</v>
      </c>
      <c r="F8726">
        <v>5356</v>
      </c>
      <c r="G8726" t="s">
        <v>22674</v>
      </c>
      <c r="H8726">
        <v>4.1636660964679999</v>
      </c>
      <c r="I8726">
        <v>51.843222612813001</v>
      </c>
      <c r="J8726" t="s">
        <v>64411</v>
      </c>
    </row>
    <row r="8727" spans="1:10" x14ac:dyDescent="0.25">
      <c r="A8727" t="s">
        <v>22667</v>
      </c>
      <c r="B8727" t="s">
        <v>22668</v>
      </c>
      <c r="C8727" t="s">
        <v>22669</v>
      </c>
      <c r="D8727" t="s">
        <v>22562</v>
      </c>
      <c r="E8727" t="s">
        <v>13</v>
      </c>
      <c r="F8727">
        <v>5355</v>
      </c>
      <c r="G8727" t="s">
        <v>22670</v>
      </c>
      <c r="H8727">
        <v>4.1536561444939997</v>
      </c>
      <c r="I8727">
        <v>51.845126903626998</v>
      </c>
      <c r="J8727" t="s">
        <v>64412</v>
      </c>
    </row>
    <row r="8728" spans="1:10" x14ac:dyDescent="0.25">
      <c r="A8728" t="s">
        <v>22663</v>
      </c>
      <c r="B8728" t="s">
        <v>22664</v>
      </c>
      <c r="C8728" t="s">
        <v>22665</v>
      </c>
      <c r="D8728" t="s">
        <v>22562</v>
      </c>
      <c r="E8728" t="s">
        <v>13</v>
      </c>
      <c r="F8728">
        <v>5354</v>
      </c>
      <c r="G8728" t="s">
        <v>22666</v>
      </c>
      <c r="H8728">
        <v>4.1464937559820001</v>
      </c>
      <c r="I8728">
        <v>51.842423301583999</v>
      </c>
      <c r="J8728" t="s">
        <v>64413</v>
      </c>
    </row>
    <row r="8729" spans="1:10" x14ac:dyDescent="0.25">
      <c r="A8729" t="s">
        <v>22659</v>
      </c>
      <c r="B8729" t="s">
        <v>22660</v>
      </c>
      <c r="C8729" t="s">
        <v>22661</v>
      </c>
      <c r="D8729" t="s">
        <v>22562</v>
      </c>
      <c r="E8729" t="s">
        <v>13</v>
      </c>
      <c r="F8729">
        <v>5353</v>
      </c>
      <c r="G8729" t="s">
        <v>22662</v>
      </c>
      <c r="H8729">
        <v>4.1576358360040002</v>
      </c>
      <c r="I8729">
        <v>51.840915172363999</v>
      </c>
      <c r="J8729" t="s">
        <v>64414</v>
      </c>
    </row>
    <row r="8730" spans="1:10" x14ac:dyDescent="0.25">
      <c r="A8730" t="s">
        <v>22655</v>
      </c>
      <c r="B8730" t="s">
        <v>22656</v>
      </c>
      <c r="C8730" t="s">
        <v>22657</v>
      </c>
      <c r="D8730" t="s">
        <v>22562</v>
      </c>
      <c r="E8730" t="s">
        <v>13</v>
      </c>
      <c r="F8730">
        <v>5352</v>
      </c>
      <c r="G8730" t="s">
        <v>22658</v>
      </c>
      <c r="H8730">
        <v>4.1510647143470001</v>
      </c>
      <c r="I8730">
        <v>51.838257131313</v>
      </c>
      <c r="J8730" t="s">
        <v>64415</v>
      </c>
    </row>
    <row r="8731" spans="1:10" x14ac:dyDescent="0.25">
      <c r="A8731" t="s">
        <v>22651</v>
      </c>
      <c r="B8731" t="s">
        <v>22652</v>
      </c>
      <c r="C8731" t="s">
        <v>22653</v>
      </c>
      <c r="D8731" t="s">
        <v>22562</v>
      </c>
      <c r="E8731" t="s">
        <v>13</v>
      </c>
      <c r="F8731">
        <v>5351</v>
      </c>
      <c r="G8731" t="s">
        <v>22654</v>
      </c>
      <c r="H8731">
        <v>4.146676990055</v>
      </c>
      <c r="I8731">
        <v>51.835678377245998</v>
      </c>
      <c r="J8731" t="s">
        <v>64416</v>
      </c>
    </row>
    <row r="8732" spans="1:10" x14ac:dyDescent="0.25">
      <c r="A8732" t="s">
        <v>22647</v>
      </c>
      <c r="B8732" t="s">
        <v>22648</v>
      </c>
      <c r="C8732" t="s">
        <v>22649</v>
      </c>
      <c r="D8732" t="s">
        <v>22562</v>
      </c>
      <c r="E8732" t="s">
        <v>13</v>
      </c>
      <c r="F8732">
        <v>5350</v>
      </c>
      <c r="G8732" t="s">
        <v>22650</v>
      </c>
      <c r="H8732">
        <v>4.1526029189560001</v>
      </c>
      <c r="I8732">
        <v>51.834537768145999</v>
      </c>
      <c r="J8732" t="s">
        <v>64417</v>
      </c>
    </row>
    <row r="8733" spans="1:10" x14ac:dyDescent="0.25">
      <c r="A8733" t="s">
        <v>22643</v>
      </c>
      <c r="B8733" t="s">
        <v>22644</v>
      </c>
      <c r="C8733" t="s">
        <v>22645</v>
      </c>
      <c r="D8733" t="s">
        <v>22562</v>
      </c>
      <c r="E8733" t="s">
        <v>13</v>
      </c>
      <c r="F8733">
        <v>5349</v>
      </c>
      <c r="G8733" t="s">
        <v>22646</v>
      </c>
      <c r="H8733">
        <v>4.164488301175</v>
      </c>
      <c r="I8733">
        <v>51.834702065183997</v>
      </c>
      <c r="J8733" t="s">
        <v>64418</v>
      </c>
    </row>
    <row r="8734" spans="1:10" x14ac:dyDescent="0.25">
      <c r="A8734" t="s">
        <v>22639</v>
      </c>
      <c r="B8734" t="s">
        <v>22640</v>
      </c>
      <c r="C8734" t="s">
        <v>22641</v>
      </c>
      <c r="D8734" t="s">
        <v>22562</v>
      </c>
      <c r="E8734" t="s">
        <v>13</v>
      </c>
      <c r="F8734">
        <v>5348</v>
      </c>
      <c r="G8734" t="s">
        <v>22642</v>
      </c>
      <c r="H8734">
        <v>4.1569383310530004</v>
      </c>
      <c r="I8734">
        <v>51.833649022533997</v>
      </c>
      <c r="J8734" t="s">
        <v>64419</v>
      </c>
    </row>
    <row r="8735" spans="1:10" x14ac:dyDescent="0.25">
      <c r="A8735" t="s">
        <v>22635</v>
      </c>
      <c r="B8735" t="s">
        <v>22636</v>
      </c>
      <c r="C8735" t="s">
        <v>22637</v>
      </c>
      <c r="D8735" t="s">
        <v>22562</v>
      </c>
      <c r="E8735" t="s">
        <v>13</v>
      </c>
      <c r="F8735">
        <v>5347</v>
      </c>
      <c r="G8735" t="s">
        <v>22638</v>
      </c>
      <c r="H8735">
        <v>4.1604227369439997</v>
      </c>
      <c r="I8735">
        <v>51.828470670070999</v>
      </c>
      <c r="J8735" t="s">
        <v>64420</v>
      </c>
    </row>
    <row r="8736" spans="1:10" x14ac:dyDescent="0.25">
      <c r="A8736" t="s">
        <v>22631</v>
      </c>
      <c r="B8736" t="s">
        <v>22632</v>
      </c>
      <c r="C8736" t="s">
        <v>22633</v>
      </c>
      <c r="D8736" t="s">
        <v>22562</v>
      </c>
      <c r="E8736" t="s">
        <v>13</v>
      </c>
      <c r="F8736">
        <v>5346</v>
      </c>
      <c r="G8736" t="s">
        <v>22634</v>
      </c>
      <c r="H8736">
        <v>4.1504327326719999</v>
      </c>
      <c r="I8736">
        <v>51.828676072238999</v>
      </c>
      <c r="J8736" t="s">
        <v>64421</v>
      </c>
    </row>
    <row r="8737" spans="1:10" x14ac:dyDescent="0.25">
      <c r="A8737" t="s">
        <v>22627</v>
      </c>
      <c r="B8737" t="s">
        <v>22628</v>
      </c>
      <c r="C8737" t="s">
        <v>22629</v>
      </c>
      <c r="D8737" t="s">
        <v>22562</v>
      </c>
      <c r="E8737" t="s">
        <v>13</v>
      </c>
      <c r="F8737">
        <v>5345</v>
      </c>
      <c r="G8737" t="s">
        <v>22630</v>
      </c>
      <c r="H8737">
        <v>4.1521451424059999</v>
      </c>
      <c r="I8737">
        <v>51.824038567133002</v>
      </c>
      <c r="J8737" t="s">
        <v>64422</v>
      </c>
    </row>
    <row r="8738" spans="1:10" x14ac:dyDescent="0.25">
      <c r="A8738" t="s">
        <v>22623</v>
      </c>
      <c r="B8738" t="s">
        <v>22624</v>
      </c>
      <c r="C8738" t="s">
        <v>22625</v>
      </c>
      <c r="D8738" t="s">
        <v>22562</v>
      </c>
      <c r="E8738" t="s">
        <v>13</v>
      </c>
      <c r="F8738">
        <v>5344</v>
      </c>
      <c r="G8738" t="s">
        <v>22626</v>
      </c>
      <c r="H8738">
        <v>4.142698553462</v>
      </c>
      <c r="I8738">
        <v>51.826107061637998</v>
      </c>
      <c r="J8738" t="s">
        <v>64423</v>
      </c>
    </row>
    <row r="8739" spans="1:10" x14ac:dyDescent="0.25">
      <c r="A8739" t="s">
        <v>22619</v>
      </c>
      <c r="B8739" t="s">
        <v>22620</v>
      </c>
      <c r="C8739" t="s">
        <v>22621</v>
      </c>
      <c r="D8739" t="s">
        <v>22562</v>
      </c>
      <c r="E8739" t="s">
        <v>13</v>
      </c>
      <c r="F8739">
        <v>5343</v>
      </c>
      <c r="G8739" t="s">
        <v>22622</v>
      </c>
      <c r="H8739">
        <v>4.1369693679020001</v>
      </c>
      <c r="I8739">
        <v>51.824119409559998</v>
      </c>
      <c r="J8739" t="s">
        <v>64424</v>
      </c>
    </row>
    <row r="8740" spans="1:10" x14ac:dyDescent="0.25">
      <c r="A8740" t="s">
        <v>22615</v>
      </c>
      <c r="B8740" t="s">
        <v>22616</v>
      </c>
      <c r="C8740" t="s">
        <v>22617</v>
      </c>
      <c r="D8740" t="s">
        <v>22562</v>
      </c>
      <c r="E8740" t="s">
        <v>13</v>
      </c>
      <c r="F8740">
        <v>5342</v>
      </c>
      <c r="G8740" t="s">
        <v>22618</v>
      </c>
      <c r="H8740">
        <v>4.146631794858</v>
      </c>
      <c r="I8740">
        <v>51.848528698488003</v>
      </c>
      <c r="J8740" t="s">
        <v>64425</v>
      </c>
    </row>
    <row r="8741" spans="1:10" x14ac:dyDescent="0.25">
      <c r="A8741" t="s">
        <v>22611</v>
      </c>
      <c r="B8741" t="s">
        <v>22612</v>
      </c>
      <c r="C8741" t="s">
        <v>22613</v>
      </c>
      <c r="D8741" t="s">
        <v>22562</v>
      </c>
      <c r="E8741" t="s">
        <v>13</v>
      </c>
      <c r="F8741">
        <v>5341</v>
      </c>
      <c r="G8741" t="s">
        <v>22614</v>
      </c>
      <c r="H8741">
        <v>4.1449694107579997</v>
      </c>
      <c r="I8741">
        <v>51.853951925136997</v>
      </c>
      <c r="J8741" t="s">
        <v>64426</v>
      </c>
    </row>
    <row r="8742" spans="1:10" x14ac:dyDescent="0.25">
      <c r="A8742" t="s">
        <v>22607</v>
      </c>
      <c r="B8742" t="s">
        <v>22608</v>
      </c>
      <c r="C8742" t="s">
        <v>22609</v>
      </c>
      <c r="D8742" t="s">
        <v>22562</v>
      </c>
      <c r="E8742" t="s">
        <v>13</v>
      </c>
      <c r="F8742">
        <v>5340</v>
      </c>
      <c r="G8742" t="s">
        <v>22610</v>
      </c>
      <c r="H8742">
        <v>4.1304044131779998</v>
      </c>
      <c r="I8742">
        <v>51.844419165875998</v>
      </c>
      <c r="J8742" t="s">
        <v>64427</v>
      </c>
    </row>
    <row r="8743" spans="1:10" x14ac:dyDescent="0.25">
      <c r="A8743" t="s">
        <v>22604</v>
      </c>
      <c r="B8743" t="s">
        <v>22605</v>
      </c>
      <c r="C8743" t="s">
        <v>37</v>
      </c>
      <c r="D8743" t="s">
        <v>22562</v>
      </c>
      <c r="E8743" t="s">
        <v>13</v>
      </c>
      <c r="F8743">
        <v>5339</v>
      </c>
      <c r="G8743" t="s">
        <v>22606</v>
      </c>
      <c r="H8743">
        <v>4.1222571964009997</v>
      </c>
      <c r="I8743">
        <v>51.835222412957002</v>
      </c>
      <c r="J8743" t="s">
        <v>64428</v>
      </c>
    </row>
    <row r="8744" spans="1:10" x14ac:dyDescent="0.25">
      <c r="A8744" t="s">
        <v>22600</v>
      </c>
      <c r="B8744" t="s">
        <v>22601</v>
      </c>
      <c r="C8744" t="s">
        <v>22602</v>
      </c>
      <c r="D8744" t="s">
        <v>22562</v>
      </c>
      <c r="E8744" t="s">
        <v>13</v>
      </c>
      <c r="F8744">
        <v>5338</v>
      </c>
      <c r="G8744" t="s">
        <v>22603</v>
      </c>
      <c r="H8744">
        <v>4.1302090264390001</v>
      </c>
      <c r="I8744">
        <v>51.836247790145997</v>
      </c>
      <c r="J8744" t="s">
        <v>64429</v>
      </c>
    </row>
    <row r="8745" spans="1:10" x14ac:dyDescent="0.25">
      <c r="A8745" t="s">
        <v>22596</v>
      </c>
      <c r="B8745" t="s">
        <v>22597</v>
      </c>
      <c r="C8745" t="s">
        <v>22598</v>
      </c>
      <c r="D8745" t="s">
        <v>22562</v>
      </c>
      <c r="E8745" t="s">
        <v>13</v>
      </c>
      <c r="F8745">
        <v>5337</v>
      </c>
      <c r="G8745" t="s">
        <v>22599</v>
      </c>
      <c r="H8745">
        <v>4.1368261564570004</v>
      </c>
      <c r="I8745">
        <v>51.838340736932999</v>
      </c>
      <c r="J8745" t="s">
        <v>64430</v>
      </c>
    </row>
    <row r="8746" spans="1:10" x14ac:dyDescent="0.25">
      <c r="A8746" t="s">
        <v>22592</v>
      </c>
      <c r="B8746" t="s">
        <v>22593</v>
      </c>
      <c r="C8746" t="s">
        <v>22594</v>
      </c>
      <c r="D8746" t="s">
        <v>22562</v>
      </c>
      <c r="E8746" t="s">
        <v>13</v>
      </c>
      <c r="F8746">
        <v>5336</v>
      </c>
      <c r="G8746" t="s">
        <v>22595</v>
      </c>
      <c r="H8746">
        <v>4.1421686092709997</v>
      </c>
      <c r="I8746">
        <v>51.836634679642003</v>
      </c>
      <c r="J8746" t="s">
        <v>64431</v>
      </c>
    </row>
    <row r="8747" spans="1:10" x14ac:dyDescent="0.25">
      <c r="A8747" t="s">
        <v>22588</v>
      </c>
      <c r="B8747" t="s">
        <v>22589</v>
      </c>
      <c r="C8747" t="s">
        <v>22590</v>
      </c>
      <c r="D8747" t="s">
        <v>22562</v>
      </c>
      <c r="E8747" t="s">
        <v>13</v>
      </c>
      <c r="F8747">
        <v>5335</v>
      </c>
      <c r="G8747" t="s">
        <v>22591</v>
      </c>
      <c r="H8747">
        <v>4.1399753202729999</v>
      </c>
      <c r="I8747">
        <v>51.841243939743997</v>
      </c>
      <c r="J8747" t="s">
        <v>64432</v>
      </c>
    </row>
    <row r="8748" spans="1:10" x14ac:dyDescent="0.25">
      <c r="A8748" t="s">
        <v>22584</v>
      </c>
      <c r="B8748" t="s">
        <v>22585</v>
      </c>
      <c r="C8748" t="s">
        <v>22586</v>
      </c>
      <c r="D8748" t="s">
        <v>22562</v>
      </c>
      <c r="E8748" t="s">
        <v>13</v>
      </c>
      <c r="F8748">
        <v>5334</v>
      </c>
      <c r="G8748" t="s">
        <v>22587</v>
      </c>
      <c r="H8748">
        <v>4.1310832691900004</v>
      </c>
      <c r="I8748">
        <v>51.840531035723998</v>
      </c>
      <c r="J8748" t="s">
        <v>64433</v>
      </c>
    </row>
    <row r="8749" spans="1:10" x14ac:dyDescent="0.25">
      <c r="A8749" t="s">
        <v>22580</v>
      </c>
      <c r="B8749" t="s">
        <v>22581</v>
      </c>
      <c r="C8749" t="s">
        <v>22582</v>
      </c>
      <c r="D8749" t="s">
        <v>22562</v>
      </c>
      <c r="E8749" t="s">
        <v>13</v>
      </c>
      <c r="F8749">
        <v>5333</v>
      </c>
      <c r="G8749" t="s">
        <v>22583</v>
      </c>
      <c r="H8749">
        <v>4.1247549162319999</v>
      </c>
      <c r="I8749">
        <v>51.838484555622003</v>
      </c>
      <c r="J8749" t="s">
        <v>64434</v>
      </c>
    </row>
    <row r="8750" spans="1:10" x14ac:dyDescent="0.25">
      <c r="A8750" t="s">
        <v>22576</v>
      </c>
      <c r="B8750" t="s">
        <v>22577</v>
      </c>
      <c r="C8750" t="s">
        <v>22578</v>
      </c>
      <c r="D8750" t="s">
        <v>22562</v>
      </c>
      <c r="E8750" t="s">
        <v>13</v>
      </c>
      <c r="F8750">
        <v>5332</v>
      </c>
      <c r="G8750" t="s">
        <v>22579</v>
      </c>
      <c r="H8750">
        <v>4.137592717804</v>
      </c>
      <c r="I8750">
        <v>51.832681319515999</v>
      </c>
      <c r="J8750" t="s">
        <v>64435</v>
      </c>
    </row>
    <row r="8751" spans="1:10" x14ac:dyDescent="0.25">
      <c r="A8751" t="s">
        <v>22572</v>
      </c>
      <c r="B8751" t="s">
        <v>22573</v>
      </c>
      <c r="C8751" t="s">
        <v>22574</v>
      </c>
      <c r="D8751" t="s">
        <v>22562</v>
      </c>
      <c r="E8751" t="s">
        <v>13</v>
      </c>
      <c r="F8751">
        <v>5331</v>
      </c>
      <c r="G8751" t="s">
        <v>22575</v>
      </c>
      <c r="H8751">
        <v>4.1291158992719996</v>
      </c>
      <c r="I8751">
        <v>51.832231886545003</v>
      </c>
      <c r="J8751" t="s">
        <v>64436</v>
      </c>
    </row>
    <row r="8752" spans="1:10" x14ac:dyDescent="0.25">
      <c r="A8752" t="s">
        <v>22568</v>
      </c>
      <c r="B8752" t="s">
        <v>22569</v>
      </c>
      <c r="C8752" t="s">
        <v>22570</v>
      </c>
      <c r="D8752" t="s">
        <v>22562</v>
      </c>
      <c r="E8752" t="s">
        <v>13</v>
      </c>
      <c r="F8752">
        <v>5330</v>
      </c>
      <c r="G8752" t="s">
        <v>22571</v>
      </c>
      <c r="H8752">
        <v>4.123107382573</v>
      </c>
      <c r="I8752">
        <v>51.830756989377001</v>
      </c>
      <c r="J8752" t="s">
        <v>64437</v>
      </c>
    </row>
    <row r="8753" spans="1:10" x14ac:dyDescent="0.25">
      <c r="A8753" t="s">
        <v>22564</v>
      </c>
      <c r="B8753" t="s">
        <v>22565</v>
      </c>
      <c r="C8753" t="s">
        <v>22566</v>
      </c>
      <c r="D8753" t="s">
        <v>22562</v>
      </c>
      <c r="E8753" t="s">
        <v>13</v>
      </c>
      <c r="F8753">
        <v>5329</v>
      </c>
      <c r="G8753" t="s">
        <v>22567</v>
      </c>
      <c r="H8753">
        <v>4.1339904805299996</v>
      </c>
      <c r="I8753">
        <v>51.826723386486997</v>
      </c>
      <c r="J8753" t="s">
        <v>64438</v>
      </c>
    </row>
    <row r="8754" spans="1:10" x14ac:dyDescent="0.25">
      <c r="A8754" t="s">
        <v>22559</v>
      </c>
      <c r="B8754" t="s">
        <v>22560</v>
      </c>
      <c r="C8754" t="s">
        <v>22561</v>
      </c>
      <c r="D8754" t="s">
        <v>22562</v>
      </c>
      <c r="E8754" t="s">
        <v>13</v>
      </c>
      <c r="F8754">
        <v>5328</v>
      </c>
      <c r="G8754" t="s">
        <v>22563</v>
      </c>
      <c r="H8754">
        <v>4.1290850878830003</v>
      </c>
      <c r="I8754">
        <v>51.825573308987003</v>
      </c>
      <c r="J8754" t="s">
        <v>64439</v>
      </c>
    </row>
    <row r="8755" spans="1:10" x14ac:dyDescent="0.25">
      <c r="A8755" t="s">
        <v>22555</v>
      </c>
      <c r="B8755" t="s">
        <v>22556</v>
      </c>
      <c r="C8755" t="s">
        <v>22557</v>
      </c>
      <c r="D8755" t="s">
        <v>22119</v>
      </c>
      <c r="E8755" t="s">
        <v>13</v>
      </c>
      <c r="F8755">
        <v>5327</v>
      </c>
      <c r="G8755" t="s">
        <v>22558</v>
      </c>
      <c r="H8755">
        <v>4.4072839952359999</v>
      </c>
      <c r="I8755">
        <v>52.056052784553998</v>
      </c>
      <c r="J8755" t="s">
        <v>64440</v>
      </c>
    </row>
    <row r="8756" spans="1:10" x14ac:dyDescent="0.25">
      <c r="A8756" t="s">
        <v>22551</v>
      </c>
      <c r="B8756" t="s">
        <v>22552</v>
      </c>
      <c r="C8756" t="s">
        <v>22553</v>
      </c>
      <c r="D8756" t="s">
        <v>22119</v>
      </c>
      <c r="E8756" t="s">
        <v>13</v>
      </c>
      <c r="F8756">
        <v>5326</v>
      </c>
      <c r="G8756" t="s">
        <v>22554</v>
      </c>
      <c r="H8756">
        <v>4.4125985235250003</v>
      </c>
      <c r="I8756">
        <v>52.063221729867003</v>
      </c>
      <c r="J8756" t="s">
        <v>64441</v>
      </c>
    </row>
    <row r="8757" spans="1:10" x14ac:dyDescent="0.25">
      <c r="A8757" t="s">
        <v>22547</v>
      </c>
      <c r="B8757" t="s">
        <v>22548</v>
      </c>
      <c r="C8757" t="s">
        <v>22549</v>
      </c>
      <c r="D8757" t="s">
        <v>22119</v>
      </c>
      <c r="E8757" t="s">
        <v>13</v>
      </c>
      <c r="F8757">
        <v>5325</v>
      </c>
      <c r="G8757" t="s">
        <v>22550</v>
      </c>
      <c r="H8757">
        <v>4.4039546109229999</v>
      </c>
      <c r="I8757">
        <v>52.069894808127003</v>
      </c>
      <c r="J8757" t="s">
        <v>64442</v>
      </c>
    </row>
    <row r="8758" spans="1:10" x14ac:dyDescent="0.25">
      <c r="A8758" t="s">
        <v>22543</v>
      </c>
      <c r="B8758" t="s">
        <v>22544</v>
      </c>
      <c r="C8758" t="s">
        <v>22545</v>
      </c>
      <c r="D8758" t="s">
        <v>22119</v>
      </c>
      <c r="E8758" t="s">
        <v>13</v>
      </c>
      <c r="F8758">
        <v>5324</v>
      </c>
      <c r="G8758" t="s">
        <v>22546</v>
      </c>
      <c r="H8758">
        <v>4.3955160866599998</v>
      </c>
      <c r="I8758">
        <v>52.062037655464998</v>
      </c>
      <c r="J8758" t="s">
        <v>64443</v>
      </c>
    </row>
    <row r="8759" spans="1:10" x14ac:dyDescent="0.25">
      <c r="A8759" t="s">
        <v>22540</v>
      </c>
      <c r="B8759" t="s">
        <v>22541</v>
      </c>
      <c r="C8759" t="s">
        <v>14305</v>
      </c>
      <c r="D8759" t="s">
        <v>22119</v>
      </c>
      <c r="E8759" t="s">
        <v>13</v>
      </c>
      <c r="F8759">
        <v>5323</v>
      </c>
      <c r="G8759" t="s">
        <v>22542</v>
      </c>
      <c r="H8759">
        <v>4.3895844165540003</v>
      </c>
      <c r="I8759">
        <v>52.065783331974004</v>
      </c>
      <c r="J8759" t="s">
        <v>64444</v>
      </c>
    </row>
    <row r="8760" spans="1:10" x14ac:dyDescent="0.25">
      <c r="A8760" t="s">
        <v>22536</v>
      </c>
      <c r="B8760" t="s">
        <v>22537</v>
      </c>
      <c r="C8760" t="s">
        <v>22538</v>
      </c>
      <c r="D8760" t="s">
        <v>22119</v>
      </c>
      <c r="E8760" t="s">
        <v>13</v>
      </c>
      <c r="F8760">
        <v>5322</v>
      </c>
      <c r="G8760" t="s">
        <v>22539</v>
      </c>
      <c r="H8760">
        <v>4.3787150032920001</v>
      </c>
      <c r="I8760">
        <v>52.069152564644</v>
      </c>
      <c r="J8760" t="s">
        <v>64445</v>
      </c>
    </row>
    <row r="8761" spans="1:10" x14ac:dyDescent="0.25">
      <c r="A8761" t="s">
        <v>22533</v>
      </c>
      <c r="B8761" t="s">
        <v>22534</v>
      </c>
      <c r="C8761" t="s">
        <v>21613</v>
      </c>
      <c r="D8761" t="s">
        <v>22119</v>
      </c>
      <c r="E8761" t="s">
        <v>13</v>
      </c>
      <c r="F8761">
        <v>5321</v>
      </c>
      <c r="G8761" t="s">
        <v>22535</v>
      </c>
      <c r="H8761">
        <v>4.3835894335410002</v>
      </c>
      <c r="I8761">
        <v>52.032831857879003</v>
      </c>
      <c r="J8761" t="s">
        <v>64446</v>
      </c>
    </row>
    <row r="8762" spans="1:10" x14ac:dyDescent="0.25">
      <c r="A8762" t="s">
        <v>22529</v>
      </c>
      <c r="B8762" t="s">
        <v>22530</v>
      </c>
      <c r="C8762" t="s">
        <v>22531</v>
      </c>
      <c r="D8762" t="s">
        <v>22119</v>
      </c>
      <c r="E8762" t="s">
        <v>13</v>
      </c>
      <c r="F8762">
        <v>5320</v>
      </c>
      <c r="G8762" t="s">
        <v>22532</v>
      </c>
      <c r="H8762">
        <v>4.3685213355509998</v>
      </c>
      <c r="I8762">
        <v>52.034395299766999</v>
      </c>
      <c r="J8762" t="s">
        <v>64447</v>
      </c>
    </row>
    <row r="8763" spans="1:10" x14ac:dyDescent="0.25">
      <c r="A8763" t="s">
        <v>22525</v>
      </c>
      <c r="B8763" t="s">
        <v>22526</v>
      </c>
      <c r="C8763" t="s">
        <v>22527</v>
      </c>
      <c r="D8763" t="s">
        <v>22119</v>
      </c>
      <c r="E8763" t="s">
        <v>13</v>
      </c>
      <c r="F8763">
        <v>5319</v>
      </c>
      <c r="G8763" t="s">
        <v>22528</v>
      </c>
      <c r="H8763">
        <v>4.3612632050710003</v>
      </c>
      <c r="I8763">
        <v>52.037534550875002</v>
      </c>
      <c r="J8763" t="s">
        <v>64448</v>
      </c>
    </row>
    <row r="8764" spans="1:10" x14ac:dyDescent="0.25">
      <c r="A8764" t="s">
        <v>22521</v>
      </c>
      <c r="B8764" t="s">
        <v>22522</v>
      </c>
      <c r="C8764" t="s">
        <v>22523</v>
      </c>
      <c r="D8764" t="s">
        <v>22119</v>
      </c>
      <c r="E8764" t="s">
        <v>13</v>
      </c>
      <c r="F8764">
        <v>5318</v>
      </c>
      <c r="G8764" t="s">
        <v>22524</v>
      </c>
      <c r="H8764">
        <v>4.3754780537959999</v>
      </c>
      <c r="I8764">
        <v>52.046447863837003</v>
      </c>
      <c r="J8764" t="s">
        <v>64449</v>
      </c>
    </row>
    <row r="8765" spans="1:10" x14ac:dyDescent="0.25">
      <c r="A8765" t="s">
        <v>22518</v>
      </c>
      <c r="B8765" t="s">
        <v>22519</v>
      </c>
      <c r="C8765" t="s">
        <v>6071</v>
      </c>
      <c r="D8765" t="s">
        <v>22119</v>
      </c>
      <c r="E8765" t="s">
        <v>13</v>
      </c>
      <c r="F8765">
        <v>5317</v>
      </c>
      <c r="G8765" t="s">
        <v>22520</v>
      </c>
      <c r="H8765">
        <v>4.3910924217399998</v>
      </c>
      <c r="I8765">
        <v>52.053224899318003</v>
      </c>
      <c r="J8765" t="s">
        <v>64450</v>
      </c>
    </row>
    <row r="8766" spans="1:10" x14ac:dyDescent="0.25">
      <c r="A8766" t="s">
        <v>22514</v>
      </c>
      <c r="B8766" t="s">
        <v>22515</v>
      </c>
      <c r="C8766" t="s">
        <v>22516</v>
      </c>
      <c r="D8766" t="s">
        <v>22119</v>
      </c>
      <c r="E8766" t="s">
        <v>13</v>
      </c>
      <c r="F8766">
        <v>5316</v>
      </c>
      <c r="G8766" t="s">
        <v>22517</v>
      </c>
      <c r="H8766">
        <v>4.3729031308569999</v>
      </c>
      <c r="I8766">
        <v>52.053441105669002</v>
      </c>
      <c r="J8766" t="s">
        <v>64451</v>
      </c>
    </row>
    <row r="8767" spans="1:10" x14ac:dyDescent="0.25">
      <c r="A8767" t="s">
        <v>22510</v>
      </c>
      <c r="B8767" t="s">
        <v>22511</v>
      </c>
      <c r="C8767" t="s">
        <v>22512</v>
      </c>
      <c r="D8767" t="s">
        <v>22119</v>
      </c>
      <c r="E8767" t="s">
        <v>13</v>
      </c>
      <c r="F8767">
        <v>5315</v>
      </c>
      <c r="G8767" t="s">
        <v>22513</v>
      </c>
      <c r="H8767">
        <v>4.3651609416249997</v>
      </c>
      <c r="I8767">
        <v>52.048211283950998</v>
      </c>
      <c r="J8767" t="s">
        <v>64452</v>
      </c>
    </row>
    <row r="8768" spans="1:10" x14ac:dyDescent="0.25">
      <c r="A8768" t="s">
        <v>22506</v>
      </c>
      <c r="B8768" t="s">
        <v>22507</v>
      </c>
      <c r="C8768" t="s">
        <v>22508</v>
      </c>
      <c r="D8768" t="s">
        <v>22119</v>
      </c>
      <c r="E8768" t="s">
        <v>13</v>
      </c>
      <c r="F8768">
        <v>5314</v>
      </c>
      <c r="G8768" t="s">
        <v>22509</v>
      </c>
      <c r="H8768">
        <v>4.3798126634620003</v>
      </c>
      <c r="I8768">
        <v>52.056786709759002</v>
      </c>
      <c r="J8768" t="s">
        <v>64453</v>
      </c>
    </row>
    <row r="8769" spans="1:10" x14ac:dyDescent="0.25">
      <c r="A8769" t="s">
        <v>22502</v>
      </c>
      <c r="B8769" t="s">
        <v>22503</v>
      </c>
      <c r="C8769" t="s">
        <v>22504</v>
      </c>
      <c r="D8769" t="s">
        <v>22119</v>
      </c>
      <c r="E8769" t="s">
        <v>13</v>
      </c>
      <c r="F8769">
        <v>5313</v>
      </c>
      <c r="G8769" t="s">
        <v>22505</v>
      </c>
      <c r="H8769">
        <v>4.354759441603</v>
      </c>
      <c r="I8769">
        <v>52.039902109848001</v>
      </c>
      <c r="J8769" t="s">
        <v>64454</v>
      </c>
    </row>
    <row r="8770" spans="1:10" x14ac:dyDescent="0.25">
      <c r="A8770" t="s">
        <v>22498</v>
      </c>
      <c r="B8770" t="s">
        <v>22499</v>
      </c>
      <c r="C8770" t="s">
        <v>22500</v>
      </c>
      <c r="D8770" t="s">
        <v>22119</v>
      </c>
      <c r="E8770" t="s">
        <v>13</v>
      </c>
      <c r="F8770">
        <v>5312</v>
      </c>
      <c r="G8770" t="s">
        <v>22501</v>
      </c>
      <c r="H8770">
        <v>4.3591958925850003</v>
      </c>
      <c r="I8770">
        <v>52.056360841123002</v>
      </c>
      <c r="J8770" t="s">
        <v>64455</v>
      </c>
    </row>
    <row r="8771" spans="1:10" x14ac:dyDescent="0.25">
      <c r="A8771" t="s">
        <v>22494</v>
      </c>
      <c r="B8771" t="s">
        <v>22495</v>
      </c>
      <c r="C8771" t="s">
        <v>22496</v>
      </c>
      <c r="D8771" t="s">
        <v>22119</v>
      </c>
      <c r="E8771" t="s">
        <v>13</v>
      </c>
      <c r="F8771">
        <v>5311</v>
      </c>
      <c r="G8771" t="s">
        <v>22497</v>
      </c>
      <c r="H8771">
        <v>4.2993104179020003</v>
      </c>
      <c r="I8771">
        <v>52.018675627731</v>
      </c>
      <c r="J8771" t="s">
        <v>64456</v>
      </c>
    </row>
    <row r="8772" spans="1:10" x14ac:dyDescent="0.25">
      <c r="A8772" t="s">
        <v>22490</v>
      </c>
      <c r="B8772" t="s">
        <v>22491</v>
      </c>
      <c r="C8772" t="s">
        <v>22492</v>
      </c>
      <c r="D8772" t="s">
        <v>22119</v>
      </c>
      <c r="E8772" t="s">
        <v>13</v>
      </c>
      <c r="F8772">
        <v>5310</v>
      </c>
      <c r="G8772" t="s">
        <v>22493</v>
      </c>
      <c r="H8772">
        <v>4.2959649998960003</v>
      </c>
      <c r="I8772">
        <v>52.023018826634001</v>
      </c>
      <c r="J8772" t="s">
        <v>64457</v>
      </c>
    </row>
    <row r="8773" spans="1:10" x14ac:dyDescent="0.25">
      <c r="A8773" t="s">
        <v>22486</v>
      </c>
      <c r="B8773" t="s">
        <v>22487</v>
      </c>
      <c r="C8773" t="s">
        <v>22488</v>
      </c>
      <c r="D8773" t="s">
        <v>22119</v>
      </c>
      <c r="E8773" t="s">
        <v>13</v>
      </c>
      <c r="F8773">
        <v>5309</v>
      </c>
      <c r="G8773" t="s">
        <v>22489</v>
      </c>
      <c r="H8773">
        <v>4.2919180856740002</v>
      </c>
      <c r="I8773">
        <v>52.026980152261999</v>
      </c>
      <c r="J8773" t="s">
        <v>64458</v>
      </c>
    </row>
    <row r="8774" spans="1:10" x14ac:dyDescent="0.25">
      <c r="A8774" t="s">
        <v>22482</v>
      </c>
      <c r="B8774" t="s">
        <v>22483</v>
      </c>
      <c r="C8774" t="s">
        <v>22484</v>
      </c>
      <c r="D8774" t="s">
        <v>22119</v>
      </c>
      <c r="E8774" t="s">
        <v>13</v>
      </c>
      <c r="F8774">
        <v>5308</v>
      </c>
      <c r="G8774" t="s">
        <v>22485</v>
      </c>
      <c r="H8774">
        <v>4.2882045205240003</v>
      </c>
      <c r="I8774">
        <v>52.032985528772002</v>
      </c>
      <c r="J8774" t="s">
        <v>64459</v>
      </c>
    </row>
    <row r="8775" spans="1:10" x14ac:dyDescent="0.25">
      <c r="A8775" t="s">
        <v>22478</v>
      </c>
      <c r="B8775" t="s">
        <v>22479</v>
      </c>
      <c r="C8775" t="s">
        <v>22480</v>
      </c>
      <c r="D8775" t="s">
        <v>22119</v>
      </c>
      <c r="E8775" t="s">
        <v>13</v>
      </c>
      <c r="F8775">
        <v>5307</v>
      </c>
      <c r="G8775" t="s">
        <v>22481</v>
      </c>
      <c r="H8775">
        <v>4.2820753145759998</v>
      </c>
      <c r="I8775">
        <v>52.038039273054999</v>
      </c>
      <c r="J8775" t="s">
        <v>64460</v>
      </c>
    </row>
    <row r="8776" spans="1:10" x14ac:dyDescent="0.25">
      <c r="A8776" t="s">
        <v>22474</v>
      </c>
      <c r="B8776" t="s">
        <v>22475</v>
      </c>
      <c r="C8776" t="s">
        <v>22476</v>
      </c>
      <c r="D8776" t="s">
        <v>22119</v>
      </c>
      <c r="E8776" t="s">
        <v>13</v>
      </c>
      <c r="F8776">
        <v>5306</v>
      </c>
      <c r="G8776" t="s">
        <v>22477</v>
      </c>
      <c r="H8776">
        <v>4.3405522438149999</v>
      </c>
      <c r="I8776">
        <v>52.068566785506</v>
      </c>
      <c r="J8776" t="s">
        <v>64461</v>
      </c>
    </row>
    <row r="8777" spans="1:10" x14ac:dyDescent="0.25">
      <c r="A8777" t="s">
        <v>22470</v>
      </c>
      <c r="B8777" t="s">
        <v>22471</v>
      </c>
      <c r="C8777" t="s">
        <v>22472</v>
      </c>
      <c r="D8777" t="s">
        <v>22119</v>
      </c>
      <c r="E8777" t="s">
        <v>13</v>
      </c>
      <c r="F8777">
        <v>5305</v>
      </c>
      <c r="G8777" t="s">
        <v>22473</v>
      </c>
      <c r="H8777">
        <v>4.3333297460460001</v>
      </c>
      <c r="I8777">
        <v>52.063236337680003</v>
      </c>
      <c r="J8777" t="s">
        <v>64462</v>
      </c>
    </row>
    <row r="8778" spans="1:10" x14ac:dyDescent="0.25">
      <c r="A8778" t="s">
        <v>22466</v>
      </c>
      <c r="B8778" t="s">
        <v>22467</v>
      </c>
      <c r="C8778" t="s">
        <v>22468</v>
      </c>
      <c r="D8778" t="s">
        <v>22119</v>
      </c>
      <c r="E8778" t="s">
        <v>13</v>
      </c>
      <c r="F8778">
        <v>5304</v>
      </c>
      <c r="G8778" t="s">
        <v>22469</v>
      </c>
      <c r="H8778">
        <v>4.3260985390339997</v>
      </c>
      <c r="I8778">
        <v>52.060239401670998</v>
      </c>
      <c r="J8778" t="s">
        <v>64463</v>
      </c>
    </row>
    <row r="8779" spans="1:10" x14ac:dyDescent="0.25">
      <c r="A8779" t="s">
        <v>22462</v>
      </c>
      <c r="B8779" t="s">
        <v>22463</v>
      </c>
      <c r="C8779" t="s">
        <v>22464</v>
      </c>
      <c r="D8779" t="s">
        <v>22119</v>
      </c>
      <c r="E8779" t="s">
        <v>13</v>
      </c>
      <c r="F8779">
        <v>5303</v>
      </c>
      <c r="G8779" t="s">
        <v>22465</v>
      </c>
      <c r="H8779">
        <v>4.3180942587639999</v>
      </c>
      <c r="I8779">
        <v>52.055855528956997</v>
      </c>
      <c r="J8779" t="s">
        <v>64464</v>
      </c>
    </row>
    <row r="8780" spans="1:10" x14ac:dyDescent="0.25">
      <c r="A8780" t="s">
        <v>22458</v>
      </c>
      <c r="B8780" t="s">
        <v>22459</v>
      </c>
      <c r="C8780" t="s">
        <v>22460</v>
      </c>
      <c r="D8780" t="s">
        <v>22119</v>
      </c>
      <c r="E8780" t="s">
        <v>13</v>
      </c>
      <c r="F8780">
        <v>5302</v>
      </c>
      <c r="G8780" t="s">
        <v>22461</v>
      </c>
      <c r="H8780">
        <v>4.3116845576419998</v>
      </c>
      <c r="I8780">
        <v>52.052815405933003</v>
      </c>
      <c r="J8780" t="s">
        <v>64465</v>
      </c>
    </row>
    <row r="8781" spans="1:10" x14ac:dyDescent="0.25">
      <c r="A8781" t="s">
        <v>22454</v>
      </c>
      <c r="B8781" t="s">
        <v>22455</v>
      </c>
      <c r="C8781" t="s">
        <v>22456</v>
      </c>
      <c r="D8781" t="s">
        <v>22119</v>
      </c>
      <c r="E8781" t="s">
        <v>13</v>
      </c>
      <c r="F8781">
        <v>5301</v>
      </c>
      <c r="G8781" t="s">
        <v>22457</v>
      </c>
      <c r="H8781">
        <v>4.3160041470010002</v>
      </c>
      <c r="I8781">
        <v>52.062004721274</v>
      </c>
      <c r="J8781" t="s">
        <v>64466</v>
      </c>
    </row>
    <row r="8782" spans="1:10" x14ac:dyDescent="0.25">
      <c r="A8782" t="s">
        <v>22450</v>
      </c>
      <c r="B8782" t="s">
        <v>22451</v>
      </c>
      <c r="C8782" t="s">
        <v>22452</v>
      </c>
      <c r="D8782" t="s">
        <v>22119</v>
      </c>
      <c r="E8782" t="s">
        <v>13</v>
      </c>
      <c r="F8782">
        <v>5300</v>
      </c>
      <c r="G8782" t="s">
        <v>22453</v>
      </c>
      <c r="H8782">
        <v>4.3259592754999998</v>
      </c>
      <c r="I8782">
        <v>52.067696975948003</v>
      </c>
      <c r="J8782" t="s">
        <v>64467</v>
      </c>
    </row>
    <row r="8783" spans="1:10" x14ac:dyDescent="0.25">
      <c r="A8783" t="s">
        <v>22446</v>
      </c>
      <c r="B8783" t="s">
        <v>22447</v>
      </c>
      <c r="C8783" t="s">
        <v>22448</v>
      </c>
      <c r="D8783" t="s">
        <v>22119</v>
      </c>
      <c r="E8783" t="s">
        <v>13</v>
      </c>
      <c r="F8783">
        <v>5299</v>
      </c>
      <c r="G8783" t="s">
        <v>22449</v>
      </c>
      <c r="H8783">
        <v>4.3024293274760002</v>
      </c>
      <c r="I8783">
        <v>52.059601914422998</v>
      </c>
      <c r="J8783" t="s">
        <v>64468</v>
      </c>
    </row>
    <row r="8784" spans="1:10" x14ac:dyDescent="0.25">
      <c r="A8784" t="s">
        <v>22442</v>
      </c>
      <c r="B8784" t="s">
        <v>22443</v>
      </c>
      <c r="C8784" t="s">
        <v>22444</v>
      </c>
      <c r="D8784" t="s">
        <v>22119</v>
      </c>
      <c r="E8784" t="s">
        <v>13</v>
      </c>
      <c r="F8784">
        <v>5298</v>
      </c>
      <c r="G8784" t="s">
        <v>22445</v>
      </c>
      <c r="H8784">
        <v>4.2952293855260004</v>
      </c>
      <c r="I8784">
        <v>52.045981158838003</v>
      </c>
      <c r="J8784" t="s">
        <v>64469</v>
      </c>
    </row>
    <row r="8785" spans="1:10" x14ac:dyDescent="0.25">
      <c r="A8785" t="s">
        <v>22438</v>
      </c>
      <c r="B8785" t="s">
        <v>22439</v>
      </c>
      <c r="C8785" t="s">
        <v>22440</v>
      </c>
      <c r="D8785" t="s">
        <v>22119</v>
      </c>
      <c r="E8785" t="s">
        <v>13</v>
      </c>
      <c r="F8785">
        <v>5297</v>
      </c>
      <c r="G8785" t="s">
        <v>22441</v>
      </c>
      <c r="H8785">
        <v>4.3004607699050004</v>
      </c>
      <c r="I8785">
        <v>52.055350319550001</v>
      </c>
      <c r="J8785" t="s">
        <v>64470</v>
      </c>
    </row>
    <row r="8786" spans="1:10" x14ac:dyDescent="0.25">
      <c r="A8786" t="s">
        <v>22434</v>
      </c>
      <c r="B8786" t="s">
        <v>22435</v>
      </c>
      <c r="C8786" t="s">
        <v>22436</v>
      </c>
      <c r="D8786" t="s">
        <v>22119</v>
      </c>
      <c r="E8786" t="s">
        <v>13</v>
      </c>
      <c r="F8786">
        <v>5296</v>
      </c>
      <c r="G8786" t="s">
        <v>22437</v>
      </c>
      <c r="H8786">
        <v>4.2916897396389997</v>
      </c>
      <c r="I8786">
        <v>52.049792026634996</v>
      </c>
      <c r="J8786" t="s">
        <v>64471</v>
      </c>
    </row>
    <row r="8787" spans="1:10" x14ac:dyDescent="0.25">
      <c r="A8787" t="s">
        <v>22430</v>
      </c>
      <c r="B8787" t="s">
        <v>22431</v>
      </c>
      <c r="C8787" t="s">
        <v>22432</v>
      </c>
      <c r="D8787" t="s">
        <v>22119</v>
      </c>
      <c r="E8787" t="s">
        <v>13</v>
      </c>
      <c r="F8787">
        <v>5295</v>
      </c>
      <c r="G8787" t="s">
        <v>22433</v>
      </c>
      <c r="H8787">
        <v>4.3047928841190002</v>
      </c>
      <c r="I8787">
        <v>52.050453106517999</v>
      </c>
      <c r="J8787" t="s">
        <v>64472</v>
      </c>
    </row>
    <row r="8788" spans="1:10" x14ac:dyDescent="0.25">
      <c r="A8788" t="s">
        <v>22427</v>
      </c>
      <c r="B8788" t="s">
        <v>22428</v>
      </c>
      <c r="C8788" t="s">
        <v>6552</v>
      </c>
      <c r="D8788" t="s">
        <v>22119</v>
      </c>
      <c r="E8788" t="s">
        <v>13</v>
      </c>
      <c r="F8788">
        <v>5294</v>
      </c>
      <c r="G8788" t="s">
        <v>22429</v>
      </c>
      <c r="H8788">
        <v>4.2857378818180001</v>
      </c>
      <c r="I8788">
        <v>52.056026784105001</v>
      </c>
      <c r="J8788" t="s">
        <v>64473</v>
      </c>
    </row>
    <row r="8789" spans="1:10" x14ac:dyDescent="0.25">
      <c r="A8789" t="s">
        <v>22423</v>
      </c>
      <c r="B8789" t="s">
        <v>22424</v>
      </c>
      <c r="C8789" t="s">
        <v>22425</v>
      </c>
      <c r="D8789" t="s">
        <v>22119</v>
      </c>
      <c r="E8789" t="s">
        <v>13</v>
      </c>
      <c r="F8789">
        <v>5293</v>
      </c>
      <c r="G8789" t="s">
        <v>22426</v>
      </c>
      <c r="H8789">
        <v>4.2774240885769998</v>
      </c>
      <c r="I8789">
        <v>52.051722540520998</v>
      </c>
      <c r="J8789" t="s">
        <v>64474</v>
      </c>
    </row>
    <row r="8790" spans="1:10" x14ac:dyDescent="0.25">
      <c r="A8790" t="s">
        <v>22419</v>
      </c>
      <c r="B8790" t="s">
        <v>22420</v>
      </c>
      <c r="C8790" t="s">
        <v>22421</v>
      </c>
      <c r="D8790" t="s">
        <v>22119</v>
      </c>
      <c r="E8790" t="s">
        <v>13</v>
      </c>
      <c r="F8790">
        <v>5292</v>
      </c>
      <c r="G8790" t="s">
        <v>22422</v>
      </c>
      <c r="H8790">
        <v>4.2708354126149999</v>
      </c>
      <c r="I8790">
        <v>52.048901363840997</v>
      </c>
      <c r="J8790" t="s">
        <v>64475</v>
      </c>
    </row>
    <row r="8791" spans="1:10" x14ac:dyDescent="0.25">
      <c r="A8791" t="s">
        <v>22415</v>
      </c>
      <c r="B8791" t="s">
        <v>22416</v>
      </c>
      <c r="C8791" t="s">
        <v>22417</v>
      </c>
      <c r="D8791" t="s">
        <v>22119</v>
      </c>
      <c r="E8791" t="s">
        <v>13</v>
      </c>
      <c r="F8791">
        <v>5291</v>
      </c>
      <c r="G8791" t="s">
        <v>22418</v>
      </c>
      <c r="H8791">
        <v>4.2817127919780003</v>
      </c>
      <c r="I8791">
        <v>52.044321115834997</v>
      </c>
      <c r="J8791" t="s">
        <v>64476</v>
      </c>
    </row>
    <row r="8792" spans="1:10" x14ac:dyDescent="0.25">
      <c r="A8792" t="s">
        <v>22411</v>
      </c>
      <c r="B8792" t="s">
        <v>22412</v>
      </c>
      <c r="C8792" t="s">
        <v>22413</v>
      </c>
      <c r="D8792" t="s">
        <v>22119</v>
      </c>
      <c r="E8792" t="s">
        <v>13</v>
      </c>
      <c r="F8792">
        <v>5290</v>
      </c>
      <c r="G8792" t="s">
        <v>22414</v>
      </c>
      <c r="H8792">
        <v>4.2467887453369997</v>
      </c>
      <c r="I8792">
        <v>52.033868655539997</v>
      </c>
      <c r="J8792" t="s">
        <v>64477</v>
      </c>
    </row>
    <row r="8793" spans="1:10" x14ac:dyDescent="0.25">
      <c r="A8793" t="s">
        <v>22407</v>
      </c>
      <c r="B8793" t="s">
        <v>22408</v>
      </c>
      <c r="C8793" t="s">
        <v>22409</v>
      </c>
      <c r="D8793" t="s">
        <v>22119</v>
      </c>
      <c r="E8793" t="s">
        <v>13</v>
      </c>
      <c r="F8793">
        <v>5289</v>
      </c>
      <c r="G8793" t="s">
        <v>22410</v>
      </c>
      <c r="H8793">
        <v>4.267202557609</v>
      </c>
      <c r="I8793">
        <v>52.036595833630997</v>
      </c>
      <c r="J8793" t="s">
        <v>64478</v>
      </c>
    </row>
    <row r="8794" spans="1:10" x14ac:dyDescent="0.25">
      <c r="A8794" t="s">
        <v>22403</v>
      </c>
      <c r="B8794" t="s">
        <v>22404</v>
      </c>
      <c r="C8794" t="s">
        <v>22405</v>
      </c>
      <c r="D8794" t="s">
        <v>22119</v>
      </c>
      <c r="E8794" t="s">
        <v>13</v>
      </c>
      <c r="F8794">
        <v>5288</v>
      </c>
      <c r="G8794" t="s">
        <v>22406</v>
      </c>
      <c r="H8794">
        <v>4.262109581062</v>
      </c>
      <c r="I8794">
        <v>52.040611423614003</v>
      </c>
      <c r="J8794" t="s">
        <v>64479</v>
      </c>
    </row>
    <row r="8795" spans="1:10" x14ac:dyDescent="0.25">
      <c r="A8795" t="s">
        <v>22399</v>
      </c>
      <c r="B8795" t="s">
        <v>22400</v>
      </c>
      <c r="C8795" t="s">
        <v>22401</v>
      </c>
      <c r="D8795" t="s">
        <v>22119</v>
      </c>
      <c r="E8795" t="s">
        <v>13</v>
      </c>
      <c r="F8795">
        <v>5287</v>
      </c>
      <c r="G8795" t="s">
        <v>22402</v>
      </c>
      <c r="H8795">
        <v>4.2569251121929996</v>
      </c>
      <c r="I8795">
        <v>52.044424133802998</v>
      </c>
      <c r="J8795" t="s">
        <v>64480</v>
      </c>
    </row>
    <row r="8796" spans="1:10" x14ac:dyDescent="0.25">
      <c r="A8796" t="s">
        <v>22395</v>
      </c>
      <c r="B8796" t="s">
        <v>22396</v>
      </c>
      <c r="C8796" t="s">
        <v>22397</v>
      </c>
      <c r="D8796" t="s">
        <v>22119</v>
      </c>
      <c r="E8796" t="s">
        <v>13</v>
      </c>
      <c r="F8796">
        <v>5286</v>
      </c>
      <c r="G8796" t="s">
        <v>22398</v>
      </c>
      <c r="H8796">
        <v>4.2681294817720001</v>
      </c>
      <c r="I8796">
        <v>52.059068806149</v>
      </c>
      <c r="J8796" t="s">
        <v>64481</v>
      </c>
    </row>
    <row r="8797" spans="1:10" x14ac:dyDescent="0.25">
      <c r="A8797" t="s">
        <v>22391</v>
      </c>
      <c r="B8797" t="s">
        <v>22392</v>
      </c>
      <c r="C8797" t="s">
        <v>22393</v>
      </c>
      <c r="D8797" t="s">
        <v>22119</v>
      </c>
      <c r="E8797" t="s">
        <v>13</v>
      </c>
      <c r="F8797">
        <v>5285</v>
      </c>
      <c r="G8797" t="s">
        <v>22394</v>
      </c>
      <c r="H8797">
        <v>4.2854359060420002</v>
      </c>
      <c r="I8797">
        <v>52.063504349403999</v>
      </c>
      <c r="J8797" t="s">
        <v>64482</v>
      </c>
    </row>
    <row r="8798" spans="1:10" x14ac:dyDescent="0.25">
      <c r="A8798" t="s">
        <v>22387</v>
      </c>
      <c r="B8798" t="s">
        <v>22388</v>
      </c>
      <c r="C8798" t="s">
        <v>22389</v>
      </c>
      <c r="D8798" t="s">
        <v>22119</v>
      </c>
      <c r="E8798" t="s">
        <v>13</v>
      </c>
      <c r="F8798">
        <v>5284</v>
      </c>
      <c r="G8798" t="s">
        <v>22390</v>
      </c>
      <c r="H8798">
        <v>4.2812785853540003</v>
      </c>
      <c r="I8798">
        <v>52.068050353792998</v>
      </c>
      <c r="J8798" t="s">
        <v>64483</v>
      </c>
    </row>
    <row r="8799" spans="1:10" x14ac:dyDescent="0.25">
      <c r="A8799" t="s">
        <v>22384</v>
      </c>
      <c r="B8799" t="s">
        <v>22385</v>
      </c>
      <c r="C8799" t="s">
        <v>11928</v>
      </c>
      <c r="D8799" t="s">
        <v>22119</v>
      </c>
      <c r="E8799" t="s">
        <v>13</v>
      </c>
      <c r="F8799">
        <v>5283</v>
      </c>
      <c r="G8799" t="s">
        <v>22386</v>
      </c>
      <c r="H8799">
        <v>4.2758982554519998</v>
      </c>
      <c r="I8799">
        <v>52.064929775856001</v>
      </c>
      <c r="J8799" t="s">
        <v>64484</v>
      </c>
    </row>
    <row r="8800" spans="1:10" x14ac:dyDescent="0.25">
      <c r="A8800" t="s">
        <v>22380</v>
      </c>
      <c r="B8800" t="s">
        <v>22381</v>
      </c>
      <c r="C8800" t="s">
        <v>22382</v>
      </c>
      <c r="D8800" t="s">
        <v>22119</v>
      </c>
      <c r="E8800" t="s">
        <v>13</v>
      </c>
      <c r="F8800">
        <v>5282</v>
      </c>
      <c r="G8800" t="s">
        <v>22383</v>
      </c>
      <c r="H8800">
        <v>4.2951305224510001</v>
      </c>
      <c r="I8800">
        <v>52.063287177816001</v>
      </c>
      <c r="J8800" t="s">
        <v>64485</v>
      </c>
    </row>
    <row r="8801" spans="1:10" x14ac:dyDescent="0.25">
      <c r="A8801" t="s">
        <v>22376</v>
      </c>
      <c r="B8801" t="s">
        <v>22377</v>
      </c>
      <c r="C8801" t="s">
        <v>22378</v>
      </c>
      <c r="D8801" t="s">
        <v>22119</v>
      </c>
      <c r="E8801" t="s">
        <v>13</v>
      </c>
      <c r="F8801">
        <v>5281</v>
      </c>
      <c r="G8801" t="s">
        <v>22379</v>
      </c>
      <c r="H8801">
        <v>4.291318023144</v>
      </c>
      <c r="I8801">
        <v>52.066943473390999</v>
      </c>
      <c r="J8801" t="s">
        <v>64486</v>
      </c>
    </row>
    <row r="8802" spans="1:10" x14ac:dyDescent="0.25">
      <c r="A8802" t="s">
        <v>22372</v>
      </c>
      <c r="B8802" t="s">
        <v>22373</v>
      </c>
      <c r="C8802" t="s">
        <v>22374</v>
      </c>
      <c r="D8802" t="s">
        <v>22119</v>
      </c>
      <c r="E8802" t="s">
        <v>13</v>
      </c>
      <c r="F8802">
        <v>5280</v>
      </c>
      <c r="G8802" t="s">
        <v>22375</v>
      </c>
      <c r="H8802">
        <v>4.2884960558009997</v>
      </c>
      <c r="I8802">
        <v>52.070110221028003</v>
      </c>
      <c r="J8802" t="s">
        <v>64487</v>
      </c>
    </row>
    <row r="8803" spans="1:10" x14ac:dyDescent="0.25">
      <c r="A8803" t="s">
        <v>22368</v>
      </c>
      <c r="B8803" t="s">
        <v>22369</v>
      </c>
      <c r="C8803" t="s">
        <v>22370</v>
      </c>
      <c r="D8803" t="s">
        <v>22119</v>
      </c>
      <c r="E8803" t="s">
        <v>13</v>
      </c>
      <c r="F8803">
        <v>5279</v>
      </c>
      <c r="G8803" t="s">
        <v>22371</v>
      </c>
      <c r="H8803">
        <v>4.311974477153</v>
      </c>
      <c r="I8803">
        <v>52.065580798332</v>
      </c>
      <c r="J8803" t="s">
        <v>64488</v>
      </c>
    </row>
    <row r="8804" spans="1:10" x14ac:dyDescent="0.25">
      <c r="A8804" t="s">
        <v>22364</v>
      </c>
      <c r="B8804" t="s">
        <v>22365</v>
      </c>
      <c r="C8804" t="s">
        <v>22366</v>
      </c>
      <c r="D8804" t="s">
        <v>22119</v>
      </c>
      <c r="E8804" t="s">
        <v>13</v>
      </c>
      <c r="F8804">
        <v>5278</v>
      </c>
      <c r="G8804" t="s">
        <v>22367</v>
      </c>
      <c r="H8804">
        <v>4.3075810188080004</v>
      </c>
      <c r="I8804">
        <v>52.069227108223998</v>
      </c>
      <c r="J8804" t="s">
        <v>64489</v>
      </c>
    </row>
    <row r="8805" spans="1:10" x14ac:dyDescent="0.25">
      <c r="A8805" t="s">
        <v>22360</v>
      </c>
      <c r="B8805" t="s">
        <v>22361</v>
      </c>
      <c r="C8805" t="s">
        <v>22362</v>
      </c>
      <c r="D8805" t="s">
        <v>22119</v>
      </c>
      <c r="E8805" t="s">
        <v>13</v>
      </c>
      <c r="F8805">
        <v>5277</v>
      </c>
      <c r="G8805" t="s">
        <v>22363</v>
      </c>
      <c r="H8805">
        <v>4.2996426366140001</v>
      </c>
      <c r="I8805">
        <v>52.067796621753999</v>
      </c>
      <c r="J8805" t="s">
        <v>64490</v>
      </c>
    </row>
    <row r="8806" spans="1:10" x14ac:dyDescent="0.25">
      <c r="A8806" t="s">
        <v>22356</v>
      </c>
      <c r="B8806" t="s">
        <v>22357</v>
      </c>
      <c r="C8806" t="s">
        <v>22358</v>
      </c>
      <c r="D8806" t="s">
        <v>22119</v>
      </c>
      <c r="E8806" t="s">
        <v>13</v>
      </c>
      <c r="F8806">
        <v>5276</v>
      </c>
      <c r="G8806" t="s">
        <v>22359</v>
      </c>
      <c r="H8806">
        <v>4.310415824163</v>
      </c>
      <c r="I8806">
        <v>52.074447075941997</v>
      </c>
      <c r="J8806" t="s">
        <v>64491</v>
      </c>
    </row>
    <row r="8807" spans="1:10" x14ac:dyDescent="0.25">
      <c r="A8807" t="s">
        <v>22352</v>
      </c>
      <c r="B8807" t="s">
        <v>22353</v>
      </c>
      <c r="C8807" t="s">
        <v>22354</v>
      </c>
      <c r="D8807" t="s">
        <v>22119</v>
      </c>
      <c r="E8807" t="s">
        <v>13</v>
      </c>
      <c r="F8807">
        <v>5275</v>
      </c>
      <c r="G8807" t="s">
        <v>22355</v>
      </c>
      <c r="H8807">
        <v>4.3194560628260001</v>
      </c>
      <c r="I8807">
        <v>52.078055737984997</v>
      </c>
      <c r="J8807" t="s">
        <v>64492</v>
      </c>
    </row>
    <row r="8808" spans="1:10" x14ac:dyDescent="0.25">
      <c r="A8808" t="s">
        <v>22348</v>
      </c>
      <c r="B8808" t="s">
        <v>22349</v>
      </c>
      <c r="C8808" t="s">
        <v>22350</v>
      </c>
      <c r="D8808" t="s">
        <v>22119</v>
      </c>
      <c r="E8808" t="s">
        <v>13</v>
      </c>
      <c r="F8808">
        <v>5274</v>
      </c>
      <c r="G8808" t="s">
        <v>22351</v>
      </c>
      <c r="H8808">
        <v>4.3120293262010003</v>
      </c>
      <c r="I8808">
        <v>52.082267989450003</v>
      </c>
      <c r="J8808" t="s">
        <v>64493</v>
      </c>
    </row>
    <row r="8809" spans="1:10" x14ac:dyDescent="0.25">
      <c r="A8809" t="s">
        <v>22344</v>
      </c>
      <c r="B8809" t="s">
        <v>22345</v>
      </c>
      <c r="C8809" t="s">
        <v>22346</v>
      </c>
      <c r="D8809" t="s">
        <v>22119</v>
      </c>
      <c r="E8809" t="s">
        <v>13</v>
      </c>
      <c r="F8809">
        <v>5273</v>
      </c>
      <c r="G8809" t="s">
        <v>22347</v>
      </c>
      <c r="H8809">
        <v>4.3027901373709998</v>
      </c>
      <c r="I8809">
        <v>52.077444821111001</v>
      </c>
      <c r="J8809" t="s">
        <v>64494</v>
      </c>
    </row>
    <row r="8810" spans="1:10" x14ac:dyDescent="0.25">
      <c r="A8810" t="s">
        <v>22341</v>
      </c>
      <c r="B8810" t="s">
        <v>22342</v>
      </c>
      <c r="C8810" t="s">
        <v>1057</v>
      </c>
      <c r="D8810" t="s">
        <v>22119</v>
      </c>
      <c r="E8810" t="s">
        <v>13</v>
      </c>
      <c r="F8810">
        <v>5272</v>
      </c>
      <c r="G8810" t="s">
        <v>22343</v>
      </c>
      <c r="H8810">
        <v>4.3251561045090003</v>
      </c>
      <c r="I8810">
        <v>52.077195782308998</v>
      </c>
      <c r="J8810" t="s">
        <v>64495</v>
      </c>
    </row>
    <row r="8811" spans="1:10" x14ac:dyDescent="0.25">
      <c r="A8811" t="s">
        <v>22338</v>
      </c>
      <c r="B8811" t="s">
        <v>22339</v>
      </c>
      <c r="C8811" t="s">
        <v>1061</v>
      </c>
      <c r="D8811" t="s">
        <v>22119</v>
      </c>
      <c r="E8811" t="s">
        <v>13</v>
      </c>
      <c r="F8811">
        <v>5271</v>
      </c>
      <c r="G8811" t="s">
        <v>22340</v>
      </c>
      <c r="H8811">
        <v>4.32902484322</v>
      </c>
      <c r="I8811">
        <v>52.073780978405999</v>
      </c>
      <c r="J8811" t="s">
        <v>64496</v>
      </c>
    </row>
    <row r="8812" spans="1:10" x14ac:dyDescent="0.25">
      <c r="A8812" t="s">
        <v>22334</v>
      </c>
      <c r="B8812" t="s">
        <v>22335</v>
      </c>
      <c r="C8812" t="s">
        <v>22336</v>
      </c>
      <c r="D8812" t="s">
        <v>22119</v>
      </c>
      <c r="E8812" t="s">
        <v>13</v>
      </c>
      <c r="F8812">
        <v>5270</v>
      </c>
      <c r="G8812" t="s">
        <v>22337</v>
      </c>
      <c r="H8812">
        <v>4.3193015215069996</v>
      </c>
      <c r="I8812">
        <v>52.071168829690997</v>
      </c>
      <c r="J8812" t="s">
        <v>64497</v>
      </c>
    </row>
    <row r="8813" spans="1:10" x14ac:dyDescent="0.25">
      <c r="A8813" t="s">
        <v>22330</v>
      </c>
      <c r="B8813" t="s">
        <v>22331</v>
      </c>
      <c r="C8813" t="s">
        <v>22332</v>
      </c>
      <c r="D8813" t="s">
        <v>22119</v>
      </c>
      <c r="E8813" t="s">
        <v>13</v>
      </c>
      <c r="F8813">
        <v>5269</v>
      </c>
      <c r="G8813" t="s">
        <v>22333</v>
      </c>
      <c r="H8813">
        <v>4.3436336648299996</v>
      </c>
      <c r="I8813">
        <v>52.085383975984001</v>
      </c>
      <c r="J8813" t="s">
        <v>64498</v>
      </c>
    </row>
    <row r="8814" spans="1:10" x14ac:dyDescent="0.25">
      <c r="A8814" t="s">
        <v>22326</v>
      </c>
      <c r="B8814" t="s">
        <v>22327</v>
      </c>
      <c r="C8814" t="s">
        <v>22328</v>
      </c>
      <c r="D8814" t="s">
        <v>22119</v>
      </c>
      <c r="E8814" t="s">
        <v>13</v>
      </c>
      <c r="F8814">
        <v>5268</v>
      </c>
      <c r="G8814" t="s">
        <v>22329</v>
      </c>
      <c r="H8814">
        <v>4.337142658946</v>
      </c>
      <c r="I8814">
        <v>52.082125326982997</v>
      </c>
      <c r="J8814" t="s">
        <v>64499</v>
      </c>
    </row>
    <row r="8815" spans="1:10" x14ac:dyDescent="0.25">
      <c r="A8815" t="s">
        <v>22322</v>
      </c>
      <c r="B8815" t="s">
        <v>22323</v>
      </c>
      <c r="C8815" t="s">
        <v>22324</v>
      </c>
      <c r="D8815" t="s">
        <v>22119</v>
      </c>
      <c r="E8815" t="s">
        <v>13</v>
      </c>
      <c r="F8815">
        <v>5267</v>
      </c>
      <c r="G8815" t="s">
        <v>22325</v>
      </c>
      <c r="H8815">
        <v>4.3309098517319997</v>
      </c>
      <c r="I8815">
        <v>52.079732872721003</v>
      </c>
      <c r="J8815" t="s">
        <v>64500</v>
      </c>
    </row>
    <row r="8816" spans="1:10" x14ac:dyDescent="0.25">
      <c r="A8816" t="s">
        <v>22318</v>
      </c>
      <c r="B8816" t="s">
        <v>22319</v>
      </c>
      <c r="C8816" t="s">
        <v>22320</v>
      </c>
      <c r="D8816" t="s">
        <v>22119</v>
      </c>
      <c r="E8816" t="s">
        <v>13</v>
      </c>
      <c r="F8816">
        <v>5266</v>
      </c>
      <c r="G8816" t="s">
        <v>22321</v>
      </c>
      <c r="H8816">
        <v>4.3586767030319997</v>
      </c>
      <c r="I8816">
        <v>52.092066768922002</v>
      </c>
      <c r="J8816" t="s">
        <v>64501</v>
      </c>
    </row>
    <row r="8817" spans="1:10" x14ac:dyDescent="0.25">
      <c r="A8817" t="s">
        <v>22315</v>
      </c>
      <c r="B8817" t="s">
        <v>22316</v>
      </c>
      <c r="C8817" t="s">
        <v>21595</v>
      </c>
      <c r="D8817" t="s">
        <v>22119</v>
      </c>
      <c r="E8817" t="s">
        <v>13</v>
      </c>
      <c r="F8817">
        <v>5265</v>
      </c>
      <c r="G8817" t="s">
        <v>22317</v>
      </c>
      <c r="H8817">
        <v>4.3520045143089998</v>
      </c>
      <c r="I8817">
        <v>52.098645990697001</v>
      </c>
      <c r="J8817" t="s">
        <v>64502</v>
      </c>
    </row>
    <row r="8818" spans="1:10" x14ac:dyDescent="0.25">
      <c r="A8818" t="s">
        <v>22311</v>
      </c>
      <c r="B8818" t="s">
        <v>22312</v>
      </c>
      <c r="C8818" t="s">
        <v>22313</v>
      </c>
      <c r="D8818" t="s">
        <v>22119</v>
      </c>
      <c r="E8818" t="s">
        <v>13</v>
      </c>
      <c r="F8818">
        <v>5264</v>
      </c>
      <c r="G8818" t="s">
        <v>22314</v>
      </c>
      <c r="H8818">
        <v>4.3508089583489999</v>
      </c>
      <c r="I8818">
        <v>52.088203398262998</v>
      </c>
      <c r="J8818" t="s">
        <v>64503</v>
      </c>
    </row>
    <row r="8819" spans="1:10" x14ac:dyDescent="0.25">
      <c r="A8819" t="s">
        <v>22307</v>
      </c>
      <c r="B8819" t="s">
        <v>22308</v>
      </c>
      <c r="C8819" t="s">
        <v>22309</v>
      </c>
      <c r="D8819" t="s">
        <v>22119</v>
      </c>
      <c r="E8819" t="s">
        <v>13</v>
      </c>
      <c r="F8819">
        <v>5263</v>
      </c>
      <c r="G8819" t="s">
        <v>22310</v>
      </c>
      <c r="H8819">
        <v>4.3660435988610002</v>
      </c>
      <c r="I8819">
        <v>52.095646374497001</v>
      </c>
      <c r="J8819" t="s">
        <v>64504</v>
      </c>
    </row>
    <row r="8820" spans="1:10" x14ac:dyDescent="0.25">
      <c r="A8820" t="s">
        <v>22303</v>
      </c>
      <c r="B8820" t="s">
        <v>22304</v>
      </c>
      <c r="C8820" t="s">
        <v>22305</v>
      </c>
      <c r="D8820" t="s">
        <v>22119</v>
      </c>
      <c r="E8820" t="s">
        <v>13</v>
      </c>
      <c r="F8820">
        <v>5262</v>
      </c>
      <c r="G8820" t="s">
        <v>22306</v>
      </c>
      <c r="H8820">
        <v>4.3302342672979997</v>
      </c>
      <c r="I8820">
        <v>52.089283687710001</v>
      </c>
      <c r="J8820" t="s">
        <v>64505</v>
      </c>
    </row>
    <row r="8821" spans="1:10" x14ac:dyDescent="0.25">
      <c r="A8821" t="s">
        <v>22299</v>
      </c>
      <c r="B8821" t="s">
        <v>22300</v>
      </c>
      <c r="C8821" t="s">
        <v>22301</v>
      </c>
      <c r="D8821" t="s">
        <v>22119</v>
      </c>
      <c r="E8821" t="s">
        <v>13</v>
      </c>
      <c r="F8821">
        <v>5261</v>
      </c>
      <c r="G8821" t="s">
        <v>22302</v>
      </c>
      <c r="H8821">
        <v>4.3079074090780001</v>
      </c>
      <c r="I8821">
        <v>52.086950155277997</v>
      </c>
      <c r="J8821" t="s">
        <v>64506</v>
      </c>
    </row>
    <row r="8822" spans="1:10" x14ac:dyDescent="0.25">
      <c r="A8822" t="s">
        <v>22296</v>
      </c>
      <c r="B8822" t="s">
        <v>22297</v>
      </c>
      <c r="C8822" t="s">
        <v>18930</v>
      </c>
      <c r="D8822" t="s">
        <v>22119</v>
      </c>
      <c r="E8822" t="s">
        <v>13</v>
      </c>
      <c r="F8822">
        <v>5260</v>
      </c>
      <c r="G8822" t="s">
        <v>22298</v>
      </c>
      <c r="H8822">
        <v>4.2961833285960003</v>
      </c>
      <c r="I8822">
        <v>52.082461894387002</v>
      </c>
      <c r="J8822" t="s">
        <v>64507</v>
      </c>
    </row>
    <row r="8823" spans="1:10" x14ac:dyDescent="0.25">
      <c r="A8823" t="s">
        <v>22292</v>
      </c>
      <c r="B8823" t="s">
        <v>22293</v>
      </c>
      <c r="C8823" t="s">
        <v>22294</v>
      </c>
      <c r="D8823" t="s">
        <v>22119</v>
      </c>
      <c r="E8823" t="s">
        <v>13</v>
      </c>
      <c r="F8823">
        <v>5259</v>
      </c>
      <c r="G8823" t="s">
        <v>22295</v>
      </c>
      <c r="H8823">
        <v>4.2841463507370001</v>
      </c>
      <c r="I8823">
        <v>52.078306474187002</v>
      </c>
      <c r="J8823" t="s">
        <v>64508</v>
      </c>
    </row>
    <row r="8824" spans="1:10" x14ac:dyDescent="0.25">
      <c r="A8824" t="s">
        <v>22288</v>
      </c>
      <c r="B8824" t="s">
        <v>22289</v>
      </c>
      <c r="C8824" t="s">
        <v>22290</v>
      </c>
      <c r="D8824" t="s">
        <v>22119</v>
      </c>
      <c r="E8824" t="s">
        <v>13</v>
      </c>
      <c r="F8824">
        <v>5258</v>
      </c>
      <c r="G8824" t="s">
        <v>22291</v>
      </c>
      <c r="H8824">
        <v>4.2888208108460004</v>
      </c>
      <c r="I8824">
        <v>52.074580056163001</v>
      </c>
      <c r="J8824" t="s">
        <v>64509</v>
      </c>
    </row>
    <row r="8825" spans="1:10" x14ac:dyDescent="0.25">
      <c r="A8825" t="s">
        <v>22284</v>
      </c>
      <c r="B8825" t="s">
        <v>22285</v>
      </c>
      <c r="C8825" t="s">
        <v>22286</v>
      </c>
      <c r="D8825" t="s">
        <v>22119</v>
      </c>
      <c r="E8825" t="s">
        <v>13</v>
      </c>
      <c r="F8825">
        <v>5257</v>
      </c>
      <c r="G8825" t="s">
        <v>22287</v>
      </c>
      <c r="H8825">
        <v>4.2761509467050001</v>
      </c>
      <c r="I8825">
        <v>52.073451177660999</v>
      </c>
      <c r="J8825" t="s">
        <v>64510</v>
      </c>
    </row>
    <row r="8826" spans="1:10" x14ac:dyDescent="0.25">
      <c r="A8826" t="s">
        <v>22280</v>
      </c>
      <c r="B8826" t="s">
        <v>22281</v>
      </c>
      <c r="C8826" t="s">
        <v>22282</v>
      </c>
      <c r="D8826" t="s">
        <v>22119</v>
      </c>
      <c r="E8826" t="s">
        <v>13</v>
      </c>
      <c r="F8826">
        <v>5256</v>
      </c>
      <c r="G8826" t="s">
        <v>22283</v>
      </c>
      <c r="H8826">
        <v>4.2683391462199998</v>
      </c>
      <c r="I8826">
        <v>52.071381923539001</v>
      </c>
      <c r="J8826" t="s">
        <v>64511</v>
      </c>
    </row>
    <row r="8827" spans="1:10" x14ac:dyDescent="0.25">
      <c r="A8827" t="s">
        <v>22276</v>
      </c>
      <c r="B8827" t="s">
        <v>22277</v>
      </c>
      <c r="C8827" t="s">
        <v>22278</v>
      </c>
      <c r="D8827" t="s">
        <v>22119</v>
      </c>
      <c r="E8827" t="s">
        <v>13</v>
      </c>
      <c r="F8827">
        <v>5255</v>
      </c>
      <c r="G8827" t="s">
        <v>22279</v>
      </c>
      <c r="H8827">
        <v>4.2619131188340003</v>
      </c>
      <c r="I8827">
        <v>52.066371137391997</v>
      </c>
      <c r="J8827" t="s">
        <v>64512</v>
      </c>
    </row>
    <row r="8828" spans="1:10" x14ac:dyDescent="0.25">
      <c r="A8828" t="s">
        <v>22272</v>
      </c>
      <c r="B8828" t="s">
        <v>22273</v>
      </c>
      <c r="C8828" t="s">
        <v>22274</v>
      </c>
      <c r="D8828" t="s">
        <v>22119</v>
      </c>
      <c r="E8828" t="s">
        <v>13</v>
      </c>
      <c r="F8828">
        <v>5254</v>
      </c>
      <c r="G8828" t="s">
        <v>22275</v>
      </c>
      <c r="H8828">
        <v>4.2557623940429998</v>
      </c>
      <c r="I8828">
        <v>52.068907324374997</v>
      </c>
      <c r="J8828" t="s">
        <v>64513</v>
      </c>
    </row>
    <row r="8829" spans="1:10" x14ac:dyDescent="0.25">
      <c r="A8829" t="s">
        <v>22268</v>
      </c>
      <c r="B8829" t="s">
        <v>22269</v>
      </c>
      <c r="C8829" t="s">
        <v>22270</v>
      </c>
      <c r="D8829" t="s">
        <v>22119</v>
      </c>
      <c r="E8829" t="s">
        <v>13</v>
      </c>
      <c r="F8829">
        <v>5253</v>
      </c>
      <c r="G8829" t="s">
        <v>22271</v>
      </c>
      <c r="H8829">
        <v>4.2312450499920002</v>
      </c>
      <c r="I8829">
        <v>52.060755568189997</v>
      </c>
      <c r="J8829" t="s">
        <v>64514</v>
      </c>
    </row>
    <row r="8830" spans="1:10" x14ac:dyDescent="0.25">
      <c r="A8830" t="s">
        <v>22265</v>
      </c>
      <c r="B8830" t="s">
        <v>22266</v>
      </c>
      <c r="C8830" t="s">
        <v>17501</v>
      </c>
      <c r="D8830" t="s">
        <v>22119</v>
      </c>
      <c r="E8830" t="s">
        <v>13</v>
      </c>
      <c r="F8830">
        <v>5252</v>
      </c>
      <c r="G8830" t="s">
        <v>22267</v>
      </c>
      <c r="H8830">
        <v>4.2401178408269997</v>
      </c>
      <c r="I8830">
        <v>52.064524373410997</v>
      </c>
      <c r="J8830" t="s">
        <v>64515</v>
      </c>
    </row>
    <row r="8831" spans="1:10" x14ac:dyDescent="0.25">
      <c r="A8831" t="s">
        <v>22261</v>
      </c>
      <c r="B8831" t="s">
        <v>22262</v>
      </c>
      <c r="C8831" t="s">
        <v>22263</v>
      </c>
      <c r="D8831" t="s">
        <v>22119</v>
      </c>
      <c r="E8831" t="s">
        <v>13</v>
      </c>
      <c r="F8831">
        <v>5251</v>
      </c>
      <c r="G8831" t="s">
        <v>22264</v>
      </c>
      <c r="H8831">
        <v>4.2500840572180003</v>
      </c>
      <c r="I8831">
        <v>52.062739239099997</v>
      </c>
      <c r="J8831" t="s">
        <v>64516</v>
      </c>
    </row>
    <row r="8832" spans="1:10" x14ac:dyDescent="0.25">
      <c r="A8832" t="s">
        <v>22257</v>
      </c>
      <c r="B8832" t="s">
        <v>22258</v>
      </c>
      <c r="C8832" t="s">
        <v>22259</v>
      </c>
      <c r="D8832" t="s">
        <v>22119</v>
      </c>
      <c r="E8832" t="s">
        <v>13</v>
      </c>
      <c r="F8832">
        <v>5250</v>
      </c>
      <c r="G8832" t="s">
        <v>22260</v>
      </c>
      <c r="H8832">
        <v>4.2413756560870004</v>
      </c>
      <c r="I8832">
        <v>52.059492315840998</v>
      </c>
      <c r="J8832" t="s">
        <v>64517</v>
      </c>
    </row>
    <row r="8833" spans="1:10" x14ac:dyDescent="0.25">
      <c r="A8833" t="s">
        <v>22253</v>
      </c>
      <c r="B8833" t="s">
        <v>22254</v>
      </c>
      <c r="C8833" t="s">
        <v>22255</v>
      </c>
      <c r="D8833" t="s">
        <v>22119</v>
      </c>
      <c r="E8833" t="s">
        <v>13</v>
      </c>
      <c r="F8833">
        <v>5249</v>
      </c>
      <c r="G8833" t="s">
        <v>22256</v>
      </c>
      <c r="H8833">
        <v>4.2326227333929998</v>
      </c>
      <c r="I8833">
        <v>52.056642900791999</v>
      </c>
      <c r="J8833" t="s">
        <v>64518</v>
      </c>
    </row>
    <row r="8834" spans="1:10" x14ac:dyDescent="0.25">
      <c r="A8834" t="s">
        <v>22249</v>
      </c>
      <c r="B8834" t="s">
        <v>22250</v>
      </c>
      <c r="C8834" t="s">
        <v>22251</v>
      </c>
      <c r="D8834" t="s">
        <v>22119</v>
      </c>
      <c r="E8834" t="s">
        <v>13</v>
      </c>
      <c r="F8834">
        <v>5248</v>
      </c>
      <c r="G8834" t="s">
        <v>22252</v>
      </c>
      <c r="H8834">
        <v>4.2348336206850004</v>
      </c>
      <c r="I8834">
        <v>52.053365852695002</v>
      </c>
      <c r="J8834" t="s">
        <v>64519</v>
      </c>
    </row>
    <row r="8835" spans="1:10" x14ac:dyDescent="0.25">
      <c r="A8835" t="s">
        <v>22246</v>
      </c>
      <c r="B8835" t="s">
        <v>22247</v>
      </c>
      <c r="C8835" t="s">
        <v>12772</v>
      </c>
      <c r="D8835" t="s">
        <v>22119</v>
      </c>
      <c r="E8835" t="s">
        <v>13</v>
      </c>
      <c r="F8835">
        <v>5247</v>
      </c>
      <c r="G8835" t="s">
        <v>22248</v>
      </c>
      <c r="H8835">
        <v>4.2498687228660001</v>
      </c>
      <c r="I8835">
        <v>52.053858290428998</v>
      </c>
      <c r="J8835" t="s">
        <v>64520</v>
      </c>
    </row>
    <row r="8836" spans="1:10" x14ac:dyDescent="0.25">
      <c r="A8836" t="s">
        <v>22242</v>
      </c>
      <c r="B8836" t="s">
        <v>22243</v>
      </c>
      <c r="C8836" t="s">
        <v>22244</v>
      </c>
      <c r="D8836" t="s">
        <v>22119</v>
      </c>
      <c r="E8836" t="s">
        <v>13</v>
      </c>
      <c r="F8836">
        <v>5246</v>
      </c>
      <c r="G8836" t="s">
        <v>22245</v>
      </c>
      <c r="H8836">
        <v>4.2506693215920004</v>
      </c>
      <c r="I8836">
        <v>52.046858812156003</v>
      </c>
      <c r="J8836" t="s">
        <v>64521</v>
      </c>
    </row>
    <row r="8837" spans="1:10" x14ac:dyDescent="0.25">
      <c r="A8837" t="s">
        <v>22238</v>
      </c>
      <c r="B8837" t="s">
        <v>22239</v>
      </c>
      <c r="C8837" t="s">
        <v>22240</v>
      </c>
      <c r="D8837" t="s">
        <v>22119</v>
      </c>
      <c r="E8837" t="s">
        <v>13</v>
      </c>
      <c r="F8837">
        <v>5245</v>
      </c>
      <c r="G8837" t="s">
        <v>22241</v>
      </c>
      <c r="H8837">
        <v>4.2231364170879999</v>
      </c>
      <c r="I8837">
        <v>52.042073215701002</v>
      </c>
      <c r="J8837" t="s">
        <v>64522</v>
      </c>
    </row>
    <row r="8838" spans="1:10" x14ac:dyDescent="0.25">
      <c r="A8838" t="s">
        <v>22234</v>
      </c>
      <c r="B8838" t="s">
        <v>22235</v>
      </c>
      <c r="C8838" t="s">
        <v>22236</v>
      </c>
      <c r="D8838" t="s">
        <v>22119</v>
      </c>
      <c r="E8838" t="s">
        <v>13</v>
      </c>
      <c r="F8838">
        <v>5244</v>
      </c>
      <c r="G8838" t="s">
        <v>22237</v>
      </c>
      <c r="H8838">
        <v>4.2270515483619997</v>
      </c>
      <c r="I8838">
        <v>52.071211045517003</v>
      </c>
      <c r="J8838" t="s">
        <v>64523</v>
      </c>
    </row>
    <row r="8839" spans="1:10" x14ac:dyDescent="0.25">
      <c r="A8839" t="s">
        <v>22230</v>
      </c>
      <c r="B8839" t="s">
        <v>22231</v>
      </c>
      <c r="C8839" t="s">
        <v>22232</v>
      </c>
      <c r="D8839" t="s">
        <v>22119</v>
      </c>
      <c r="E8839" t="s">
        <v>13</v>
      </c>
      <c r="F8839">
        <v>5243</v>
      </c>
      <c r="G8839" t="s">
        <v>22233</v>
      </c>
      <c r="H8839">
        <v>4.2131598360879998</v>
      </c>
      <c r="I8839">
        <v>52.055296470719</v>
      </c>
      <c r="J8839" t="s">
        <v>64524</v>
      </c>
    </row>
    <row r="8840" spans="1:10" x14ac:dyDescent="0.25">
      <c r="A8840" t="s">
        <v>22226</v>
      </c>
      <c r="B8840" t="s">
        <v>22227</v>
      </c>
      <c r="C8840" t="s">
        <v>22228</v>
      </c>
      <c r="D8840" t="s">
        <v>22119</v>
      </c>
      <c r="E8840" t="s">
        <v>13</v>
      </c>
      <c r="F8840">
        <v>5242</v>
      </c>
      <c r="G8840" t="s">
        <v>22229</v>
      </c>
      <c r="H8840">
        <v>4.233914454033</v>
      </c>
      <c r="I8840">
        <v>52.066844183016002</v>
      </c>
      <c r="J8840" t="s">
        <v>64525</v>
      </c>
    </row>
    <row r="8841" spans="1:10" x14ac:dyDescent="0.25">
      <c r="A8841" t="s">
        <v>22222</v>
      </c>
      <c r="B8841" t="s">
        <v>22223</v>
      </c>
      <c r="C8841" t="s">
        <v>22224</v>
      </c>
      <c r="D8841" t="s">
        <v>22119</v>
      </c>
      <c r="E8841" t="s">
        <v>13</v>
      </c>
      <c r="F8841">
        <v>5241</v>
      </c>
      <c r="G8841" t="s">
        <v>22225</v>
      </c>
      <c r="H8841">
        <v>4.2468012316200001</v>
      </c>
      <c r="I8841">
        <v>52.071713090343998</v>
      </c>
      <c r="J8841" t="s">
        <v>64526</v>
      </c>
    </row>
    <row r="8842" spans="1:10" x14ac:dyDescent="0.25">
      <c r="A8842" t="s">
        <v>22219</v>
      </c>
      <c r="B8842" t="s">
        <v>22220</v>
      </c>
      <c r="C8842" t="s">
        <v>14401</v>
      </c>
      <c r="D8842" t="s">
        <v>22119</v>
      </c>
      <c r="E8842" t="s">
        <v>13</v>
      </c>
      <c r="F8842">
        <v>5240</v>
      </c>
      <c r="G8842" t="s">
        <v>22221</v>
      </c>
      <c r="H8842">
        <v>4.2506760282710001</v>
      </c>
      <c r="I8842">
        <v>52.082281788856001</v>
      </c>
      <c r="J8842" t="s">
        <v>64527</v>
      </c>
    </row>
    <row r="8843" spans="1:10" x14ac:dyDescent="0.25">
      <c r="A8843" t="s">
        <v>22216</v>
      </c>
      <c r="B8843" t="s">
        <v>22217</v>
      </c>
      <c r="C8843" t="s">
        <v>6548</v>
      </c>
      <c r="D8843" t="s">
        <v>22119</v>
      </c>
      <c r="E8843" t="s">
        <v>13</v>
      </c>
      <c r="F8843">
        <v>5239</v>
      </c>
      <c r="G8843" t="s">
        <v>22218</v>
      </c>
      <c r="H8843">
        <v>4.2712503675160001</v>
      </c>
      <c r="I8843">
        <v>52.080601389371999</v>
      </c>
      <c r="J8843" t="s">
        <v>64528</v>
      </c>
    </row>
    <row r="8844" spans="1:10" x14ac:dyDescent="0.25">
      <c r="A8844" t="s">
        <v>22212</v>
      </c>
      <c r="B8844" t="s">
        <v>22213</v>
      </c>
      <c r="C8844" t="s">
        <v>22214</v>
      </c>
      <c r="D8844" t="s">
        <v>22119</v>
      </c>
      <c r="E8844" t="s">
        <v>13</v>
      </c>
      <c r="F8844">
        <v>5238</v>
      </c>
      <c r="G8844" t="s">
        <v>22215</v>
      </c>
      <c r="H8844">
        <v>4.2613915495650003</v>
      </c>
      <c r="I8844">
        <v>52.077247055381001</v>
      </c>
      <c r="J8844" t="s">
        <v>64529</v>
      </c>
    </row>
    <row r="8845" spans="1:10" x14ac:dyDescent="0.25">
      <c r="A8845" t="s">
        <v>22208</v>
      </c>
      <c r="B8845" t="s">
        <v>22209</v>
      </c>
      <c r="C8845" t="s">
        <v>22210</v>
      </c>
      <c r="D8845" t="s">
        <v>22119</v>
      </c>
      <c r="E8845" t="s">
        <v>13</v>
      </c>
      <c r="F8845">
        <v>5237</v>
      </c>
      <c r="G8845" t="s">
        <v>22211</v>
      </c>
      <c r="H8845">
        <v>4.2536868300609996</v>
      </c>
      <c r="I8845">
        <v>52.073209226349</v>
      </c>
      <c r="J8845" t="s">
        <v>64530</v>
      </c>
    </row>
    <row r="8846" spans="1:10" x14ac:dyDescent="0.25">
      <c r="A8846" t="s">
        <v>22204</v>
      </c>
      <c r="B8846" t="s">
        <v>22205</v>
      </c>
      <c r="C8846" t="s">
        <v>22206</v>
      </c>
      <c r="D8846" t="s">
        <v>22119</v>
      </c>
      <c r="E8846" t="s">
        <v>13</v>
      </c>
      <c r="F8846">
        <v>5236</v>
      </c>
      <c r="G8846" t="s">
        <v>22207</v>
      </c>
      <c r="H8846">
        <v>4.2837384966079997</v>
      </c>
      <c r="I8846">
        <v>52.082692587860997</v>
      </c>
      <c r="J8846" t="s">
        <v>64531</v>
      </c>
    </row>
    <row r="8847" spans="1:10" x14ac:dyDescent="0.25">
      <c r="A8847" t="s">
        <v>22200</v>
      </c>
      <c r="B8847" t="s">
        <v>22201</v>
      </c>
      <c r="C8847" t="s">
        <v>22202</v>
      </c>
      <c r="D8847" t="s">
        <v>22119</v>
      </c>
      <c r="E8847" t="s">
        <v>13</v>
      </c>
      <c r="F8847">
        <v>5235</v>
      </c>
      <c r="G8847" t="s">
        <v>22203</v>
      </c>
      <c r="H8847">
        <v>4.2777938949149998</v>
      </c>
      <c r="I8847">
        <v>52.085312802878001</v>
      </c>
      <c r="J8847" t="s">
        <v>64532</v>
      </c>
    </row>
    <row r="8848" spans="1:10" x14ac:dyDescent="0.25">
      <c r="A8848" t="s">
        <v>22196</v>
      </c>
      <c r="B8848" t="s">
        <v>22197</v>
      </c>
      <c r="C8848" t="s">
        <v>22198</v>
      </c>
      <c r="D8848" t="s">
        <v>22119</v>
      </c>
      <c r="E8848" t="s">
        <v>13</v>
      </c>
      <c r="F8848">
        <v>5234</v>
      </c>
      <c r="G8848" t="s">
        <v>22199</v>
      </c>
      <c r="H8848">
        <v>4.286250625279</v>
      </c>
      <c r="I8848">
        <v>52.089742961283001</v>
      </c>
      <c r="J8848" t="s">
        <v>64533</v>
      </c>
    </row>
    <row r="8849" spans="1:10" x14ac:dyDescent="0.25">
      <c r="A8849" t="s">
        <v>22192</v>
      </c>
      <c r="B8849" t="s">
        <v>22193</v>
      </c>
      <c r="C8849" t="s">
        <v>22194</v>
      </c>
      <c r="D8849" t="s">
        <v>22119</v>
      </c>
      <c r="E8849" t="s">
        <v>13</v>
      </c>
      <c r="F8849">
        <v>5233</v>
      </c>
      <c r="G8849" t="s">
        <v>22195</v>
      </c>
      <c r="H8849">
        <v>4.2704365692839996</v>
      </c>
      <c r="I8849">
        <v>52.093232466186002</v>
      </c>
      <c r="J8849" t="s">
        <v>64534</v>
      </c>
    </row>
    <row r="8850" spans="1:10" x14ac:dyDescent="0.25">
      <c r="A8850" t="s">
        <v>22189</v>
      </c>
      <c r="B8850" t="s">
        <v>22190</v>
      </c>
      <c r="C8850" t="s">
        <v>3291</v>
      </c>
      <c r="D8850" t="s">
        <v>22119</v>
      </c>
      <c r="E8850" t="s">
        <v>13</v>
      </c>
      <c r="F8850">
        <v>5232</v>
      </c>
      <c r="G8850" t="s">
        <v>22191</v>
      </c>
      <c r="H8850">
        <v>4.2767630743140002</v>
      </c>
      <c r="I8850">
        <v>52.094287052718002</v>
      </c>
      <c r="J8850" t="s">
        <v>64535</v>
      </c>
    </row>
    <row r="8851" spans="1:10" x14ac:dyDescent="0.25">
      <c r="A8851" t="s">
        <v>22185</v>
      </c>
      <c r="B8851" t="s">
        <v>22186</v>
      </c>
      <c r="C8851" t="s">
        <v>22187</v>
      </c>
      <c r="D8851" t="s">
        <v>22119</v>
      </c>
      <c r="E8851" t="s">
        <v>13</v>
      </c>
      <c r="F8851">
        <v>5231</v>
      </c>
      <c r="G8851" t="s">
        <v>22188</v>
      </c>
      <c r="H8851">
        <v>4.2546115245099996</v>
      </c>
      <c r="I8851">
        <v>52.091466128653003</v>
      </c>
      <c r="J8851" t="s">
        <v>64536</v>
      </c>
    </row>
    <row r="8852" spans="1:10" x14ac:dyDescent="0.25">
      <c r="A8852" t="s">
        <v>22181</v>
      </c>
      <c r="B8852" t="s">
        <v>22182</v>
      </c>
      <c r="C8852" t="s">
        <v>22183</v>
      </c>
      <c r="D8852" t="s">
        <v>22119</v>
      </c>
      <c r="E8852" t="s">
        <v>13</v>
      </c>
      <c r="F8852">
        <v>5230</v>
      </c>
      <c r="G8852" t="s">
        <v>22184</v>
      </c>
      <c r="H8852">
        <v>4.285271315708</v>
      </c>
      <c r="I8852">
        <v>52.10751585029</v>
      </c>
      <c r="J8852" t="s">
        <v>64537</v>
      </c>
    </row>
    <row r="8853" spans="1:10" x14ac:dyDescent="0.25">
      <c r="A8853" t="s">
        <v>22177</v>
      </c>
      <c r="B8853" t="s">
        <v>22178</v>
      </c>
      <c r="C8853" t="s">
        <v>22179</v>
      </c>
      <c r="D8853" t="s">
        <v>22119</v>
      </c>
      <c r="E8853" t="s">
        <v>13</v>
      </c>
      <c r="F8853">
        <v>5229</v>
      </c>
      <c r="G8853" t="s">
        <v>22180</v>
      </c>
      <c r="H8853">
        <v>4.2806939209439996</v>
      </c>
      <c r="I8853">
        <v>52.103571807461002</v>
      </c>
      <c r="J8853" t="s">
        <v>64538</v>
      </c>
    </row>
    <row r="8854" spans="1:10" x14ac:dyDescent="0.25">
      <c r="A8854" t="s">
        <v>22173</v>
      </c>
      <c r="B8854" t="s">
        <v>22174</v>
      </c>
      <c r="C8854" t="s">
        <v>22175</v>
      </c>
      <c r="D8854" t="s">
        <v>22119</v>
      </c>
      <c r="E8854" t="s">
        <v>13</v>
      </c>
      <c r="F8854">
        <v>5228</v>
      </c>
      <c r="G8854" t="s">
        <v>22176</v>
      </c>
      <c r="H8854">
        <v>4.277745152514</v>
      </c>
      <c r="I8854">
        <v>52.109706053703</v>
      </c>
      <c r="J8854" t="s">
        <v>64539</v>
      </c>
    </row>
    <row r="8855" spans="1:10" x14ac:dyDescent="0.25">
      <c r="A8855" t="s">
        <v>22169</v>
      </c>
      <c r="B8855" t="s">
        <v>22170</v>
      </c>
      <c r="C8855" t="s">
        <v>22171</v>
      </c>
      <c r="D8855" t="s">
        <v>22119</v>
      </c>
      <c r="E8855" t="s">
        <v>13</v>
      </c>
      <c r="F8855">
        <v>5227</v>
      </c>
      <c r="G8855" t="s">
        <v>22172</v>
      </c>
      <c r="H8855">
        <v>4.2647953514100001</v>
      </c>
      <c r="I8855">
        <v>52.099043686138003</v>
      </c>
      <c r="J8855" t="s">
        <v>64540</v>
      </c>
    </row>
    <row r="8856" spans="1:10" x14ac:dyDescent="0.25">
      <c r="A8856" t="s">
        <v>22165</v>
      </c>
      <c r="B8856" t="s">
        <v>22166</v>
      </c>
      <c r="C8856" t="s">
        <v>22167</v>
      </c>
      <c r="D8856" t="s">
        <v>22119</v>
      </c>
      <c r="E8856" t="s">
        <v>13</v>
      </c>
      <c r="F8856">
        <v>5226</v>
      </c>
      <c r="G8856" t="s">
        <v>22168</v>
      </c>
      <c r="H8856">
        <v>4.2715768809819998</v>
      </c>
      <c r="I8856">
        <v>52.104553754973999</v>
      </c>
      <c r="J8856" t="s">
        <v>64541</v>
      </c>
    </row>
    <row r="8857" spans="1:10" x14ac:dyDescent="0.25">
      <c r="A8857" t="s">
        <v>22161</v>
      </c>
      <c r="B8857" t="s">
        <v>22162</v>
      </c>
      <c r="C8857" t="s">
        <v>22163</v>
      </c>
      <c r="D8857" t="s">
        <v>22119</v>
      </c>
      <c r="E8857" t="s">
        <v>13</v>
      </c>
      <c r="F8857">
        <v>5225</v>
      </c>
      <c r="G8857" t="s">
        <v>22164</v>
      </c>
      <c r="H8857">
        <v>4.2914748630329997</v>
      </c>
      <c r="I8857">
        <v>52.097464763142</v>
      </c>
      <c r="J8857" t="s">
        <v>64542</v>
      </c>
    </row>
    <row r="8858" spans="1:10" x14ac:dyDescent="0.25">
      <c r="A8858" t="s">
        <v>22157</v>
      </c>
      <c r="B8858" t="s">
        <v>22158</v>
      </c>
      <c r="C8858" t="s">
        <v>22159</v>
      </c>
      <c r="D8858" t="s">
        <v>22119</v>
      </c>
      <c r="E8858" t="s">
        <v>13</v>
      </c>
      <c r="F8858">
        <v>5224</v>
      </c>
      <c r="G8858" t="s">
        <v>22160</v>
      </c>
      <c r="H8858">
        <v>4.3027500322529999</v>
      </c>
      <c r="I8858">
        <v>52.091906199695998</v>
      </c>
      <c r="J8858" t="s">
        <v>64543</v>
      </c>
    </row>
    <row r="8859" spans="1:10" x14ac:dyDescent="0.25">
      <c r="A8859" t="s">
        <v>22153</v>
      </c>
      <c r="B8859" t="s">
        <v>22154</v>
      </c>
      <c r="C8859" t="s">
        <v>22155</v>
      </c>
      <c r="D8859" t="s">
        <v>22119</v>
      </c>
      <c r="E8859" t="s">
        <v>13</v>
      </c>
      <c r="F8859">
        <v>5223</v>
      </c>
      <c r="G8859" t="s">
        <v>22156</v>
      </c>
      <c r="H8859">
        <v>4.324615248882</v>
      </c>
      <c r="I8859">
        <v>52.092283116201003</v>
      </c>
      <c r="J8859" t="s">
        <v>64544</v>
      </c>
    </row>
    <row r="8860" spans="1:10" x14ac:dyDescent="0.25">
      <c r="A8860" t="s">
        <v>22149</v>
      </c>
      <c r="B8860" t="s">
        <v>22150</v>
      </c>
      <c r="C8860" t="s">
        <v>22151</v>
      </c>
      <c r="D8860" t="s">
        <v>22119</v>
      </c>
      <c r="E8860" t="s">
        <v>13</v>
      </c>
      <c r="F8860">
        <v>5222</v>
      </c>
      <c r="G8860" t="s">
        <v>22152</v>
      </c>
      <c r="H8860">
        <v>4.318119792948</v>
      </c>
      <c r="I8860">
        <v>52.094587705355998</v>
      </c>
      <c r="J8860" t="s">
        <v>64545</v>
      </c>
    </row>
    <row r="8861" spans="1:10" x14ac:dyDescent="0.25">
      <c r="A8861" t="s">
        <v>22145</v>
      </c>
      <c r="B8861" t="s">
        <v>22146</v>
      </c>
      <c r="C8861" t="s">
        <v>22147</v>
      </c>
      <c r="D8861" t="s">
        <v>22119</v>
      </c>
      <c r="E8861" t="s">
        <v>13</v>
      </c>
      <c r="F8861">
        <v>5221</v>
      </c>
      <c r="G8861" t="s">
        <v>22148</v>
      </c>
      <c r="H8861">
        <v>4.3141888407969997</v>
      </c>
      <c r="I8861">
        <v>52.098846900295001</v>
      </c>
      <c r="J8861" t="s">
        <v>64546</v>
      </c>
    </row>
    <row r="8862" spans="1:10" x14ac:dyDescent="0.25">
      <c r="A8862" t="s">
        <v>22141</v>
      </c>
      <c r="B8862" t="s">
        <v>22142</v>
      </c>
      <c r="C8862" t="s">
        <v>22143</v>
      </c>
      <c r="D8862" t="s">
        <v>22119</v>
      </c>
      <c r="E8862" t="s">
        <v>13</v>
      </c>
      <c r="F8862">
        <v>5220</v>
      </c>
      <c r="G8862" t="s">
        <v>22144</v>
      </c>
      <c r="H8862">
        <v>4.3252769448880004</v>
      </c>
      <c r="I8862">
        <v>52.104314783744996</v>
      </c>
      <c r="J8862" t="s">
        <v>64547</v>
      </c>
    </row>
    <row r="8863" spans="1:10" x14ac:dyDescent="0.25">
      <c r="A8863" t="s">
        <v>22137</v>
      </c>
      <c r="B8863" t="s">
        <v>22138</v>
      </c>
      <c r="C8863" t="s">
        <v>22139</v>
      </c>
      <c r="D8863" t="s">
        <v>22119</v>
      </c>
      <c r="E8863" t="s">
        <v>13</v>
      </c>
      <c r="F8863">
        <v>5219</v>
      </c>
      <c r="G8863" t="s">
        <v>22140</v>
      </c>
      <c r="H8863">
        <v>4.33383617471</v>
      </c>
      <c r="I8863">
        <v>52.095809200852003</v>
      </c>
      <c r="J8863" t="s">
        <v>64548</v>
      </c>
    </row>
    <row r="8864" spans="1:10" x14ac:dyDescent="0.25">
      <c r="A8864" t="s">
        <v>22133</v>
      </c>
      <c r="B8864" t="s">
        <v>22134</v>
      </c>
      <c r="C8864" t="s">
        <v>22135</v>
      </c>
      <c r="D8864" t="s">
        <v>22119</v>
      </c>
      <c r="E8864" t="s">
        <v>13</v>
      </c>
      <c r="F8864">
        <v>5218</v>
      </c>
      <c r="G8864" t="s">
        <v>22136</v>
      </c>
      <c r="H8864">
        <v>4.3172048774820002</v>
      </c>
      <c r="I8864">
        <v>52.089331997126003</v>
      </c>
      <c r="J8864" t="s">
        <v>64549</v>
      </c>
    </row>
    <row r="8865" spans="1:10" x14ac:dyDescent="0.25">
      <c r="A8865" t="s">
        <v>22129</v>
      </c>
      <c r="B8865" t="s">
        <v>22130</v>
      </c>
      <c r="C8865" t="s">
        <v>22131</v>
      </c>
      <c r="D8865" t="s">
        <v>22119</v>
      </c>
      <c r="E8865" t="s">
        <v>13</v>
      </c>
      <c r="F8865">
        <v>5217</v>
      </c>
      <c r="G8865" t="s">
        <v>22132</v>
      </c>
      <c r="H8865">
        <v>4.3064149558349998</v>
      </c>
      <c r="I8865">
        <v>52.104242766654998</v>
      </c>
      <c r="J8865" t="s">
        <v>64550</v>
      </c>
    </row>
    <row r="8866" spans="1:10" x14ac:dyDescent="0.25">
      <c r="A8866" t="s">
        <v>22125</v>
      </c>
      <c r="B8866" t="s">
        <v>22126</v>
      </c>
      <c r="C8866" t="s">
        <v>22127</v>
      </c>
      <c r="D8866" t="s">
        <v>22119</v>
      </c>
      <c r="E8866" t="s">
        <v>13</v>
      </c>
      <c r="F8866">
        <v>5216</v>
      </c>
      <c r="G8866" t="s">
        <v>22128</v>
      </c>
      <c r="H8866">
        <v>4.293670172303</v>
      </c>
      <c r="I8866">
        <v>52.103568530624997</v>
      </c>
      <c r="J8866" t="s">
        <v>64551</v>
      </c>
    </row>
    <row r="8867" spans="1:10" x14ac:dyDescent="0.25">
      <c r="A8867" t="s">
        <v>22121</v>
      </c>
      <c r="B8867" t="s">
        <v>22122</v>
      </c>
      <c r="C8867" t="s">
        <v>22123</v>
      </c>
      <c r="D8867" t="s">
        <v>22119</v>
      </c>
      <c r="E8867" t="s">
        <v>13</v>
      </c>
      <c r="F8867">
        <v>5215</v>
      </c>
      <c r="G8867" t="s">
        <v>22124</v>
      </c>
      <c r="H8867">
        <v>4.2916417333550001</v>
      </c>
      <c r="I8867">
        <v>52.112225797934997</v>
      </c>
      <c r="J8867" t="s">
        <v>64552</v>
      </c>
    </row>
    <row r="8868" spans="1:10" x14ac:dyDescent="0.25">
      <c r="A8868" t="s">
        <v>22116</v>
      </c>
      <c r="B8868" t="s">
        <v>22117</v>
      </c>
      <c r="C8868" t="s">
        <v>22118</v>
      </c>
      <c r="D8868" t="s">
        <v>22119</v>
      </c>
      <c r="E8868" t="s">
        <v>13</v>
      </c>
      <c r="F8868">
        <v>5214</v>
      </c>
      <c r="G8868" t="s">
        <v>22120</v>
      </c>
      <c r="H8868">
        <v>4.3069956491549997</v>
      </c>
      <c r="I8868">
        <v>52.116436125387999</v>
      </c>
      <c r="J8868" t="s">
        <v>64553</v>
      </c>
    </row>
    <row r="8869" spans="1:10" x14ac:dyDescent="0.25">
      <c r="A8869" t="s">
        <v>22112</v>
      </c>
      <c r="B8869" t="s">
        <v>22113</v>
      </c>
      <c r="C8869" t="s">
        <v>22114</v>
      </c>
      <c r="D8869" t="s">
        <v>21922</v>
      </c>
      <c r="E8869" t="s">
        <v>13</v>
      </c>
      <c r="F8869">
        <v>5213</v>
      </c>
      <c r="G8869" t="s">
        <v>22115</v>
      </c>
      <c r="H8869">
        <v>4.6687064534299996</v>
      </c>
      <c r="I8869">
        <v>52.006545339101002</v>
      </c>
      <c r="J8869" t="s">
        <v>64554</v>
      </c>
    </row>
    <row r="8870" spans="1:10" x14ac:dyDescent="0.25">
      <c r="A8870" t="s">
        <v>22109</v>
      </c>
      <c r="B8870" t="s">
        <v>22110</v>
      </c>
      <c r="C8870" t="s">
        <v>21463</v>
      </c>
      <c r="D8870" t="s">
        <v>21922</v>
      </c>
      <c r="E8870" t="s">
        <v>13</v>
      </c>
      <c r="F8870">
        <v>5212</v>
      </c>
      <c r="G8870" t="s">
        <v>22111</v>
      </c>
      <c r="H8870">
        <v>4.6774306056689996</v>
      </c>
      <c r="I8870">
        <v>52.003850121089997</v>
      </c>
      <c r="J8870" t="s">
        <v>64555</v>
      </c>
    </row>
    <row r="8871" spans="1:10" x14ac:dyDescent="0.25">
      <c r="A8871" t="s">
        <v>22106</v>
      </c>
      <c r="B8871" t="s">
        <v>22107</v>
      </c>
      <c r="C8871" t="s">
        <v>10150</v>
      </c>
      <c r="D8871" t="s">
        <v>21922</v>
      </c>
      <c r="E8871" t="s">
        <v>13</v>
      </c>
      <c r="F8871">
        <v>5211</v>
      </c>
      <c r="G8871" t="s">
        <v>22108</v>
      </c>
      <c r="H8871">
        <v>4.6836853943000003</v>
      </c>
      <c r="I8871">
        <v>52.000624414455999</v>
      </c>
      <c r="J8871" t="s">
        <v>64556</v>
      </c>
    </row>
    <row r="8872" spans="1:10" x14ac:dyDescent="0.25">
      <c r="A8872" t="s">
        <v>22102</v>
      </c>
      <c r="B8872" t="s">
        <v>22103</v>
      </c>
      <c r="C8872" t="s">
        <v>22104</v>
      </c>
      <c r="D8872" t="s">
        <v>21922</v>
      </c>
      <c r="E8872" t="s">
        <v>13</v>
      </c>
      <c r="F8872">
        <v>5210</v>
      </c>
      <c r="G8872" t="s">
        <v>22105</v>
      </c>
      <c r="H8872">
        <v>4.6789185039490002</v>
      </c>
      <c r="I8872">
        <v>52.012283102832001</v>
      </c>
      <c r="J8872" t="s">
        <v>64557</v>
      </c>
    </row>
    <row r="8873" spans="1:10" x14ac:dyDescent="0.25">
      <c r="A8873" t="s">
        <v>22098</v>
      </c>
      <c r="B8873" t="s">
        <v>22099</v>
      </c>
      <c r="C8873" t="s">
        <v>22100</v>
      </c>
      <c r="D8873" t="s">
        <v>21922</v>
      </c>
      <c r="E8873" t="s">
        <v>13</v>
      </c>
      <c r="F8873">
        <v>5209</v>
      </c>
      <c r="G8873" t="s">
        <v>22101</v>
      </c>
      <c r="H8873">
        <v>4.689754976004</v>
      </c>
      <c r="I8873">
        <v>51.998901332602998</v>
      </c>
      <c r="J8873" t="s">
        <v>64558</v>
      </c>
    </row>
    <row r="8874" spans="1:10" x14ac:dyDescent="0.25">
      <c r="A8874" t="s">
        <v>22094</v>
      </c>
      <c r="B8874" t="s">
        <v>22095</v>
      </c>
      <c r="C8874" t="s">
        <v>22096</v>
      </c>
      <c r="D8874" t="s">
        <v>21922</v>
      </c>
      <c r="E8874" t="s">
        <v>13</v>
      </c>
      <c r="F8874">
        <v>5208</v>
      </c>
      <c r="G8874" t="s">
        <v>22097</v>
      </c>
      <c r="H8874">
        <v>4.6897034293789996</v>
      </c>
      <c r="I8874">
        <v>52.005457390403002</v>
      </c>
      <c r="J8874" t="s">
        <v>64559</v>
      </c>
    </row>
    <row r="8875" spans="1:10" x14ac:dyDescent="0.25">
      <c r="A8875" t="s">
        <v>22090</v>
      </c>
      <c r="B8875" t="s">
        <v>22091</v>
      </c>
      <c r="C8875" t="s">
        <v>22092</v>
      </c>
      <c r="D8875" t="s">
        <v>21922</v>
      </c>
      <c r="E8875" t="s">
        <v>13</v>
      </c>
      <c r="F8875">
        <v>5207</v>
      </c>
      <c r="G8875" t="s">
        <v>22093</v>
      </c>
      <c r="H8875">
        <v>4.7163032840929997</v>
      </c>
      <c r="I8875">
        <v>52.002369503650002</v>
      </c>
      <c r="J8875" t="s">
        <v>64560</v>
      </c>
    </row>
    <row r="8876" spans="1:10" x14ac:dyDescent="0.25">
      <c r="A8876" t="s">
        <v>22086</v>
      </c>
      <c r="B8876" t="s">
        <v>22087</v>
      </c>
      <c r="C8876" t="s">
        <v>22088</v>
      </c>
      <c r="D8876" t="s">
        <v>21922</v>
      </c>
      <c r="E8876" t="s">
        <v>13</v>
      </c>
      <c r="F8876">
        <v>5206</v>
      </c>
      <c r="G8876" t="s">
        <v>22089</v>
      </c>
      <c r="H8876">
        <v>4.7257991756819999</v>
      </c>
      <c r="I8876">
        <v>52.005972909527003</v>
      </c>
      <c r="J8876" t="s">
        <v>64561</v>
      </c>
    </row>
    <row r="8877" spans="1:10" x14ac:dyDescent="0.25">
      <c r="A8877" t="s">
        <v>22083</v>
      </c>
      <c r="B8877" t="s">
        <v>22084</v>
      </c>
      <c r="C8877" t="s">
        <v>4329</v>
      </c>
      <c r="D8877" t="s">
        <v>21922</v>
      </c>
      <c r="E8877" t="s">
        <v>13</v>
      </c>
      <c r="F8877">
        <v>5205</v>
      </c>
      <c r="G8877" t="s">
        <v>22085</v>
      </c>
      <c r="H8877">
        <v>4.7399500235460001</v>
      </c>
      <c r="I8877">
        <v>52.013967265778</v>
      </c>
      <c r="J8877" t="s">
        <v>64562</v>
      </c>
    </row>
    <row r="8878" spans="1:10" x14ac:dyDescent="0.25">
      <c r="A8878" t="s">
        <v>22080</v>
      </c>
      <c r="B8878" t="s">
        <v>22081</v>
      </c>
      <c r="C8878" t="s">
        <v>17501</v>
      </c>
      <c r="D8878" t="s">
        <v>21922</v>
      </c>
      <c r="E8878" t="s">
        <v>13</v>
      </c>
      <c r="F8878">
        <v>5204</v>
      </c>
      <c r="G8878" t="s">
        <v>22082</v>
      </c>
      <c r="H8878">
        <v>4.7478144842710002</v>
      </c>
      <c r="I8878">
        <v>52.012893606772998</v>
      </c>
      <c r="J8878" t="s">
        <v>64563</v>
      </c>
    </row>
    <row r="8879" spans="1:10" x14ac:dyDescent="0.25">
      <c r="A8879" t="s">
        <v>22077</v>
      </c>
      <c r="B8879" t="s">
        <v>22078</v>
      </c>
      <c r="C8879" t="s">
        <v>21743</v>
      </c>
      <c r="D8879" t="s">
        <v>21922</v>
      </c>
      <c r="E8879" t="s">
        <v>13</v>
      </c>
      <c r="F8879">
        <v>5203</v>
      </c>
      <c r="G8879" t="s">
        <v>22079</v>
      </c>
      <c r="H8879">
        <v>4.7541106619509996</v>
      </c>
      <c r="I8879">
        <v>52.005128126877999</v>
      </c>
      <c r="J8879" t="s">
        <v>64564</v>
      </c>
    </row>
    <row r="8880" spans="1:10" x14ac:dyDescent="0.25">
      <c r="A8880" t="s">
        <v>22074</v>
      </c>
      <c r="B8880" t="s">
        <v>22075</v>
      </c>
      <c r="C8880" t="s">
        <v>25</v>
      </c>
      <c r="D8880" t="s">
        <v>21922</v>
      </c>
      <c r="E8880" t="s">
        <v>13</v>
      </c>
      <c r="F8880">
        <v>5202</v>
      </c>
      <c r="G8880" t="s">
        <v>22076</v>
      </c>
      <c r="H8880">
        <v>4.7484602114990002</v>
      </c>
      <c r="I8880">
        <v>52.006517718029997</v>
      </c>
      <c r="J8880" t="s">
        <v>64565</v>
      </c>
    </row>
    <row r="8881" spans="1:10" x14ac:dyDescent="0.25">
      <c r="A8881" t="s">
        <v>22071</v>
      </c>
      <c r="B8881" t="s">
        <v>22072</v>
      </c>
      <c r="C8881" t="s">
        <v>14642</v>
      </c>
      <c r="D8881" t="s">
        <v>21922</v>
      </c>
      <c r="E8881" t="s">
        <v>13</v>
      </c>
      <c r="F8881">
        <v>5201</v>
      </c>
      <c r="G8881" t="s">
        <v>22073</v>
      </c>
      <c r="H8881">
        <v>4.7427183418809999</v>
      </c>
      <c r="I8881">
        <v>52.008937093146002</v>
      </c>
      <c r="J8881" t="s">
        <v>64566</v>
      </c>
    </row>
    <row r="8882" spans="1:10" x14ac:dyDescent="0.25">
      <c r="A8882" t="s">
        <v>22067</v>
      </c>
      <c r="B8882" t="s">
        <v>22068</v>
      </c>
      <c r="C8882" t="s">
        <v>22069</v>
      </c>
      <c r="D8882" t="s">
        <v>21922</v>
      </c>
      <c r="E8882" t="s">
        <v>13</v>
      </c>
      <c r="F8882">
        <v>5200</v>
      </c>
      <c r="G8882" t="s">
        <v>22070</v>
      </c>
      <c r="H8882">
        <v>4.7379797213119996</v>
      </c>
      <c r="I8882">
        <v>52.009909732644999</v>
      </c>
      <c r="J8882" t="s">
        <v>64567</v>
      </c>
    </row>
    <row r="8883" spans="1:10" x14ac:dyDescent="0.25">
      <c r="A8883" t="s">
        <v>22063</v>
      </c>
      <c r="B8883" t="s">
        <v>22064</v>
      </c>
      <c r="C8883" t="s">
        <v>22065</v>
      </c>
      <c r="D8883" t="s">
        <v>21922</v>
      </c>
      <c r="E8883" t="s">
        <v>13</v>
      </c>
      <c r="F8883">
        <v>5199</v>
      </c>
      <c r="G8883" t="s">
        <v>22066</v>
      </c>
      <c r="H8883">
        <v>4.7201128163510004</v>
      </c>
      <c r="I8883">
        <v>52.010401333190998</v>
      </c>
      <c r="J8883" t="s">
        <v>64568</v>
      </c>
    </row>
    <row r="8884" spans="1:10" x14ac:dyDescent="0.25">
      <c r="A8884" t="s">
        <v>22059</v>
      </c>
      <c r="B8884" t="s">
        <v>22060</v>
      </c>
      <c r="C8884" t="s">
        <v>22061</v>
      </c>
      <c r="D8884" t="s">
        <v>21922</v>
      </c>
      <c r="E8884" t="s">
        <v>13</v>
      </c>
      <c r="F8884">
        <v>5198</v>
      </c>
      <c r="G8884" t="s">
        <v>22062</v>
      </c>
      <c r="H8884">
        <v>4.7156620933140001</v>
      </c>
      <c r="I8884">
        <v>52.015187559605998</v>
      </c>
      <c r="J8884" t="s">
        <v>64569</v>
      </c>
    </row>
    <row r="8885" spans="1:10" x14ac:dyDescent="0.25">
      <c r="A8885" t="s">
        <v>22055</v>
      </c>
      <c r="B8885" t="s">
        <v>22056</v>
      </c>
      <c r="C8885" t="s">
        <v>22057</v>
      </c>
      <c r="D8885" t="s">
        <v>21922</v>
      </c>
      <c r="E8885" t="s">
        <v>13</v>
      </c>
      <c r="F8885">
        <v>5197</v>
      </c>
      <c r="G8885" t="s">
        <v>22058</v>
      </c>
      <c r="H8885">
        <v>4.7285414498540002</v>
      </c>
      <c r="I8885">
        <v>52.014974138322003</v>
      </c>
      <c r="J8885" t="s">
        <v>64570</v>
      </c>
    </row>
    <row r="8886" spans="1:10" x14ac:dyDescent="0.25">
      <c r="A8886" t="s">
        <v>22052</v>
      </c>
      <c r="B8886" t="s">
        <v>22053</v>
      </c>
      <c r="C8886" t="s">
        <v>2119</v>
      </c>
      <c r="D8886" t="s">
        <v>21922</v>
      </c>
      <c r="E8886" t="s">
        <v>13</v>
      </c>
      <c r="F8886">
        <v>5196</v>
      </c>
      <c r="G8886" t="s">
        <v>22054</v>
      </c>
      <c r="H8886">
        <v>4.7269998471749997</v>
      </c>
      <c r="I8886">
        <v>52.010946031002</v>
      </c>
      <c r="J8886" t="s">
        <v>64571</v>
      </c>
    </row>
    <row r="8887" spans="1:10" x14ac:dyDescent="0.25">
      <c r="A8887" t="s">
        <v>22048</v>
      </c>
      <c r="B8887" t="s">
        <v>22049</v>
      </c>
      <c r="C8887" t="s">
        <v>22050</v>
      </c>
      <c r="D8887" t="s">
        <v>21922</v>
      </c>
      <c r="E8887" t="s">
        <v>13</v>
      </c>
      <c r="F8887">
        <v>5195</v>
      </c>
      <c r="G8887" t="s">
        <v>22051</v>
      </c>
      <c r="H8887">
        <v>4.7331359404100004</v>
      </c>
      <c r="I8887">
        <v>52.011212665902001</v>
      </c>
      <c r="J8887" t="s">
        <v>64572</v>
      </c>
    </row>
    <row r="8888" spans="1:10" x14ac:dyDescent="0.25">
      <c r="A8888" t="s">
        <v>22044</v>
      </c>
      <c r="B8888" t="s">
        <v>22045</v>
      </c>
      <c r="C8888" t="s">
        <v>22046</v>
      </c>
      <c r="D8888" t="s">
        <v>21922</v>
      </c>
      <c r="E8888" t="s">
        <v>13</v>
      </c>
      <c r="F8888">
        <v>5194</v>
      </c>
      <c r="G8888" t="s">
        <v>22047</v>
      </c>
      <c r="H8888">
        <v>4.7360079907879999</v>
      </c>
      <c r="I8888">
        <v>52.020566659776001</v>
      </c>
      <c r="J8888" t="s">
        <v>64573</v>
      </c>
    </row>
    <row r="8889" spans="1:10" x14ac:dyDescent="0.25">
      <c r="A8889" t="s">
        <v>22040</v>
      </c>
      <c r="B8889" t="s">
        <v>22041</v>
      </c>
      <c r="C8889" t="s">
        <v>22042</v>
      </c>
      <c r="D8889" t="s">
        <v>21922</v>
      </c>
      <c r="E8889" t="s">
        <v>13</v>
      </c>
      <c r="F8889">
        <v>5193</v>
      </c>
      <c r="G8889" t="s">
        <v>22043</v>
      </c>
      <c r="H8889">
        <v>4.7384866616670003</v>
      </c>
      <c r="I8889">
        <v>52.016130545567002</v>
      </c>
      <c r="J8889" t="s">
        <v>64574</v>
      </c>
    </row>
    <row r="8890" spans="1:10" x14ac:dyDescent="0.25">
      <c r="A8890" t="s">
        <v>22036</v>
      </c>
      <c r="B8890" t="s">
        <v>22037</v>
      </c>
      <c r="C8890" t="s">
        <v>22038</v>
      </c>
      <c r="D8890" t="s">
        <v>21922</v>
      </c>
      <c r="E8890" t="s">
        <v>13</v>
      </c>
      <c r="F8890">
        <v>5192</v>
      </c>
      <c r="G8890" t="s">
        <v>22039</v>
      </c>
      <c r="H8890">
        <v>4.7248952201019998</v>
      </c>
      <c r="I8890">
        <v>52.022070768471004</v>
      </c>
      <c r="J8890" t="s">
        <v>64575</v>
      </c>
    </row>
    <row r="8891" spans="1:10" x14ac:dyDescent="0.25">
      <c r="A8891" t="s">
        <v>22032</v>
      </c>
      <c r="B8891" t="s">
        <v>22033</v>
      </c>
      <c r="C8891" t="s">
        <v>22034</v>
      </c>
      <c r="D8891" t="s">
        <v>21922</v>
      </c>
      <c r="E8891" t="s">
        <v>13</v>
      </c>
      <c r="F8891">
        <v>5191</v>
      </c>
      <c r="G8891" t="s">
        <v>22035</v>
      </c>
      <c r="H8891">
        <v>4.7254977430759997</v>
      </c>
      <c r="I8891">
        <v>52.017125919046002</v>
      </c>
      <c r="J8891" t="s">
        <v>64576</v>
      </c>
    </row>
    <row r="8892" spans="1:10" x14ac:dyDescent="0.25">
      <c r="A8892" t="s">
        <v>22028</v>
      </c>
      <c r="B8892" t="s">
        <v>22029</v>
      </c>
      <c r="C8892" t="s">
        <v>22030</v>
      </c>
      <c r="D8892" t="s">
        <v>21922</v>
      </c>
      <c r="E8892" t="s">
        <v>13</v>
      </c>
      <c r="F8892">
        <v>5190</v>
      </c>
      <c r="G8892" t="s">
        <v>22031</v>
      </c>
      <c r="H8892">
        <v>4.7214634021849999</v>
      </c>
      <c r="I8892">
        <v>52.022272547652001</v>
      </c>
      <c r="J8892" t="s">
        <v>64577</v>
      </c>
    </row>
    <row r="8893" spans="1:10" x14ac:dyDescent="0.25">
      <c r="A8893" t="s">
        <v>22024</v>
      </c>
      <c r="B8893" t="s">
        <v>22025</v>
      </c>
      <c r="C8893" t="s">
        <v>22026</v>
      </c>
      <c r="D8893" t="s">
        <v>21922</v>
      </c>
      <c r="E8893" t="s">
        <v>13</v>
      </c>
      <c r="F8893">
        <v>5189</v>
      </c>
      <c r="G8893" t="s">
        <v>22027</v>
      </c>
      <c r="H8893">
        <v>4.7091993072339999</v>
      </c>
      <c r="I8893">
        <v>52.020139279207001</v>
      </c>
      <c r="J8893" t="s">
        <v>64578</v>
      </c>
    </row>
    <row r="8894" spans="1:10" x14ac:dyDescent="0.25">
      <c r="A8894" t="s">
        <v>22020</v>
      </c>
      <c r="B8894" t="s">
        <v>22021</v>
      </c>
      <c r="C8894" t="s">
        <v>22022</v>
      </c>
      <c r="D8894" t="s">
        <v>21922</v>
      </c>
      <c r="E8894" t="s">
        <v>13</v>
      </c>
      <c r="F8894">
        <v>5188</v>
      </c>
      <c r="G8894" t="s">
        <v>22023</v>
      </c>
      <c r="H8894">
        <v>4.71550748719</v>
      </c>
      <c r="I8894">
        <v>52.021131730055998</v>
      </c>
      <c r="J8894" t="s">
        <v>64579</v>
      </c>
    </row>
    <row r="8895" spans="1:10" x14ac:dyDescent="0.25">
      <c r="A8895" t="s">
        <v>22016</v>
      </c>
      <c r="B8895" t="s">
        <v>22017</v>
      </c>
      <c r="C8895" t="s">
        <v>22018</v>
      </c>
      <c r="D8895" t="s">
        <v>21922</v>
      </c>
      <c r="E8895" t="s">
        <v>13</v>
      </c>
      <c r="F8895">
        <v>5187</v>
      </c>
      <c r="G8895" t="s">
        <v>22019</v>
      </c>
      <c r="H8895">
        <v>4.7145469940759996</v>
      </c>
      <c r="I8895">
        <v>52.036175730943</v>
      </c>
      <c r="J8895" t="s">
        <v>64580</v>
      </c>
    </row>
    <row r="8896" spans="1:10" x14ac:dyDescent="0.25">
      <c r="A8896" t="s">
        <v>22012</v>
      </c>
      <c r="B8896" t="s">
        <v>22013</v>
      </c>
      <c r="C8896" t="s">
        <v>22014</v>
      </c>
      <c r="D8896" t="s">
        <v>21922</v>
      </c>
      <c r="E8896" t="s">
        <v>13</v>
      </c>
      <c r="F8896">
        <v>5186</v>
      </c>
      <c r="G8896" t="s">
        <v>22015</v>
      </c>
      <c r="H8896">
        <v>4.7122685036909999</v>
      </c>
      <c r="I8896">
        <v>52.026806625775997</v>
      </c>
      <c r="J8896" t="s">
        <v>64581</v>
      </c>
    </row>
    <row r="8897" spans="1:10" x14ac:dyDescent="0.25">
      <c r="A8897" t="s">
        <v>22008</v>
      </c>
      <c r="B8897" t="s">
        <v>22009</v>
      </c>
      <c r="C8897" t="s">
        <v>22010</v>
      </c>
      <c r="D8897" t="s">
        <v>21922</v>
      </c>
      <c r="E8897" t="s">
        <v>13</v>
      </c>
      <c r="F8897">
        <v>5185</v>
      </c>
      <c r="G8897" t="s">
        <v>22011</v>
      </c>
      <c r="H8897">
        <v>4.719009042643</v>
      </c>
      <c r="I8897">
        <v>52.032270330689002</v>
      </c>
      <c r="J8897" t="s">
        <v>64582</v>
      </c>
    </row>
    <row r="8898" spans="1:10" x14ac:dyDescent="0.25">
      <c r="A8898" t="s">
        <v>22004</v>
      </c>
      <c r="B8898" t="s">
        <v>22005</v>
      </c>
      <c r="C8898" t="s">
        <v>22006</v>
      </c>
      <c r="D8898" t="s">
        <v>21922</v>
      </c>
      <c r="E8898" t="s">
        <v>13</v>
      </c>
      <c r="F8898">
        <v>5184</v>
      </c>
      <c r="G8898" t="s">
        <v>22007</v>
      </c>
      <c r="H8898">
        <v>4.7152644311970002</v>
      </c>
      <c r="I8898">
        <v>52.031490286618002</v>
      </c>
      <c r="J8898" t="s">
        <v>64583</v>
      </c>
    </row>
    <row r="8899" spans="1:10" x14ac:dyDescent="0.25">
      <c r="A8899" t="s">
        <v>22000</v>
      </c>
      <c r="B8899" t="s">
        <v>22001</v>
      </c>
      <c r="C8899" t="s">
        <v>22002</v>
      </c>
      <c r="D8899" t="s">
        <v>21922</v>
      </c>
      <c r="E8899" t="s">
        <v>13</v>
      </c>
      <c r="F8899">
        <v>5183</v>
      </c>
      <c r="G8899" t="s">
        <v>22003</v>
      </c>
      <c r="H8899">
        <v>4.7098427843569999</v>
      </c>
      <c r="I8899">
        <v>52.032818617251003</v>
      </c>
      <c r="J8899" t="s">
        <v>64584</v>
      </c>
    </row>
    <row r="8900" spans="1:10" x14ac:dyDescent="0.25">
      <c r="A8900" t="s">
        <v>21996</v>
      </c>
      <c r="B8900" t="s">
        <v>21997</v>
      </c>
      <c r="C8900" t="s">
        <v>21998</v>
      </c>
      <c r="D8900" t="s">
        <v>21922</v>
      </c>
      <c r="E8900" t="s">
        <v>13</v>
      </c>
      <c r="F8900">
        <v>5182</v>
      </c>
      <c r="G8900" t="s">
        <v>21999</v>
      </c>
      <c r="H8900">
        <v>4.70634773941</v>
      </c>
      <c r="I8900">
        <v>52.036483147441999</v>
      </c>
      <c r="J8900" t="s">
        <v>64585</v>
      </c>
    </row>
    <row r="8901" spans="1:10" x14ac:dyDescent="0.25">
      <c r="A8901" t="s">
        <v>21992</v>
      </c>
      <c r="B8901" t="s">
        <v>21993</v>
      </c>
      <c r="C8901" t="s">
        <v>21994</v>
      </c>
      <c r="D8901" t="s">
        <v>21922</v>
      </c>
      <c r="E8901" t="s">
        <v>13</v>
      </c>
      <c r="F8901">
        <v>5181</v>
      </c>
      <c r="G8901" t="s">
        <v>21995</v>
      </c>
      <c r="H8901">
        <v>4.6994951692290003</v>
      </c>
      <c r="I8901">
        <v>52.033285970092003</v>
      </c>
      <c r="J8901" t="s">
        <v>64586</v>
      </c>
    </row>
    <row r="8902" spans="1:10" x14ac:dyDescent="0.25">
      <c r="A8902" t="s">
        <v>21988</v>
      </c>
      <c r="B8902" t="s">
        <v>21989</v>
      </c>
      <c r="C8902" t="s">
        <v>21990</v>
      </c>
      <c r="D8902" t="s">
        <v>21922</v>
      </c>
      <c r="E8902" t="s">
        <v>13</v>
      </c>
      <c r="F8902">
        <v>5180</v>
      </c>
      <c r="G8902" t="s">
        <v>21991</v>
      </c>
      <c r="H8902">
        <v>4.7038136764310003</v>
      </c>
      <c r="I8902">
        <v>52.031364144309002</v>
      </c>
      <c r="J8902" t="s">
        <v>64587</v>
      </c>
    </row>
    <row r="8903" spans="1:10" x14ac:dyDescent="0.25">
      <c r="A8903" t="s">
        <v>21984</v>
      </c>
      <c r="B8903" t="s">
        <v>21985</v>
      </c>
      <c r="C8903" t="s">
        <v>21986</v>
      </c>
      <c r="D8903" t="s">
        <v>21922</v>
      </c>
      <c r="E8903" t="s">
        <v>13</v>
      </c>
      <c r="F8903">
        <v>5179</v>
      </c>
      <c r="G8903" t="s">
        <v>21987</v>
      </c>
      <c r="H8903">
        <v>4.6940946774960004</v>
      </c>
      <c r="I8903">
        <v>52.027557397414</v>
      </c>
      <c r="J8903" t="s">
        <v>64588</v>
      </c>
    </row>
    <row r="8904" spans="1:10" x14ac:dyDescent="0.25">
      <c r="A8904" t="s">
        <v>21980</v>
      </c>
      <c r="B8904" t="s">
        <v>21981</v>
      </c>
      <c r="C8904" t="s">
        <v>21982</v>
      </c>
      <c r="D8904" t="s">
        <v>21922</v>
      </c>
      <c r="E8904" t="s">
        <v>13</v>
      </c>
      <c r="F8904">
        <v>5178</v>
      </c>
      <c r="G8904" t="s">
        <v>21983</v>
      </c>
      <c r="H8904">
        <v>4.6826632863200004</v>
      </c>
      <c r="I8904">
        <v>52.023896719630997</v>
      </c>
      <c r="J8904" t="s">
        <v>64589</v>
      </c>
    </row>
    <row r="8905" spans="1:10" x14ac:dyDescent="0.25">
      <c r="A8905" t="s">
        <v>21976</v>
      </c>
      <c r="B8905" t="s">
        <v>21977</v>
      </c>
      <c r="C8905" t="s">
        <v>21978</v>
      </c>
      <c r="D8905" t="s">
        <v>21922</v>
      </c>
      <c r="E8905" t="s">
        <v>13</v>
      </c>
      <c r="F8905">
        <v>5177</v>
      </c>
      <c r="G8905" t="s">
        <v>21979</v>
      </c>
      <c r="H8905">
        <v>4.6979670888580003</v>
      </c>
      <c r="I8905">
        <v>52.030842466905</v>
      </c>
      <c r="J8905" t="s">
        <v>64590</v>
      </c>
    </row>
    <row r="8906" spans="1:10" x14ac:dyDescent="0.25">
      <c r="A8906" t="s">
        <v>21972</v>
      </c>
      <c r="B8906" t="s">
        <v>21973</v>
      </c>
      <c r="C8906" t="s">
        <v>21974</v>
      </c>
      <c r="D8906" t="s">
        <v>21922</v>
      </c>
      <c r="E8906" t="s">
        <v>13</v>
      </c>
      <c r="F8906">
        <v>5176</v>
      </c>
      <c r="G8906" t="s">
        <v>21975</v>
      </c>
      <c r="H8906">
        <v>4.6912545735990001</v>
      </c>
      <c r="I8906">
        <v>52.030061970539997</v>
      </c>
      <c r="J8906" t="s">
        <v>64591</v>
      </c>
    </row>
    <row r="8907" spans="1:10" x14ac:dyDescent="0.25">
      <c r="A8907" t="s">
        <v>21968</v>
      </c>
      <c r="B8907" t="s">
        <v>21969</v>
      </c>
      <c r="C8907" t="s">
        <v>21970</v>
      </c>
      <c r="D8907" t="s">
        <v>21922</v>
      </c>
      <c r="E8907" t="s">
        <v>13</v>
      </c>
      <c r="F8907">
        <v>5175</v>
      </c>
      <c r="G8907" t="s">
        <v>21971</v>
      </c>
      <c r="H8907">
        <v>4.698949097671</v>
      </c>
      <c r="I8907">
        <v>52.024451553148999</v>
      </c>
      <c r="J8907" t="s">
        <v>64592</v>
      </c>
    </row>
    <row r="8908" spans="1:10" x14ac:dyDescent="0.25">
      <c r="A8908" t="s">
        <v>21964</v>
      </c>
      <c r="B8908" t="s">
        <v>21965</v>
      </c>
      <c r="C8908" t="s">
        <v>21966</v>
      </c>
      <c r="D8908" t="s">
        <v>21922</v>
      </c>
      <c r="E8908" t="s">
        <v>13</v>
      </c>
      <c r="F8908">
        <v>5174</v>
      </c>
      <c r="G8908" t="s">
        <v>21967</v>
      </c>
      <c r="H8908">
        <v>4.7025770366449997</v>
      </c>
      <c r="I8908">
        <v>52.019861638011001</v>
      </c>
      <c r="J8908" t="s">
        <v>64593</v>
      </c>
    </row>
    <row r="8909" spans="1:10" x14ac:dyDescent="0.25">
      <c r="A8909" t="s">
        <v>21960</v>
      </c>
      <c r="B8909" t="s">
        <v>21961</v>
      </c>
      <c r="C8909" t="s">
        <v>21962</v>
      </c>
      <c r="D8909" t="s">
        <v>21922</v>
      </c>
      <c r="E8909" t="s">
        <v>13</v>
      </c>
      <c r="F8909">
        <v>5173</v>
      </c>
      <c r="G8909" t="s">
        <v>21963</v>
      </c>
      <c r="H8909">
        <v>4.6959351953119999</v>
      </c>
      <c r="I8909">
        <v>51.998927093810998</v>
      </c>
      <c r="J8909" t="s">
        <v>64594</v>
      </c>
    </row>
    <row r="8910" spans="1:10" x14ac:dyDescent="0.25">
      <c r="A8910" t="s">
        <v>21956</v>
      </c>
      <c r="B8910" t="s">
        <v>21957</v>
      </c>
      <c r="C8910" t="s">
        <v>21958</v>
      </c>
      <c r="D8910" t="s">
        <v>21922</v>
      </c>
      <c r="E8910" t="s">
        <v>13</v>
      </c>
      <c r="F8910">
        <v>5172</v>
      </c>
      <c r="G8910" t="s">
        <v>21959</v>
      </c>
      <c r="H8910">
        <v>4.7057742123209998</v>
      </c>
      <c r="I8910">
        <v>52.002530177056997</v>
      </c>
      <c r="J8910" t="s">
        <v>64595</v>
      </c>
    </row>
    <row r="8911" spans="1:10" x14ac:dyDescent="0.25">
      <c r="A8911" t="s">
        <v>21952</v>
      </c>
      <c r="B8911" t="s">
        <v>21953</v>
      </c>
      <c r="C8911" t="s">
        <v>21954</v>
      </c>
      <c r="D8911" t="s">
        <v>21922</v>
      </c>
      <c r="E8911" t="s">
        <v>13</v>
      </c>
      <c r="F8911">
        <v>5171</v>
      </c>
      <c r="G8911" t="s">
        <v>21955</v>
      </c>
      <c r="H8911">
        <v>4.6921840710930001</v>
      </c>
      <c r="I8911">
        <v>52.012510124466999</v>
      </c>
      <c r="J8911" t="s">
        <v>64596</v>
      </c>
    </row>
    <row r="8912" spans="1:10" x14ac:dyDescent="0.25">
      <c r="A8912" t="s">
        <v>21948</v>
      </c>
      <c r="B8912" t="s">
        <v>21949</v>
      </c>
      <c r="C8912" t="s">
        <v>21950</v>
      </c>
      <c r="D8912" t="s">
        <v>21922</v>
      </c>
      <c r="E8912" t="s">
        <v>13</v>
      </c>
      <c r="F8912">
        <v>5170</v>
      </c>
      <c r="G8912" t="s">
        <v>21951</v>
      </c>
      <c r="H8912">
        <v>4.6974677622160002</v>
      </c>
      <c r="I8912">
        <v>52.004075094900998</v>
      </c>
      <c r="J8912" t="s">
        <v>64597</v>
      </c>
    </row>
    <row r="8913" spans="1:10" x14ac:dyDescent="0.25">
      <c r="A8913" t="s">
        <v>21944</v>
      </c>
      <c r="B8913" t="s">
        <v>21945</v>
      </c>
      <c r="C8913" t="s">
        <v>21946</v>
      </c>
      <c r="D8913" t="s">
        <v>21922</v>
      </c>
      <c r="E8913" t="s">
        <v>13</v>
      </c>
      <c r="F8913">
        <v>5169</v>
      </c>
      <c r="G8913" t="s">
        <v>21947</v>
      </c>
      <c r="H8913">
        <v>4.7002863939069996</v>
      </c>
      <c r="I8913">
        <v>52.007862535344003</v>
      </c>
      <c r="J8913" t="s">
        <v>64598</v>
      </c>
    </row>
    <row r="8914" spans="1:10" x14ac:dyDescent="0.25">
      <c r="A8914" t="s">
        <v>21940</v>
      </c>
      <c r="B8914" t="s">
        <v>21941</v>
      </c>
      <c r="C8914" t="s">
        <v>21942</v>
      </c>
      <c r="D8914" t="s">
        <v>21922</v>
      </c>
      <c r="E8914" t="s">
        <v>13</v>
      </c>
      <c r="F8914">
        <v>5168</v>
      </c>
      <c r="G8914" t="s">
        <v>21943</v>
      </c>
      <c r="H8914">
        <v>4.6882382352710001</v>
      </c>
      <c r="I8914">
        <v>52.016977250158</v>
      </c>
      <c r="J8914" t="s">
        <v>64599</v>
      </c>
    </row>
    <row r="8915" spans="1:10" x14ac:dyDescent="0.25">
      <c r="A8915" t="s">
        <v>21936</v>
      </c>
      <c r="B8915" t="s">
        <v>21937</v>
      </c>
      <c r="C8915" t="s">
        <v>21938</v>
      </c>
      <c r="D8915" t="s">
        <v>21922</v>
      </c>
      <c r="E8915" t="s">
        <v>13</v>
      </c>
      <c r="F8915">
        <v>5167</v>
      </c>
      <c r="G8915" t="s">
        <v>21939</v>
      </c>
      <c r="H8915">
        <v>4.7013282355610002</v>
      </c>
      <c r="I8915">
        <v>52.015473893120998</v>
      </c>
      <c r="J8915" t="s">
        <v>64600</v>
      </c>
    </row>
    <row r="8916" spans="1:10" x14ac:dyDescent="0.25">
      <c r="A8916" t="s">
        <v>21932</v>
      </c>
      <c r="B8916" t="s">
        <v>21933</v>
      </c>
      <c r="C8916" t="s">
        <v>21934</v>
      </c>
      <c r="D8916" t="s">
        <v>21922</v>
      </c>
      <c r="E8916" t="s">
        <v>13</v>
      </c>
      <c r="F8916">
        <v>5166</v>
      </c>
      <c r="G8916" t="s">
        <v>21935</v>
      </c>
      <c r="H8916">
        <v>4.7074337297289999</v>
      </c>
      <c r="I8916">
        <v>52.008901054920997</v>
      </c>
      <c r="J8916" t="s">
        <v>64601</v>
      </c>
    </row>
    <row r="8917" spans="1:10" x14ac:dyDescent="0.25">
      <c r="A8917" t="s">
        <v>21928</v>
      </c>
      <c r="B8917" t="s">
        <v>21929</v>
      </c>
      <c r="C8917" t="s">
        <v>21930</v>
      </c>
      <c r="D8917" t="s">
        <v>21922</v>
      </c>
      <c r="E8917" t="s">
        <v>13</v>
      </c>
      <c r="F8917">
        <v>5165</v>
      </c>
      <c r="G8917" t="s">
        <v>21931</v>
      </c>
      <c r="H8917">
        <v>4.7072389313120002</v>
      </c>
      <c r="I8917">
        <v>52.011831210074</v>
      </c>
      <c r="J8917" t="s">
        <v>64602</v>
      </c>
    </row>
    <row r="8918" spans="1:10" x14ac:dyDescent="0.25">
      <c r="A8918" t="s">
        <v>21924</v>
      </c>
      <c r="B8918" t="s">
        <v>21925</v>
      </c>
      <c r="C8918" t="s">
        <v>21926</v>
      </c>
      <c r="D8918" t="s">
        <v>21922</v>
      </c>
      <c r="E8918" t="s">
        <v>13</v>
      </c>
      <c r="F8918">
        <v>5164</v>
      </c>
      <c r="G8918" t="s">
        <v>21927</v>
      </c>
      <c r="H8918">
        <v>4.7131016169480002</v>
      </c>
      <c r="I8918">
        <v>52.009368095189998</v>
      </c>
      <c r="J8918" t="s">
        <v>64603</v>
      </c>
    </row>
    <row r="8919" spans="1:10" x14ac:dyDescent="0.25">
      <c r="A8919" t="s">
        <v>21919</v>
      </c>
      <c r="B8919" t="s">
        <v>21920</v>
      </c>
      <c r="C8919" t="s">
        <v>21921</v>
      </c>
      <c r="D8919" t="s">
        <v>21922</v>
      </c>
      <c r="E8919" t="s">
        <v>13</v>
      </c>
      <c r="F8919">
        <v>5163</v>
      </c>
      <c r="G8919" t="s">
        <v>21923</v>
      </c>
      <c r="H8919">
        <v>4.7109171636639999</v>
      </c>
      <c r="I8919">
        <v>52.013183837989999</v>
      </c>
      <c r="J8919" t="s">
        <v>64604</v>
      </c>
    </row>
    <row r="8920" spans="1:10" x14ac:dyDescent="0.25">
      <c r="A8920" t="s">
        <v>21916</v>
      </c>
      <c r="B8920" t="s">
        <v>21917</v>
      </c>
      <c r="C8920" t="s">
        <v>14341</v>
      </c>
      <c r="D8920" t="s">
        <v>860</v>
      </c>
      <c r="E8920" t="s">
        <v>13</v>
      </c>
      <c r="F8920">
        <v>5162</v>
      </c>
      <c r="G8920" t="s">
        <v>21918</v>
      </c>
      <c r="H8920">
        <v>4.988389285137</v>
      </c>
      <c r="I8920">
        <v>51.824483541421998</v>
      </c>
      <c r="J8920" t="s">
        <v>64605</v>
      </c>
    </row>
    <row r="8921" spans="1:10" x14ac:dyDescent="0.25">
      <c r="A8921" t="s">
        <v>21912</v>
      </c>
      <c r="B8921" t="s">
        <v>21913</v>
      </c>
      <c r="C8921" t="s">
        <v>21914</v>
      </c>
      <c r="D8921" t="s">
        <v>860</v>
      </c>
      <c r="E8921" t="s">
        <v>13</v>
      </c>
      <c r="F8921">
        <v>5161</v>
      </c>
      <c r="G8921" t="s">
        <v>21915</v>
      </c>
      <c r="H8921">
        <v>5.0244072626570002</v>
      </c>
      <c r="I8921">
        <v>51.833989733433</v>
      </c>
      <c r="J8921" t="s">
        <v>64606</v>
      </c>
    </row>
    <row r="8922" spans="1:10" x14ac:dyDescent="0.25">
      <c r="A8922" t="s">
        <v>21909</v>
      </c>
      <c r="B8922" t="s">
        <v>21910</v>
      </c>
      <c r="C8922" t="s">
        <v>14337</v>
      </c>
      <c r="D8922" t="s">
        <v>860</v>
      </c>
      <c r="E8922" t="s">
        <v>13</v>
      </c>
      <c r="F8922">
        <v>5160</v>
      </c>
      <c r="G8922" t="s">
        <v>21911</v>
      </c>
      <c r="H8922">
        <v>4.9701623756629996</v>
      </c>
      <c r="I8922">
        <v>51.856245656139002</v>
      </c>
      <c r="J8922" t="s">
        <v>64607</v>
      </c>
    </row>
    <row r="8923" spans="1:10" x14ac:dyDescent="0.25">
      <c r="A8923" t="s">
        <v>866</v>
      </c>
      <c r="B8923" t="s">
        <v>867</v>
      </c>
      <c r="C8923" t="s">
        <v>868</v>
      </c>
      <c r="D8923" t="s">
        <v>860</v>
      </c>
      <c r="E8923" t="s">
        <v>13</v>
      </c>
      <c r="F8923">
        <v>5159</v>
      </c>
      <c r="G8923" t="s">
        <v>869</v>
      </c>
      <c r="H8923">
        <v>4.947112029026</v>
      </c>
      <c r="I8923">
        <v>51.854511890384998</v>
      </c>
      <c r="J8923" t="s">
        <v>64608</v>
      </c>
    </row>
    <row r="8924" spans="1:10" x14ac:dyDescent="0.25">
      <c r="A8924" t="s">
        <v>21906</v>
      </c>
      <c r="B8924" t="s">
        <v>21907</v>
      </c>
      <c r="C8924" t="s">
        <v>20387</v>
      </c>
      <c r="D8924" t="s">
        <v>860</v>
      </c>
      <c r="E8924" t="s">
        <v>13</v>
      </c>
      <c r="F8924">
        <v>5158</v>
      </c>
      <c r="G8924" t="s">
        <v>21908</v>
      </c>
      <c r="H8924">
        <v>4.9602049657959997</v>
      </c>
      <c r="I8924">
        <v>51.852848355132998</v>
      </c>
      <c r="J8924" t="s">
        <v>64609</v>
      </c>
    </row>
    <row r="8925" spans="1:10" x14ac:dyDescent="0.25">
      <c r="A8925" t="s">
        <v>21902</v>
      </c>
      <c r="B8925" t="s">
        <v>21903</v>
      </c>
      <c r="C8925" t="s">
        <v>21904</v>
      </c>
      <c r="D8925" t="s">
        <v>860</v>
      </c>
      <c r="E8925" t="s">
        <v>13</v>
      </c>
      <c r="F8925">
        <v>5157</v>
      </c>
      <c r="G8925" t="s">
        <v>21905</v>
      </c>
      <c r="H8925">
        <v>4.966199889146</v>
      </c>
      <c r="I8925">
        <v>51.848276992152996</v>
      </c>
      <c r="J8925" t="s">
        <v>64610</v>
      </c>
    </row>
    <row r="8926" spans="1:10" x14ac:dyDescent="0.25">
      <c r="A8926" t="s">
        <v>21898</v>
      </c>
      <c r="B8926" t="s">
        <v>21899</v>
      </c>
      <c r="C8926" t="s">
        <v>21900</v>
      </c>
      <c r="D8926" t="s">
        <v>860</v>
      </c>
      <c r="E8926" t="s">
        <v>13</v>
      </c>
      <c r="F8926">
        <v>5156</v>
      </c>
      <c r="G8926" t="s">
        <v>21901</v>
      </c>
      <c r="H8926">
        <v>4.990033155311</v>
      </c>
      <c r="I8926">
        <v>51.848262891224998</v>
      </c>
      <c r="J8926" t="s">
        <v>64611</v>
      </c>
    </row>
    <row r="8927" spans="1:10" x14ac:dyDescent="0.25">
      <c r="A8927" t="s">
        <v>21894</v>
      </c>
      <c r="B8927" t="s">
        <v>21895</v>
      </c>
      <c r="C8927" t="s">
        <v>21896</v>
      </c>
      <c r="D8927" t="s">
        <v>860</v>
      </c>
      <c r="E8927" t="s">
        <v>13</v>
      </c>
      <c r="F8927">
        <v>5155</v>
      </c>
      <c r="G8927" t="s">
        <v>21897</v>
      </c>
      <c r="H8927">
        <v>5.0113173387980003</v>
      </c>
      <c r="I8927">
        <v>51.840695042214001</v>
      </c>
      <c r="J8927" t="s">
        <v>64612</v>
      </c>
    </row>
    <row r="8928" spans="1:10" x14ac:dyDescent="0.25">
      <c r="A8928" t="s">
        <v>21890</v>
      </c>
      <c r="B8928" t="s">
        <v>21891</v>
      </c>
      <c r="C8928" t="s">
        <v>21892</v>
      </c>
      <c r="D8928" t="s">
        <v>860</v>
      </c>
      <c r="E8928" t="s">
        <v>13</v>
      </c>
      <c r="F8928">
        <v>5154</v>
      </c>
      <c r="G8928" t="s">
        <v>21893</v>
      </c>
      <c r="H8928">
        <v>4.9971805966860003</v>
      </c>
      <c r="I8928">
        <v>51.842298040673001</v>
      </c>
      <c r="J8928" t="s">
        <v>64613</v>
      </c>
    </row>
    <row r="8929" spans="1:10" x14ac:dyDescent="0.25">
      <c r="A8929" t="s">
        <v>21886</v>
      </c>
      <c r="B8929" t="s">
        <v>21887</v>
      </c>
      <c r="C8929" t="s">
        <v>21888</v>
      </c>
      <c r="D8929" t="s">
        <v>860</v>
      </c>
      <c r="E8929" t="s">
        <v>13</v>
      </c>
      <c r="F8929">
        <v>5153</v>
      </c>
      <c r="G8929" t="s">
        <v>21889</v>
      </c>
      <c r="H8929">
        <v>4.9863540963539998</v>
      </c>
      <c r="I8929">
        <v>51.840741261955998</v>
      </c>
      <c r="J8929" t="s">
        <v>64614</v>
      </c>
    </row>
    <row r="8930" spans="1:10" x14ac:dyDescent="0.25">
      <c r="A8930" t="s">
        <v>21882</v>
      </c>
      <c r="B8930" t="s">
        <v>21883</v>
      </c>
      <c r="C8930" t="s">
        <v>21884</v>
      </c>
      <c r="D8930" t="s">
        <v>860</v>
      </c>
      <c r="E8930" t="s">
        <v>13</v>
      </c>
      <c r="F8930">
        <v>5152</v>
      </c>
      <c r="G8930" t="s">
        <v>21885</v>
      </c>
      <c r="H8930">
        <v>5.0120962941869998</v>
      </c>
      <c r="I8930">
        <v>51.834143896573998</v>
      </c>
      <c r="J8930" t="s">
        <v>64615</v>
      </c>
    </row>
    <row r="8931" spans="1:10" x14ac:dyDescent="0.25">
      <c r="A8931" t="s">
        <v>21878</v>
      </c>
      <c r="B8931" t="s">
        <v>21879</v>
      </c>
      <c r="C8931" t="s">
        <v>21880</v>
      </c>
      <c r="D8931" t="s">
        <v>860</v>
      </c>
      <c r="E8931" t="s">
        <v>13</v>
      </c>
      <c r="F8931">
        <v>5151</v>
      </c>
      <c r="G8931" t="s">
        <v>21881</v>
      </c>
      <c r="H8931">
        <v>5.0143152005990004</v>
      </c>
      <c r="I8931">
        <v>51.823976428015001</v>
      </c>
      <c r="J8931" t="s">
        <v>64616</v>
      </c>
    </row>
    <row r="8932" spans="1:10" x14ac:dyDescent="0.25">
      <c r="A8932" t="s">
        <v>21874</v>
      </c>
      <c r="B8932" t="s">
        <v>21875</v>
      </c>
      <c r="C8932" t="s">
        <v>21876</v>
      </c>
      <c r="D8932" t="s">
        <v>860</v>
      </c>
      <c r="E8932" t="s">
        <v>13</v>
      </c>
      <c r="F8932">
        <v>5150</v>
      </c>
      <c r="G8932" t="s">
        <v>21877</v>
      </c>
      <c r="H8932">
        <v>4.9996392203479996</v>
      </c>
      <c r="I8932">
        <v>51.828850570636</v>
      </c>
      <c r="J8932" t="s">
        <v>64617</v>
      </c>
    </row>
    <row r="8933" spans="1:10" x14ac:dyDescent="0.25">
      <c r="A8933" t="s">
        <v>21870</v>
      </c>
      <c r="B8933" t="s">
        <v>21871</v>
      </c>
      <c r="C8933" t="s">
        <v>21872</v>
      </c>
      <c r="D8933" t="s">
        <v>860</v>
      </c>
      <c r="E8933" t="s">
        <v>13</v>
      </c>
      <c r="F8933">
        <v>5149</v>
      </c>
      <c r="G8933" t="s">
        <v>21873</v>
      </c>
      <c r="H8933">
        <v>5.0019291966650004</v>
      </c>
      <c r="I8933">
        <v>51.835660839389</v>
      </c>
      <c r="J8933" t="s">
        <v>64618</v>
      </c>
    </row>
    <row r="8934" spans="1:10" x14ac:dyDescent="0.25">
      <c r="A8934" t="s">
        <v>21866</v>
      </c>
      <c r="B8934" t="s">
        <v>21867</v>
      </c>
      <c r="C8934" t="s">
        <v>21868</v>
      </c>
      <c r="D8934" t="s">
        <v>860</v>
      </c>
      <c r="E8934" t="s">
        <v>13</v>
      </c>
      <c r="F8934">
        <v>5148</v>
      </c>
      <c r="G8934" t="s">
        <v>21869</v>
      </c>
      <c r="H8934">
        <v>4.9932367657240002</v>
      </c>
      <c r="I8934">
        <v>51.838001818126997</v>
      </c>
      <c r="J8934" t="s">
        <v>64619</v>
      </c>
    </row>
    <row r="8935" spans="1:10" x14ac:dyDescent="0.25">
      <c r="A8935" t="s">
        <v>21862</v>
      </c>
      <c r="B8935" t="s">
        <v>21863</v>
      </c>
      <c r="C8935" t="s">
        <v>21864</v>
      </c>
      <c r="D8935" t="s">
        <v>860</v>
      </c>
      <c r="E8935" t="s">
        <v>13</v>
      </c>
      <c r="F8935">
        <v>5147</v>
      </c>
      <c r="G8935" t="s">
        <v>21865</v>
      </c>
      <c r="H8935">
        <v>4.9951154388500001</v>
      </c>
      <c r="I8935">
        <v>51.833534144102998</v>
      </c>
      <c r="J8935" t="s">
        <v>64620</v>
      </c>
    </row>
    <row r="8936" spans="1:10" x14ac:dyDescent="0.25">
      <c r="A8936" t="s">
        <v>862</v>
      </c>
      <c r="B8936" t="s">
        <v>863</v>
      </c>
      <c r="C8936" t="s">
        <v>864</v>
      </c>
      <c r="D8936" t="s">
        <v>860</v>
      </c>
      <c r="E8936" t="s">
        <v>13</v>
      </c>
      <c r="F8936">
        <v>5146</v>
      </c>
      <c r="G8936" t="s">
        <v>865</v>
      </c>
      <c r="H8936">
        <v>4.9397025881390002</v>
      </c>
      <c r="I8936">
        <v>51.840545281205003</v>
      </c>
      <c r="J8936" t="s">
        <v>64621</v>
      </c>
    </row>
    <row r="8937" spans="1:10" x14ac:dyDescent="0.25">
      <c r="A8937" t="s">
        <v>857</v>
      </c>
      <c r="B8937" t="s">
        <v>858</v>
      </c>
      <c r="C8937" t="s">
        <v>859</v>
      </c>
      <c r="D8937" t="s">
        <v>860</v>
      </c>
      <c r="E8937" t="s">
        <v>13</v>
      </c>
      <c r="F8937">
        <v>5145</v>
      </c>
      <c r="G8937" t="s">
        <v>861</v>
      </c>
      <c r="H8937">
        <v>4.9349249081759998</v>
      </c>
      <c r="I8937">
        <v>51.832968337726001</v>
      </c>
      <c r="J8937" t="s">
        <v>64622</v>
      </c>
    </row>
    <row r="8938" spans="1:10" x14ac:dyDescent="0.25">
      <c r="A8938" t="s">
        <v>21858</v>
      </c>
      <c r="B8938" t="s">
        <v>21859</v>
      </c>
      <c r="C8938" t="s">
        <v>21860</v>
      </c>
      <c r="D8938" t="s">
        <v>860</v>
      </c>
      <c r="E8938" t="s">
        <v>13</v>
      </c>
      <c r="F8938">
        <v>5144</v>
      </c>
      <c r="G8938" t="s">
        <v>21861</v>
      </c>
      <c r="H8938">
        <v>4.953296476567</v>
      </c>
      <c r="I8938">
        <v>51.829443476895001</v>
      </c>
      <c r="J8938" t="s">
        <v>64623</v>
      </c>
    </row>
    <row r="8939" spans="1:10" x14ac:dyDescent="0.25">
      <c r="A8939" t="s">
        <v>21854</v>
      </c>
      <c r="B8939" t="s">
        <v>21855</v>
      </c>
      <c r="C8939" t="s">
        <v>21856</v>
      </c>
      <c r="D8939" t="s">
        <v>860</v>
      </c>
      <c r="E8939" t="s">
        <v>13</v>
      </c>
      <c r="F8939">
        <v>5143</v>
      </c>
      <c r="G8939" t="s">
        <v>21857</v>
      </c>
      <c r="H8939">
        <v>4.9580574612339996</v>
      </c>
      <c r="I8939">
        <v>51.833138512274999</v>
      </c>
      <c r="J8939" t="s">
        <v>64624</v>
      </c>
    </row>
    <row r="8940" spans="1:10" x14ac:dyDescent="0.25">
      <c r="A8940" t="s">
        <v>21850</v>
      </c>
      <c r="B8940" t="s">
        <v>21851</v>
      </c>
      <c r="C8940" t="s">
        <v>21852</v>
      </c>
      <c r="D8940" t="s">
        <v>860</v>
      </c>
      <c r="E8940" t="s">
        <v>13</v>
      </c>
      <c r="F8940">
        <v>5142</v>
      </c>
      <c r="G8940" t="s">
        <v>21853</v>
      </c>
      <c r="H8940">
        <v>4.955045950753</v>
      </c>
      <c r="I8940">
        <v>51.837558855227002</v>
      </c>
      <c r="J8940" t="s">
        <v>64625</v>
      </c>
    </row>
    <row r="8941" spans="1:10" x14ac:dyDescent="0.25">
      <c r="A8941" t="s">
        <v>21846</v>
      </c>
      <c r="B8941" t="s">
        <v>21847</v>
      </c>
      <c r="C8941" t="s">
        <v>21848</v>
      </c>
      <c r="D8941" t="s">
        <v>860</v>
      </c>
      <c r="E8941" t="s">
        <v>13</v>
      </c>
      <c r="F8941">
        <v>5141</v>
      </c>
      <c r="G8941" t="s">
        <v>21849</v>
      </c>
      <c r="H8941">
        <v>4.9586562707150001</v>
      </c>
      <c r="I8941">
        <v>51.843046957935002</v>
      </c>
      <c r="J8941" t="s">
        <v>64626</v>
      </c>
    </row>
    <row r="8942" spans="1:10" x14ac:dyDescent="0.25">
      <c r="A8942" t="s">
        <v>21842</v>
      </c>
      <c r="B8942" t="s">
        <v>21843</v>
      </c>
      <c r="C8942" t="s">
        <v>21844</v>
      </c>
      <c r="D8942" t="s">
        <v>860</v>
      </c>
      <c r="E8942" t="s">
        <v>13</v>
      </c>
      <c r="F8942">
        <v>5140</v>
      </c>
      <c r="G8942" t="s">
        <v>21845</v>
      </c>
      <c r="H8942">
        <v>4.9741508318629997</v>
      </c>
      <c r="I8942">
        <v>51.841353622789001</v>
      </c>
      <c r="J8942" t="s">
        <v>64627</v>
      </c>
    </row>
    <row r="8943" spans="1:10" x14ac:dyDescent="0.25">
      <c r="A8943" t="s">
        <v>21838</v>
      </c>
      <c r="B8943" t="s">
        <v>21839</v>
      </c>
      <c r="C8943" t="s">
        <v>21840</v>
      </c>
      <c r="D8943" t="s">
        <v>860</v>
      </c>
      <c r="E8943" t="s">
        <v>13</v>
      </c>
      <c r="F8943">
        <v>5139</v>
      </c>
      <c r="G8943" t="s">
        <v>21841</v>
      </c>
      <c r="H8943">
        <v>4.9675967665740002</v>
      </c>
      <c r="I8943">
        <v>51.840257866573999</v>
      </c>
      <c r="J8943" t="s">
        <v>64628</v>
      </c>
    </row>
    <row r="8944" spans="1:10" x14ac:dyDescent="0.25">
      <c r="A8944" t="s">
        <v>21834</v>
      </c>
      <c r="B8944" t="s">
        <v>21835</v>
      </c>
      <c r="C8944" t="s">
        <v>21836</v>
      </c>
      <c r="D8944" t="s">
        <v>860</v>
      </c>
      <c r="E8944" t="s">
        <v>13</v>
      </c>
      <c r="F8944">
        <v>5138</v>
      </c>
      <c r="G8944" t="s">
        <v>21837</v>
      </c>
      <c r="H8944">
        <v>4.9803861486049996</v>
      </c>
      <c r="I8944">
        <v>51.841223839289</v>
      </c>
      <c r="J8944" t="s">
        <v>64629</v>
      </c>
    </row>
    <row r="8945" spans="1:10" x14ac:dyDescent="0.25">
      <c r="A8945" t="s">
        <v>21830</v>
      </c>
      <c r="B8945" t="s">
        <v>21831</v>
      </c>
      <c r="C8945" t="s">
        <v>21832</v>
      </c>
      <c r="D8945" t="s">
        <v>860</v>
      </c>
      <c r="E8945" t="s">
        <v>13</v>
      </c>
      <c r="F8945">
        <v>5137</v>
      </c>
      <c r="G8945" t="s">
        <v>21833</v>
      </c>
      <c r="H8945">
        <v>4.9867731850599997</v>
      </c>
      <c r="I8945">
        <v>51.832861639005003</v>
      </c>
      <c r="J8945" t="s">
        <v>64630</v>
      </c>
    </row>
    <row r="8946" spans="1:10" x14ac:dyDescent="0.25">
      <c r="A8946" t="s">
        <v>21827</v>
      </c>
      <c r="B8946" t="s">
        <v>21828</v>
      </c>
      <c r="C8946" t="s">
        <v>10937</v>
      </c>
      <c r="D8946" t="s">
        <v>860</v>
      </c>
      <c r="E8946" t="s">
        <v>13</v>
      </c>
      <c r="F8946">
        <v>5136</v>
      </c>
      <c r="G8946" t="s">
        <v>21829</v>
      </c>
      <c r="H8946">
        <v>4.9707402181660001</v>
      </c>
      <c r="I8946">
        <v>51.828454434747997</v>
      </c>
      <c r="J8946" t="s">
        <v>64631</v>
      </c>
    </row>
    <row r="8947" spans="1:10" x14ac:dyDescent="0.25">
      <c r="A8947" t="s">
        <v>21823</v>
      </c>
      <c r="B8947" t="s">
        <v>21824</v>
      </c>
      <c r="C8947" t="s">
        <v>21825</v>
      </c>
      <c r="D8947" t="s">
        <v>860</v>
      </c>
      <c r="E8947" t="s">
        <v>13</v>
      </c>
      <c r="F8947">
        <v>5135</v>
      </c>
      <c r="G8947" t="s">
        <v>21826</v>
      </c>
      <c r="H8947">
        <v>4.9809326861469998</v>
      </c>
      <c r="I8947">
        <v>51.830190530270997</v>
      </c>
      <c r="J8947" t="s">
        <v>64632</v>
      </c>
    </row>
    <row r="8948" spans="1:10" x14ac:dyDescent="0.25">
      <c r="A8948" t="s">
        <v>853</v>
      </c>
      <c r="B8948" t="s">
        <v>854</v>
      </c>
      <c r="C8948" t="s">
        <v>855</v>
      </c>
      <c r="D8948" t="s">
        <v>344</v>
      </c>
      <c r="E8948" t="s">
        <v>13</v>
      </c>
      <c r="F8948">
        <v>5134</v>
      </c>
      <c r="G8948" t="s">
        <v>856</v>
      </c>
      <c r="H8948">
        <v>4.7411266270960004</v>
      </c>
      <c r="I8948">
        <v>51.790252046047001</v>
      </c>
      <c r="J8948" t="s">
        <v>64633</v>
      </c>
    </row>
    <row r="8949" spans="1:10" x14ac:dyDescent="0.25">
      <c r="A8949" t="s">
        <v>849</v>
      </c>
      <c r="B8949" t="s">
        <v>850</v>
      </c>
      <c r="C8949" t="s">
        <v>851</v>
      </c>
      <c r="D8949" t="s">
        <v>344</v>
      </c>
      <c r="E8949" t="s">
        <v>13</v>
      </c>
      <c r="F8949">
        <v>5133</v>
      </c>
      <c r="G8949" t="s">
        <v>852</v>
      </c>
      <c r="H8949">
        <v>4.6869060250389998</v>
      </c>
      <c r="I8949">
        <v>51.752838519660997</v>
      </c>
      <c r="J8949" t="s">
        <v>64634</v>
      </c>
    </row>
    <row r="8950" spans="1:10" x14ac:dyDescent="0.25">
      <c r="A8950" t="s">
        <v>845</v>
      </c>
      <c r="B8950" t="s">
        <v>846</v>
      </c>
      <c r="C8950" t="s">
        <v>847</v>
      </c>
      <c r="D8950" t="s">
        <v>344</v>
      </c>
      <c r="E8950" t="s">
        <v>13</v>
      </c>
      <c r="F8950">
        <v>5132</v>
      </c>
      <c r="G8950" t="s">
        <v>848</v>
      </c>
      <c r="H8950">
        <v>4.755427037295</v>
      </c>
      <c r="I8950">
        <v>51.813483853374002</v>
      </c>
      <c r="J8950" t="s">
        <v>64635</v>
      </c>
    </row>
    <row r="8951" spans="1:10" x14ac:dyDescent="0.25">
      <c r="A8951" t="s">
        <v>841</v>
      </c>
      <c r="B8951" t="s">
        <v>842</v>
      </c>
      <c r="C8951" t="s">
        <v>843</v>
      </c>
      <c r="D8951" t="s">
        <v>344</v>
      </c>
      <c r="E8951" t="s">
        <v>13</v>
      </c>
      <c r="F8951">
        <v>5131</v>
      </c>
      <c r="G8951" t="s">
        <v>844</v>
      </c>
      <c r="H8951">
        <v>4.8062159007030001</v>
      </c>
      <c r="I8951">
        <v>51.807987462966999</v>
      </c>
      <c r="J8951" t="s">
        <v>64636</v>
      </c>
    </row>
    <row r="8952" spans="1:10" x14ac:dyDescent="0.25">
      <c r="A8952" t="s">
        <v>837</v>
      </c>
      <c r="B8952" t="s">
        <v>838</v>
      </c>
      <c r="C8952" t="s">
        <v>839</v>
      </c>
      <c r="D8952" t="s">
        <v>344</v>
      </c>
      <c r="E8952" t="s">
        <v>13</v>
      </c>
      <c r="F8952">
        <v>5130</v>
      </c>
      <c r="G8952" t="s">
        <v>840</v>
      </c>
      <c r="H8952">
        <v>4.6364660706079999</v>
      </c>
      <c r="I8952">
        <v>51.755997029943998</v>
      </c>
      <c r="J8952" t="s">
        <v>64637</v>
      </c>
    </row>
    <row r="8953" spans="1:10" x14ac:dyDescent="0.25">
      <c r="A8953" t="s">
        <v>833</v>
      </c>
      <c r="B8953" t="s">
        <v>834</v>
      </c>
      <c r="C8953" t="s">
        <v>835</v>
      </c>
      <c r="D8953" t="s">
        <v>344</v>
      </c>
      <c r="E8953" t="s">
        <v>13</v>
      </c>
      <c r="F8953">
        <v>5129</v>
      </c>
      <c r="G8953" t="s">
        <v>836</v>
      </c>
      <c r="H8953">
        <v>4.6484325346900004</v>
      </c>
      <c r="I8953">
        <v>51.768902690174002</v>
      </c>
      <c r="J8953" t="s">
        <v>64638</v>
      </c>
    </row>
    <row r="8954" spans="1:10" x14ac:dyDescent="0.25">
      <c r="A8954" t="s">
        <v>829</v>
      </c>
      <c r="B8954" t="s">
        <v>830</v>
      </c>
      <c r="C8954" t="s">
        <v>831</v>
      </c>
      <c r="D8954" t="s">
        <v>344</v>
      </c>
      <c r="E8954" t="s">
        <v>13</v>
      </c>
      <c r="F8954">
        <v>5128</v>
      </c>
      <c r="G8954" t="s">
        <v>832</v>
      </c>
      <c r="H8954">
        <v>4.63438056683</v>
      </c>
      <c r="I8954">
        <v>51.766964201225001</v>
      </c>
      <c r="J8954" t="s">
        <v>64639</v>
      </c>
    </row>
    <row r="8955" spans="1:10" x14ac:dyDescent="0.25">
      <c r="A8955" t="s">
        <v>825</v>
      </c>
      <c r="B8955" t="s">
        <v>826</v>
      </c>
      <c r="C8955" t="s">
        <v>827</v>
      </c>
      <c r="D8955" t="s">
        <v>344</v>
      </c>
      <c r="E8955" t="s">
        <v>13</v>
      </c>
      <c r="F8955">
        <v>5127</v>
      </c>
      <c r="G8955" t="s">
        <v>828</v>
      </c>
      <c r="H8955">
        <v>4.6355322779139998</v>
      </c>
      <c r="I8955">
        <v>51.775021426073998</v>
      </c>
      <c r="J8955" t="s">
        <v>64640</v>
      </c>
    </row>
    <row r="8956" spans="1:10" x14ac:dyDescent="0.25">
      <c r="A8956" t="s">
        <v>821</v>
      </c>
      <c r="B8956" t="s">
        <v>822</v>
      </c>
      <c r="C8956" t="s">
        <v>823</v>
      </c>
      <c r="D8956" t="s">
        <v>344</v>
      </c>
      <c r="E8956" t="s">
        <v>13</v>
      </c>
      <c r="F8956">
        <v>5126</v>
      </c>
      <c r="G8956" t="s">
        <v>824</v>
      </c>
      <c r="H8956">
        <v>4.643318240158</v>
      </c>
      <c r="I8956">
        <v>51.766722409718</v>
      </c>
      <c r="J8956" t="s">
        <v>64641</v>
      </c>
    </row>
    <row r="8957" spans="1:10" x14ac:dyDescent="0.25">
      <c r="A8957" t="s">
        <v>817</v>
      </c>
      <c r="B8957" t="s">
        <v>818</v>
      </c>
      <c r="C8957" t="s">
        <v>819</v>
      </c>
      <c r="D8957" t="s">
        <v>344</v>
      </c>
      <c r="E8957" t="s">
        <v>13</v>
      </c>
      <c r="F8957">
        <v>5125</v>
      </c>
      <c r="G8957" t="s">
        <v>820</v>
      </c>
      <c r="H8957">
        <v>4.6549890424639999</v>
      </c>
      <c r="I8957">
        <v>51.776578925465998</v>
      </c>
      <c r="J8957" t="s">
        <v>64642</v>
      </c>
    </row>
    <row r="8958" spans="1:10" x14ac:dyDescent="0.25">
      <c r="A8958" t="s">
        <v>813</v>
      </c>
      <c r="B8958" t="s">
        <v>814</v>
      </c>
      <c r="C8958" t="s">
        <v>815</v>
      </c>
      <c r="D8958" t="s">
        <v>344</v>
      </c>
      <c r="E8958" t="s">
        <v>13</v>
      </c>
      <c r="F8958">
        <v>5124</v>
      </c>
      <c r="G8958" t="s">
        <v>816</v>
      </c>
      <c r="H8958">
        <v>4.6540406814580004</v>
      </c>
      <c r="I8958">
        <v>51.780738209139997</v>
      </c>
      <c r="J8958" t="s">
        <v>64643</v>
      </c>
    </row>
    <row r="8959" spans="1:10" x14ac:dyDescent="0.25">
      <c r="A8959" t="s">
        <v>809</v>
      </c>
      <c r="B8959" t="s">
        <v>810</v>
      </c>
      <c r="C8959" t="s">
        <v>811</v>
      </c>
      <c r="D8959" t="s">
        <v>344</v>
      </c>
      <c r="E8959" t="s">
        <v>13</v>
      </c>
      <c r="F8959">
        <v>5123</v>
      </c>
      <c r="G8959" t="s">
        <v>812</v>
      </c>
      <c r="H8959">
        <v>4.6476353003720003</v>
      </c>
      <c r="I8959">
        <v>51.782122649043004</v>
      </c>
      <c r="J8959" t="s">
        <v>64644</v>
      </c>
    </row>
    <row r="8960" spans="1:10" x14ac:dyDescent="0.25">
      <c r="A8960" t="s">
        <v>805</v>
      </c>
      <c r="B8960" t="s">
        <v>806</v>
      </c>
      <c r="C8960" t="s">
        <v>807</v>
      </c>
      <c r="D8960" t="s">
        <v>344</v>
      </c>
      <c r="E8960" t="s">
        <v>13</v>
      </c>
      <c r="F8960">
        <v>5122</v>
      </c>
      <c r="G8960" t="s">
        <v>808</v>
      </c>
      <c r="H8960">
        <v>4.6470786768770003</v>
      </c>
      <c r="I8960">
        <v>51.776695586357</v>
      </c>
      <c r="J8960" t="s">
        <v>64645</v>
      </c>
    </row>
    <row r="8961" spans="1:10" x14ac:dyDescent="0.25">
      <c r="A8961" t="s">
        <v>801</v>
      </c>
      <c r="B8961" t="s">
        <v>802</v>
      </c>
      <c r="C8961" t="s">
        <v>803</v>
      </c>
      <c r="D8961" t="s">
        <v>344</v>
      </c>
      <c r="E8961" t="s">
        <v>13</v>
      </c>
      <c r="F8961">
        <v>5121</v>
      </c>
      <c r="G8961" t="s">
        <v>804</v>
      </c>
      <c r="H8961">
        <v>4.6369004629779997</v>
      </c>
      <c r="I8961">
        <v>51.780596313620002</v>
      </c>
      <c r="J8961" t="s">
        <v>64646</v>
      </c>
    </row>
    <row r="8962" spans="1:10" x14ac:dyDescent="0.25">
      <c r="A8962" t="s">
        <v>797</v>
      </c>
      <c r="B8962" t="s">
        <v>798</v>
      </c>
      <c r="C8962" t="s">
        <v>799</v>
      </c>
      <c r="D8962" t="s">
        <v>344</v>
      </c>
      <c r="E8962" t="s">
        <v>13</v>
      </c>
      <c r="F8962">
        <v>5120</v>
      </c>
      <c r="G8962" t="s">
        <v>800</v>
      </c>
      <c r="H8962">
        <v>4.6313449072259996</v>
      </c>
      <c r="I8962">
        <v>51.783542008287</v>
      </c>
      <c r="J8962" t="s">
        <v>64647</v>
      </c>
    </row>
    <row r="8963" spans="1:10" x14ac:dyDescent="0.25">
      <c r="A8963" t="s">
        <v>793</v>
      </c>
      <c r="B8963" t="s">
        <v>794</v>
      </c>
      <c r="C8963" t="s">
        <v>795</v>
      </c>
      <c r="D8963" t="s">
        <v>344</v>
      </c>
      <c r="E8963" t="s">
        <v>13</v>
      </c>
      <c r="F8963">
        <v>5119</v>
      </c>
      <c r="G8963" t="s">
        <v>796</v>
      </c>
      <c r="H8963">
        <v>4.6276125481430004</v>
      </c>
      <c r="I8963">
        <v>51.793821053125001</v>
      </c>
      <c r="J8963" t="s">
        <v>64648</v>
      </c>
    </row>
    <row r="8964" spans="1:10" x14ac:dyDescent="0.25">
      <c r="A8964" t="s">
        <v>789</v>
      </c>
      <c r="B8964" t="s">
        <v>790</v>
      </c>
      <c r="C8964" t="s">
        <v>791</v>
      </c>
      <c r="D8964" t="s">
        <v>344</v>
      </c>
      <c r="E8964" t="s">
        <v>13</v>
      </c>
      <c r="F8964">
        <v>5118</v>
      </c>
      <c r="G8964" t="s">
        <v>792</v>
      </c>
      <c r="H8964">
        <v>4.6352441476769997</v>
      </c>
      <c r="I8964">
        <v>51.800344167886998</v>
      </c>
      <c r="J8964" t="s">
        <v>64649</v>
      </c>
    </row>
    <row r="8965" spans="1:10" x14ac:dyDescent="0.25">
      <c r="A8965" t="s">
        <v>785</v>
      </c>
      <c r="B8965" t="s">
        <v>786</v>
      </c>
      <c r="C8965" t="s">
        <v>787</v>
      </c>
      <c r="D8965" t="s">
        <v>344</v>
      </c>
      <c r="E8965" t="s">
        <v>13</v>
      </c>
      <c r="F8965">
        <v>5117</v>
      </c>
      <c r="G8965" t="s">
        <v>788</v>
      </c>
      <c r="H8965">
        <v>4.6400367927100001</v>
      </c>
      <c r="I8965">
        <v>51.787888532537004</v>
      </c>
      <c r="J8965" t="s">
        <v>64650</v>
      </c>
    </row>
    <row r="8966" spans="1:10" x14ac:dyDescent="0.25">
      <c r="A8966" t="s">
        <v>781</v>
      </c>
      <c r="B8966" t="s">
        <v>782</v>
      </c>
      <c r="C8966" t="s">
        <v>783</v>
      </c>
      <c r="D8966" t="s">
        <v>344</v>
      </c>
      <c r="E8966" t="s">
        <v>13</v>
      </c>
      <c r="F8966">
        <v>5116</v>
      </c>
      <c r="G8966" t="s">
        <v>784</v>
      </c>
      <c r="H8966">
        <v>4.6422915661659996</v>
      </c>
      <c r="I8966">
        <v>51.794846251263998</v>
      </c>
      <c r="J8966" t="s">
        <v>64651</v>
      </c>
    </row>
    <row r="8967" spans="1:10" x14ac:dyDescent="0.25">
      <c r="A8967" t="s">
        <v>777</v>
      </c>
      <c r="B8967" t="s">
        <v>778</v>
      </c>
      <c r="C8967" t="s">
        <v>779</v>
      </c>
      <c r="D8967" t="s">
        <v>344</v>
      </c>
      <c r="E8967" t="s">
        <v>13</v>
      </c>
      <c r="F8967">
        <v>5115</v>
      </c>
      <c r="G8967" t="s">
        <v>780</v>
      </c>
      <c r="H8967">
        <v>4.6458953711340003</v>
      </c>
      <c r="I8967">
        <v>51.799785887839001</v>
      </c>
      <c r="J8967" t="s">
        <v>64652</v>
      </c>
    </row>
    <row r="8968" spans="1:10" x14ac:dyDescent="0.25">
      <c r="A8968" t="s">
        <v>773</v>
      </c>
      <c r="B8968" t="s">
        <v>774</v>
      </c>
      <c r="C8968" t="s">
        <v>775</v>
      </c>
      <c r="D8968" t="s">
        <v>344</v>
      </c>
      <c r="E8968" t="s">
        <v>13</v>
      </c>
      <c r="F8968">
        <v>5114</v>
      </c>
      <c r="G8968" t="s">
        <v>776</v>
      </c>
      <c r="H8968">
        <v>4.6488816608599999</v>
      </c>
      <c r="I8968">
        <v>51.804493021630002</v>
      </c>
      <c r="J8968" t="s">
        <v>64653</v>
      </c>
    </row>
    <row r="8969" spans="1:10" x14ac:dyDescent="0.25">
      <c r="A8969" t="s">
        <v>769</v>
      </c>
      <c r="B8969" t="s">
        <v>770</v>
      </c>
      <c r="C8969" t="s">
        <v>771</v>
      </c>
      <c r="D8969" t="s">
        <v>344</v>
      </c>
      <c r="E8969" t="s">
        <v>13</v>
      </c>
      <c r="F8969">
        <v>5113</v>
      </c>
      <c r="G8969" t="s">
        <v>772</v>
      </c>
      <c r="H8969">
        <v>4.6448878930720001</v>
      </c>
      <c r="I8969">
        <v>51.804080949762998</v>
      </c>
      <c r="J8969" t="s">
        <v>64654</v>
      </c>
    </row>
    <row r="8970" spans="1:10" x14ac:dyDescent="0.25">
      <c r="A8970" t="s">
        <v>765</v>
      </c>
      <c r="B8970" t="s">
        <v>766</v>
      </c>
      <c r="C8970" t="s">
        <v>767</v>
      </c>
      <c r="D8970" t="s">
        <v>344</v>
      </c>
      <c r="E8970" t="s">
        <v>13</v>
      </c>
      <c r="F8970">
        <v>5112</v>
      </c>
      <c r="G8970" t="s">
        <v>768</v>
      </c>
      <c r="H8970">
        <v>4.6522430587660004</v>
      </c>
      <c r="I8970">
        <v>51.808416627150997</v>
      </c>
      <c r="J8970" t="s">
        <v>64655</v>
      </c>
    </row>
    <row r="8971" spans="1:10" x14ac:dyDescent="0.25">
      <c r="A8971" t="s">
        <v>761</v>
      </c>
      <c r="B8971" t="s">
        <v>762</v>
      </c>
      <c r="C8971" t="s">
        <v>763</v>
      </c>
      <c r="D8971" t="s">
        <v>344</v>
      </c>
      <c r="E8971" t="s">
        <v>13</v>
      </c>
      <c r="F8971">
        <v>5111</v>
      </c>
      <c r="G8971" t="s">
        <v>764</v>
      </c>
      <c r="H8971">
        <v>4.7375539223500001</v>
      </c>
      <c r="I8971">
        <v>51.798029266138997</v>
      </c>
      <c r="J8971" t="s">
        <v>64656</v>
      </c>
    </row>
    <row r="8972" spans="1:10" x14ac:dyDescent="0.25">
      <c r="A8972" t="s">
        <v>757</v>
      </c>
      <c r="B8972" t="s">
        <v>758</v>
      </c>
      <c r="C8972" t="s">
        <v>759</v>
      </c>
      <c r="D8972" t="s">
        <v>344</v>
      </c>
      <c r="E8972" t="s">
        <v>13</v>
      </c>
      <c r="F8972">
        <v>5110</v>
      </c>
      <c r="G8972" t="s">
        <v>760</v>
      </c>
      <c r="H8972">
        <v>4.7349498631770004</v>
      </c>
      <c r="I8972">
        <v>51.801780352054003</v>
      </c>
      <c r="J8972" t="s">
        <v>64657</v>
      </c>
    </row>
    <row r="8973" spans="1:10" x14ac:dyDescent="0.25">
      <c r="A8973" t="s">
        <v>753</v>
      </c>
      <c r="B8973" t="s">
        <v>754</v>
      </c>
      <c r="C8973" t="s">
        <v>755</v>
      </c>
      <c r="D8973" t="s">
        <v>344</v>
      </c>
      <c r="E8973" t="s">
        <v>13</v>
      </c>
      <c r="F8973">
        <v>5109</v>
      </c>
      <c r="G8973" t="s">
        <v>756</v>
      </c>
      <c r="H8973">
        <v>4.7316519325330004</v>
      </c>
      <c r="I8973">
        <v>51.796667052628003</v>
      </c>
      <c r="J8973" t="s">
        <v>64658</v>
      </c>
    </row>
    <row r="8974" spans="1:10" x14ac:dyDescent="0.25">
      <c r="A8974" t="s">
        <v>749</v>
      </c>
      <c r="B8974" t="s">
        <v>750</v>
      </c>
      <c r="C8974" t="s">
        <v>751</v>
      </c>
      <c r="D8974" t="s">
        <v>344</v>
      </c>
      <c r="E8974" t="s">
        <v>13</v>
      </c>
      <c r="F8974">
        <v>5108</v>
      </c>
      <c r="G8974" t="s">
        <v>752</v>
      </c>
      <c r="H8974">
        <v>4.7258887007829999</v>
      </c>
      <c r="I8974">
        <v>51.799986909414997</v>
      </c>
      <c r="J8974" t="s">
        <v>64659</v>
      </c>
    </row>
    <row r="8975" spans="1:10" x14ac:dyDescent="0.25">
      <c r="A8975" t="s">
        <v>745</v>
      </c>
      <c r="B8975" t="s">
        <v>746</v>
      </c>
      <c r="C8975" t="s">
        <v>747</v>
      </c>
      <c r="D8975" t="s">
        <v>344</v>
      </c>
      <c r="E8975" t="s">
        <v>13</v>
      </c>
      <c r="F8975">
        <v>5107</v>
      </c>
      <c r="G8975" t="s">
        <v>748</v>
      </c>
      <c r="H8975">
        <v>4.7231733799990003</v>
      </c>
      <c r="I8975">
        <v>51.797219143566998</v>
      </c>
      <c r="J8975" t="s">
        <v>64660</v>
      </c>
    </row>
    <row r="8976" spans="1:10" x14ac:dyDescent="0.25">
      <c r="A8976" t="s">
        <v>741</v>
      </c>
      <c r="B8976" t="s">
        <v>742</v>
      </c>
      <c r="C8976" t="s">
        <v>743</v>
      </c>
      <c r="D8976" t="s">
        <v>344</v>
      </c>
      <c r="E8976" t="s">
        <v>13</v>
      </c>
      <c r="F8976">
        <v>5106</v>
      </c>
      <c r="G8976" t="s">
        <v>744</v>
      </c>
      <c r="H8976">
        <v>4.7173536059360002</v>
      </c>
      <c r="I8976">
        <v>51.800321772868003</v>
      </c>
      <c r="J8976" t="s">
        <v>64661</v>
      </c>
    </row>
    <row r="8977" spans="1:10" x14ac:dyDescent="0.25">
      <c r="A8977" t="s">
        <v>737</v>
      </c>
      <c r="B8977" t="s">
        <v>738</v>
      </c>
      <c r="C8977" t="s">
        <v>739</v>
      </c>
      <c r="D8977" t="s">
        <v>344</v>
      </c>
      <c r="E8977" t="s">
        <v>13</v>
      </c>
      <c r="F8977">
        <v>5105</v>
      </c>
      <c r="G8977" t="s">
        <v>740</v>
      </c>
      <c r="H8977">
        <v>4.7246549418869996</v>
      </c>
      <c r="I8977">
        <v>51.803158054415</v>
      </c>
      <c r="J8977" t="s">
        <v>64662</v>
      </c>
    </row>
    <row r="8978" spans="1:10" x14ac:dyDescent="0.25">
      <c r="A8978" t="s">
        <v>733</v>
      </c>
      <c r="B8978" t="s">
        <v>734</v>
      </c>
      <c r="C8978" t="s">
        <v>735</v>
      </c>
      <c r="D8978" t="s">
        <v>344</v>
      </c>
      <c r="E8978" t="s">
        <v>13</v>
      </c>
      <c r="F8978">
        <v>5104</v>
      </c>
      <c r="G8978" t="s">
        <v>736</v>
      </c>
      <c r="H8978">
        <v>4.7234475396429998</v>
      </c>
      <c r="I8978">
        <v>51.805249149163998</v>
      </c>
      <c r="J8978" t="s">
        <v>64663</v>
      </c>
    </row>
    <row r="8979" spans="1:10" x14ac:dyDescent="0.25">
      <c r="A8979" t="s">
        <v>729</v>
      </c>
      <c r="B8979" t="s">
        <v>730</v>
      </c>
      <c r="C8979" t="s">
        <v>731</v>
      </c>
      <c r="D8979" t="s">
        <v>344</v>
      </c>
      <c r="E8979" t="s">
        <v>13</v>
      </c>
      <c r="F8979">
        <v>5103</v>
      </c>
      <c r="G8979" t="s">
        <v>732</v>
      </c>
      <c r="H8979">
        <v>4.7018337018649996</v>
      </c>
      <c r="I8979">
        <v>51.804226553786997</v>
      </c>
      <c r="J8979" t="s">
        <v>64664</v>
      </c>
    </row>
    <row r="8980" spans="1:10" x14ac:dyDescent="0.25">
      <c r="A8980" t="s">
        <v>725</v>
      </c>
      <c r="B8980" t="s">
        <v>726</v>
      </c>
      <c r="C8980" t="s">
        <v>727</v>
      </c>
      <c r="D8980" t="s">
        <v>344</v>
      </c>
      <c r="E8980" t="s">
        <v>13</v>
      </c>
      <c r="F8980">
        <v>5102</v>
      </c>
      <c r="G8980" t="s">
        <v>728</v>
      </c>
      <c r="H8980">
        <v>4.7096141757270003</v>
      </c>
      <c r="I8980">
        <v>51.811298939064002</v>
      </c>
      <c r="J8980" t="s">
        <v>64665</v>
      </c>
    </row>
    <row r="8981" spans="1:10" x14ac:dyDescent="0.25">
      <c r="A8981" t="s">
        <v>721</v>
      </c>
      <c r="B8981" t="s">
        <v>722</v>
      </c>
      <c r="C8981" t="s">
        <v>723</v>
      </c>
      <c r="D8981" t="s">
        <v>344</v>
      </c>
      <c r="E8981" t="s">
        <v>13</v>
      </c>
      <c r="F8981">
        <v>5101</v>
      </c>
      <c r="G8981" t="s">
        <v>724</v>
      </c>
      <c r="H8981">
        <v>4.715195529801</v>
      </c>
      <c r="I8981">
        <v>51.809000244883002</v>
      </c>
      <c r="J8981" t="s">
        <v>64666</v>
      </c>
    </row>
    <row r="8982" spans="1:10" x14ac:dyDescent="0.25">
      <c r="A8982" t="s">
        <v>717</v>
      </c>
      <c r="B8982" t="s">
        <v>718</v>
      </c>
      <c r="C8982" t="s">
        <v>719</v>
      </c>
      <c r="D8982" t="s">
        <v>344</v>
      </c>
      <c r="E8982" t="s">
        <v>13</v>
      </c>
      <c r="F8982">
        <v>5100</v>
      </c>
      <c r="G8982" t="s">
        <v>720</v>
      </c>
      <c r="H8982">
        <v>4.7116716967899999</v>
      </c>
      <c r="I8982">
        <v>51.804908311825002</v>
      </c>
      <c r="J8982" t="s">
        <v>64667</v>
      </c>
    </row>
    <row r="8983" spans="1:10" x14ac:dyDescent="0.25">
      <c r="A8983" t="s">
        <v>713</v>
      </c>
      <c r="B8983" t="s">
        <v>714</v>
      </c>
      <c r="C8983" t="s">
        <v>715</v>
      </c>
      <c r="D8983" t="s">
        <v>344</v>
      </c>
      <c r="E8983" t="s">
        <v>13</v>
      </c>
      <c r="F8983">
        <v>5099</v>
      </c>
      <c r="G8983" t="s">
        <v>716</v>
      </c>
      <c r="H8983">
        <v>4.7055879375540002</v>
      </c>
      <c r="I8983">
        <v>51.806947827660998</v>
      </c>
      <c r="J8983" t="s">
        <v>64668</v>
      </c>
    </row>
    <row r="8984" spans="1:10" x14ac:dyDescent="0.25">
      <c r="A8984" t="s">
        <v>709</v>
      </c>
      <c r="B8984" t="s">
        <v>710</v>
      </c>
      <c r="C8984" t="s">
        <v>711</v>
      </c>
      <c r="D8984" t="s">
        <v>344</v>
      </c>
      <c r="E8984" t="s">
        <v>13</v>
      </c>
      <c r="F8984">
        <v>5098</v>
      </c>
      <c r="G8984" t="s">
        <v>712</v>
      </c>
      <c r="H8984">
        <v>4.698907443815</v>
      </c>
      <c r="I8984">
        <v>51.782229275432996</v>
      </c>
      <c r="J8984" t="s">
        <v>64669</v>
      </c>
    </row>
    <row r="8985" spans="1:10" x14ac:dyDescent="0.25">
      <c r="A8985" t="s">
        <v>705</v>
      </c>
      <c r="B8985" t="s">
        <v>706</v>
      </c>
      <c r="C8985" t="s">
        <v>707</v>
      </c>
      <c r="D8985" t="s">
        <v>344</v>
      </c>
      <c r="E8985" t="s">
        <v>13</v>
      </c>
      <c r="F8985">
        <v>5097</v>
      </c>
      <c r="G8985" t="s">
        <v>708</v>
      </c>
      <c r="H8985">
        <v>4.7202622833100003</v>
      </c>
      <c r="I8985">
        <v>51.789463899296003</v>
      </c>
      <c r="J8985" t="s">
        <v>64670</v>
      </c>
    </row>
    <row r="8986" spans="1:10" x14ac:dyDescent="0.25">
      <c r="A8986" t="s">
        <v>701</v>
      </c>
      <c r="B8986" t="s">
        <v>702</v>
      </c>
      <c r="C8986" t="s">
        <v>703</v>
      </c>
      <c r="D8986" t="s">
        <v>344</v>
      </c>
      <c r="E8986" t="s">
        <v>13</v>
      </c>
      <c r="F8986">
        <v>5096</v>
      </c>
      <c r="G8986" t="s">
        <v>704</v>
      </c>
      <c r="H8986">
        <v>4.7297622792179999</v>
      </c>
      <c r="I8986">
        <v>51.792708278874997</v>
      </c>
      <c r="J8986" t="s">
        <v>64671</v>
      </c>
    </row>
    <row r="8987" spans="1:10" x14ac:dyDescent="0.25">
      <c r="A8987" t="s">
        <v>697</v>
      </c>
      <c r="B8987" t="s">
        <v>698</v>
      </c>
      <c r="C8987" t="s">
        <v>699</v>
      </c>
      <c r="D8987" t="s">
        <v>344</v>
      </c>
      <c r="E8987" t="s">
        <v>13</v>
      </c>
      <c r="F8987">
        <v>5095</v>
      </c>
      <c r="G8987" t="s">
        <v>700</v>
      </c>
      <c r="H8987">
        <v>4.6842736910009997</v>
      </c>
      <c r="I8987">
        <v>51.791460959437003</v>
      </c>
      <c r="J8987" t="s">
        <v>64672</v>
      </c>
    </row>
    <row r="8988" spans="1:10" x14ac:dyDescent="0.25">
      <c r="A8988" t="s">
        <v>693</v>
      </c>
      <c r="B8988" t="s">
        <v>694</v>
      </c>
      <c r="C8988" t="s">
        <v>695</v>
      </c>
      <c r="D8988" t="s">
        <v>344</v>
      </c>
      <c r="E8988" t="s">
        <v>13</v>
      </c>
      <c r="F8988">
        <v>5094</v>
      </c>
      <c r="G8988" t="s">
        <v>696</v>
      </c>
      <c r="H8988">
        <v>4.6783049173790001</v>
      </c>
      <c r="I8988">
        <v>51.793092608868001</v>
      </c>
      <c r="J8988" t="s">
        <v>64673</v>
      </c>
    </row>
    <row r="8989" spans="1:10" x14ac:dyDescent="0.25">
      <c r="A8989" t="s">
        <v>689</v>
      </c>
      <c r="B8989" t="s">
        <v>690</v>
      </c>
      <c r="C8989" t="s">
        <v>691</v>
      </c>
      <c r="D8989" t="s">
        <v>344</v>
      </c>
      <c r="E8989" t="s">
        <v>13</v>
      </c>
      <c r="F8989">
        <v>5093</v>
      </c>
      <c r="G8989" t="s">
        <v>692</v>
      </c>
      <c r="H8989">
        <v>4.6761932210759998</v>
      </c>
      <c r="I8989">
        <v>51.794848503567998</v>
      </c>
      <c r="J8989" t="s">
        <v>64674</v>
      </c>
    </row>
    <row r="8990" spans="1:10" x14ac:dyDescent="0.25">
      <c r="A8990" t="s">
        <v>685</v>
      </c>
      <c r="B8990" t="s">
        <v>686</v>
      </c>
      <c r="C8990" t="s">
        <v>687</v>
      </c>
      <c r="D8990" t="s">
        <v>344</v>
      </c>
      <c r="E8990" t="s">
        <v>13</v>
      </c>
      <c r="F8990">
        <v>5092</v>
      </c>
      <c r="G8990" t="s">
        <v>688</v>
      </c>
      <c r="H8990">
        <v>4.6980141361080001</v>
      </c>
      <c r="I8990">
        <v>51.790837820081997</v>
      </c>
      <c r="J8990" t="s">
        <v>64675</v>
      </c>
    </row>
    <row r="8991" spans="1:10" x14ac:dyDescent="0.25">
      <c r="A8991" t="s">
        <v>681</v>
      </c>
      <c r="B8991" t="s">
        <v>682</v>
      </c>
      <c r="C8991" t="s">
        <v>683</v>
      </c>
      <c r="D8991" t="s">
        <v>344</v>
      </c>
      <c r="E8991" t="s">
        <v>13</v>
      </c>
      <c r="F8991">
        <v>5091</v>
      </c>
      <c r="G8991" t="s">
        <v>684</v>
      </c>
      <c r="H8991">
        <v>4.7009745495480004</v>
      </c>
      <c r="I8991">
        <v>51.797177737288997</v>
      </c>
      <c r="J8991" t="s">
        <v>64676</v>
      </c>
    </row>
    <row r="8992" spans="1:10" x14ac:dyDescent="0.25">
      <c r="A8992" t="s">
        <v>677</v>
      </c>
      <c r="B8992" t="s">
        <v>678</v>
      </c>
      <c r="C8992" t="s">
        <v>679</v>
      </c>
      <c r="D8992" t="s">
        <v>344</v>
      </c>
      <c r="E8992" t="s">
        <v>13</v>
      </c>
      <c r="F8992">
        <v>5090</v>
      </c>
      <c r="G8992" t="s">
        <v>680</v>
      </c>
      <c r="H8992">
        <v>4.7120479822199997</v>
      </c>
      <c r="I8992">
        <v>51.8018743485</v>
      </c>
      <c r="J8992" t="s">
        <v>64677</v>
      </c>
    </row>
    <row r="8993" spans="1:10" x14ac:dyDescent="0.25">
      <c r="A8993" t="s">
        <v>673</v>
      </c>
      <c r="B8993" t="s">
        <v>674</v>
      </c>
      <c r="C8993" t="s">
        <v>675</v>
      </c>
      <c r="D8993" t="s">
        <v>344</v>
      </c>
      <c r="E8993" t="s">
        <v>13</v>
      </c>
      <c r="F8993">
        <v>5089</v>
      </c>
      <c r="G8993" t="s">
        <v>676</v>
      </c>
      <c r="H8993">
        <v>4.7211478115399999</v>
      </c>
      <c r="I8993">
        <v>51.795144561049</v>
      </c>
      <c r="J8993" t="s">
        <v>64678</v>
      </c>
    </row>
    <row r="8994" spans="1:10" x14ac:dyDescent="0.25">
      <c r="A8994" t="s">
        <v>669</v>
      </c>
      <c r="B8994" t="s">
        <v>670</v>
      </c>
      <c r="C8994" t="s">
        <v>671</v>
      </c>
      <c r="D8994" t="s">
        <v>344</v>
      </c>
      <c r="E8994" t="s">
        <v>13</v>
      </c>
      <c r="F8994">
        <v>5088</v>
      </c>
      <c r="G8994" t="s">
        <v>672</v>
      </c>
      <c r="H8994">
        <v>4.7170137489839998</v>
      </c>
      <c r="I8994">
        <v>51.796378340291</v>
      </c>
      <c r="J8994" t="s">
        <v>64679</v>
      </c>
    </row>
    <row r="8995" spans="1:10" x14ac:dyDescent="0.25">
      <c r="A8995" t="s">
        <v>665</v>
      </c>
      <c r="B8995" t="s">
        <v>666</v>
      </c>
      <c r="C8995" t="s">
        <v>667</v>
      </c>
      <c r="D8995" t="s">
        <v>344</v>
      </c>
      <c r="E8995" t="s">
        <v>13</v>
      </c>
      <c r="F8995">
        <v>5087</v>
      </c>
      <c r="G8995" t="s">
        <v>668</v>
      </c>
      <c r="H8995">
        <v>4.7132419218740003</v>
      </c>
      <c r="I8995">
        <v>51.798865910689997</v>
      </c>
      <c r="J8995" t="s">
        <v>64680</v>
      </c>
    </row>
    <row r="8996" spans="1:10" x14ac:dyDescent="0.25">
      <c r="A8996" t="s">
        <v>661</v>
      </c>
      <c r="B8996" t="s">
        <v>662</v>
      </c>
      <c r="C8996" t="s">
        <v>663</v>
      </c>
      <c r="D8996" t="s">
        <v>344</v>
      </c>
      <c r="E8996" t="s">
        <v>13</v>
      </c>
      <c r="F8996">
        <v>5086</v>
      </c>
      <c r="G8996" t="s">
        <v>664</v>
      </c>
      <c r="H8996">
        <v>4.7078253216909998</v>
      </c>
      <c r="I8996">
        <v>51.800985452596002</v>
      </c>
      <c r="J8996" t="s">
        <v>64681</v>
      </c>
    </row>
    <row r="8997" spans="1:10" x14ac:dyDescent="0.25">
      <c r="A8997" t="s">
        <v>657</v>
      </c>
      <c r="B8997" t="s">
        <v>658</v>
      </c>
      <c r="C8997" t="s">
        <v>659</v>
      </c>
      <c r="D8997" t="s">
        <v>344</v>
      </c>
      <c r="E8997" t="s">
        <v>13</v>
      </c>
      <c r="F8997">
        <v>5085</v>
      </c>
      <c r="G8997" t="s">
        <v>660</v>
      </c>
      <c r="H8997">
        <v>4.7014141316669997</v>
      </c>
      <c r="I8997">
        <v>51.802562185916003</v>
      </c>
      <c r="J8997" t="s">
        <v>64682</v>
      </c>
    </row>
    <row r="8998" spans="1:10" x14ac:dyDescent="0.25">
      <c r="A8998" t="s">
        <v>653</v>
      </c>
      <c r="B8998" t="s">
        <v>654</v>
      </c>
      <c r="C8998" t="s">
        <v>655</v>
      </c>
      <c r="D8998" t="s">
        <v>344</v>
      </c>
      <c r="E8998" t="s">
        <v>13</v>
      </c>
      <c r="F8998">
        <v>5084</v>
      </c>
      <c r="G8998" t="s">
        <v>656</v>
      </c>
      <c r="H8998">
        <v>4.6578705413790003</v>
      </c>
      <c r="I8998">
        <v>51.770494800225997</v>
      </c>
      <c r="J8998" t="s">
        <v>64683</v>
      </c>
    </row>
    <row r="8999" spans="1:10" x14ac:dyDescent="0.25">
      <c r="A8999" t="s">
        <v>649</v>
      </c>
      <c r="B8999" t="s">
        <v>650</v>
      </c>
      <c r="C8999" t="s">
        <v>651</v>
      </c>
      <c r="D8999" t="s">
        <v>344</v>
      </c>
      <c r="E8999" t="s">
        <v>13</v>
      </c>
      <c r="F8999">
        <v>5083</v>
      </c>
      <c r="G8999" t="s">
        <v>652</v>
      </c>
      <c r="H8999">
        <v>4.667942807627</v>
      </c>
      <c r="I8999">
        <v>51.772660097540999</v>
      </c>
      <c r="J8999" t="s">
        <v>64684</v>
      </c>
    </row>
    <row r="9000" spans="1:10" x14ac:dyDescent="0.25">
      <c r="A9000" t="s">
        <v>645</v>
      </c>
      <c r="B9000" t="s">
        <v>646</v>
      </c>
      <c r="C9000" t="s">
        <v>647</v>
      </c>
      <c r="D9000" t="s">
        <v>344</v>
      </c>
      <c r="E9000" t="s">
        <v>13</v>
      </c>
      <c r="F9000">
        <v>5082</v>
      </c>
      <c r="G9000" t="s">
        <v>648</v>
      </c>
      <c r="H9000">
        <v>4.6820351620520002</v>
      </c>
      <c r="I9000">
        <v>51.775039855967002</v>
      </c>
      <c r="J9000" t="s">
        <v>64685</v>
      </c>
    </row>
    <row r="9001" spans="1:10" x14ac:dyDescent="0.25">
      <c r="A9001" t="s">
        <v>641</v>
      </c>
      <c r="B9001" t="s">
        <v>642</v>
      </c>
      <c r="C9001" t="s">
        <v>643</v>
      </c>
      <c r="D9001" t="s">
        <v>344</v>
      </c>
      <c r="E9001" t="s">
        <v>13</v>
      </c>
      <c r="F9001">
        <v>5081</v>
      </c>
      <c r="G9001" t="s">
        <v>644</v>
      </c>
      <c r="H9001">
        <v>4.6788982788790001</v>
      </c>
      <c r="I9001">
        <v>51.776783981439998</v>
      </c>
      <c r="J9001" t="s">
        <v>64686</v>
      </c>
    </row>
    <row r="9002" spans="1:10" x14ac:dyDescent="0.25">
      <c r="A9002" t="s">
        <v>637</v>
      </c>
      <c r="B9002" t="s">
        <v>638</v>
      </c>
      <c r="C9002" t="s">
        <v>639</v>
      </c>
      <c r="D9002" t="s">
        <v>344</v>
      </c>
      <c r="E9002" t="s">
        <v>13</v>
      </c>
      <c r="F9002">
        <v>5080</v>
      </c>
      <c r="G9002" t="s">
        <v>640</v>
      </c>
      <c r="H9002">
        <v>4.6683971545849996</v>
      </c>
      <c r="I9002">
        <v>51.777376147410003</v>
      </c>
      <c r="J9002" t="s">
        <v>64687</v>
      </c>
    </row>
    <row r="9003" spans="1:10" x14ac:dyDescent="0.25">
      <c r="A9003" t="s">
        <v>633</v>
      </c>
      <c r="B9003" t="s">
        <v>634</v>
      </c>
      <c r="C9003" t="s">
        <v>635</v>
      </c>
      <c r="D9003" t="s">
        <v>344</v>
      </c>
      <c r="E9003" t="s">
        <v>13</v>
      </c>
      <c r="F9003">
        <v>5079</v>
      </c>
      <c r="G9003" t="s">
        <v>636</v>
      </c>
      <c r="H9003">
        <v>4.6855217227440003</v>
      </c>
      <c r="I9003">
        <v>51.781154686713997</v>
      </c>
      <c r="J9003" t="s">
        <v>64688</v>
      </c>
    </row>
    <row r="9004" spans="1:10" x14ac:dyDescent="0.25">
      <c r="A9004" t="s">
        <v>629</v>
      </c>
      <c r="B9004" t="s">
        <v>630</v>
      </c>
      <c r="C9004" t="s">
        <v>631</v>
      </c>
      <c r="D9004" t="s">
        <v>344</v>
      </c>
      <c r="E9004" t="s">
        <v>13</v>
      </c>
      <c r="F9004">
        <v>5078</v>
      </c>
      <c r="G9004" t="s">
        <v>632</v>
      </c>
      <c r="H9004">
        <v>4.6797870953810001</v>
      </c>
      <c r="I9004">
        <v>51.781461165423003</v>
      </c>
      <c r="J9004" t="s">
        <v>64689</v>
      </c>
    </row>
    <row r="9005" spans="1:10" x14ac:dyDescent="0.25">
      <c r="A9005" t="s">
        <v>625</v>
      </c>
      <c r="B9005" t="s">
        <v>626</v>
      </c>
      <c r="C9005" t="s">
        <v>627</v>
      </c>
      <c r="D9005" t="s">
        <v>344</v>
      </c>
      <c r="E9005" t="s">
        <v>13</v>
      </c>
      <c r="F9005">
        <v>5077</v>
      </c>
      <c r="G9005" t="s">
        <v>628</v>
      </c>
      <c r="H9005">
        <v>4.6719497511860002</v>
      </c>
      <c r="I9005">
        <v>51.781312888172998</v>
      </c>
      <c r="J9005" t="s">
        <v>64690</v>
      </c>
    </row>
    <row r="9006" spans="1:10" x14ac:dyDescent="0.25">
      <c r="A9006" t="s">
        <v>621</v>
      </c>
      <c r="B9006" t="s">
        <v>622</v>
      </c>
      <c r="C9006" t="s">
        <v>623</v>
      </c>
      <c r="D9006" t="s">
        <v>344</v>
      </c>
      <c r="E9006" t="s">
        <v>13</v>
      </c>
      <c r="F9006">
        <v>5076</v>
      </c>
      <c r="G9006" t="s">
        <v>624</v>
      </c>
      <c r="H9006">
        <v>4.6694981456570002</v>
      </c>
      <c r="I9006">
        <v>51.781427357087999</v>
      </c>
      <c r="J9006" t="s">
        <v>64691</v>
      </c>
    </row>
    <row r="9007" spans="1:10" x14ac:dyDescent="0.25">
      <c r="A9007" t="s">
        <v>617</v>
      </c>
      <c r="B9007" t="s">
        <v>618</v>
      </c>
      <c r="C9007" t="s">
        <v>619</v>
      </c>
      <c r="D9007" t="s">
        <v>344</v>
      </c>
      <c r="E9007" t="s">
        <v>13</v>
      </c>
      <c r="F9007">
        <v>5075</v>
      </c>
      <c r="G9007" t="s">
        <v>620</v>
      </c>
      <c r="H9007">
        <v>4.6806428563180003</v>
      </c>
      <c r="I9007">
        <v>51.787911336314998</v>
      </c>
      <c r="J9007" t="s">
        <v>64692</v>
      </c>
    </row>
    <row r="9008" spans="1:10" x14ac:dyDescent="0.25">
      <c r="A9008" t="s">
        <v>613</v>
      </c>
      <c r="B9008" t="s">
        <v>614</v>
      </c>
      <c r="C9008" t="s">
        <v>615</v>
      </c>
      <c r="D9008" t="s">
        <v>344</v>
      </c>
      <c r="E9008" t="s">
        <v>13</v>
      </c>
      <c r="F9008">
        <v>5074</v>
      </c>
      <c r="G9008" t="s">
        <v>616</v>
      </c>
      <c r="H9008">
        <v>4.6727273365449999</v>
      </c>
      <c r="I9008">
        <v>51.786710584010997</v>
      </c>
      <c r="J9008" t="s">
        <v>64693</v>
      </c>
    </row>
    <row r="9009" spans="1:10" x14ac:dyDescent="0.25">
      <c r="A9009" t="s">
        <v>609</v>
      </c>
      <c r="B9009" t="s">
        <v>610</v>
      </c>
      <c r="C9009" t="s">
        <v>611</v>
      </c>
      <c r="D9009" t="s">
        <v>344</v>
      </c>
      <c r="E9009" t="s">
        <v>13</v>
      </c>
      <c r="F9009">
        <v>5073</v>
      </c>
      <c r="G9009" t="s">
        <v>612</v>
      </c>
      <c r="H9009">
        <v>4.6716861661860003</v>
      </c>
      <c r="I9009">
        <v>51.794964473462997</v>
      </c>
      <c r="J9009" t="s">
        <v>64694</v>
      </c>
    </row>
    <row r="9010" spans="1:10" x14ac:dyDescent="0.25">
      <c r="A9010" t="s">
        <v>605</v>
      </c>
      <c r="B9010" t="s">
        <v>606</v>
      </c>
      <c r="C9010" t="s">
        <v>607</v>
      </c>
      <c r="D9010" t="s">
        <v>344</v>
      </c>
      <c r="E9010" t="s">
        <v>13</v>
      </c>
      <c r="F9010">
        <v>5072</v>
      </c>
      <c r="G9010" t="s">
        <v>608</v>
      </c>
      <c r="H9010">
        <v>4.6643379265910001</v>
      </c>
      <c r="I9010">
        <v>51.794408923749003</v>
      </c>
      <c r="J9010" t="s">
        <v>64695</v>
      </c>
    </row>
    <row r="9011" spans="1:10" x14ac:dyDescent="0.25">
      <c r="A9011" t="s">
        <v>601</v>
      </c>
      <c r="B9011" t="s">
        <v>602</v>
      </c>
      <c r="C9011" t="s">
        <v>603</v>
      </c>
      <c r="D9011" t="s">
        <v>344</v>
      </c>
      <c r="E9011" t="s">
        <v>13</v>
      </c>
      <c r="F9011">
        <v>5071</v>
      </c>
      <c r="G9011" t="s">
        <v>604</v>
      </c>
      <c r="H9011">
        <v>4.66454321388</v>
      </c>
      <c r="I9011">
        <v>51.789230963496998</v>
      </c>
      <c r="J9011" t="s">
        <v>64696</v>
      </c>
    </row>
    <row r="9012" spans="1:10" x14ac:dyDescent="0.25">
      <c r="A9012" t="s">
        <v>597</v>
      </c>
      <c r="B9012" t="s">
        <v>598</v>
      </c>
      <c r="C9012" t="s">
        <v>599</v>
      </c>
      <c r="D9012" t="s">
        <v>344</v>
      </c>
      <c r="E9012" t="s">
        <v>13</v>
      </c>
      <c r="F9012">
        <v>5070</v>
      </c>
      <c r="G9012" t="s">
        <v>600</v>
      </c>
      <c r="H9012">
        <v>4.6601633696090001</v>
      </c>
      <c r="I9012">
        <v>51.782605529477998</v>
      </c>
      <c r="J9012" t="s">
        <v>64697</v>
      </c>
    </row>
    <row r="9013" spans="1:10" x14ac:dyDescent="0.25">
      <c r="A9013" t="s">
        <v>593</v>
      </c>
      <c r="B9013" t="s">
        <v>594</v>
      </c>
      <c r="C9013" t="s">
        <v>595</v>
      </c>
      <c r="D9013" t="s">
        <v>344</v>
      </c>
      <c r="E9013" t="s">
        <v>13</v>
      </c>
      <c r="F9013">
        <v>5069</v>
      </c>
      <c r="G9013" t="s">
        <v>596</v>
      </c>
      <c r="H9013">
        <v>4.6515809885030004</v>
      </c>
      <c r="I9013">
        <v>51.798323816707999</v>
      </c>
      <c r="J9013" t="s">
        <v>64698</v>
      </c>
    </row>
    <row r="9014" spans="1:10" x14ac:dyDescent="0.25">
      <c r="A9014" t="s">
        <v>589</v>
      </c>
      <c r="B9014" t="s">
        <v>590</v>
      </c>
      <c r="C9014" t="s">
        <v>591</v>
      </c>
      <c r="D9014" t="s">
        <v>344</v>
      </c>
      <c r="E9014" t="s">
        <v>13</v>
      </c>
      <c r="F9014">
        <v>5068</v>
      </c>
      <c r="G9014" t="s">
        <v>592</v>
      </c>
      <c r="H9014">
        <v>4.6525278924249998</v>
      </c>
      <c r="I9014">
        <v>51.795613894618</v>
      </c>
      <c r="J9014" t="s">
        <v>64699</v>
      </c>
    </row>
    <row r="9015" spans="1:10" x14ac:dyDescent="0.25">
      <c r="A9015" t="s">
        <v>585</v>
      </c>
      <c r="B9015" t="s">
        <v>586</v>
      </c>
      <c r="C9015" t="s">
        <v>587</v>
      </c>
      <c r="D9015" t="s">
        <v>344</v>
      </c>
      <c r="E9015" t="s">
        <v>13</v>
      </c>
      <c r="F9015">
        <v>5067</v>
      </c>
      <c r="G9015" t="s">
        <v>588</v>
      </c>
      <c r="H9015">
        <v>4.6520875634780001</v>
      </c>
      <c r="I9015">
        <v>51.793188101825997</v>
      </c>
      <c r="J9015" t="s">
        <v>64700</v>
      </c>
    </row>
    <row r="9016" spans="1:10" x14ac:dyDescent="0.25">
      <c r="A9016" t="s">
        <v>581</v>
      </c>
      <c r="B9016" t="s">
        <v>582</v>
      </c>
      <c r="C9016" t="s">
        <v>583</v>
      </c>
      <c r="D9016" t="s">
        <v>344</v>
      </c>
      <c r="E9016" t="s">
        <v>13</v>
      </c>
      <c r="F9016">
        <v>5066</v>
      </c>
      <c r="G9016" t="s">
        <v>584</v>
      </c>
      <c r="H9016">
        <v>4.657289475932</v>
      </c>
      <c r="I9016">
        <v>51.792770498297998</v>
      </c>
      <c r="J9016" t="s">
        <v>64701</v>
      </c>
    </row>
    <row r="9017" spans="1:10" x14ac:dyDescent="0.25">
      <c r="A9017" t="s">
        <v>577</v>
      </c>
      <c r="B9017" t="s">
        <v>578</v>
      </c>
      <c r="C9017" t="s">
        <v>579</v>
      </c>
      <c r="D9017" t="s">
        <v>344</v>
      </c>
      <c r="E9017" t="s">
        <v>13</v>
      </c>
      <c r="F9017">
        <v>5065</v>
      </c>
      <c r="G9017" t="s">
        <v>580</v>
      </c>
      <c r="H9017">
        <v>4.6511728784780004</v>
      </c>
      <c r="I9017">
        <v>51.788368973467001</v>
      </c>
      <c r="J9017" t="s">
        <v>64702</v>
      </c>
    </row>
    <row r="9018" spans="1:10" x14ac:dyDescent="0.25">
      <c r="A9018" t="s">
        <v>573</v>
      </c>
      <c r="B9018" t="s">
        <v>574</v>
      </c>
      <c r="C9018" t="s">
        <v>575</v>
      </c>
      <c r="D9018" t="s">
        <v>344</v>
      </c>
      <c r="E9018" t="s">
        <v>13</v>
      </c>
      <c r="F9018">
        <v>5064</v>
      </c>
      <c r="G9018" t="s">
        <v>576</v>
      </c>
      <c r="H9018">
        <v>4.657013292497</v>
      </c>
      <c r="I9018">
        <v>51.786761189819003</v>
      </c>
      <c r="J9018" t="s">
        <v>64703</v>
      </c>
    </row>
    <row r="9019" spans="1:10" x14ac:dyDescent="0.25">
      <c r="A9019" t="s">
        <v>569</v>
      </c>
      <c r="B9019" t="s">
        <v>570</v>
      </c>
      <c r="C9019" t="s">
        <v>571</v>
      </c>
      <c r="D9019" t="s">
        <v>344</v>
      </c>
      <c r="E9019" t="s">
        <v>13</v>
      </c>
      <c r="F9019">
        <v>5063</v>
      </c>
      <c r="G9019" t="s">
        <v>572</v>
      </c>
      <c r="H9019">
        <v>4.654121862077</v>
      </c>
      <c r="I9019">
        <v>51.791098946478002</v>
      </c>
      <c r="J9019" t="s">
        <v>64704</v>
      </c>
    </row>
    <row r="9020" spans="1:10" x14ac:dyDescent="0.25">
      <c r="A9020" t="s">
        <v>565</v>
      </c>
      <c r="B9020" t="s">
        <v>566</v>
      </c>
      <c r="C9020" t="s">
        <v>567</v>
      </c>
      <c r="D9020" t="s">
        <v>344</v>
      </c>
      <c r="E9020" t="s">
        <v>13</v>
      </c>
      <c r="F9020">
        <v>5062</v>
      </c>
      <c r="G9020" t="s">
        <v>568</v>
      </c>
      <c r="H9020">
        <v>4.7263278848479997</v>
      </c>
      <c r="I9020">
        <v>51.818943306967</v>
      </c>
      <c r="J9020" t="s">
        <v>64705</v>
      </c>
    </row>
    <row r="9021" spans="1:10" x14ac:dyDescent="0.25">
      <c r="A9021" t="s">
        <v>561</v>
      </c>
      <c r="B9021" t="s">
        <v>562</v>
      </c>
      <c r="C9021" t="s">
        <v>563</v>
      </c>
      <c r="D9021" t="s">
        <v>344</v>
      </c>
      <c r="E9021" t="s">
        <v>13</v>
      </c>
      <c r="F9021">
        <v>5061</v>
      </c>
      <c r="G9021" t="s">
        <v>564</v>
      </c>
      <c r="H9021">
        <v>4.7011719864339998</v>
      </c>
      <c r="I9021">
        <v>51.820237783703</v>
      </c>
      <c r="J9021" t="s">
        <v>64706</v>
      </c>
    </row>
    <row r="9022" spans="1:10" x14ac:dyDescent="0.25">
      <c r="A9022" t="s">
        <v>557</v>
      </c>
      <c r="B9022" t="s">
        <v>558</v>
      </c>
      <c r="C9022" t="s">
        <v>559</v>
      </c>
      <c r="D9022" t="s">
        <v>344</v>
      </c>
      <c r="E9022" t="s">
        <v>13</v>
      </c>
      <c r="F9022">
        <v>5060</v>
      </c>
      <c r="G9022" t="s">
        <v>560</v>
      </c>
      <c r="H9022">
        <v>4.7312781483600004</v>
      </c>
      <c r="I9022">
        <v>51.810784505565998</v>
      </c>
      <c r="J9022" t="s">
        <v>64707</v>
      </c>
    </row>
    <row r="9023" spans="1:10" x14ac:dyDescent="0.25">
      <c r="A9023" t="s">
        <v>553</v>
      </c>
      <c r="B9023" t="s">
        <v>554</v>
      </c>
      <c r="C9023" t="s">
        <v>555</v>
      </c>
      <c r="D9023" t="s">
        <v>344</v>
      </c>
      <c r="E9023" t="s">
        <v>13</v>
      </c>
      <c r="F9023">
        <v>5059</v>
      </c>
      <c r="G9023" t="s">
        <v>556</v>
      </c>
      <c r="H9023">
        <v>4.7193004857609999</v>
      </c>
      <c r="I9023">
        <v>51.812825251786997</v>
      </c>
      <c r="J9023" t="s">
        <v>64708</v>
      </c>
    </row>
    <row r="9024" spans="1:10" x14ac:dyDescent="0.25">
      <c r="A9024" t="s">
        <v>549</v>
      </c>
      <c r="B9024" t="s">
        <v>550</v>
      </c>
      <c r="C9024" t="s">
        <v>551</v>
      </c>
      <c r="D9024" t="s">
        <v>344</v>
      </c>
      <c r="E9024" t="s">
        <v>13</v>
      </c>
      <c r="F9024">
        <v>5058</v>
      </c>
      <c r="G9024" t="s">
        <v>552</v>
      </c>
      <c r="H9024">
        <v>4.711461380697</v>
      </c>
      <c r="I9024">
        <v>51.815016088360998</v>
      </c>
      <c r="J9024" t="s">
        <v>64709</v>
      </c>
    </row>
    <row r="9025" spans="1:10" x14ac:dyDescent="0.25">
      <c r="A9025" t="s">
        <v>545</v>
      </c>
      <c r="B9025" t="s">
        <v>546</v>
      </c>
      <c r="C9025" t="s">
        <v>547</v>
      </c>
      <c r="D9025" t="s">
        <v>344</v>
      </c>
      <c r="E9025" t="s">
        <v>13</v>
      </c>
      <c r="F9025">
        <v>5057</v>
      </c>
      <c r="G9025" t="s">
        <v>548</v>
      </c>
      <c r="H9025">
        <v>4.6952407489320001</v>
      </c>
      <c r="I9025">
        <v>51.817654200177998</v>
      </c>
      <c r="J9025" t="s">
        <v>64710</v>
      </c>
    </row>
    <row r="9026" spans="1:10" x14ac:dyDescent="0.25">
      <c r="A9026" t="s">
        <v>541</v>
      </c>
      <c r="B9026" t="s">
        <v>542</v>
      </c>
      <c r="C9026" t="s">
        <v>543</v>
      </c>
      <c r="D9026" t="s">
        <v>344</v>
      </c>
      <c r="E9026" t="s">
        <v>13</v>
      </c>
      <c r="F9026">
        <v>5056</v>
      </c>
      <c r="G9026" t="s">
        <v>544</v>
      </c>
      <c r="H9026">
        <v>4.690762463525</v>
      </c>
      <c r="I9026">
        <v>51.817954944770001</v>
      </c>
      <c r="J9026" t="s">
        <v>64711</v>
      </c>
    </row>
    <row r="9027" spans="1:10" x14ac:dyDescent="0.25">
      <c r="A9027" t="s">
        <v>537</v>
      </c>
      <c r="B9027" t="s">
        <v>538</v>
      </c>
      <c r="C9027" t="s">
        <v>539</v>
      </c>
      <c r="D9027" t="s">
        <v>344</v>
      </c>
      <c r="E9027" t="s">
        <v>13</v>
      </c>
      <c r="F9027">
        <v>5055</v>
      </c>
      <c r="G9027" t="s">
        <v>540</v>
      </c>
      <c r="H9027">
        <v>4.7048713085529998</v>
      </c>
      <c r="I9027">
        <v>51.815679924229002</v>
      </c>
      <c r="J9027" t="s">
        <v>64712</v>
      </c>
    </row>
    <row r="9028" spans="1:10" x14ac:dyDescent="0.25">
      <c r="A9028" t="s">
        <v>533</v>
      </c>
      <c r="B9028" t="s">
        <v>534</v>
      </c>
      <c r="C9028" t="s">
        <v>535</v>
      </c>
      <c r="D9028" t="s">
        <v>344</v>
      </c>
      <c r="E9028" t="s">
        <v>13</v>
      </c>
      <c r="F9028">
        <v>5054</v>
      </c>
      <c r="G9028" t="s">
        <v>536</v>
      </c>
      <c r="H9028">
        <v>4.7000402868039997</v>
      </c>
      <c r="I9028">
        <v>51.816701565179997</v>
      </c>
      <c r="J9028" t="s">
        <v>64713</v>
      </c>
    </row>
    <row r="9029" spans="1:10" x14ac:dyDescent="0.25">
      <c r="A9029" t="s">
        <v>529</v>
      </c>
      <c r="B9029" t="s">
        <v>530</v>
      </c>
      <c r="C9029" t="s">
        <v>531</v>
      </c>
      <c r="D9029" t="s">
        <v>344</v>
      </c>
      <c r="E9029" t="s">
        <v>13</v>
      </c>
      <c r="F9029">
        <v>5053</v>
      </c>
      <c r="G9029" t="s">
        <v>532</v>
      </c>
      <c r="H9029">
        <v>4.690956633071</v>
      </c>
      <c r="I9029">
        <v>51.801676763343998</v>
      </c>
      <c r="J9029" t="s">
        <v>64714</v>
      </c>
    </row>
    <row r="9030" spans="1:10" x14ac:dyDescent="0.25">
      <c r="A9030" t="s">
        <v>525</v>
      </c>
      <c r="B9030" t="s">
        <v>526</v>
      </c>
      <c r="C9030" t="s">
        <v>527</v>
      </c>
      <c r="D9030" t="s">
        <v>344</v>
      </c>
      <c r="E9030" t="s">
        <v>13</v>
      </c>
      <c r="F9030">
        <v>5052</v>
      </c>
      <c r="G9030" t="s">
        <v>528</v>
      </c>
      <c r="H9030">
        <v>4.6810478510050002</v>
      </c>
      <c r="I9030">
        <v>51.798891933604999</v>
      </c>
      <c r="J9030" t="s">
        <v>64715</v>
      </c>
    </row>
    <row r="9031" spans="1:10" x14ac:dyDescent="0.25">
      <c r="A9031" t="s">
        <v>521</v>
      </c>
      <c r="B9031" t="s">
        <v>522</v>
      </c>
      <c r="C9031" t="s">
        <v>523</v>
      </c>
      <c r="D9031" t="s">
        <v>344</v>
      </c>
      <c r="E9031" t="s">
        <v>13</v>
      </c>
      <c r="F9031">
        <v>5051</v>
      </c>
      <c r="G9031" t="s">
        <v>524</v>
      </c>
      <c r="H9031">
        <v>4.6829236358350004</v>
      </c>
      <c r="I9031">
        <v>51.802450260333998</v>
      </c>
      <c r="J9031" t="s">
        <v>64716</v>
      </c>
    </row>
    <row r="9032" spans="1:10" x14ac:dyDescent="0.25">
      <c r="A9032" t="s">
        <v>517</v>
      </c>
      <c r="B9032" t="s">
        <v>518</v>
      </c>
      <c r="C9032" t="s">
        <v>519</v>
      </c>
      <c r="D9032" t="s">
        <v>344</v>
      </c>
      <c r="E9032" t="s">
        <v>13</v>
      </c>
      <c r="F9032">
        <v>5050</v>
      </c>
      <c r="G9032" t="s">
        <v>520</v>
      </c>
      <c r="H9032">
        <v>4.6852722536569997</v>
      </c>
      <c r="I9032">
        <v>51.80424005167</v>
      </c>
      <c r="J9032" t="s">
        <v>64717</v>
      </c>
    </row>
    <row r="9033" spans="1:10" x14ac:dyDescent="0.25">
      <c r="A9033" t="s">
        <v>513</v>
      </c>
      <c r="B9033" t="s">
        <v>514</v>
      </c>
      <c r="C9033" t="s">
        <v>515</v>
      </c>
      <c r="D9033" t="s">
        <v>344</v>
      </c>
      <c r="E9033" t="s">
        <v>13</v>
      </c>
      <c r="F9033">
        <v>5049</v>
      </c>
      <c r="G9033" t="s">
        <v>516</v>
      </c>
      <c r="H9033">
        <v>4.6788056014199997</v>
      </c>
      <c r="I9033">
        <v>51.804931393003002</v>
      </c>
      <c r="J9033" t="s">
        <v>64718</v>
      </c>
    </row>
    <row r="9034" spans="1:10" x14ac:dyDescent="0.25">
      <c r="A9034" t="s">
        <v>509</v>
      </c>
      <c r="B9034" t="s">
        <v>510</v>
      </c>
      <c r="C9034" t="s">
        <v>511</v>
      </c>
      <c r="D9034" t="s">
        <v>344</v>
      </c>
      <c r="E9034" t="s">
        <v>13</v>
      </c>
      <c r="F9034">
        <v>5048</v>
      </c>
      <c r="G9034" t="s">
        <v>512</v>
      </c>
      <c r="H9034">
        <v>4.6904928343029999</v>
      </c>
      <c r="I9034">
        <v>51.807751168095997</v>
      </c>
      <c r="J9034" t="s">
        <v>64719</v>
      </c>
    </row>
    <row r="9035" spans="1:10" x14ac:dyDescent="0.25">
      <c r="A9035" t="s">
        <v>505</v>
      </c>
      <c r="B9035" t="s">
        <v>506</v>
      </c>
      <c r="C9035" t="s">
        <v>507</v>
      </c>
      <c r="D9035" t="s">
        <v>344</v>
      </c>
      <c r="E9035" t="s">
        <v>13</v>
      </c>
      <c r="F9035">
        <v>5047</v>
      </c>
      <c r="G9035" t="s">
        <v>508</v>
      </c>
      <c r="H9035">
        <v>4.6880625040129997</v>
      </c>
      <c r="I9035">
        <v>51.807589808488999</v>
      </c>
      <c r="J9035" t="s">
        <v>64720</v>
      </c>
    </row>
    <row r="9036" spans="1:10" x14ac:dyDescent="0.25">
      <c r="A9036" t="s">
        <v>501</v>
      </c>
      <c r="B9036" t="s">
        <v>502</v>
      </c>
      <c r="C9036" t="s">
        <v>503</v>
      </c>
      <c r="D9036" t="s">
        <v>344</v>
      </c>
      <c r="E9036" t="s">
        <v>13</v>
      </c>
      <c r="F9036">
        <v>5046</v>
      </c>
      <c r="G9036" t="s">
        <v>504</v>
      </c>
      <c r="H9036">
        <v>4.6826779489900003</v>
      </c>
      <c r="I9036">
        <v>51.808861032830997</v>
      </c>
      <c r="J9036" t="s">
        <v>64721</v>
      </c>
    </row>
    <row r="9037" spans="1:10" x14ac:dyDescent="0.25">
      <c r="A9037" t="s">
        <v>497</v>
      </c>
      <c r="B9037" t="s">
        <v>498</v>
      </c>
      <c r="C9037" t="s">
        <v>499</v>
      </c>
      <c r="D9037" t="s">
        <v>344</v>
      </c>
      <c r="E9037" t="s">
        <v>13</v>
      </c>
      <c r="F9037">
        <v>5045</v>
      </c>
      <c r="G9037" t="s">
        <v>500</v>
      </c>
      <c r="H9037">
        <v>4.682871233757</v>
      </c>
      <c r="I9037">
        <v>51.806680871939001</v>
      </c>
      <c r="J9037" t="s">
        <v>64722</v>
      </c>
    </row>
    <row r="9038" spans="1:10" x14ac:dyDescent="0.25">
      <c r="A9038" t="s">
        <v>493</v>
      </c>
      <c r="B9038" t="s">
        <v>494</v>
      </c>
      <c r="C9038" t="s">
        <v>495</v>
      </c>
      <c r="D9038" t="s">
        <v>344</v>
      </c>
      <c r="E9038" t="s">
        <v>13</v>
      </c>
      <c r="F9038">
        <v>5044</v>
      </c>
      <c r="G9038" t="s">
        <v>496</v>
      </c>
      <c r="H9038">
        <v>4.6770676162790004</v>
      </c>
      <c r="I9038">
        <v>51.807324763464003</v>
      </c>
      <c r="J9038" t="s">
        <v>64723</v>
      </c>
    </row>
    <row r="9039" spans="1:10" x14ac:dyDescent="0.25">
      <c r="A9039" t="s">
        <v>489</v>
      </c>
      <c r="B9039" t="s">
        <v>490</v>
      </c>
      <c r="C9039" t="s">
        <v>491</v>
      </c>
      <c r="D9039" t="s">
        <v>344</v>
      </c>
      <c r="E9039" t="s">
        <v>13</v>
      </c>
      <c r="F9039">
        <v>5043</v>
      </c>
      <c r="G9039" t="s">
        <v>492</v>
      </c>
      <c r="H9039">
        <v>4.6960402346899999</v>
      </c>
      <c r="I9039">
        <v>51.812012048806999</v>
      </c>
      <c r="J9039" t="s">
        <v>64724</v>
      </c>
    </row>
    <row r="9040" spans="1:10" x14ac:dyDescent="0.25">
      <c r="A9040" t="s">
        <v>485</v>
      </c>
      <c r="B9040" t="s">
        <v>486</v>
      </c>
      <c r="C9040" t="s">
        <v>487</v>
      </c>
      <c r="D9040" t="s">
        <v>344</v>
      </c>
      <c r="E9040" t="s">
        <v>13</v>
      </c>
      <c r="F9040">
        <v>5042</v>
      </c>
      <c r="G9040" t="s">
        <v>488</v>
      </c>
      <c r="H9040">
        <v>4.6754138662000004</v>
      </c>
      <c r="I9040">
        <v>51.800659173718998</v>
      </c>
      <c r="J9040" t="s">
        <v>64725</v>
      </c>
    </row>
    <row r="9041" spans="1:10" x14ac:dyDescent="0.25">
      <c r="A9041" t="s">
        <v>481</v>
      </c>
      <c r="B9041" t="s">
        <v>482</v>
      </c>
      <c r="C9041" t="s">
        <v>483</v>
      </c>
      <c r="D9041" t="s">
        <v>344</v>
      </c>
      <c r="E9041" t="s">
        <v>13</v>
      </c>
      <c r="F9041">
        <v>5041</v>
      </c>
      <c r="G9041" t="s">
        <v>484</v>
      </c>
      <c r="H9041">
        <v>4.6669308346139999</v>
      </c>
      <c r="I9041">
        <v>51.806057333792999</v>
      </c>
      <c r="J9041" t="s">
        <v>64726</v>
      </c>
    </row>
    <row r="9042" spans="1:10" x14ac:dyDescent="0.25">
      <c r="A9042" t="s">
        <v>477</v>
      </c>
      <c r="B9042" t="s">
        <v>478</v>
      </c>
      <c r="C9042" t="s">
        <v>479</v>
      </c>
      <c r="D9042" t="s">
        <v>344</v>
      </c>
      <c r="E9042" t="s">
        <v>13</v>
      </c>
      <c r="F9042">
        <v>5040</v>
      </c>
      <c r="G9042" t="s">
        <v>480</v>
      </c>
      <c r="H9042">
        <v>4.6765498069660003</v>
      </c>
      <c r="I9042">
        <v>51.804740930926002</v>
      </c>
      <c r="J9042" t="s">
        <v>64727</v>
      </c>
    </row>
    <row r="9043" spans="1:10" x14ac:dyDescent="0.25">
      <c r="A9043" t="s">
        <v>473</v>
      </c>
      <c r="B9043" t="s">
        <v>474</v>
      </c>
      <c r="C9043" t="s">
        <v>475</v>
      </c>
      <c r="D9043" t="s">
        <v>344</v>
      </c>
      <c r="E9043" t="s">
        <v>13</v>
      </c>
      <c r="F9043">
        <v>5039</v>
      </c>
      <c r="G9043" t="s">
        <v>476</v>
      </c>
      <c r="H9043">
        <v>4.6744667968969997</v>
      </c>
      <c r="I9043">
        <v>51.804318460201998</v>
      </c>
      <c r="J9043" t="s">
        <v>64728</v>
      </c>
    </row>
    <row r="9044" spans="1:10" x14ac:dyDescent="0.25">
      <c r="A9044" t="s">
        <v>469</v>
      </c>
      <c r="B9044" t="s">
        <v>470</v>
      </c>
      <c r="C9044" t="s">
        <v>471</v>
      </c>
      <c r="D9044" t="s">
        <v>344</v>
      </c>
      <c r="E9044" t="s">
        <v>13</v>
      </c>
      <c r="F9044">
        <v>5038</v>
      </c>
      <c r="G9044" t="s">
        <v>472</v>
      </c>
      <c r="H9044">
        <v>4.6714146021309997</v>
      </c>
      <c r="I9044">
        <v>51.803550047728997</v>
      </c>
      <c r="J9044" t="s">
        <v>64729</v>
      </c>
    </row>
    <row r="9045" spans="1:10" x14ac:dyDescent="0.25">
      <c r="A9045" t="s">
        <v>465</v>
      </c>
      <c r="B9045" t="s">
        <v>466</v>
      </c>
      <c r="C9045" t="s">
        <v>467</v>
      </c>
      <c r="D9045" t="s">
        <v>344</v>
      </c>
      <c r="E9045" t="s">
        <v>13</v>
      </c>
      <c r="F9045">
        <v>5037</v>
      </c>
      <c r="G9045" t="s">
        <v>468</v>
      </c>
      <c r="H9045">
        <v>4.6702178144140003</v>
      </c>
      <c r="I9045">
        <v>51.799030531692999</v>
      </c>
      <c r="J9045" t="s">
        <v>64730</v>
      </c>
    </row>
    <row r="9046" spans="1:10" x14ac:dyDescent="0.25">
      <c r="A9046" t="s">
        <v>461</v>
      </c>
      <c r="B9046" t="s">
        <v>462</v>
      </c>
      <c r="C9046" t="s">
        <v>463</v>
      </c>
      <c r="D9046" t="s">
        <v>344</v>
      </c>
      <c r="E9046" t="s">
        <v>13</v>
      </c>
      <c r="F9046">
        <v>5036</v>
      </c>
      <c r="G9046" t="s">
        <v>464</v>
      </c>
      <c r="H9046">
        <v>4.6674115398950002</v>
      </c>
      <c r="I9046">
        <v>51.802102411310997</v>
      </c>
      <c r="J9046" t="s">
        <v>64731</v>
      </c>
    </row>
    <row r="9047" spans="1:10" x14ac:dyDescent="0.25">
      <c r="A9047" t="s">
        <v>457</v>
      </c>
      <c r="B9047" t="s">
        <v>458</v>
      </c>
      <c r="C9047" t="s">
        <v>459</v>
      </c>
      <c r="D9047" t="s">
        <v>344</v>
      </c>
      <c r="E9047" t="s">
        <v>13</v>
      </c>
      <c r="F9047">
        <v>5035</v>
      </c>
      <c r="G9047" t="s">
        <v>460</v>
      </c>
      <c r="H9047">
        <v>4.6627762343140002</v>
      </c>
      <c r="I9047">
        <v>51.796666371941001</v>
      </c>
      <c r="J9047" t="s">
        <v>64732</v>
      </c>
    </row>
    <row r="9048" spans="1:10" x14ac:dyDescent="0.25">
      <c r="A9048" t="s">
        <v>453</v>
      </c>
      <c r="B9048" t="s">
        <v>454</v>
      </c>
      <c r="C9048" t="s">
        <v>455</v>
      </c>
      <c r="D9048" t="s">
        <v>344</v>
      </c>
      <c r="E9048" t="s">
        <v>13</v>
      </c>
      <c r="F9048">
        <v>5034</v>
      </c>
      <c r="G9048" t="s">
        <v>456</v>
      </c>
      <c r="H9048">
        <v>4.6601827708889996</v>
      </c>
      <c r="I9048">
        <v>51.804434665744999</v>
      </c>
      <c r="J9048" t="s">
        <v>64733</v>
      </c>
    </row>
    <row r="9049" spans="1:10" x14ac:dyDescent="0.25">
      <c r="A9049" t="s">
        <v>449</v>
      </c>
      <c r="B9049" t="s">
        <v>450</v>
      </c>
      <c r="C9049" t="s">
        <v>451</v>
      </c>
      <c r="D9049" t="s">
        <v>344</v>
      </c>
      <c r="E9049" t="s">
        <v>13</v>
      </c>
      <c r="F9049">
        <v>5033</v>
      </c>
      <c r="G9049" t="s">
        <v>452</v>
      </c>
      <c r="H9049">
        <v>4.6627716056709998</v>
      </c>
      <c r="I9049">
        <v>51.801530094133</v>
      </c>
      <c r="J9049" t="s">
        <v>64734</v>
      </c>
    </row>
    <row r="9050" spans="1:10" x14ac:dyDescent="0.25">
      <c r="A9050" t="s">
        <v>445</v>
      </c>
      <c r="B9050" t="s">
        <v>446</v>
      </c>
      <c r="C9050" t="s">
        <v>447</v>
      </c>
      <c r="D9050" t="s">
        <v>344</v>
      </c>
      <c r="E9050" t="s">
        <v>13</v>
      </c>
      <c r="F9050">
        <v>5032</v>
      </c>
      <c r="G9050" t="s">
        <v>448</v>
      </c>
      <c r="H9050">
        <v>4.6606871797930003</v>
      </c>
      <c r="I9050">
        <v>51.798242172945002</v>
      </c>
      <c r="J9050" t="s">
        <v>64735</v>
      </c>
    </row>
    <row r="9051" spans="1:10" x14ac:dyDescent="0.25">
      <c r="A9051" t="s">
        <v>441</v>
      </c>
      <c r="B9051" t="s">
        <v>442</v>
      </c>
      <c r="C9051" t="s">
        <v>443</v>
      </c>
      <c r="D9051" t="s">
        <v>344</v>
      </c>
      <c r="E9051" t="s">
        <v>13</v>
      </c>
      <c r="F9051">
        <v>5031</v>
      </c>
      <c r="G9051" t="s">
        <v>444</v>
      </c>
      <c r="H9051">
        <v>4.6573736435789996</v>
      </c>
      <c r="I9051">
        <v>51.800392112239997</v>
      </c>
      <c r="J9051" t="s">
        <v>64736</v>
      </c>
    </row>
    <row r="9052" spans="1:10" x14ac:dyDescent="0.25">
      <c r="A9052" t="s">
        <v>437</v>
      </c>
      <c r="B9052" t="s">
        <v>438</v>
      </c>
      <c r="C9052" t="s">
        <v>439</v>
      </c>
      <c r="D9052" t="s">
        <v>344</v>
      </c>
      <c r="E9052" t="s">
        <v>13</v>
      </c>
      <c r="F9052">
        <v>5030</v>
      </c>
      <c r="G9052" t="s">
        <v>440</v>
      </c>
      <c r="H9052">
        <v>4.6578846318720002</v>
      </c>
      <c r="I9052">
        <v>51.806893772938999</v>
      </c>
      <c r="J9052" t="s">
        <v>64737</v>
      </c>
    </row>
    <row r="9053" spans="1:10" x14ac:dyDescent="0.25">
      <c r="A9053" t="s">
        <v>433</v>
      </c>
      <c r="B9053" t="s">
        <v>434</v>
      </c>
      <c r="C9053" t="s">
        <v>435</v>
      </c>
      <c r="D9053" t="s">
        <v>344</v>
      </c>
      <c r="E9053" t="s">
        <v>13</v>
      </c>
      <c r="F9053">
        <v>5029</v>
      </c>
      <c r="G9053" t="s">
        <v>436</v>
      </c>
      <c r="H9053">
        <v>4.6535085551469999</v>
      </c>
      <c r="I9053">
        <v>51.803219553368997</v>
      </c>
      <c r="J9053" t="s">
        <v>64738</v>
      </c>
    </row>
    <row r="9054" spans="1:10" x14ac:dyDescent="0.25">
      <c r="A9054" t="s">
        <v>429</v>
      </c>
      <c r="B9054" t="s">
        <v>430</v>
      </c>
      <c r="C9054" t="s">
        <v>431</v>
      </c>
      <c r="D9054" t="s">
        <v>344</v>
      </c>
      <c r="E9054" t="s">
        <v>13</v>
      </c>
      <c r="F9054">
        <v>5028</v>
      </c>
      <c r="G9054" t="s">
        <v>432</v>
      </c>
      <c r="H9054">
        <v>4.6543810333789999</v>
      </c>
      <c r="I9054">
        <v>51.798242254493999</v>
      </c>
      <c r="J9054" t="s">
        <v>64739</v>
      </c>
    </row>
    <row r="9055" spans="1:10" x14ac:dyDescent="0.25">
      <c r="A9055" t="s">
        <v>425</v>
      </c>
      <c r="B9055" t="s">
        <v>426</v>
      </c>
      <c r="C9055" t="s">
        <v>427</v>
      </c>
      <c r="D9055" t="s">
        <v>344</v>
      </c>
      <c r="E9055" t="s">
        <v>13</v>
      </c>
      <c r="F9055">
        <v>5027</v>
      </c>
      <c r="G9055" t="s">
        <v>428</v>
      </c>
      <c r="H9055">
        <v>4.6771390381430002</v>
      </c>
      <c r="I9055">
        <v>51.810594600274001</v>
      </c>
      <c r="J9055" t="s">
        <v>64740</v>
      </c>
    </row>
    <row r="9056" spans="1:10" x14ac:dyDescent="0.25">
      <c r="A9056" t="s">
        <v>421</v>
      </c>
      <c r="B9056" t="s">
        <v>422</v>
      </c>
      <c r="C9056" t="s">
        <v>423</v>
      </c>
      <c r="D9056" t="s">
        <v>344</v>
      </c>
      <c r="E9056" t="s">
        <v>13</v>
      </c>
      <c r="F9056">
        <v>5026</v>
      </c>
      <c r="G9056" t="s">
        <v>424</v>
      </c>
      <c r="H9056">
        <v>4.6732657176499997</v>
      </c>
      <c r="I9056">
        <v>51.81209836232</v>
      </c>
      <c r="J9056" t="s">
        <v>64741</v>
      </c>
    </row>
    <row r="9057" spans="1:10" x14ac:dyDescent="0.25">
      <c r="A9057" t="s">
        <v>417</v>
      </c>
      <c r="B9057" t="s">
        <v>418</v>
      </c>
      <c r="C9057" t="s">
        <v>419</v>
      </c>
      <c r="D9057" t="s">
        <v>344</v>
      </c>
      <c r="E9057" t="s">
        <v>13</v>
      </c>
      <c r="F9057">
        <v>5025</v>
      </c>
      <c r="G9057" t="s">
        <v>420</v>
      </c>
      <c r="H9057">
        <v>4.6809137926710003</v>
      </c>
      <c r="I9057">
        <v>51.813587418849998</v>
      </c>
      <c r="J9057" t="s">
        <v>64742</v>
      </c>
    </row>
    <row r="9058" spans="1:10" x14ac:dyDescent="0.25">
      <c r="A9058" t="s">
        <v>413</v>
      </c>
      <c r="B9058" t="s">
        <v>414</v>
      </c>
      <c r="C9058" t="s">
        <v>415</v>
      </c>
      <c r="D9058" t="s">
        <v>344</v>
      </c>
      <c r="E9058" t="s">
        <v>13</v>
      </c>
      <c r="F9058">
        <v>5024</v>
      </c>
      <c r="G9058" t="s">
        <v>416</v>
      </c>
      <c r="H9058">
        <v>4.676268830952</v>
      </c>
      <c r="I9058">
        <v>51.814945508774997</v>
      </c>
      <c r="J9058" t="s">
        <v>64743</v>
      </c>
    </row>
    <row r="9059" spans="1:10" x14ac:dyDescent="0.25">
      <c r="A9059" t="s">
        <v>409</v>
      </c>
      <c r="B9059" t="s">
        <v>410</v>
      </c>
      <c r="C9059" t="s">
        <v>411</v>
      </c>
      <c r="D9059" t="s">
        <v>344</v>
      </c>
      <c r="E9059" t="s">
        <v>13</v>
      </c>
      <c r="F9059">
        <v>5023</v>
      </c>
      <c r="G9059" t="s">
        <v>412</v>
      </c>
      <c r="H9059">
        <v>4.6819719186419997</v>
      </c>
      <c r="I9059">
        <v>51.815936300975999</v>
      </c>
      <c r="J9059" t="s">
        <v>64744</v>
      </c>
    </row>
    <row r="9060" spans="1:10" x14ac:dyDescent="0.25">
      <c r="A9060" t="s">
        <v>405</v>
      </c>
      <c r="B9060" t="s">
        <v>406</v>
      </c>
      <c r="C9060" t="s">
        <v>407</v>
      </c>
      <c r="D9060" t="s">
        <v>344</v>
      </c>
      <c r="E9060" t="s">
        <v>13</v>
      </c>
      <c r="F9060">
        <v>5022</v>
      </c>
      <c r="G9060" t="s">
        <v>408</v>
      </c>
      <c r="H9060">
        <v>4.6830575817369997</v>
      </c>
      <c r="I9060">
        <v>51.818894042398</v>
      </c>
      <c r="J9060" t="s">
        <v>64745</v>
      </c>
    </row>
    <row r="9061" spans="1:10" x14ac:dyDescent="0.25">
      <c r="A9061" t="s">
        <v>401</v>
      </c>
      <c r="B9061" t="s">
        <v>402</v>
      </c>
      <c r="C9061" t="s">
        <v>403</v>
      </c>
      <c r="D9061" t="s">
        <v>344</v>
      </c>
      <c r="E9061" t="s">
        <v>13</v>
      </c>
      <c r="F9061">
        <v>5021</v>
      </c>
      <c r="G9061" t="s">
        <v>404</v>
      </c>
      <c r="H9061">
        <v>4.6726169899179997</v>
      </c>
      <c r="I9061">
        <v>51.818046210129999</v>
      </c>
      <c r="J9061" t="s">
        <v>64746</v>
      </c>
    </row>
    <row r="9062" spans="1:10" x14ac:dyDescent="0.25">
      <c r="A9062" t="s">
        <v>397</v>
      </c>
      <c r="B9062" t="s">
        <v>398</v>
      </c>
      <c r="C9062" t="s">
        <v>399</v>
      </c>
      <c r="D9062" t="s">
        <v>344</v>
      </c>
      <c r="E9062" t="s">
        <v>13</v>
      </c>
      <c r="F9062">
        <v>5020</v>
      </c>
      <c r="G9062" t="s">
        <v>400</v>
      </c>
      <c r="H9062">
        <v>4.6697578142609997</v>
      </c>
      <c r="I9062">
        <v>51.810105759507998</v>
      </c>
      <c r="J9062" t="s">
        <v>64747</v>
      </c>
    </row>
    <row r="9063" spans="1:10" x14ac:dyDescent="0.25">
      <c r="A9063" t="s">
        <v>393</v>
      </c>
      <c r="B9063" t="s">
        <v>394</v>
      </c>
      <c r="C9063" t="s">
        <v>395</v>
      </c>
      <c r="D9063" t="s">
        <v>344</v>
      </c>
      <c r="E9063" t="s">
        <v>13</v>
      </c>
      <c r="F9063">
        <v>5019</v>
      </c>
      <c r="G9063" t="s">
        <v>396</v>
      </c>
      <c r="H9063">
        <v>4.6678567569569998</v>
      </c>
      <c r="I9063">
        <v>51.808287200220001</v>
      </c>
      <c r="J9063" t="s">
        <v>64748</v>
      </c>
    </row>
    <row r="9064" spans="1:10" x14ac:dyDescent="0.25">
      <c r="A9064" t="s">
        <v>389</v>
      </c>
      <c r="B9064" t="s">
        <v>390</v>
      </c>
      <c r="C9064" t="s">
        <v>391</v>
      </c>
      <c r="D9064" t="s">
        <v>344</v>
      </c>
      <c r="E9064" t="s">
        <v>13</v>
      </c>
      <c r="F9064">
        <v>5018</v>
      </c>
      <c r="G9064" t="s">
        <v>392</v>
      </c>
      <c r="H9064">
        <v>4.6657350714539998</v>
      </c>
      <c r="I9064">
        <v>51.810546532205997</v>
      </c>
      <c r="J9064" t="s">
        <v>64749</v>
      </c>
    </row>
    <row r="9065" spans="1:10" x14ac:dyDescent="0.25">
      <c r="A9065" t="s">
        <v>385</v>
      </c>
      <c r="B9065" t="s">
        <v>386</v>
      </c>
      <c r="C9065" t="s">
        <v>387</v>
      </c>
      <c r="D9065" t="s">
        <v>344</v>
      </c>
      <c r="E9065" t="s">
        <v>13</v>
      </c>
      <c r="F9065">
        <v>5017</v>
      </c>
      <c r="G9065" t="s">
        <v>388</v>
      </c>
      <c r="H9065">
        <v>4.6595217487460001</v>
      </c>
      <c r="I9065">
        <v>51.809341451237003</v>
      </c>
      <c r="J9065" t="s">
        <v>64750</v>
      </c>
    </row>
    <row r="9066" spans="1:10" x14ac:dyDescent="0.25">
      <c r="A9066" t="s">
        <v>381</v>
      </c>
      <c r="B9066" t="s">
        <v>382</v>
      </c>
      <c r="C9066" t="s">
        <v>383</v>
      </c>
      <c r="D9066" t="s">
        <v>344</v>
      </c>
      <c r="E9066" t="s">
        <v>13</v>
      </c>
      <c r="F9066">
        <v>5016</v>
      </c>
      <c r="G9066" t="s">
        <v>384</v>
      </c>
      <c r="H9066">
        <v>4.6605533650000002</v>
      </c>
      <c r="I9066">
        <v>51.811172200352999</v>
      </c>
      <c r="J9066" t="s">
        <v>64751</v>
      </c>
    </row>
    <row r="9067" spans="1:10" x14ac:dyDescent="0.25">
      <c r="A9067" t="s">
        <v>377</v>
      </c>
      <c r="B9067" t="s">
        <v>378</v>
      </c>
      <c r="C9067" t="s">
        <v>379</v>
      </c>
      <c r="D9067" t="s">
        <v>344</v>
      </c>
      <c r="E9067" t="s">
        <v>13</v>
      </c>
      <c r="F9067">
        <v>5015</v>
      </c>
      <c r="G9067" t="s">
        <v>380</v>
      </c>
      <c r="H9067">
        <v>4.671711173037</v>
      </c>
      <c r="I9067">
        <v>51.814687536763003</v>
      </c>
      <c r="J9067" t="s">
        <v>64752</v>
      </c>
    </row>
    <row r="9068" spans="1:10" x14ac:dyDescent="0.25">
      <c r="A9068" t="s">
        <v>374</v>
      </c>
      <c r="B9068" t="s">
        <v>375</v>
      </c>
      <c r="C9068" t="s">
        <v>129</v>
      </c>
      <c r="D9068" t="s">
        <v>344</v>
      </c>
      <c r="E9068" t="s">
        <v>13</v>
      </c>
      <c r="F9068">
        <v>5014</v>
      </c>
      <c r="G9068" t="s">
        <v>376</v>
      </c>
      <c r="H9068">
        <v>4.6685452543780004</v>
      </c>
      <c r="I9068">
        <v>51.813520362730998</v>
      </c>
      <c r="J9068" t="s">
        <v>64753</v>
      </c>
    </row>
    <row r="9069" spans="1:10" x14ac:dyDescent="0.25">
      <c r="A9069" t="s">
        <v>370</v>
      </c>
      <c r="B9069" t="s">
        <v>371</v>
      </c>
      <c r="C9069" t="s">
        <v>372</v>
      </c>
      <c r="D9069" t="s">
        <v>344</v>
      </c>
      <c r="E9069" t="s">
        <v>13</v>
      </c>
      <c r="F9069">
        <v>5013</v>
      </c>
      <c r="G9069" t="s">
        <v>373</v>
      </c>
      <c r="H9069">
        <v>4.6648657693300004</v>
      </c>
      <c r="I9069">
        <v>51.812841885768997</v>
      </c>
      <c r="J9069" t="s">
        <v>64754</v>
      </c>
    </row>
    <row r="9070" spans="1:10" x14ac:dyDescent="0.25">
      <c r="A9070" t="s">
        <v>366</v>
      </c>
      <c r="B9070" t="s">
        <v>367</v>
      </c>
      <c r="C9070" t="s">
        <v>368</v>
      </c>
      <c r="D9070" t="s">
        <v>344</v>
      </c>
      <c r="E9070" t="s">
        <v>13</v>
      </c>
      <c r="F9070">
        <v>5012</v>
      </c>
      <c r="G9070" t="s">
        <v>369</v>
      </c>
      <c r="H9070">
        <v>4.6611289785369996</v>
      </c>
      <c r="I9070">
        <v>51.813008356030998</v>
      </c>
      <c r="J9070" t="s">
        <v>64755</v>
      </c>
    </row>
    <row r="9071" spans="1:10" x14ac:dyDescent="0.25">
      <c r="A9071" t="s">
        <v>362</v>
      </c>
      <c r="B9071" t="s">
        <v>363</v>
      </c>
      <c r="C9071" t="s">
        <v>364</v>
      </c>
      <c r="D9071" t="s">
        <v>344</v>
      </c>
      <c r="E9071" t="s">
        <v>13</v>
      </c>
      <c r="F9071">
        <v>5011</v>
      </c>
      <c r="G9071" t="s">
        <v>365</v>
      </c>
      <c r="H9071">
        <v>4.6549117168310001</v>
      </c>
      <c r="I9071">
        <v>51.810958313561997</v>
      </c>
      <c r="J9071" t="s">
        <v>64756</v>
      </c>
    </row>
    <row r="9072" spans="1:10" x14ac:dyDescent="0.25">
      <c r="A9072" t="s">
        <v>358</v>
      </c>
      <c r="B9072" t="s">
        <v>359</v>
      </c>
      <c r="C9072" t="s">
        <v>360</v>
      </c>
      <c r="D9072" t="s">
        <v>344</v>
      </c>
      <c r="E9072" t="s">
        <v>13</v>
      </c>
      <c r="F9072">
        <v>5010</v>
      </c>
      <c r="G9072" t="s">
        <v>361</v>
      </c>
      <c r="H9072">
        <v>4.6555351798939997</v>
      </c>
      <c r="I9072">
        <v>51.813239049690999</v>
      </c>
      <c r="J9072" t="s">
        <v>64757</v>
      </c>
    </row>
    <row r="9073" spans="1:10" x14ac:dyDescent="0.25">
      <c r="A9073" t="s">
        <v>354</v>
      </c>
      <c r="B9073" t="s">
        <v>355</v>
      </c>
      <c r="C9073" t="s">
        <v>356</v>
      </c>
      <c r="D9073" t="s">
        <v>344</v>
      </c>
      <c r="E9073" t="s">
        <v>13</v>
      </c>
      <c r="F9073">
        <v>5009</v>
      </c>
      <c r="G9073" t="s">
        <v>357</v>
      </c>
      <c r="H9073">
        <v>4.6687269549070001</v>
      </c>
      <c r="I9073">
        <v>51.818850116911001</v>
      </c>
      <c r="J9073" t="s">
        <v>64758</v>
      </c>
    </row>
    <row r="9074" spans="1:10" x14ac:dyDescent="0.25">
      <c r="A9074" t="s">
        <v>350</v>
      </c>
      <c r="B9074" t="s">
        <v>351</v>
      </c>
      <c r="C9074" t="s">
        <v>352</v>
      </c>
      <c r="D9074" t="s">
        <v>344</v>
      </c>
      <c r="E9074" t="s">
        <v>13</v>
      </c>
      <c r="F9074">
        <v>5008</v>
      </c>
      <c r="G9074" t="s">
        <v>353</v>
      </c>
      <c r="H9074">
        <v>4.6669640493950002</v>
      </c>
      <c r="I9074">
        <v>51.816436659564999</v>
      </c>
      <c r="J9074" t="s">
        <v>64759</v>
      </c>
    </row>
    <row r="9075" spans="1:10" x14ac:dyDescent="0.25">
      <c r="A9075" t="s">
        <v>346</v>
      </c>
      <c r="B9075" t="s">
        <v>347</v>
      </c>
      <c r="C9075" t="s">
        <v>348</v>
      </c>
      <c r="D9075" t="s">
        <v>344</v>
      </c>
      <c r="E9075" t="s">
        <v>13</v>
      </c>
      <c r="F9075">
        <v>5007</v>
      </c>
      <c r="G9075" t="s">
        <v>349</v>
      </c>
      <c r="H9075">
        <v>4.6635099809109999</v>
      </c>
      <c r="I9075">
        <v>51.814875180785002</v>
      </c>
      <c r="J9075" t="s">
        <v>64760</v>
      </c>
    </row>
    <row r="9076" spans="1:10" x14ac:dyDescent="0.25">
      <c r="A9076" t="s">
        <v>341</v>
      </c>
      <c r="B9076" t="s">
        <v>342</v>
      </c>
      <c r="C9076" t="s">
        <v>343</v>
      </c>
      <c r="D9076" t="s">
        <v>344</v>
      </c>
      <c r="E9076" t="s">
        <v>13</v>
      </c>
      <c r="F9076">
        <v>5006</v>
      </c>
      <c r="G9076" t="s">
        <v>345</v>
      </c>
      <c r="H9076">
        <v>4.6624933868970002</v>
      </c>
      <c r="I9076">
        <v>51.817150133875003</v>
      </c>
      <c r="J9076" t="s">
        <v>64761</v>
      </c>
    </row>
    <row r="9077" spans="1:10" x14ac:dyDescent="0.25">
      <c r="A9077" t="s">
        <v>21819</v>
      </c>
      <c r="B9077" t="s">
        <v>21820</v>
      </c>
      <c r="C9077" t="s">
        <v>21821</v>
      </c>
      <c r="D9077" t="s">
        <v>21480</v>
      </c>
      <c r="E9077" t="s">
        <v>13</v>
      </c>
      <c r="F9077">
        <v>5005</v>
      </c>
      <c r="G9077" t="s">
        <v>21822</v>
      </c>
      <c r="H9077">
        <v>4.3931989496800004</v>
      </c>
      <c r="I9077">
        <v>51.977773391851002</v>
      </c>
      <c r="J9077" t="s">
        <v>64762</v>
      </c>
    </row>
    <row r="9078" spans="1:10" x14ac:dyDescent="0.25">
      <c r="A9078" t="s">
        <v>21815</v>
      </c>
      <c r="B9078" t="s">
        <v>21816</v>
      </c>
      <c r="C9078" t="s">
        <v>21817</v>
      </c>
      <c r="D9078" t="s">
        <v>21480</v>
      </c>
      <c r="E9078" t="s">
        <v>13</v>
      </c>
      <c r="F9078">
        <v>5004</v>
      </c>
      <c r="G9078" t="s">
        <v>21818</v>
      </c>
      <c r="H9078">
        <v>4.3838323962860004</v>
      </c>
      <c r="I9078">
        <v>51.989451770626999</v>
      </c>
      <c r="J9078" t="s">
        <v>64763</v>
      </c>
    </row>
    <row r="9079" spans="1:10" x14ac:dyDescent="0.25">
      <c r="A9079" t="s">
        <v>21811</v>
      </c>
      <c r="B9079" t="s">
        <v>21812</v>
      </c>
      <c r="C9079" t="s">
        <v>21813</v>
      </c>
      <c r="D9079" t="s">
        <v>21480</v>
      </c>
      <c r="E9079" t="s">
        <v>13</v>
      </c>
      <c r="F9079">
        <v>5003</v>
      </c>
      <c r="G9079" t="s">
        <v>21814</v>
      </c>
      <c r="H9079">
        <v>4.3752539407339999</v>
      </c>
      <c r="I9079">
        <v>51.987261039388002</v>
      </c>
      <c r="J9079" t="s">
        <v>64764</v>
      </c>
    </row>
    <row r="9080" spans="1:10" x14ac:dyDescent="0.25">
      <c r="A9080" t="s">
        <v>21807</v>
      </c>
      <c r="B9080" t="s">
        <v>21808</v>
      </c>
      <c r="C9080" t="s">
        <v>21809</v>
      </c>
      <c r="D9080" t="s">
        <v>21480</v>
      </c>
      <c r="E9080" t="s">
        <v>13</v>
      </c>
      <c r="F9080">
        <v>5002</v>
      </c>
      <c r="G9080" t="s">
        <v>21810</v>
      </c>
      <c r="H9080">
        <v>4.3646444461170004</v>
      </c>
      <c r="I9080">
        <v>52.002038312183998</v>
      </c>
      <c r="J9080" t="s">
        <v>64765</v>
      </c>
    </row>
    <row r="9081" spans="1:10" x14ac:dyDescent="0.25">
      <c r="A9081" t="s">
        <v>21803</v>
      </c>
      <c r="B9081" t="s">
        <v>21804</v>
      </c>
      <c r="C9081" t="s">
        <v>21805</v>
      </c>
      <c r="D9081" t="s">
        <v>21480</v>
      </c>
      <c r="E9081" t="s">
        <v>13</v>
      </c>
      <c r="F9081">
        <v>5001</v>
      </c>
      <c r="G9081" t="s">
        <v>21806</v>
      </c>
      <c r="H9081">
        <v>4.3866330689659998</v>
      </c>
      <c r="I9081">
        <v>52.006650652866</v>
      </c>
      <c r="J9081" t="s">
        <v>64766</v>
      </c>
    </row>
    <row r="9082" spans="1:10" x14ac:dyDescent="0.25">
      <c r="A9082" t="s">
        <v>21799</v>
      </c>
      <c r="B9082" t="s">
        <v>21800</v>
      </c>
      <c r="C9082" t="s">
        <v>21801</v>
      </c>
      <c r="D9082" t="s">
        <v>21480</v>
      </c>
      <c r="E9082" t="s">
        <v>13</v>
      </c>
      <c r="F9082">
        <v>5000</v>
      </c>
      <c r="G9082" t="s">
        <v>21802</v>
      </c>
      <c r="H9082">
        <v>4.3838936286400001</v>
      </c>
      <c r="I9082">
        <v>51.999404547913002</v>
      </c>
      <c r="J9082" t="s">
        <v>64767</v>
      </c>
    </row>
    <row r="9083" spans="1:10" x14ac:dyDescent="0.25">
      <c r="A9083" t="s">
        <v>21796</v>
      </c>
      <c r="B9083" t="s">
        <v>21797</v>
      </c>
      <c r="C9083" t="s">
        <v>17721</v>
      </c>
      <c r="D9083" t="s">
        <v>21480</v>
      </c>
      <c r="E9083" t="s">
        <v>13</v>
      </c>
      <c r="F9083">
        <v>4999</v>
      </c>
      <c r="G9083" t="s">
        <v>21798</v>
      </c>
      <c r="H9083">
        <v>4.3806718453700002</v>
      </c>
      <c r="I9083">
        <v>52.004127929459997</v>
      </c>
      <c r="J9083" t="s">
        <v>64768</v>
      </c>
    </row>
    <row r="9084" spans="1:10" x14ac:dyDescent="0.25">
      <c r="A9084" t="s">
        <v>21792</v>
      </c>
      <c r="B9084" t="s">
        <v>21793</v>
      </c>
      <c r="C9084" t="s">
        <v>21794</v>
      </c>
      <c r="D9084" t="s">
        <v>21480</v>
      </c>
      <c r="E9084" t="s">
        <v>13</v>
      </c>
      <c r="F9084">
        <v>4998</v>
      </c>
      <c r="G9084" t="s">
        <v>21795</v>
      </c>
      <c r="H9084">
        <v>4.3743298354839997</v>
      </c>
      <c r="I9084">
        <v>51.998205478345</v>
      </c>
      <c r="J9084" t="s">
        <v>64769</v>
      </c>
    </row>
    <row r="9085" spans="1:10" x14ac:dyDescent="0.25">
      <c r="A9085" t="s">
        <v>21788</v>
      </c>
      <c r="B9085" t="s">
        <v>21789</v>
      </c>
      <c r="C9085" t="s">
        <v>21790</v>
      </c>
      <c r="D9085" t="s">
        <v>21480</v>
      </c>
      <c r="E9085" t="s">
        <v>13</v>
      </c>
      <c r="F9085">
        <v>4997</v>
      </c>
      <c r="G9085" t="s">
        <v>21791</v>
      </c>
      <c r="H9085">
        <v>4.3686502349460001</v>
      </c>
      <c r="I9085">
        <v>51.996917210633001</v>
      </c>
      <c r="J9085" t="s">
        <v>64770</v>
      </c>
    </row>
    <row r="9086" spans="1:10" x14ac:dyDescent="0.25">
      <c r="A9086" t="s">
        <v>21784</v>
      </c>
      <c r="B9086" t="s">
        <v>21785</v>
      </c>
      <c r="C9086" t="s">
        <v>21786</v>
      </c>
      <c r="D9086" t="s">
        <v>21480</v>
      </c>
      <c r="E9086" t="s">
        <v>13</v>
      </c>
      <c r="F9086">
        <v>4996</v>
      </c>
      <c r="G9086" t="s">
        <v>21787</v>
      </c>
      <c r="H9086">
        <v>4.37633167151</v>
      </c>
      <c r="I9086">
        <v>52.005928991734997</v>
      </c>
      <c r="J9086" t="s">
        <v>64771</v>
      </c>
    </row>
    <row r="9087" spans="1:10" x14ac:dyDescent="0.25">
      <c r="A9087" t="s">
        <v>21780</v>
      </c>
      <c r="B9087" t="s">
        <v>21781</v>
      </c>
      <c r="C9087" t="s">
        <v>21782</v>
      </c>
      <c r="D9087" t="s">
        <v>21480</v>
      </c>
      <c r="E9087" t="s">
        <v>13</v>
      </c>
      <c r="F9087">
        <v>4995</v>
      </c>
      <c r="G9087" t="s">
        <v>21783</v>
      </c>
      <c r="H9087">
        <v>4.3760332658329997</v>
      </c>
      <c r="I9087">
        <v>52.008235325335001</v>
      </c>
      <c r="J9087" t="s">
        <v>64772</v>
      </c>
    </row>
    <row r="9088" spans="1:10" x14ac:dyDescent="0.25">
      <c r="A9088" t="s">
        <v>21776</v>
      </c>
      <c r="B9088" t="s">
        <v>21777</v>
      </c>
      <c r="C9088" t="s">
        <v>21778</v>
      </c>
      <c r="D9088" t="s">
        <v>21480</v>
      </c>
      <c r="E9088" t="s">
        <v>13</v>
      </c>
      <c r="F9088">
        <v>4994</v>
      </c>
      <c r="G9088" t="s">
        <v>21779</v>
      </c>
      <c r="H9088">
        <v>4.3701025958880004</v>
      </c>
      <c r="I9088">
        <v>52.005782217590998</v>
      </c>
      <c r="J9088" t="s">
        <v>64773</v>
      </c>
    </row>
    <row r="9089" spans="1:10" x14ac:dyDescent="0.25">
      <c r="A9089" t="s">
        <v>21773</v>
      </c>
      <c r="B9089" t="s">
        <v>21774</v>
      </c>
      <c r="C9089" t="s">
        <v>1376</v>
      </c>
      <c r="D9089" t="s">
        <v>21480</v>
      </c>
      <c r="E9089" t="s">
        <v>13</v>
      </c>
      <c r="F9089">
        <v>4993</v>
      </c>
      <c r="G9089" t="s">
        <v>21775</v>
      </c>
      <c r="H9089">
        <v>4.3644107263030003</v>
      </c>
      <c r="I9089">
        <v>52.004896288970997</v>
      </c>
      <c r="J9089" t="s">
        <v>64774</v>
      </c>
    </row>
    <row r="9090" spans="1:10" x14ac:dyDescent="0.25">
      <c r="A9090" t="s">
        <v>21769</v>
      </c>
      <c r="B9090" t="s">
        <v>21770</v>
      </c>
      <c r="C9090" t="s">
        <v>21771</v>
      </c>
      <c r="D9090" t="s">
        <v>21480</v>
      </c>
      <c r="E9090" t="s">
        <v>13</v>
      </c>
      <c r="F9090">
        <v>4992</v>
      </c>
      <c r="G9090" t="s">
        <v>21772</v>
      </c>
      <c r="H9090">
        <v>4.377911742127</v>
      </c>
      <c r="I9090">
        <v>51.975918132503999</v>
      </c>
      <c r="J9090" t="s">
        <v>64775</v>
      </c>
    </row>
    <row r="9091" spans="1:10" x14ac:dyDescent="0.25">
      <c r="A9091" t="s">
        <v>21765</v>
      </c>
      <c r="B9091" t="s">
        <v>21766</v>
      </c>
      <c r="C9091" t="s">
        <v>21767</v>
      </c>
      <c r="D9091" t="s">
        <v>21480</v>
      </c>
      <c r="E9091" t="s">
        <v>13</v>
      </c>
      <c r="F9091">
        <v>4991</v>
      </c>
      <c r="G9091" t="s">
        <v>21768</v>
      </c>
      <c r="H9091">
        <v>4.3713741874909999</v>
      </c>
      <c r="I9091">
        <v>51.985890975173</v>
      </c>
      <c r="J9091" t="s">
        <v>64776</v>
      </c>
    </row>
    <row r="9092" spans="1:10" x14ac:dyDescent="0.25">
      <c r="A9092" t="s">
        <v>21761</v>
      </c>
      <c r="B9092" t="s">
        <v>21762</v>
      </c>
      <c r="C9092" t="s">
        <v>21763</v>
      </c>
      <c r="D9092" t="s">
        <v>21480</v>
      </c>
      <c r="E9092" t="s">
        <v>13</v>
      </c>
      <c r="F9092">
        <v>4990</v>
      </c>
      <c r="G9092" t="s">
        <v>21764</v>
      </c>
      <c r="H9092">
        <v>4.3649761516719998</v>
      </c>
      <c r="I9092">
        <v>51.995723454260997</v>
      </c>
      <c r="J9092" t="s">
        <v>64777</v>
      </c>
    </row>
    <row r="9093" spans="1:10" x14ac:dyDescent="0.25">
      <c r="A9093" t="s">
        <v>21757</v>
      </c>
      <c r="B9093" t="s">
        <v>21758</v>
      </c>
      <c r="C9093" t="s">
        <v>21759</v>
      </c>
      <c r="D9093" t="s">
        <v>21480</v>
      </c>
      <c r="E9093" t="s">
        <v>13</v>
      </c>
      <c r="F9093">
        <v>4989</v>
      </c>
      <c r="G9093" t="s">
        <v>21760</v>
      </c>
      <c r="H9093">
        <v>4.3603059275330001</v>
      </c>
      <c r="I9093">
        <v>52.002623924763</v>
      </c>
      <c r="J9093" t="s">
        <v>64778</v>
      </c>
    </row>
    <row r="9094" spans="1:10" x14ac:dyDescent="0.25">
      <c r="A9094" t="s">
        <v>21753</v>
      </c>
      <c r="B9094" t="s">
        <v>21754</v>
      </c>
      <c r="C9094" t="s">
        <v>21755</v>
      </c>
      <c r="D9094" t="s">
        <v>21480</v>
      </c>
      <c r="E9094" t="s">
        <v>13</v>
      </c>
      <c r="F9094">
        <v>4988</v>
      </c>
      <c r="G9094" t="s">
        <v>21756</v>
      </c>
      <c r="H9094">
        <v>4.3632232377519999</v>
      </c>
      <c r="I9094">
        <v>51.975604161196998</v>
      </c>
      <c r="J9094" t="s">
        <v>64779</v>
      </c>
    </row>
    <row r="9095" spans="1:10" x14ac:dyDescent="0.25">
      <c r="A9095" t="s">
        <v>21749</v>
      </c>
      <c r="B9095" t="s">
        <v>21750</v>
      </c>
      <c r="C9095" t="s">
        <v>21751</v>
      </c>
      <c r="D9095" t="s">
        <v>21480</v>
      </c>
      <c r="E9095" t="s">
        <v>13</v>
      </c>
      <c r="F9095">
        <v>4987</v>
      </c>
      <c r="G9095" t="s">
        <v>21752</v>
      </c>
      <c r="H9095">
        <v>4.3295211006030003</v>
      </c>
      <c r="I9095">
        <v>51.989055266050002</v>
      </c>
      <c r="J9095" t="s">
        <v>64780</v>
      </c>
    </row>
    <row r="9096" spans="1:10" x14ac:dyDescent="0.25">
      <c r="A9096" t="s">
        <v>21745</v>
      </c>
      <c r="B9096" t="s">
        <v>21746</v>
      </c>
      <c r="C9096" t="s">
        <v>21747</v>
      </c>
      <c r="D9096" t="s">
        <v>21480</v>
      </c>
      <c r="E9096" t="s">
        <v>13</v>
      </c>
      <c r="F9096">
        <v>4986</v>
      </c>
      <c r="G9096" t="s">
        <v>21748</v>
      </c>
      <c r="H9096">
        <v>4.3424877402869999</v>
      </c>
      <c r="I9096">
        <v>51.986151677997</v>
      </c>
      <c r="J9096" t="s">
        <v>64781</v>
      </c>
    </row>
    <row r="9097" spans="1:10" x14ac:dyDescent="0.25">
      <c r="A9097" t="s">
        <v>21741</v>
      </c>
      <c r="B9097" t="s">
        <v>21742</v>
      </c>
      <c r="C9097" t="s">
        <v>21743</v>
      </c>
      <c r="D9097" t="s">
        <v>21480</v>
      </c>
      <c r="E9097" t="s">
        <v>13</v>
      </c>
      <c r="F9097">
        <v>4985</v>
      </c>
      <c r="G9097" t="s">
        <v>21744</v>
      </c>
      <c r="H9097">
        <v>4.3478604694580003</v>
      </c>
      <c r="I9097">
        <v>51.989231591728</v>
      </c>
      <c r="J9097" t="s">
        <v>64782</v>
      </c>
    </row>
    <row r="9098" spans="1:10" x14ac:dyDescent="0.25">
      <c r="A9098" t="s">
        <v>21738</v>
      </c>
      <c r="B9098" t="s">
        <v>21739</v>
      </c>
      <c r="C9098" t="s">
        <v>18292</v>
      </c>
      <c r="D9098" t="s">
        <v>21480</v>
      </c>
      <c r="E9098" t="s">
        <v>13</v>
      </c>
      <c r="F9098">
        <v>4984</v>
      </c>
      <c r="G9098" t="s">
        <v>21740</v>
      </c>
      <c r="H9098">
        <v>4.3382742312760003</v>
      </c>
      <c r="I9098">
        <v>51.987798085119003</v>
      </c>
      <c r="J9098" t="s">
        <v>64783</v>
      </c>
    </row>
    <row r="9099" spans="1:10" x14ac:dyDescent="0.25">
      <c r="A9099" t="s">
        <v>21734</v>
      </c>
      <c r="B9099" t="s">
        <v>21735</v>
      </c>
      <c r="C9099" t="s">
        <v>21736</v>
      </c>
      <c r="D9099" t="s">
        <v>21480</v>
      </c>
      <c r="E9099" t="s">
        <v>13</v>
      </c>
      <c r="F9099">
        <v>4983</v>
      </c>
      <c r="G9099" t="s">
        <v>21737</v>
      </c>
      <c r="H9099">
        <v>4.3475427407299998</v>
      </c>
      <c r="I9099">
        <v>51.991991158363</v>
      </c>
      <c r="J9099" t="s">
        <v>64784</v>
      </c>
    </row>
    <row r="9100" spans="1:10" x14ac:dyDescent="0.25">
      <c r="A9100" t="s">
        <v>21731</v>
      </c>
      <c r="B9100" t="s">
        <v>21732</v>
      </c>
      <c r="C9100" t="s">
        <v>18903</v>
      </c>
      <c r="D9100" t="s">
        <v>21480</v>
      </c>
      <c r="E9100" t="s">
        <v>13</v>
      </c>
      <c r="F9100">
        <v>4982</v>
      </c>
      <c r="G9100" t="s">
        <v>21733</v>
      </c>
      <c r="H9100">
        <v>4.3469639306790002</v>
      </c>
      <c r="I9100">
        <v>51.994388200618999</v>
      </c>
      <c r="J9100" t="s">
        <v>64785</v>
      </c>
    </row>
    <row r="9101" spans="1:10" x14ac:dyDescent="0.25">
      <c r="A9101" t="s">
        <v>21727</v>
      </c>
      <c r="B9101" t="s">
        <v>21728</v>
      </c>
      <c r="C9101" t="s">
        <v>21729</v>
      </c>
      <c r="D9101" t="s">
        <v>21480</v>
      </c>
      <c r="E9101" t="s">
        <v>13</v>
      </c>
      <c r="F9101">
        <v>4981</v>
      </c>
      <c r="G9101" t="s">
        <v>21730</v>
      </c>
      <c r="H9101">
        <v>4.3390863792000003</v>
      </c>
      <c r="I9101">
        <v>51.990565490827002</v>
      </c>
      <c r="J9101" t="s">
        <v>64786</v>
      </c>
    </row>
    <row r="9102" spans="1:10" x14ac:dyDescent="0.25">
      <c r="A9102" t="s">
        <v>21723</v>
      </c>
      <c r="B9102" t="s">
        <v>21724</v>
      </c>
      <c r="C9102" t="s">
        <v>21725</v>
      </c>
      <c r="D9102" t="s">
        <v>21480</v>
      </c>
      <c r="E9102" t="s">
        <v>13</v>
      </c>
      <c r="F9102">
        <v>4980</v>
      </c>
      <c r="G9102" t="s">
        <v>21726</v>
      </c>
      <c r="H9102">
        <v>4.3412103576080003</v>
      </c>
      <c r="I9102">
        <v>51.992900348885001</v>
      </c>
      <c r="J9102" t="s">
        <v>64787</v>
      </c>
    </row>
    <row r="9103" spans="1:10" x14ac:dyDescent="0.25">
      <c r="A9103" t="s">
        <v>21719</v>
      </c>
      <c r="B9103" t="s">
        <v>21720</v>
      </c>
      <c r="C9103" t="s">
        <v>21721</v>
      </c>
      <c r="D9103" t="s">
        <v>21480</v>
      </c>
      <c r="E9103" t="s">
        <v>13</v>
      </c>
      <c r="F9103">
        <v>4979</v>
      </c>
      <c r="G9103" t="s">
        <v>21722</v>
      </c>
      <c r="H9103">
        <v>4.3466470910580002</v>
      </c>
      <c r="I9103">
        <v>51.998355657619001</v>
      </c>
      <c r="J9103" t="s">
        <v>64788</v>
      </c>
    </row>
    <row r="9104" spans="1:10" x14ac:dyDescent="0.25">
      <c r="A9104" t="s">
        <v>21715</v>
      </c>
      <c r="B9104" t="s">
        <v>21716</v>
      </c>
      <c r="C9104" t="s">
        <v>21717</v>
      </c>
      <c r="D9104" t="s">
        <v>21480</v>
      </c>
      <c r="E9104" t="s">
        <v>13</v>
      </c>
      <c r="F9104">
        <v>4978</v>
      </c>
      <c r="G9104" t="s">
        <v>21718</v>
      </c>
      <c r="H9104">
        <v>4.3380981441550004</v>
      </c>
      <c r="I9104">
        <v>51.994422709109998</v>
      </c>
      <c r="J9104" t="s">
        <v>64789</v>
      </c>
    </row>
    <row r="9105" spans="1:10" x14ac:dyDescent="0.25">
      <c r="A9105" t="s">
        <v>21711</v>
      </c>
      <c r="B9105" t="s">
        <v>21712</v>
      </c>
      <c r="C9105" t="s">
        <v>21713</v>
      </c>
      <c r="D9105" t="s">
        <v>21480</v>
      </c>
      <c r="E9105" t="s">
        <v>13</v>
      </c>
      <c r="F9105">
        <v>4977</v>
      </c>
      <c r="G9105" t="s">
        <v>21714</v>
      </c>
      <c r="H9105">
        <v>4.3383379182070003</v>
      </c>
      <c r="I9105">
        <v>51.997601965736997</v>
      </c>
      <c r="J9105" t="s">
        <v>64790</v>
      </c>
    </row>
    <row r="9106" spans="1:10" x14ac:dyDescent="0.25">
      <c r="A9106" t="s">
        <v>21707</v>
      </c>
      <c r="B9106" t="s">
        <v>21708</v>
      </c>
      <c r="C9106" t="s">
        <v>21709</v>
      </c>
      <c r="D9106" t="s">
        <v>21480</v>
      </c>
      <c r="E9106" t="s">
        <v>13</v>
      </c>
      <c r="F9106">
        <v>4976</v>
      </c>
      <c r="G9106" t="s">
        <v>21710</v>
      </c>
      <c r="H9106">
        <v>4.3622433955990001</v>
      </c>
      <c r="I9106">
        <v>51.994232365584999</v>
      </c>
      <c r="J9106" t="s">
        <v>64791</v>
      </c>
    </row>
    <row r="9107" spans="1:10" x14ac:dyDescent="0.25">
      <c r="A9107" t="s">
        <v>21703</v>
      </c>
      <c r="B9107" t="s">
        <v>21704</v>
      </c>
      <c r="C9107" t="s">
        <v>21705</v>
      </c>
      <c r="D9107" t="s">
        <v>21480</v>
      </c>
      <c r="E9107" t="s">
        <v>13</v>
      </c>
      <c r="F9107">
        <v>4975</v>
      </c>
      <c r="G9107" t="s">
        <v>21706</v>
      </c>
      <c r="H9107">
        <v>4.3602637893010003</v>
      </c>
      <c r="I9107">
        <v>51.993210154361002</v>
      </c>
      <c r="J9107" t="s">
        <v>64792</v>
      </c>
    </row>
    <row r="9108" spans="1:10" x14ac:dyDescent="0.25">
      <c r="A9108" t="s">
        <v>21699</v>
      </c>
      <c r="B9108" t="s">
        <v>21700</v>
      </c>
      <c r="C9108" t="s">
        <v>21701</v>
      </c>
      <c r="D9108" t="s">
        <v>21480</v>
      </c>
      <c r="E9108" t="s">
        <v>13</v>
      </c>
      <c r="F9108">
        <v>4974</v>
      </c>
      <c r="G9108" t="s">
        <v>21702</v>
      </c>
      <c r="H9108">
        <v>4.3576165519590004</v>
      </c>
      <c r="I9108">
        <v>51.993432267103003</v>
      </c>
      <c r="J9108" t="s">
        <v>64793</v>
      </c>
    </row>
    <row r="9109" spans="1:10" x14ac:dyDescent="0.25">
      <c r="A9109" t="s">
        <v>21695</v>
      </c>
      <c r="B9109" t="s">
        <v>21696</v>
      </c>
      <c r="C9109" t="s">
        <v>21697</v>
      </c>
      <c r="D9109" t="s">
        <v>21480</v>
      </c>
      <c r="E9109" t="s">
        <v>13</v>
      </c>
      <c r="F9109">
        <v>4973</v>
      </c>
      <c r="G9109" t="s">
        <v>21698</v>
      </c>
      <c r="H9109">
        <v>4.3544909650120003</v>
      </c>
      <c r="I9109">
        <v>51.992129085240002</v>
      </c>
      <c r="J9109" t="s">
        <v>64794</v>
      </c>
    </row>
    <row r="9110" spans="1:10" x14ac:dyDescent="0.25">
      <c r="A9110" t="s">
        <v>21691</v>
      </c>
      <c r="B9110" t="s">
        <v>21692</v>
      </c>
      <c r="C9110" t="s">
        <v>21693</v>
      </c>
      <c r="D9110" t="s">
        <v>21480</v>
      </c>
      <c r="E9110" t="s">
        <v>13</v>
      </c>
      <c r="F9110">
        <v>4972</v>
      </c>
      <c r="G9110" t="s">
        <v>21694</v>
      </c>
      <c r="H9110">
        <v>4.3512729914730004</v>
      </c>
      <c r="I9110">
        <v>51.992381855009</v>
      </c>
      <c r="J9110" t="s">
        <v>64795</v>
      </c>
    </row>
    <row r="9111" spans="1:10" x14ac:dyDescent="0.25">
      <c r="A9111" t="s">
        <v>21687</v>
      </c>
      <c r="B9111" t="s">
        <v>21688</v>
      </c>
      <c r="C9111" t="s">
        <v>21689</v>
      </c>
      <c r="D9111" t="s">
        <v>21480</v>
      </c>
      <c r="E9111" t="s">
        <v>13</v>
      </c>
      <c r="F9111">
        <v>4971</v>
      </c>
      <c r="G9111" t="s">
        <v>21690</v>
      </c>
      <c r="H9111">
        <v>4.3575481339869997</v>
      </c>
      <c r="I9111">
        <v>51.998557034624</v>
      </c>
      <c r="J9111" t="s">
        <v>64796</v>
      </c>
    </row>
    <row r="9112" spans="1:10" x14ac:dyDescent="0.25">
      <c r="A9112" t="s">
        <v>21683</v>
      </c>
      <c r="B9112" t="s">
        <v>21684</v>
      </c>
      <c r="C9112" t="s">
        <v>21685</v>
      </c>
      <c r="D9112" t="s">
        <v>21480</v>
      </c>
      <c r="E9112" t="s">
        <v>13</v>
      </c>
      <c r="F9112">
        <v>4970</v>
      </c>
      <c r="G9112" t="s">
        <v>21686</v>
      </c>
      <c r="H9112">
        <v>4.3558878417119997</v>
      </c>
      <c r="I9112">
        <v>52.001452214663999</v>
      </c>
      <c r="J9112" t="s">
        <v>64797</v>
      </c>
    </row>
    <row r="9113" spans="1:10" x14ac:dyDescent="0.25">
      <c r="A9113" t="s">
        <v>21679</v>
      </c>
      <c r="B9113" t="s">
        <v>21680</v>
      </c>
      <c r="C9113" t="s">
        <v>21681</v>
      </c>
      <c r="D9113" t="s">
        <v>21480</v>
      </c>
      <c r="E9113" t="s">
        <v>13</v>
      </c>
      <c r="F9113">
        <v>4969</v>
      </c>
      <c r="G9113" t="s">
        <v>21682</v>
      </c>
      <c r="H9113">
        <v>4.3518835452079996</v>
      </c>
      <c r="I9113">
        <v>51.997805069290003</v>
      </c>
      <c r="J9113" t="s">
        <v>64798</v>
      </c>
    </row>
    <row r="9114" spans="1:10" x14ac:dyDescent="0.25">
      <c r="A9114" t="s">
        <v>21675</v>
      </c>
      <c r="B9114" t="s">
        <v>21676</v>
      </c>
      <c r="C9114" t="s">
        <v>21677</v>
      </c>
      <c r="D9114" t="s">
        <v>21480</v>
      </c>
      <c r="E9114" t="s">
        <v>13</v>
      </c>
      <c r="F9114">
        <v>4968</v>
      </c>
      <c r="G9114" t="s">
        <v>21678</v>
      </c>
      <c r="H9114">
        <v>4.3513666624959999</v>
      </c>
      <c r="I9114">
        <v>52.000322473624003</v>
      </c>
      <c r="J9114" t="s">
        <v>64799</v>
      </c>
    </row>
    <row r="9115" spans="1:10" x14ac:dyDescent="0.25">
      <c r="A9115" t="s">
        <v>21672</v>
      </c>
      <c r="B9115" t="s">
        <v>21673</v>
      </c>
      <c r="C9115" t="s">
        <v>4769</v>
      </c>
      <c r="D9115" t="s">
        <v>21480</v>
      </c>
      <c r="E9115" t="s">
        <v>13</v>
      </c>
      <c r="F9115">
        <v>4967</v>
      </c>
      <c r="G9115" t="s">
        <v>21674</v>
      </c>
      <c r="H9115">
        <v>4.3621314132329996</v>
      </c>
      <c r="I9115">
        <v>51.980811195931999</v>
      </c>
      <c r="J9115" t="s">
        <v>64800</v>
      </c>
    </row>
    <row r="9116" spans="1:10" x14ac:dyDescent="0.25">
      <c r="A9116" t="s">
        <v>21669</v>
      </c>
      <c r="B9116" t="s">
        <v>21670</v>
      </c>
      <c r="C9116" t="s">
        <v>1404</v>
      </c>
      <c r="D9116" t="s">
        <v>21480</v>
      </c>
      <c r="E9116" t="s">
        <v>13</v>
      </c>
      <c r="F9116">
        <v>4966</v>
      </c>
      <c r="G9116" t="s">
        <v>21671</v>
      </c>
      <c r="H9116">
        <v>4.3648122600020001</v>
      </c>
      <c r="I9116">
        <v>51.98347298086</v>
      </c>
      <c r="J9116" t="s">
        <v>64801</v>
      </c>
    </row>
    <row r="9117" spans="1:10" x14ac:dyDescent="0.25">
      <c r="A9117" t="s">
        <v>21666</v>
      </c>
      <c r="B9117" t="s">
        <v>21667</v>
      </c>
      <c r="C9117" t="s">
        <v>1412</v>
      </c>
      <c r="D9117" t="s">
        <v>21480</v>
      </c>
      <c r="E9117" t="s">
        <v>13</v>
      </c>
      <c r="F9117">
        <v>4965</v>
      </c>
      <c r="G9117" t="s">
        <v>21668</v>
      </c>
      <c r="H9117">
        <v>4.3585836853069999</v>
      </c>
      <c r="I9117">
        <v>51.982524405684003</v>
      </c>
      <c r="J9117" t="s">
        <v>64802</v>
      </c>
    </row>
    <row r="9118" spans="1:10" x14ac:dyDescent="0.25">
      <c r="A9118" t="s">
        <v>21662</v>
      </c>
      <c r="B9118" t="s">
        <v>21663</v>
      </c>
      <c r="C9118" t="s">
        <v>21664</v>
      </c>
      <c r="D9118" t="s">
        <v>21480</v>
      </c>
      <c r="E9118" t="s">
        <v>13</v>
      </c>
      <c r="F9118">
        <v>4964</v>
      </c>
      <c r="G9118" t="s">
        <v>21665</v>
      </c>
      <c r="H9118">
        <v>4.3632205248810001</v>
      </c>
      <c r="I9118">
        <v>51.986622887606998</v>
      </c>
      <c r="J9118" t="s">
        <v>64803</v>
      </c>
    </row>
    <row r="9119" spans="1:10" x14ac:dyDescent="0.25">
      <c r="A9119" t="s">
        <v>21659</v>
      </c>
      <c r="B9119" t="s">
        <v>21660</v>
      </c>
      <c r="C9119" t="s">
        <v>18755</v>
      </c>
      <c r="D9119" t="s">
        <v>21480</v>
      </c>
      <c r="E9119" t="s">
        <v>13</v>
      </c>
      <c r="F9119">
        <v>4963</v>
      </c>
      <c r="G9119" t="s">
        <v>21661</v>
      </c>
      <c r="H9119">
        <v>4.3573288595620001</v>
      </c>
      <c r="I9119">
        <v>51.985647976076002</v>
      </c>
      <c r="J9119" t="s">
        <v>64804</v>
      </c>
    </row>
    <row r="9120" spans="1:10" x14ac:dyDescent="0.25">
      <c r="A9120" t="s">
        <v>21655</v>
      </c>
      <c r="B9120" t="s">
        <v>21656</v>
      </c>
      <c r="C9120" t="s">
        <v>21657</v>
      </c>
      <c r="D9120" t="s">
        <v>21480</v>
      </c>
      <c r="E9120" t="s">
        <v>13</v>
      </c>
      <c r="F9120">
        <v>4962</v>
      </c>
      <c r="G9120" t="s">
        <v>21658</v>
      </c>
      <c r="H9120">
        <v>4.3624685783480004</v>
      </c>
      <c r="I9120">
        <v>51.987461207895002</v>
      </c>
      <c r="J9120" t="s">
        <v>64805</v>
      </c>
    </row>
    <row r="9121" spans="1:10" x14ac:dyDescent="0.25">
      <c r="A9121" t="s">
        <v>21651</v>
      </c>
      <c r="B9121" t="s">
        <v>21652</v>
      </c>
      <c r="C9121" t="s">
        <v>21653</v>
      </c>
      <c r="D9121" t="s">
        <v>21480</v>
      </c>
      <c r="E9121" t="s">
        <v>13</v>
      </c>
      <c r="F9121">
        <v>4961</v>
      </c>
      <c r="G9121" t="s">
        <v>21654</v>
      </c>
      <c r="H9121">
        <v>4.336871744972</v>
      </c>
      <c r="I9121">
        <v>51.978725495010998</v>
      </c>
      <c r="J9121" t="s">
        <v>64806</v>
      </c>
    </row>
    <row r="9122" spans="1:10" x14ac:dyDescent="0.25">
      <c r="A9122" t="s">
        <v>21647</v>
      </c>
      <c r="B9122" t="s">
        <v>21648</v>
      </c>
      <c r="C9122" t="s">
        <v>21649</v>
      </c>
      <c r="D9122" t="s">
        <v>21480</v>
      </c>
      <c r="E9122" t="s">
        <v>13</v>
      </c>
      <c r="F9122">
        <v>4960</v>
      </c>
      <c r="G9122" t="s">
        <v>21650</v>
      </c>
      <c r="H9122">
        <v>4.3475114504699999</v>
      </c>
      <c r="I9122">
        <v>51.979844472567002</v>
      </c>
      <c r="J9122" t="s">
        <v>64807</v>
      </c>
    </row>
    <row r="9123" spans="1:10" x14ac:dyDescent="0.25">
      <c r="A9123" t="s">
        <v>21643</v>
      </c>
      <c r="B9123" t="s">
        <v>21644</v>
      </c>
      <c r="C9123" t="s">
        <v>21645</v>
      </c>
      <c r="D9123" t="s">
        <v>21480</v>
      </c>
      <c r="E9123" t="s">
        <v>13</v>
      </c>
      <c r="F9123">
        <v>4959</v>
      </c>
      <c r="G9123" t="s">
        <v>21646</v>
      </c>
      <c r="H9123">
        <v>4.3501642066019999</v>
      </c>
      <c r="I9123">
        <v>51.984494798504002</v>
      </c>
      <c r="J9123" t="s">
        <v>64808</v>
      </c>
    </row>
    <row r="9124" spans="1:10" x14ac:dyDescent="0.25">
      <c r="A9124" t="s">
        <v>21639</v>
      </c>
      <c r="B9124" t="s">
        <v>21640</v>
      </c>
      <c r="C9124" t="s">
        <v>21641</v>
      </c>
      <c r="D9124" t="s">
        <v>21480</v>
      </c>
      <c r="E9124" t="s">
        <v>13</v>
      </c>
      <c r="F9124">
        <v>4958</v>
      </c>
      <c r="G9124" t="s">
        <v>21642</v>
      </c>
      <c r="H9124">
        <v>4.3442675677410003</v>
      </c>
      <c r="I9124">
        <v>51.982501690870002</v>
      </c>
      <c r="J9124" t="s">
        <v>64809</v>
      </c>
    </row>
    <row r="9125" spans="1:10" x14ac:dyDescent="0.25">
      <c r="A9125" t="s">
        <v>21635</v>
      </c>
      <c r="B9125" t="s">
        <v>21636</v>
      </c>
      <c r="C9125" t="s">
        <v>21637</v>
      </c>
      <c r="D9125" t="s">
        <v>21480</v>
      </c>
      <c r="E9125" t="s">
        <v>13</v>
      </c>
      <c r="F9125">
        <v>4957</v>
      </c>
      <c r="G9125" t="s">
        <v>21638</v>
      </c>
      <c r="H9125">
        <v>4.3391225236880002</v>
      </c>
      <c r="I9125">
        <v>51.981571325003003</v>
      </c>
      <c r="J9125" t="s">
        <v>64810</v>
      </c>
    </row>
    <row r="9126" spans="1:10" x14ac:dyDescent="0.25">
      <c r="A9126" t="s">
        <v>21631</v>
      </c>
      <c r="B9126" t="s">
        <v>21632</v>
      </c>
      <c r="C9126" t="s">
        <v>21633</v>
      </c>
      <c r="D9126" t="s">
        <v>21480</v>
      </c>
      <c r="E9126" t="s">
        <v>13</v>
      </c>
      <c r="F9126">
        <v>4956</v>
      </c>
      <c r="G9126" t="s">
        <v>21634</v>
      </c>
      <c r="H9126">
        <v>4.3405827279059999</v>
      </c>
      <c r="I9126">
        <v>51.984534106525999</v>
      </c>
      <c r="J9126" t="s">
        <v>64811</v>
      </c>
    </row>
    <row r="9127" spans="1:10" x14ac:dyDescent="0.25">
      <c r="A9127" t="s">
        <v>21627</v>
      </c>
      <c r="B9127" t="s">
        <v>21628</v>
      </c>
      <c r="C9127" t="s">
        <v>21629</v>
      </c>
      <c r="D9127" t="s">
        <v>21480</v>
      </c>
      <c r="E9127" t="s">
        <v>13</v>
      </c>
      <c r="F9127">
        <v>4955</v>
      </c>
      <c r="G9127" t="s">
        <v>21630</v>
      </c>
      <c r="H9127">
        <v>4.3874232431489997</v>
      </c>
      <c r="I9127">
        <v>52.011667134947999</v>
      </c>
      <c r="J9127" t="s">
        <v>64812</v>
      </c>
    </row>
    <row r="9128" spans="1:10" x14ac:dyDescent="0.25">
      <c r="A9128" t="s">
        <v>21623</v>
      </c>
      <c r="B9128" t="s">
        <v>21624</v>
      </c>
      <c r="C9128" t="s">
        <v>21625</v>
      </c>
      <c r="D9128" t="s">
        <v>21480</v>
      </c>
      <c r="E9128" t="s">
        <v>13</v>
      </c>
      <c r="F9128">
        <v>4954</v>
      </c>
      <c r="G9128" t="s">
        <v>21626</v>
      </c>
      <c r="H9128">
        <v>4.3799535479519998</v>
      </c>
      <c r="I9128">
        <v>52.012600075119003</v>
      </c>
      <c r="J9128" t="s">
        <v>64813</v>
      </c>
    </row>
    <row r="9129" spans="1:10" x14ac:dyDescent="0.25">
      <c r="A9129" t="s">
        <v>21619</v>
      </c>
      <c r="B9129" t="s">
        <v>21620</v>
      </c>
      <c r="C9129" t="s">
        <v>21621</v>
      </c>
      <c r="D9129" t="s">
        <v>21480</v>
      </c>
      <c r="E9129" t="s">
        <v>13</v>
      </c>
      <c r="F9129">
        <v>4953</v>
      </c>
      <c r="G9129" t="s">
        <v>21622</v>
      </c>
      <c r="H9129">
        <v>4.3794152414190002</v>
      </c>
      <c r="I9129">
        <v>52.019695753230998</v>
      </c>
      <c r="J9129" t="s">
        <v>64814</v>
      </c>
    </row>
    <row r="9130" spans="1:10" x14ac:dyDescent="0.25">
      <c r="A9130" t="s">
        <v>21615</v>
      </c>
      <c r="B9130" t="s">
        <v>21616</v>
      </c>
      <c r="C9130" t="s">
        <v>21617</v>
      </c>
      <c r="D9130" t="s">
        <v>21480</v>
      </c>
      <c r="E9130" t="s">
        <v>13</v>
      </c>
      <c r="F9130">
        <v>4952</v>
      </c>
      <c r="G9130" t="s">
        <v>21618</v>
      </c>
      <c r="H9130">
        <v>4.3648486361490004</v>
      </c>
      <c r="I9130">
        <v>52.024526460238</v>
      </c>
      <c r="J9130" t="s">
        <v>64815</v>
      </c>
    </row>
    <row r="9131" spans="1:10" x14ac:dyDescent="0.25">
      <c r="A9131" t="s">
        <v>21611</v>
      </c>
      <c r="B9131" t="s">
        <v>21612</v>
      </c>
      <c r="C9131" t="s">
        <v>21613</v>
      </c>
      <c r="D9131" t="s">
        <v>21480</v>
      </c>
      <c r="E9131" t="s">
        <v>13</v>
      </c>
      <c r="F9131">
        <v>4951</v>
      </c>
      <c r="G9131" t="s">
        <v>21614</v>
      </c>
      <c r="H9131">
        <v>4.3714165642439999</v>
      </c>
      <c r="I9131">
        <v>52.027374054371997</v>
      </c>
      <c r="J9131" t="s">
        <v>64816</v>
      </c>
    </row>
    <row r="9132" spans="1:10" x14ac:dyDescent="0.25">
      <c r="A9132" t="s">
        <v>21608</v>
      </c>
      <c r="B9132" t="s">
        <v>21609</v>
      </c>
      <c r="C9132" t="s">
        <v>14642</v>
      </c>
      <c r="D9132" t="s">
        <v>21480</v>
      </c>
      <c r="E9132" t="s">
        <v>13</v>
      </c>
      <c r="F9132">
        <v>4950</v>
      </c>
      <c r="G9132" t="s">
        <v>21610</v>
      </c>
      <c r="H9132">
        <v>4.3397799840270004</v>
      </c>
      <c r="I9132">
        <v>52.000606614938</v>
      </c>
      <c r="J9132" t="s">
        <v>64817</v>
      </c>
    </row>
    <row r="9133" spans="1:10" x14ac:dyDescent="0.25">
      <c r="A9133" t="s">
        <v>21605</v>
      </c>
      <c r="B9133" t="s">
        <v>21606</v>
      </c>
      <c r="C9133" t="s">
        <v>20005</v>
      </c>
      <c r="D9133" t="s">
        <v>21480</v>
      </c>
      <c r="E9133" t="s">
        <v>13</v>
      </c>
      <c r="F9133">
        <v>4949</v>
      </c>
      <c r="G9133" t="s">
        <v>21607</v>
      </c>
      <c r="H9133">
        <v>4.3253787283260001</v>
      </c>
      <c r="I9133">
        <v>52.007973760021997</v>
      </c>
      <c r="J9133" t="s">
        <v>64818</v>
      </c>
    </row>
    <row r="9134" spans="1:10" x14ac:dyDescent="0.25">
      <c r="A9134" t="s">
        <v>21601</v>
      </c>
      <c r="B9134" t="s">
        <v>21602</v>
      </c>
      <c r="C9134" t="s">
        <v>21603</v>
      </c>
      <c r="D9134" t="s">
        <v>21480</v>
      </c>
      <c r="E9134" t="s">
        <v>13</v>
      </c>
      <c r="F9134">
        <v>4948</v>
      </c>
      <c r="G9134" t="s">
        <v>21604</v>
      </c>
      <c r="H9134">
        <v>4.3321253013229999</v>
      </c>
      <c r="I9134">
        <v>52.009868850841002</v>
      </c>
      <c r="J9134" t="s">
        <v>64819</v>
      </c>
    </row>
    <row r="9135" spans="1:10" x14ac:dyDescent="0.25">
      <c r="A9135" t="s">
        <v>21597</v>
      </c>
      <c r="B9135" t="s">
        <v>21598</v>
      </c>
      <c r="C9135" t="s">
        <v>21599</v>
      </c>
      <c r="D9135" t="s">
        <v>21480</v>
      </c>
      <c r="E9135" t="s">
        <v>13</v>
      </c>
      <c r="F9135">
        <v>4947</v>
      </c>
      <c r="G9135" t="s">
        <v>21600</v>
      </c>
      <c r="H9135">
        <v>4.3450289197869996</v>
      </c>
      <c r="I9135">
        <v>52.002384372389997</v>
      </c>
      <c r="J9135" t="s">
        <v>64820</v>
      </c>
    </row>
    <row r="9136" spans="1:10" x14ac:dyDescent="0.25">
      <c r="A9136" t="s">
        <v>21593</v>
      </c>
      <c r="B9136" t="s">
        <v>21594</v>
      </c>
      <c r="C9136" t="s">
        <v>21595</v>
      </c>
      <c r="D9136" t="s">
        <v>21480</v>
      </c>
      <c r="E9136" t="s">
        <v>13</v>
      </c>
      <c r="F9136">
        <v>4946</v>
      </c>
      <c r="G9136" t="s">
        <v>21596</v>
      </c>
      <c r="H9136">
        <v>4.3427353484299998</v>
      </c>
      <c r="I9136">
        <v>52.005092772037997</v>
      </c>
      <c r="J9136" t="s">
        <v>64821</v>
      </c>
    </row>
    <row r="9137" spans="1:10" x14ac:dyDescent="0.25">
      <c r="A9137" t="s">
        <v>21589</v>
      </c>
      <c r="B9137" t="s">
        <v>21590</v>
      </c>
      <c r="C9137" t="s">
        <v>21591</v>
      </c>
      <c r="D9137" t="s">
        <v>21480</v>
      </c>
      <c r="E9137" t="s">
        <v>13</v>
      </c>
      <c r="F9137">
        <v>4945</v>
      </c>
      <c r="G9137" t="s">
        <v>21592</v>
      </c>
      <c r="H9137">
        <v>4.340374002261</v>
      </c>
      <c r="I9137">
        <v>52.007343933313003</v>
      </c>
      <c r="J9137" t="s">
        <v>64822</v>
      </c>
    </row>
    <row r="9138" spans="1:10" x14ac:dyDescent="0.25">
      <c r="A9138" t="s">
        <v>21585</v>
      </c>
      <c r="B9138" t="s">
        <v>21586</v>
      </c>
      <c r="C9138" t="s">
        <v>21587</v>
      </c>
      <c r="D9138" t="s">
        <v>21480</v>
      </c>
      <c r="E9138" t="s">
        <v>13</v>
      </c>
      <c r="F9138">
        <v>4944</v>
      </c>
      <c r="G9138" t="s">
        <v>21588</v>
      </c>
      <c r="H9138">
        <v>4.3375523363059996</v>
      </c>
      <c r="I9138">
        <v>52.010777653094003</v>
      </c>
      <c r="J9138" t="s">
        <v>64823</v>
      </c>
    </row>
    <row r="9139" spans="1:10" x14ac:dyDescent="0.25">
      <c r="A9139" t="s">
        <v>21581</v>
      </c>
      <c r="B9139" t="s">
        <v>21582</v>
      </c>
      <c r="C9139" t="s">
        <v>21583</v>
      </c>
      <c r="D9139" t="s">
        <v>21480</v>
      </c>
      <c r="E9139" t="s">
        <v>13</v>
      </c>
      <c r="F9139">
        <v>4943</v>
      </c>
      <c r="G9139" t="s">
        <v>21584</v>
      </c>
      <c r="H9139">
        <v>4.3342943905449998</v>
      </c>
      <c r="I9139">
        <v>52.014042880741002</v>
      </c>
      <c r="J9139" t="s">
        <v>64824</v>
      </c>
    </row>
    <row r="9140" spans="1:10" x14ac:dyDescent="0.25">
      <c r="A9140" t="s">
        <v>21577</v>
      </c>
      <c r="B9140" t="s">
        <v>21578</v>
      </c>
      <c r="C9140" t="s">
        <v>21579</v>
      </c>
      <c r="D9140" t="s">
        <v>21480</v>
      </c>
      <c r="E9140" t="s">
        <v>13</v>
      </c>
      <c r="F9140">
        <v>4942</v>
      </c>
      <c r="G9140" t="s">
        <v>21580</v>
      </c>
      <c r="H9140">
        <v>4.3532051177440003</v>
      </c>
      <c r="I9140">
        <v>52.005470439522</v>
      </c>
      <c r="J9140" t="s">
        <v>64825</v>
      </c>
    </row>
    <row r="9141" spans="1:10" x14ac:dyDescent="0.25">
      <c r="A9141" t="s">
        <v>21573</v>
      </c>
      <c r="B9141" t="s">
        <v>21574</v>
      </c>
      <c r="C9141" t="s">
        <v>21575</v>
      </c>
      <c r="D9141" t="s">
        <v>21480</v>
      </c>
      <c r="E9141" t="s">
        <v>13</v>
      </c>
      <c r="F9141">
        <v>4941</v>
      </c>
      <c r="G9141" t="s">
        <v>21576</v>
      </c>
      <c r="H9141">
        <v>4.3493895027920004</v>
      </c>
      <c r="I9141">
        <v>52.003477549957999</v>
      </c>
      <c r="J9141" t="s">
        <v>64826</v>
      </c>
    </row>
    <row r="9142" spans="1:10" x14ac:dyDescent="0.25">
      <c r="A9142" t="s">
        <v>21569</v>
      </c>
      <c r="B9142" t="s">
        <v>21570</v>
      </c>
      <c r="C9142" t="s">
        <v>21571</v>
      </c>
      <c r="D9142" t="s">
        <v>21480</v>
      </c>
      <c r="E9142" t="s">
        <v>13</v>
      </c>
      <c r="F9142">
        <v>4940</v>
      </c>
      <c r="G9142" t="s">
        <v>21572</v>
      </c>
      <c r="H9142">
        <v>4.3508037148860002</v>
      </c>
      <c r="I9142">
        <v>52.009114062917</v>
      </c>
      <c r="J9142" t="s">
        <v>64827</v>
      </c>
    </row>
    <row r="9143" spans="1:10" x14ac:dyDescent="0.25">
      <c r="A9143" t="s">
        <v>21565</v>
      </c>
      <c r="B9143" t="s">
        <v>21566</v>
      </c>
      <c r="C9143" t="s">
        <v>21567</v>
      </c>
      <c r="D9143" t="s">
        <v>21480</v>
      </c>
      <c r="E9143" t="s">
        <v>13</v>
      </c>
      <c r="F9143">
        <v>4939</v>
      </c>
      <c r="G9143" t="s">
        <v>21568</v>
      </c>
      <c r="H9143">
        <v>4.3453990667219999</v>
      </c>
      <c r="I9143">
        <v>52.008086430208998</v>
      </c>
      <c r="J9143" t="s">
        <v>64828</v>
      </c>
    </row>
    <row r="9144" spans="1:10" x14ac:dyDescent="0.25">
      <c r="A9144" t="s">
        <v>21561</v>
      </c>
      <c r="B9144" t="s">
        <v>21562</v>
      </c>
      <c r="C9144" t="s">
        <v>21563</v>
      </c>
      <c r="D9144" t="s">
        <v>21480</v>
      </c>
      <c r="E9144" t="s">
        <v>13</v>
      </c>
      <c r="F9144">
        <v>4938</v>
      </c>
      <c r="G9144" t="s">
        <v>21564</v>
      </c>
      <c r="H9144">
        <v>4.3483657214739999</v>
      </c>
      <c r="I9144">
        <v>52.012343312345003</v>
      </c>
      <c r="J9144" t="s">
        <v>64829</v>
      </c>
    </row>
    <row r="9145" spans="1:10" x14ac:dyDescent="0.25">
      <c r="A9145" t="s">
        <v>21557</v>
      </c>
      <c r="B9145" t="s">
        <v>21558</v>
      </c>
      <c r="C9145" t="s">
        <v>21559</v>
      </c>
      <c r="D9145" t="s">
        <v>21480</v>
      </c>
      <c r="E9145" t="s">
        <v>13</v>
      </c>
      <c r="F9145">
        <v>4937</v>
      </c>
      <c r="G9145" t="s">
        <v>21560</v>
      </c>
      <c r="H9145">
        <v>4.3424802543169996</v>
      </c>
      <c r="I9145">
        <v>52.011706747018003</v>
      </c>
      <c r="J9145" t="s">
        <v>64830</v>
      </c>
    </row>
    <row r="9146" spans="1:10" x14ac:dyDescent="0.25">
      <c r="A9146" t="s">
        <v>21553</v>
      </c>
      <c r="B9146" t="s">
        <v>21554</v>
      </c>
      <c r="C9146" t="s">
        <v>21555</v>
      </c>
      <c r="D9146" t="s">
        <v>21480</v>
      </c>
      <c r="E9146" t="s">
        <v>13</v>
      </c>
      <c r="F9146">
        <v>4936</v>
      </c>
      <c r="G9146" t="s">
        <v>21556</v>
      </c>
      <c r="H9146">
        <v>4.3444289950370001</v>
      </c>
      <c r="I9146">
        <v>52.015136814149997</v>
      </c>
      <c r="J9146" t="s">
        <v>64831</v>
      </c>
    </row>
    <row r="9147" spans="1:10" x14ac:dyDescent="0.25">
      <c r="A9147" t="s">
        <v>21549</v>
      </c>
      <c r="B9147" t="s">
        <v>21550</v>
      </c>
      <c r="C9147" t="s">
        <v>21551</v>
      </c>
      <c r="D9147" t="s">
        <v>21480</v>
      </c>
      <c r="E9147" t="s">
        <v>13</v>
      </c>
      <c r="F9147">
        <v>4935</v>
      </c>
      <c r="G9147" t="s">
        <v>21552</v>
      </c>
      <c r="H9147">
        <v>4.3407757059729999</v>
      </c>
      <c r="I9147">
        <v>52.017232882214003</v>
      </c>
      <c r="J9147" t="s">
        <v>64832</v>
      </c>
    </row>
    <row r="9148" spans="1:10" x14ac:dyDescent="0.25">
      <c r="A9148" t="s">
        <v>21545</v>
      </c>
      <c r="B9148" t="s">
        <v>21546</v>
      </c>
      <c r="C9148" t="s">
        <v>21547</v>
      </c>
      <c r="D9148" t="s">
        <v>21480</v>
      </c>
      <c r="E9148" t="s">
        <v>13</v>
      </c>
      <c r="F9148">
        <v>4934</v>
      </c>
      <c r="G9148" t="s">
        <v>21548</v>
      </c>
      <c r="H9148">
        <v>4.3769696787420003</v>
      </c>
      <c r="I9148">
        <v>52.010475409721998</v>
      </c>
      <c r="J9148" t="s">
        <v>64833</v>
      </c>
    </row>
    <row r="9149" spans="1:10" x14ac:dyDescent="0.25">
      <c r="A9149" t="s">
        <v>21541</v>
      </c>
      <c r="B9149" t="s">
        <v>21542</v>
      </c>
      <c r="C9149" t="s">
        <v>21543</v>
      </c>
      <c r="D9149" t="s">
        <v>21480</v>
      </c>
      <c r="E9149" t="s">
        <v>13</v>
      </c>
      <c r="F9149">
        <v>4933</v>
      </c>
      <c r="G9149" t="s">
        <v>21544</v>
      </c>
      <c r="H9149">
        <v>4.3716332467559997</v>
      </c>
      <c r="I9149">
        <v>52.012837396168997</v>
      </c>
      <c r="J9149" t="s">
        <v>64834</v>
      </c>
    </row>
    <row r="9150" spans="1:10" x14ac:dyDescent="0.25">
      <c r="A9150" t="s">
        <v>21537</v>
      </c>
      <c r="B9150" t="s">
        <v>21538</v>
      </c>
      <c r="C9150" t="s">
        <v>21539</v>
      </c>
      <c r="D9150" t="s">
        <v>21480</v>
      </c>
      <c r="E9150" t="s">
        <v>13</v>
      </c>
      <c r="F9150">
        <v>4932</v>
      </c>
      <c r="G9150" t="s">
        <v>21540</v>
      </c>
      <c r="H9150">
        <v>4.3689812638680001</v>
      </c>
      <c r="I9150">
        <v>52.016002442527999</v>
      </c>
      <c r="J9150" t="s">
        <v>64835</v>
      </c>
    </row>
    <row r="9151" spans="1:10" x14ac:dyDescent="0.25">
      <c r="A9151" t="s">
        <v>21533</v>
      </c>
      <c r="B9151" t="s">
        <v>21534</v>
      </c>
      <c r="C9151" t="s">
        <v>21535</v>
      </c>
      <c r="D9151" t="s">
        <v>21480</v>
      </c>
      <c r="E9151" t="s">
        <v>13</v>
      </c>
      <c r="F9151">
        <v>4931</v>
      </c>
      <c r="G9151" t="s">
        <v>21536</v>
      </c>
      <c r="H9151">
        <v>4.3657889597260002</v>
      </c>
      <c r="I9151">
        <v>52.018896570301003</v>
      </c>
      <c r="J9151" t="s">
        <v>64836</v>
      </c>
    </row>
    <row r="9152" spans="1:10" x14ac:dyDescent="0.25">
      <c r="A9152" t="s">
        <v>21529</v>
      </c>
      <c r="B9152" t="s">
        <v>21530</v>
      </c>
      <c r="C9152" t="s">
        <v>21531</v>
      </c>
      <c r="D9152" t="s">
        <v>21480</v>
      </c>
      <c r="E9152" t="s">
        <v>13</v>
      </c>
      <c r="F9152">
        <v>4930</v>
      </c>
      <c r="G9152" t="s">
        <v>21532</v>
      </c>
      <c r="H9152">
        <v>4.363615844271</v>
      </c>
      <c r="I9152">
        <v>52.016076959296001</v>
      </c>
      <c r="J9152" t="s">
        <v>64837</v>
      </c>
    </row>
    <row r="9153" spans="1:10" x14ac:dyDescent="0.25">
      <c r="A9153" t="s">
        <v>21525</v>
      </c>
      <c r="B9153" t="s">
        <v>21526</v>
      </c>
      <c r="C9153" t="s">
        <v>21527</v>
      </c>
      <c r="D9153" t="s">
        <v>21480</v>
      </c>
      <c r="E9153" t="s">
        <v>13</v>
      </c>
      <c r="F9153">
        <v>4929</v>
      </c>
      <c r="G9153" t="s">
        <v>21528</v>
      </c>
      <c r="H9153">
        <v>4.361328023904</v>
      </c>
      <c r="I9153">
        <v>52.022779764093002</v>
      </c>
      <c r="J9153" t="s">
        <v>64838</v>
      </c>
    </row>
    <row r="9154" spans="1:10" x14ac:dyDescent="0.25">
      <c r="A9154" t="s">
        <v>21522</v>
      </c>
      <c r="B9154" t="s">
        <v>21523</v>
      </c>
      <c r="C9154" t="s">
        <v>499</v>
      </c>
      <c r="D9154" t="s">
        <v>21480</v>
      </c>
      <c r="E9154" t="s">
        <v>13</v>
      </c>
      <c r="F9154">
        <v>4928</v>
      </c>
      <c r="G9154" t="s">
        <v>21524</v>
      </c>
      <c r="H9154">
        <v>4.3562241913530002</v>
      </c>
      <c r="I9154">
        <v>52.021331312225001</v>
      </c>
      <c r="J9154" t="s">
        <v>64839</v>
      </c>
    </row>
    <row r="9155" spans="1:10" x14ac:dyDescent="0.25">
      <c r="A9155" t="s">
        <v>21519</v>
      </c>
      <c r="B9155" t="s">
        <v>21520</v>
      </c>
      <c r="C9155" t="s">
        <v>503</v>
      </c>
      <c r="D9155" t="s">
        <v>21480</v>
      </c>
      <c r="E9155" t="s">
        <v>13</v>
      </c>
      <c r="F9155">
        <v>4927</v>
      </c>
      <c r="G9155" t="s">
        <v>21521</v>
      </c>
      <c r="H9155">
        <v>4.3555973071110001</v>
      </c>
      <c r="I9155">
        <v>52.025251807567997</v>
      </c>
      <c r="J9155" t="s">
        <v>64840</v>
      </c>
    </row>
    <row r="9156" spans="1:10" x14ac:dyDescent="0.25">
      <c r="A9156" t="s">
        <v>21515</v>
      </c>
      <c r="B9156" t="s">
        <v>21516</v>
      </c>
      <c r="C9156" t="s">
        <v>21517</v>
      </c>
      <c r="D9156" t="s">
        <v>21480</v>
      </c>
      <c r="E9156" t="s">
        <v>13</v>
      </c>
      <c r="F9156">
        <v>4926</v>
      </c>
      <c r="G9156" t="s">
        <v>21518</v>
      </c>
      <c r="H9156">
        <v>4.3505563669380001</v>
      </c>
      <c r="I9156">
        <v>52.021675894665997</v>
      </c>
      <c r="J9156" t="s">
        <v>64841</v>
      </c>
    </row>
    <row r="9157" spans="1:10" x14ac:dyDescent="0.25">
      <c r="A9157" t="s">
        <v>21511</v>
      </c>
      <c r="B9157" t="s">
        <v>21512</v>
      </c>
      <c r="C9157" t="s">
        <v>21513</v>
      </c>
      <c r="D9157" t="s">
        <v>21480</v>
      </c>
      <c r="E9157" t="s">
        <v>13</v>
      </c>
      <c r="F9157">
        <v>4925</v>
      </c>
      <c r="G9157" t="s">
        <v>21514</v>
      </c>
      <c r="H9157">
        <v>4.365668626633</v>
      </c>
      <c r="I9157">
        <v>52.008748675923997</v>
      </c>
      <c r="J9157" t="s">
        <v>64842</v>
      </c>
    </row>
    <row r="9158" spans="1:10" x14ac:dyDescent="0.25">
      <c r="A9158" t="s">
        <v>21507</v>
      </c>
      <c r="B9158" t="s">
        <v>21508</v>
      </c>
      <c r="C9158" t="s">
        <v>21509</v>
      </c>
      <c r="D9158" t="s">
        <v>21480</v>
      </c>
      <c r="E9158" t="s">
        <v>13</v>
      </c>
      <c r="F9158">
        <v>4924</v>
      </c>
      <c r="G9158" t="s">
        <v>21510</v>
      </c>
      <c r="H9158">
        <v>4.3655594811420002</v>
      </c>
      <c r="I9158">
        <v>52.012399073974002</v>
      </c>
      <c r="J9158" t="s">
        <v>64843</v>
      </c>
    </row>
    <row r="9159" spans="1:10" x14ac:dyDescent="0.25">
      <c r="A9159" t="s">
        <v>21503</v>
      </c>
      <c r="B9159" t="s">
        <v>21504</v>
      </c>
      <c r="C9159" t="s">
        <v>21505</v>
      </c>
      <c r="D9159" t="s">
        <v>21480</v>
      </c>
      <c r="E9159" t="s">
        <v>13</v>
      </c>
      <c r="F9159">
        <v>4923</v>
      </c>
      <c r="G9159" t="s">
        <v>21506</v>
      </c>
      <c r="H9159">
        <v>4.3643599122210004</v>
      </c>
      <c r="I9159">
        <v>52.010266990844997</v>
      </c>
      <c r="J9159" t="s">
        <v>64844</v>
      </c>
    </row>
    <row r="9160" spans="1:10" x14ac:dyDescent="0.25">
      <c r="A9160" t="s">
        <v>21499</v>
      </c>
      <c r="B9160" t="s">
        <v>21500</v>
      </c>
      <c r="C9160" t="s">
        <v>21501</v>
      </c>
      <c r="D9160" t="s">
        <v>21480</v>
      </c>
      <c r="E9160" t="s">
        <v>13</v>
      </c>
      <c r="F9160">
        <v>4922</v>
      </c>
      <c r="G9160" t="s">
        <v>21502</v>
      </c>
      <c r="H9160">
        <v>4.3597187666300004</v>
      </c>
      <c r="I9160">
        <v>52.007356610621997</v>
      </c>
      <c r="J9160" t="s">
        <v>64845</v>
      </c>
    </row>
    <row r="9161" spans="1:10" x14ac:dyDescent="0.25">
      <c r="A9161" t="s">
        <v>21496</v>
      </c>
      <c r="B9161" t="s">
        <v>21497</v>
      </c>
      <c r="C9161" t="s">
        <v>4780</v>
      </c>
      <c r="D9161" t="s">
        <v>21480</v>
      </c>
      <c r="E9161" t="s">
        <v>13</v>
      </c>
      <c r="F9161">
        <v>4921</v>
      </c>
      <c r="G9161" t="s">
        <v>21498</v>
      </c>
      <c r="H9161">
        <v>4.3568482902210004</v>
      </c>
      <c r="I9161">
        <v>52.006433485923999</v>
      </c>
      <c r="J9161" t="s">
        <v>64846</v>
      </c>
    </row>
    <row r="9162" spans="1:10" x14ac:dyDescent="0.25">
      <c r="A9162" t="s">
        <v>21493</v>
      </c>
      <c r="B9162" t="s">
        <v>21494</v>
      </c>
      <c r="C9162" t="s">
        <v>129</v>
      </c>
      <c r="D9162" t="s">
        <v>21480</v>
      </c>
      <c r="E9162" t="s">
        <v>13</v>
      </c>
      <c r="F9162">
        <v>4920</v>
      </c>
      <c r="G9162" t="s">
        <v>21495</v>
      </c>
      <c r="H9162">
        <v>4.3596626466270001</v>
      </c>
      <c r="I9162">
        <v>52.010955093359001</v>
      </c>
      <c r="J9162" t="s">
        <v>64847</v>
      </c>
    </row>
    <row r="9163" spans="1:10" x14ac:dyDescent="0.25">
      <c r="A9163" t="s">
        <v>21489</v>
      </c>
      <c r="B9163" t="s">
        <v>21490</v>
      </c>
      <c r="C9163" t="s">
        <v>21491</v>
      </c>
      <c r="D9163" t="s">
        <v>21480</v>
      </c>
      <c r="E9163" t="s">
        <v>13</v>
      </c>
      <c r="F9163">
        <v>4919</v>
      </c>
      <c r="G9163" t="s">
        <v>21492</v>
      </c>
      <c r="H9163">
        <v>4.3601464325799997</v>
      </c>
      <c r="I9163">
        <v>52.015092718661002</v>
      </c>
      <c r="J9163" t="s">
        <v>64848</v>
      </c>
    </row>
    <row r="9164" spans="1:10" x14ac:dyDescent="0.25">
      <c r="A9164" t="s">
        <v>21485</v>
      </c>
      <c r="B9164" t="s">
        <v>21486</v>
      </c>
      <c r="C9164" t="s">
        <v>21487</v>
      </c>
      <c r="D9164" t="s">
        <v>21480</v>
      </c>
      <c r="E9164" t="s">
        <v>13</v>
      </c>
      <c r="F9164">
        <v>4918</v>
      </c>
      <c r="G9164" t="s">
        <v>21488</v>
      </c>
      <c r="H9164">
        <v>4.3541377629009999</v>
      </c>
      <c r="I9164">
        <v>52.013658839004997</v>
      </c>
      <c r="J9164" t="s">
        <v>64849</v>
      </c>
    </row>
    <row r="9165" spans="1:10" x14ac:dyDescent="0.25">
      <c r="A9165" t="s">
        <v>21482</v>
      </c>
      <c r="B9165" t="s">
        <v>21483</v>
      </c>
      <c r="C9165" t="s">
        <v>17028</v>
      </c>
      <c r="D9165" t="s">
        <v>21480</v>
      </c>
      <c r="E9165" t="s">
        <v>13</v>
      </c>
      <c r="F9165">
        <v>4917</v>
      </c>
      <c r="G9165" t="s">
        <v>21484</v>
      </c>
      <c r="H9165">
        <v>4.3540201882270004</v>
      </c>
      <c r="I9165">
        <v>52.018091854150001</v>
      </c>
      <c r="J9165" t="s">
        <v>64850</v>
      </c>
    </row>
    <row r="9166" spans="1:10" x14ac:dyDescent="0.25">
      <c r="A9166" t="s">
        <v>21477</v>
      </c>
      <c r="B9166" t="s">
        <v>21478</v>
      </c>
      <c r="C9166" t="s">
        <v>21479</v>
      </c>
      <c r="D9166" t="s">
        <v>21480</v>
      </c>
      <c r="E9166" t="s">
        <v>13</v>
      </c>
      <c r="F9166">
        <v>4916</v>
      </c>
      <c r="G9166" t="s">
        <v>21481</v>
      </c>
      <c r="H9166">
        <v>4.3477846495370001</v>
      </c>
      <c r="I9166">
        <v>52.019141755180001</v>
      </c>
      <c r="J9166" t="s">
        <v>64851</v>
      </c>
    </row>
    <row r="9167" spans="1:10" x14ac:dyDescent="0.25">
      <c r="A9167" t="s">
        <v>337</v>
      </c>
      <c r="B9167" t="s">
        <v>338</v>
      </c>
      <c r="C9167" t="s">
        <v>339</v>
      </c>
      <c r="D9167" t="s">
        <v>287</v>
      </c>
      <c r="E9167" t="s">
        <v>13</v>
      </c>
      <c r="F9167">
        <v>4915</v>
      </c>
      <c r="G9167" t="s">
        <v>340</v>
      </c>
      <c r="H9167">
        <v>4.5456557891870002</v>
      </c>
      <c r="I9167">
        <v>51.908240594082002</v>
      </c>
      <c r="J9167" t="s">
        <v>64852</v>
      </c>
    </row>
    <row r="9168" spans="1:10" x14ac:dyDescent="0.25">
      <c r="A9168" t="s">
        <v>333</v>
      </c>
      <c r="B9168" t="s">
        <v>334</v>
      </c>
      <c r="C9168" t="s">
        <v>335</v>
      </c>
      <c r="D9168" t="s">
        <v>287</v>
      </c>
      <c r="E9168" t="s">
        <v>13</v>
      </c>
      <c r="F9168">
        <v>4914</v>
      </c>
      <c r="G9168" t="s">
        <v>336</v>
      </c>
      <c r="H9168">
        <v>4.5464344330559996</v>
      </c>
      <c r="I9168">
        <v>51.911750895742998</v>
      </c>
      <c r="J9168" t="s">
        <v>64853</v>
      </c>
    </row>
    <row r="9169" spans="1:10" x14ac:dyDescent="0.25">
      <c r="A9169" t="s">
        <v>329</v>
      </c>
      <c r="B9169" t="s">
        <v>330</v>
      </c>
      <c r="C9169" t="s">
        <v>331</v>
      </c>
      <c r="D9169" t="s">
        <v>287</v>
      </c>
      <c r="E9169" t="s">
        <v>13</v>
      </c>
      <c r="F9169">
        <v>4913</v>
      </c>
      <c r="G9169" t="s">
        <v>332</v>
      </c>
      <c r="H9169">
        <v>4.54210152995</v>
      </c>
      <c r="I9169">
        <v>51.909322104075997</v>
      </c>
      <c r="J9169" t="s">
        <v>64854</v>
      </c>
    </row>
    <row r="9170" spans="1:10" x14ac:dyDescent="0.25">
      <c r="A9170" t="s">
        <v>325</v>
      </c>
      <c r="B9170" t="s">
        <v>326</v>
      </c>
      <c r="C9170" t="s">
        <v>327</v>
      </c>
      <c r="D9170" t="s">
        <v>287</v>
      </c>
      <c r="E9170" t="s">
        <v>13</v>
      </c>
      <c r="F9170">
        <v>4912</v>
      </c>
      <c r="G9170" t="s">
        <v>328</v>
      </c>
      <c r="H9170">
        <v>4.5412291407829999</v>
      </c>
      <c r="I9170">
        <v>51.913119062401002</v>
      </c>
      <c r="J9170" t="s">
        <v>64855</v>
      </c>
    </row>
    <row r="9171" spans="1:10" x14ac:dyDescent="0.25">
      <c r="A9171" t="s">
        <v>21473</v>
      </c>
      <c r="B9171" t="s">
        <v>21474</v>
      </c>
      <c r="C9171" t="s">
        <v>21475</v>
      </c>
      <c r="D9171" t="s">
        <v>287</v>
      </c>
      <c r="E9171" t="s">
        <v>13</v>
      </c>
      <c r="F9171">
        <v>4911</v>
      </c>
      <c r="G9171" t="s">
        <v>21476</v>
      </c>
      <c r="H9171">
        <v>4.5655180978820002</v>
      </c>
      <c r="I9171">
        <v>51.923698381535999</v>
      </c>
      <c r="J9171" t="s">
        <v>64856</v>
      </c>
    </row>
    <row r="9172" spans="1:10" x14ac:dyDescent="0.25">
      <c r="A9172" t="s">
        <v>21469</v>
      </c>
      <c r="B9172" t="s">
        <v>21470</v>
      </c>
      <c r="C9172" t="s">
        <v>21471</v>
      </c>
      <c r="D9172" t="s">
        <v>287</v>
      </c>
      <c r="E9172" t="s">
        <v>13</v>
      </c>
      <c r="F9172">
        <v>4910</v>
      </c>
      <c r="G9172" t="s">
        <v>21472</v>
      </c>
      <c r="H9172">
        <v>4.5566840890869997</v>
      </c>
      <c r="I9172">
        <v>51.919360936852001</v>
      </c>
      <c r="J9172" t="s">
        <v>64857</v>
      </c>
    </row>
    <row r="9173" spans="1:10" x14ac:dyDescent="0.25">
      <c r="A9173" t="s">
        <v>321</v>
      </c>
      <c r="B9173" t="s">
        <v>322</v>
      </c>
      <c r="C9173" t="s">
        <v>323</v>
      </c>
      <c r="D9173" t="s">
        <v>287</v>
      </c>
      <c r="E9173" t="s">
        <v>13</v>
      </c>
      <c r="F9173">
        <v>4909</v>
      </c>
      <c r="G9173" t="s">
        <v>324</v>
      </c>
      <c r="H9173">
        <v>4.5495604995459997</v>
      </c>
      <c r="I9173">
        <v>51.916973525544002</v>
      </c>
      <c r="J9173" t="s">
        <v>64858</v>
      </c>
    </row>
    <row r="9174" spans="1:10" x14ac:dyDescent="0.25">
      <c r="A9174" t="s">
        <v>317</v>
      </c>
      <c r="B9174" t="s">
        <v>318</v>
      </c>
      <c r="C9174" t="s">
        <v>319</v>
      </c>
      <c r="D9174" t="s">
        <v>287</v>
      </c>
      <c r="E9174" t="s">
        <v>13</v>
      </c>
      <c r="F9174">
        <v>4908</v>
      </c>
      <c r="G9174" t="s">
        <v>320</v>
      </c>
      <c r="H9174">
        <v>4.5427111537040004</v>
      </c>
      <c r="I9174">
        <v>51.916758204874</v>
      </c>
      <c r="J9174" t="s">
        <v>64859</v>
      </c>
    </row>
    <row r="9175" spans="1:10" x14ac:dyDescent="0.25">
      <c r="A9175" t="s">
        <v>21465</v>
      </c>
      <c r="B9175" t="s">
        <v>21466</v>
      </c>
      <c r="C9175" t="s">
        <v>21467</v>
      </c>
      <c r="D9175" t="s">
        <v>287</v>
      </c>
      <c r="E9175" t="s">
        <v>13</v>
      </c>
      <c r="F9175">
        <v>4907</v>
      </c>
      <c r="G9175" t="s">
        <v>21468</v>
      </c>
      <c r="H9175">
        <v>4.5840150879910002</v>
      </c>
      <c r="I9175">
        <v>51.954881695395997</v>
      </c>
      <c r="J9175" t="s">
        <v>64860</v>
      </c>
    </row>
    <row r="9176" spans="1:10" x14ac:dyDescent="0.25">
      <c r="A9176" t="s">
        <v>21461</v>
      </c>
      <c r="B9176" t="s">
        <v>21462</v>
      </c>
      <c r="C9176" t="s">
        <v>21463</v>
      </c>
      <c r="D9176" t="s">
        <v>287</v>
      </c>
      <c r="E9176" t="s">
        <v>13</v>
      </c>
      <c r="F9176">
        <v>4906</v>
      </c>
      <c r="G9176" t="s">
        <v>21464</v>
      </c>
      <c r="H9176">
        <v>4.5904025705090001</v>
      </c>
      <c r="I9176">
        <v>51.957503414389997</v>
      </c>
      <c r="J9176" t="s">
        <v>64861</v>
      </c>
    </row>
    <row r="9177" spans="1:10" x14ac:dyDescent="0.25">
      <c r="A9177" t="s">
        <v>21457</v>
      </c>
      <c r="B9177" t="s">
        <v>21458</v>
      </c>
      <c r="C9177" t="s">
        <v>21459</v>
      </c>
      <c r="D9177" t="s">
        <v>287</v>
      </c>
      <c r="E9177" t="s">
        <v>13</v>
      </c>
      <c r="F9177">
        <v>4905</v>
      </c>
      <c r="G9177" t="s">
        <v>21460</v>
      </c>
      <c r="H9177">
        <v>4.585271482045</v>
      </c>
      <c r="I9177">
        <v>51.956531664254001</v>
      </c>
      <c r="J9177" t="s">
        <v>64862</v>
      </c>
    </row>
    <row r="9178" spans="1:10" x14ac:dyDescent="0.25">
      <c r="A9178" t="s">
        <v>21453</v>
      </c>
      <c r="B9178" t="s">
        <v>21454</v>
      </c>
      <c r="C9178" t="s">
        <v>21455</v>
      </c>
      <c r="D9178" t="s">
        <v>287</v>
      </c>
      <c r="E9178" t="s">
        <v>13</v>
      </c>
      <c r="F9178">
        <v>4904</v>
      </c>
      <c r="G9178" t="s">
        <v>21456</v>
      </c>
      <c r="H9178">
        <v>4.5777061432100004</v>
      </c>
      <c r="I9178">
        <v>51.954437093773002</v>
      </c>
      <c r="J9178" t="s">
        <v>64863</v>
      </c>
    </row>
    <row r="9179" spans="1:10" x14ac:dyDescent="0.25">
      <c r="A9179" t="s">
        <v>21449</v>
      </c>
      <c r="B9179" t="s">
        <v>21450</v>
      </c>
      <c r="C9179" t="s">
        <v>21451</v>
      </c>
      <c r="D9179" t="s">
        <v>287</v>
      </c>
      <c r="E9179" t="s">
        <v>13</v>
      </c>
      <c r="F9179">
        <v>4903</v>
      </c>
      <c r="G9179" t="s">
        <v>21452</v>
      </c>
      <c r="H9179">
        <v>4.5843719826619997</v>
      </c>
      <c r="I9179">
        <v>51.962689196805997</v>
      </c>
      <c r="J9179" t="s">
        <v>64864</v>
      </c>
    </row>
    <row r="9180" spans="1:10" x14ac:dyDescent="0.25">
      <c r="A9180" t="s">
        <v>21445</v>
      </c>
      <c r="B9180" t="s">
        <v>21446</v>
      </c>
      <c r="C9180" t="s">
        <v>21447</v>
      </c>
      <c r="D9180" t="s">
        <v>287</v>
      </c>
      <c r="E9180" t="s">
        <v>13</v>
      </c>
      <c r="F9180">
        <v>4902</v>
      </c>
      <c r="G9180" t="s">
        <v>21448</v>
      </c>
      <c r="H9180">
        <v>4.5799368471899999</v>
      </c>
      <c r="I9180">
        <v>51.960635362415999</v>
      </c>
      <c r="J9180" t="s">
        <v>64865</v>
      </c>
    </row>
    <row r="9181" spans="1:10" x14ac:dyDescent="0.25">
      <c r="A9181" t="s">
        <v>21441</v>
      </c>
      <c r="B9181" t="s">
        <v>21442</v>
      </c>
      <c r="C9181" t="s">
        <v>21443</v>
      </c>
      <c r="D9181" t="s">
        <v>287</v>
      </c>
      <c r="E9181" t="s">
        <v>13</v>
      </c>
      <c r="F9181">
        <v>4901</v>
      </c>
      <c r="G9181" t="s">
        <v>21444</v>
      </c>
      <c r="H9181">
        <v>4.57505049266</v>
      </c>
      <c r="I9181">
        <v>51.958514265939002</v>
      </c>
      <c r="J9181" t="s">
        <v>64866</v>
      </c>
    </row>
    <row r="9182" spans="1:10" x14ac:dyDescent="0.25">
      <c r="A9182" t="s">
        <v>21437</v>
      </c>
      <c r="B9182" t="s">
        <v>21438</v>
      </c>
      <c r="C9182" t="s">
        <v>21439</v>
      </c>
      <c r="D9182" t="s">
        <v>287</v>
      </c>
      <c r="E9182" t="s">
        <v>13</v>
      </c>
      <c r="F9182">
        <v>4900</v>
      </c>
      <c r="G9182" t="s">
        <v>21440</v>
      </c>
      <c r="H9182">
        <v>4.5718424529149999</v>
      </c>
      <c r="I9182">
        <v>51.956650750319</v>
      </c>
      <c r="J9182" t="s">
        <v>64867</v>
      </c>
    </row>
    <row r="9183" spans="1:10" x14ac:dyDescent="0.25">
      <c r="A9183" t="s">
        <v>21433</v>
      </c>
      <c r="B9183" t="s">
        <v>21434</v>
      </c>
      <c r="C9183" t="s">
        <v>21435</v>
      </c>
      <c r="D9183" t="s">
        <v>287</v>
      </c>
      <c r="E9183" t="s">
        <v>13</v>
      </c>
      <c r="F9183">
        <v>4899</v>
      </c>
      <c r="G9183" t="s">
        <v>21436</v>
      </c>
      <c r="H9183">
        <v>4.5662807672900003</v>
      </c>
      <c r="I9183">
        <v>51.955148156702002</v>
      </c>
      <c r="J9183" t="s">
        <v>64868</v>
      </c>
    </row>
    <row r="9184" spans="1:10" x14ac:dyDescent="0.25">
      <c r="A9184" t="s">
        <v>21429</v>
      </c>
      <c r="B9184" t="s">
        <v>21430</v>
      </c>
      <c r="C9184" t="s">
        <v>21431</v>
      </c>
      <c r="D9184" t="s">
        <v>287</v>
      </c>
      <c r="E9184" t="s">
        <v>13</v>
      </c>
      <c r="F9184">
        <v>4898</v>
      </c>
      <c r="G9184" t="s">
        <v>21432</v>
      </c>
      <c r="H9184">
        <v>4.5814531672019996</v>
      </c>
      <c r="I9184">
        <v>51.95784022782</v>
      </c>
      <c r="J9184" t="s">
        <v>64869</v>
      </c>
    </row>
    <row r="9185" spans="1:10" x14ac:dyDescent="0.25">
      <c r="A9185" t="s">
        <v>21425</v>
      </c>
      <c r="B9185" t="s">
        <v>21426</v>
      </c>
      <c r="C9185" t="s">
        <v>21427</v>
      </c>
      <c r="D9185" t="s">
        <v>287</v>
      </c>
      <c r="E9185" t="s">
        <v>13</v>
      </c>
      <c r="F9185">
        <v>4897</v>
      </c>
      <c r="G9185" t="s">
        <v>21428</v>
      </c>
      <c r="H9185">
        <v>4.595306927787</v>
      </c>
      <c r="I9185">
        <v>51.953333714700001</v>
      </c>
      <c r="J9185" t="s">
        <v>64870</v>
      </c>
    </row>
    <row r="9186" spans="1:10" x14ac:dyDescent="0.25">
      <c r="A9186" t="s">
        <v>21421</v>
      </c>
      <c r="B9186" t="s">
        <v>21422</v>
      </c>
      <c r="C9186" t="s">
        <v>21423</v>
      </c>
      <c r="D9186" t="s">
        <v>287</v>
      </c>
      <c r="E9186" t="s">
        <v>13</v>
      </c>
      <c r="F9186">
        <v>4896</v>
      </c>
      <c r="G9186" t="s">
        <v>21424</v>
      </c>
      <c r="H9186">
        <v>4.5923841044740001</v>
      </c>
      <c r="I9186">
        <v>51.951578331724001</v>
      </c>
      <c r="J9186" t="s">
        <v>64871</v>
      </c>
    </row>
    <row r="9187" spans="1:10" x14ac:dyDescent="0.25">
      <c r="A9187" t="s">
        <v>21418</v>
      </c>
      <c r="B9187" t="s">
        <v>21419</v>
      </c>
      <c r="C9187" t="s">
        <v>14575</v>
      </c>
      <c r="D9187" t="s">
        <v>287</v>
      </c>
      <c r="E9187" t="s">
        <v>13</v>
      </c>
      <c r="F9187">
        <v>4895</v>
      </c>
      <c r="G9187" t="s">
        <v>21420</v>
      </c>
      <c r="H9187">
        <v>4.5890564283859998</v>
      </c>
      <c r="I9187">
        <v>51.950539888816003</v>
      </c>
      <c r="J9187" t="s">
        <v>64872</v>
      </c>
    </row>
    <row r="9188" spans="1:10" x14ac:dyDescent="0.25">
      <c r="A9188" t="s">
        <v>21414</v>
      </c>
      <c r="B9188" t="s">
        <v>21415</v>
      </c>
      <c r="C9188" t="s">
        <v>21416</v>
      </c>
      <c r="D9188" t="s">
        <v>287</v>
      </c>
      <c r="E9188" t="s">
        <v>13</v>
      </c>
      <c r="F9188">
        <v>4894</v>
      </c>
      <c r="G9188" t="s">
        <v>21417</v>
      </c>
      <c r="H9188">
        <v>4.5851007578520004</v>
      </c>
      <c r="I9188">
        <v>51.951839557511001</v>
      </c>
      <c r="J9188" t="s">
        <v>64873</v>
      </c>
    </row>
    <row r="9189" spans="1:10" x14ac:dyDescent="0.25">
      <c r="A9189" t="s">
        <v>21410</v>
      </c>
      <c r="B9189" t="s">
        <v>21411</v>
      </c>
      <c r="C9189" t="s">
        <v>21412</v>
      </c>
      <c r="D9189" t="s">
        <v>287</v>
      </c>
      <c r="E9189" t="s">
        <v>13</v>
      </c>
      <c r="F9189">
        <v>4893</v>
      </c>
      <c r="G9189" t="s">
        <v>21413</v>
      </c>
      <c r="H9189">
        <v>4.5816867780760004</v>
      </c>
      <c r="I9189">
        <v>51.950867570231999</v>
      </c>
      <c r="J9189" t="s">
        <v>64874</v>
      </c>
    </row>
    <row r="9190" spans="1:10" x14ac:dyDescent="0.25">
      <c r="A9190" t="s">
        <v>21406</v>
      </c>
      <c r="B9190" t="s">
        <v>21407</v>
      </c>
      <c r="C9190" t="s">
        <v>21408</v>
      </c>
      <c r="D9190" t="s">
        <v>287</v>
      </c>
      <c r="E9190" t="s">
        <v>13</v>
      </c>
      <c r="F9190">
        <v>4892</v>
      </c>
      <c r="G9190" t="s">
        <v>21409</v>
      </c>
      <c r="H9190">
        <v>4.5858816315129998</v>
      </c>
      <c r="I9190">
        <v>51.944784134125001</v>
      </c>
      <c r="J9190" t="s">
        <v>64875</v>
      </c>
    </row>
    <row r="9191" spans="1:10" x14ac:dyDescent="0.25">
      <c r="A9191" t="s">
        <v>21402</v>
      </c>
      <c r="B9191" t="s">
        <v>21403</v>
      </c>
      <c r="C9191" t="s">
        <v>21404</v>
      </c>
      <c r="D9191" t="s">
        <v>287</v>
      </c>
      <c r="E9191" t="s">
        <v>13</v>
      </c>
      <c r="F9191">
        <v>4891</v>
      </c>
      <c r="G9191" t="s">
        <v>21405</v>
      </c>
      <c r="H9191">
        <v>4.5746152354590004</v>
      </c>
      <c r="I9191">
        <v>51.949292874671002</v>
      </c>
      <c r="J9191" t="s">
        <v>64876</v>
      </c>
    </row>
    <row r="9192" spans="1:10" x14ac:dyDescent="0.25">
      <c r="A9192" t="s">
        <v>21398</v>
      </c>
      <c r="B9192" t="s">
        <v>21399</v>
      </c>
      <c r="C9192" t="s">
        <v>21400</v>
      </c>
      <c r="D9192" t="s">
        <v>287</v>
      </c>
      <c r="E9192" t="s">
        <v>13</v>
      </c>
      <c r="F9192">
        <v>4890</v>
      </c>
      <c r="G9192" t="s">
        <v>21401</v>
      </c>
      <c r="H9192">
        <v>4.571123463658</v>
      </c>
      <c r="I9192">
        <v>51.946629353917999</v>
      </c>
      <c r="J9192" t="s">
        <v>64877</v>
      </c>
    </row>
    <row r="9193" spans="1:10" x14ac:dyDescent="0.25">
      <c r="A9193" t="s">
        <v>21394</v>
      </c>
      <c r="B9193" t="s">
        <v>21395</v>
      </c>
      <c r="C9193" t="s">
        <v>21396</v>
      </c>
      <c r="D9193" t="s">
        <v>287</v>
      </c>
      <c r="E9193" t="s">
        <v>13</v>
      </c>
      <c r="F9193">
        <v>4889</v>
      </c>
      <c r="G9193" t="s">
        <v>21397</v>
      </c>
      <c r="H9193">
        <v>4.5781541815690003</v>
      </c>
      <c r="I9193">
        <v>51.950605155200002</v>
      </c>
      <c r="J9193" t="s">
        <v>64878</v>
      </c>
    </row>
    <row r="9194" spans="1:10" x14ac:dyDescent="0.25">
      <c r="A9194" t="s">
        <v>21390</v>
      </c>
      <c r="B9194" t="s">
        <v>21391</v>
      </c>
      <c r="C9194" t="s">
        <v>21392</v>
      </c>
      <c r="D9194" t="s">
        <v>287</v>
      </c>
      <c r="E9194" t="s">
        <v>13</v>
      </c>
      <c r="F9194">
        <v>4888</v>
      </c>
      <c r="G9194" t="s">
        <v>21393</v>
      </c>
      <c r="H9194">
        <v>4.5688843911810002</v>
      </c>
      <c r="I9194">
        <v>51.950432429156002</v>
      </c>
      <c r="J9194" t="s">
        <v>64879</v>
      </c>
    </row>
    <row r="9195" spans="1:10" x14ac:dyDescent="0.25">
      <c r="A9195" t="s">
        <v>21386</v>
      </c>
      <c r="B9195" t="s">
        <v>21387</v>
      </c>
      <c r="C9195" t="s">
        <v>21388</v>
      </c>
      <c r="D9195" t="s">
        <v>287</v>
      </c>
      <c r="E9195" t="s">
        <v>13</v>
      </c>
      <c r="F9195">
        <v>4887</v>
      </c>
      <c r="G9195" t="s">
        <v>21389</v>
      </c>
      <c r="H9195">
        <v>4.5726696174950003</v>
      </c>
      <c r="I9195">
        <v>51.940016908465999</v>
      </c>
      <c r="J9195" t="s">
        <v>64880</v>
      </c>
    </row>
    <row r="9196" spans="1:10" x14ac:dyDescent="0.25">
      <c r="A9196" t="s">
        <v>21382</v>
      </c>
      <c r="B9196" t="s">
        <v>21383</v>
      </c>
      <c r="C9196" t="s">
        <v>21384</v>
      </c>
      <c r="D9196" t="s">
        <v>287</v>
      </c>
      <c r="E9196" t="s">
        <v>13</v>
      </c>
      <c r="F9196">
        <v>4886</v>
      </c>
      <c r="G9196" t="s">
        <v>21385</v>
      </c>
      <c r="H9196">
        <v>4.5676753746239998</v>
      </c>
      <c r="I9196">
        <v>51.931631236443998</v>
      </c>
      <c r="J9196" t="s">
        <v>64881</v>
      </c>
    </row>
    <row r="9197" spans="1:10" x14ac:dyDescent="0.25">
      <c r="A9197" t="s">
        <v>21378</v>
      </c>
      <c r="B9197" t="s">
        <v>21379</v>
      </c>
      <c r="C9197" t="s">
        <v>21380</v>
      </c>
      <c r="D9197" t="s">
        <v>287</v>
      </c>
      <c r="E9197" t="s">
        <v>13</v>
      </c>
      <c r="F9197">
        <v>4885</v>
      </c>
      <c r="G9197" t="s">
        <v>21381</v>
      </c>
      <c r="H9197">
        <v>4.5766894793999997</v>
      </c>
      <c r="I9197">
        <v>51.936878790458998</v>
      </c>
      <c r="J9197" t="s">
        <v>64882</v>
      </c>
    </row>
    <row r="9198" spans="1:10" x14ac:dyDescent="0.25">
      <c r="A9198" t="s">
        <v>21374</v>
      </c>
      <c r="B9198" t="s">
        <v>21375</v>
      </c>
      <c r="C9198" t="s">
        <v>21376</v>
      </c>
      <c r="D9198" t="s">
        <v>287</v>
      </c>
      <c r="E9198" t="s">
        <v>13</v>
      </c>
      <c r="F9198">
        <v>4884</v>
      </c>
      <c r="G9198" t="s">
        <v>21377</v>
      </c>
      <c r="H9198">
        <v>4.5718703535460001</v>
      </c>
      <c r="I9198">
        <v>51.935185267045</v>
      </c>
      <c r="J9198" t="s">
        <v>64883</v>
      </c>
    </row>
    <row r="9199" spans="1:10" x14ac:dyDescent="0.25">
      <c r="A9199" t="s">
        <v>21371</v>
      </c>
      <c r="B9199" t="s">
        <v>21372</v>
      </c>
      <c r="C9199" t="s">
        <v>77</v>
      </c>
      <c r="D9199" t="s">
        <v>287</v>
      </c>
      <c r="E9199" t="s">
        <v>13</v>
      </c>
      <c r="F9199">
        <v>4883</v>
      </c>
      <c r="G9199" t="s">
        <v>21373</v>
      </c>
      <c r="H9199">
        <v>4.5660559130370002</v>
      </c>
      <c r="I9199">
        <v>51.934556971825998</v>
      </c>
      <c r="J9199" t="s">
        <v>64884</v>
      </c>
    </row>
    <row r="9200" spans="1:10" x14ac:dyDescent="0.25">
      <c r="A9200" t="s">
        <v>21368</v>
      </c>
      <c r="B9200" t="s">
        <v>21369</v>
      </c>
      <c r="C9200" t="s">
        <v>14642</v>
      </c>
      <c r="D9200" t="s">
        <v>287</v>
      </c>
      <c r="E9200" t="s">
        <v>13</v>
      </c>
      <c r="F9200">
        <v>4882</v>
      </c>
      <c r="G9200" t="s">
        <v>21370</v>
      </c>
      <c r="H9200">
        <v>4.5653218569979996</v>
      </c>
      <c r="I9200">
        <v>51.938936951633004</v>
      </c>
      <c r="J9200" t="s">
        <v>64885</v>
      </c>
    </row>
    <row r="9201" spans="1:10" x14ac:dyDescent="0.25">
      <c r="A9201" t="s">
        <v>21364</v>
      </c>
      <c r="B9201" t="s">
        <v>21365</v>
      </c>
      <c r="C9201" t="s">
        <v>21366</v>
      </c>
      <c r="D9201" t="s">
        <v>287</v>
      </c>
      <c r="E9201" t="s">
        <v>13</v>
      </c>
      <c r="F9201">
        <v>4881</v>
      </c>
      <c r="G9201" t="s">
        <v>21367</v>
      </c>
      <c r="H9201">
        <v>4.5982956282840002</v>
      </c>
      <c r="I9201">
        <v>51.944347244424002</v>
      </c>
      <c r="J9201" t="s">
        <v>64886</v>
      </c>
    </row>
    <row r="9202" spans="1:10" x14ac:dyDescent="0.25">
      <c r="A9202" t="s">
        <v>21360</v>
      </c>
      <c r="B9202" t="s">
        <v>21361</v>
      </c>
      <c r="C9202" t="s">
        <v>21362</v>
      </c>
      <c r="D9202" t="s">
        <v>287</v>
      </c>
      <c r="E9202" t="s">
        <v>13</v>
      </c>
      <c r="F9202">
        <v>4880</v>
      </c>
      <c r="G9202" t="s">
        <v>21363</v>
      </c>
      <c r="H9202">
        <v>4.5927066708569999</v>
      </c>
      <c r="I9202">
        <v>51.941178293867999</v>
      </c>
      <c r="J9202" t="s">
        <v>64887</v>
      </c>
    </row>
    <row r="9203" spans="1:10" x14ac:dyDescent="0.25">
      <c r="A9203" t="s">
        <v>21357</v>
      </c>
      <c r="B9203" t="s">
        <v>21358</v>
      </c>
      <c r="C9203" t="s">
        <v>4780</v>
      </c>
      <c r="D9203" t="s">
        <v>287</v>
      </c>
      <c r="E9203" t="s">
        <v>13</v>
      </c>
      <c r="F9203">
        <v>4879</v>
      </c>
      <c r="G9203" t="s">
        <v>21359</v>
      </c>
      <c r="H9203">
        <v>4.5858733629420003</v>
      </c>
      <c r="I9203">
        <v>51.937571257549997</v>
      </c>
      <c r="J9203" t="s">
        <v>64888</v>
      </c>
    </row>
    <row r="9204" spans="1:10" x14ac:dyDescent="0.25">
      <c r="A9204" t="s">
        <v>21353</v>
      </c>
      <c r="B9204" t="s">
        <v>21354</v>
      </c>
      <c r="C9204" t="s">
        <v>21355</v>
      </c>
      <c r="D9204" t="s">
        <v>287</v>
      </c>
      <c r="E9204" t="s">
        <v>13</v>
      </c>
      <c r="F9204">
        <v>4878</v>
      </c>
      <c r="G9204" t="s">
        <v>21356</v>
      </c>
      <c r="H9204">
        <v>4.579245678685</v>
      </c>
      <c r="I9204">
        <v>51.933642164250003</v>
      </c>
      <c r="J9204" t="s">
        <v>64889</v>
      </c>
    </row>
    <row r="9205" spans="1:10" x14ac:dyDescent="0.25">
      <c r="A9205" t="s">
        <v>21349</v>
      </c>
      <c r="B9205" t="s">
        <v>21350</v>
      </c>
      <c r="C9205" t="s">
        <v>21351</v>
      </c>
      <c r="D9205" t="s">
        <v>287</v>
      </c>
      <c r="E9205" t="s">
        <v>13</v>
      </c>
      <c r="F9205">
        <v>4877</v>
      </c>
      <c r="G9205" t="s">
        <v>21352</v>
      </c>
      <c r="H9205">
        <v>4.5714774572849999</v>
      </c>
      <c r="I9205">
        <v>51.929699536497999</v>
      </c>
      <c r="J9205" t="s">
        <v>64890</v>
      </c>
    </row>
    <row r="9206" spans="1:10" x14ac:dyDescent="0.25">
      <c r="A9206" t="s">
        <v>21346</v>
      </c>
      <c r="B9206" t="s">
        <v>21347</v>
      </c>
      <c r="C9206" t="s">
        <v>17567</v>
      </c>
      <c r="D9206" t="s">
        <v>287</v>
      </c>
      <c r="E9206" t="s">
        <v>13</v>
      </c>
      <c r="F9206">
        <v>4876</v>
      </c>
      <c r="G9206" t="s">
        <v>21348</v>
      </c>
      <c r="H9206">
        <v>4.6066752818129997</v>
      </c>
      <c r="I9206">
        <v>51.940762408241</v>
      </c>
      <c r="J9206" t="s">
        <v>64891</v>
      </c>
    </row>
    <row r="9207" spans="1:10" x14ac:dyDescent="0.25">
      <c r="A9207" t="s">
        <v>21342</v>
      </c>
      <c r="B9207" t="s">
        <v>21343</v>
      </c>
      <c r="C9207" t="s">
        <v>21344</v>
      </c>
      <c r="D9207" t="s">
        <v>287</v>
      </c>
      <c r="E9207" t="s">
        <v>13</v>
      </c>
      <c r="F9207">
        <v>4875</v>
      </c>
      <c r="G9207" t="s">
        <v>21345</v>
      </c>
      <c r="H9207">
        <v>4.6032975128059999</v>
      </c>
      <c r="I9207">
        <v>51.939425771873999</v>
      </c>
      <c r="J9207" t="s">
        <v>64892</v>
      </c>
    </row>
    <row r="9208" spans="1:10" x14ac:dyDescent="0.25">
      <c r="A9208" t="s">
        <v>21338</v>
      </c>
      <c r="B9208" t="s">
        <v>21339</v>
      </c>
      <c r="C9208" t="s">
        <v>21340</v>
      </c>
      <c r="D9208" t="s">
        <v>287</v>
      </c>
      <c r="E9208" t="s">
        <v>13</v>
      </c>
      <c r="F9208">
        <v>4874</v>
      </c>
      <c r="G9208" t="s">
        <v>21341</v>
      </c>
      <c r="H9208">
        <v>4.6000339660979996</v>
      </c>
      <c r="I9208">
        <v>51.937965012752997</v>
      </c>
      <c r="J9208" t="s">
        <v>64893</v>
      </c>
    </row>
    <row r="9209" spans="1:10" x14ac:dyDescent="0.25">
      <c r="A9209" t="s">
        <v>21334</v>
      </c>
      <c r="B9209" t="s">
        <v>21335</v>
      </c>
      <c r="C9209" t="s">
        <v>21336</v>
      </c>
      <c r="D9209" t="s">
        <v>287</v>
      </c>
      <c r="E9209" t="s">
        <v>13</v>
      </c>
      <c r="F9209">
        <v>4873</v>
      </c>
      <c r="G9209" t="s">
        <v>21337</v>
      </c>
      <c r="H9209">
        <v>4.5965867539260001</v>
      </c>
      <c r="I9209">
        <v>51.935688772059997</v>
      </c>
      <c r="J9209" t="s">
        <v>64894</v>
      </c>
    </row>
    <row r="9210" spans="1:10" x14ac:dyDescent="0.25">
      <c r="A9210" t="s">
        <v>21330</v>
      </c>
      <c r="B9210" t="s">
        <v>21331</v>
      </c>
      <c r="C9210" t="s">
        <v>21332</v>
      </c>
      <c r="D9210" t="s">
        <v>287</v>
      </c>
      <c r="E9210" t="s">
        <v>13</v>
      </c>
      <c r="F9210">
        <v>4872</v>
      </c>
      <c r="G9210" t="s">
        <v>21333</v>
      </c>
      <c r="H9210">
        <v>4.6030949091549997</v>
      </c>
      <c r="I9210">
        <v>51.943168524272998</v>
      </c>
      <c r="J9210" t="s">
        <v>64895</v>
      </c>
    </row>
    <row r="9211" spans="1:10" x14ac:dyDescent="0.25">
      <c r="A9211" t="s">
        <v>21326</v>
      </c>
      <c r="B9211" t="s">
        <v>21327</v>
      </c>
      <c r="C9211" t="s">
        <v>21328</v>
      </c>
      <c r="D9211" t="s">
        <v>287</v>
      </c>
      <c r="E9211" t="s">
        <v>13</v>
      </c>
      <c r="F9211">
        <v>4871</v>
      </c>
      <c r="G9211" t="s">
        <v>21329</v>
      </c>
      <c r="H9211">
        <v>4.599592505255</v>
      </c>
      <c r="I9211">
        <v>51.941355691490998</v>
      </c>
      <c r="J9211" t="s">
        <v>64896</v>
      </c>
    </row>
    <row r="9212" spans="1:10" x14ac:dyDescent="0.25">
      <c r="A9212" t="s">
        <v>21322</v>
      </c>
      <c r="B9212" t="s">
        <v>21323</v>
      </c>
      <c r="C9212" t="s">
        <v>21324</v>
      </c>
      <c r="D9212" t="s">
        <v>287</v>
      </c>
      <c r="E9212" t="s">
        <v>13</v>
      </c>
      <c r="F9212">
        <v>4870</v>
      </c>
      <c r="G9212" t="s">
        <v>21325</v>
      </c>
      <c r="H9212">
        <v>4.5958021923099999</v>
      </c>
      <c r="I9212">
        <v>51.938622936714999</v>
      </c>
      <c r="J9212" t="s">
        <v>64897</v>
      </c>
    </row>
    <row r="9213" spans="1:10" x14ac:dyDescent="0.25">
      <c r="A9213" t="s">
        <v>21318</v>
      </c>
      <c r="B9213" t="s">
        <v>21319</v>
      </c>
      <c r="C9213" t="s">
        <v>21320</v>
      </c>
      <c r="D9213" t="s">
        <v>287</v>
      </c>
      <c r="E9213" t="s">
        <v>13</v>
      </c>
      <c r="F9213">
        <v>4869</v>
      </c>
      <c r="G9213" t="s">
        <v>21321</v>
      </c>
      <c r="H9213">
        <v>4.6126997880529998</v>
      </c>
      <c r="I9213">
        <v>51.928780062366997</v>
      </c>
      <c r="J9213" t="s">
        <v>64898</v>
      </c>
    </row>
    <row r="9214" spans="1:10" x14ac:dyDescent="0.25">
      <c r="A9214" t="s">
        <v>21314</v>
      </c>
      <c r="B9214" t="s">
        <v>21315</v>
      </c>
      <c r="C9214" t="s">
        <v>21316</v>
      </c>
      <c r="D9214" t="s">
        <v>287</v>
      </c>
      <c r="E9214" t="s">
        <v>13</v>
      </c>
      <c r="F9214">
        <v>4868</v>
      </c>
      <c r="G9214" t="s">
        <v>21317</v>
      </c>
      <c r="H9214">
        <v>4.6113996488550004</v>
      </c>
      <c r="I9214">
        <v>51.931369220843997</v>
      </c>
      <c r="J9214" t="s">
        <v>64899</v>
      </c>
    </row>
    <row r="9215" spans="1:10" x14ac:dyDescent="0.25">
      <c r="A9215" t="s">
        <v>21310</v>
      </c>
      <c r="B9215" t="s">
        <v>21311</v>
      </c>
      <c r="C9215" t="s">
        <v>21312</v>
      </c>
      <c r="D9215" t="s">
        <v>287</v>
      </c>
      <c r="E9215" t="s">
        <v>13</v>
      </c>
      <c r="F9215">
        <v>4867</v>
      </c>
      <c r="G9215" t="s">
        <v>21313</v>
      </c>
      <c r="H9215">
        <v>4.6040281943980004</v>
      </c>
      <c r="I9215">
        <v>51.927824435546</v>
      </c>
      <c r="J9215" t="s">
        <v>64900</v>
      </c>
    </row>
    <row r="9216" spans="1:10" x14ac:dyDescent="0.25">
      <c r="A9216" t="s">
        <v>21306</v>
      </c>
      <c r="B9216" t="s">
        <v>21307</v>
      </c>
      <c r="C9216" t="s">
        <v>21308</v>
      </c>
      <c r="D9216" t="s">
        <v>287</v>
      </c>
      <c r="E9216" t="s">
        <v>13</v>
      </c>
      <c r="F9216">
        <v>4866</v>
      </c>
      <c r="G9216" t="s">
        <v>21309</v>
      </c>
      <c r="H9216">
        <v>4.6136382615300002</v>
      </c>
      <c r="I9216">
        <v>51.934707999620002</v>
      </c>
      <c r="J9216" t="s">
        <v>64901</v>
      </c>
    </row>
    <row r="9217" spans="1:10" x14ac:dyDescent="0.25">
      <c r="A9217" t="s">
        <v>21302</v>
      </c>
      <c r="B9217" t="s">
        <v>21303</v>
      </c>
      <c r="C9217" t="s">
        <v>21304</v>
      </c>
      <c r="D9217" t="s">
        <v>287</v>
      </c>
      <c r="E9217" t="s">
        <v>13</v>
      </c>
      <c r="F9217">
        <v>4865</v>
      </c>
      <c r="G9217" t="s">
        <v>21305</v>
      </c>
      <c r="H9217">
        <v>4.6070997262209996</v>
      </c>
      <c r="I9217">
        <v>51.932849649033997</v>
      </c>
      <c r="J9217" t="s">
        <v>64902</v>
      </c>
    </row>
    <row r="9218" spans="1:10" x14ac:dyDescent="0.25">
      <c r="A9218" t="s">
        <v>21298</v>
      </c>
      <c r="B9218" t="s">
        <v>21299</v>
      </c>
      <c r="C9218" t="s">
        <v>21300</v>
      </c>
      <c r="D9218" t="s">
        <v>287</v>
      </c>
      <c r="E9218" t="s">
        <v>13</v>
      </c>
      <c r="F9218">
        <v>4864</v>
      </c>
      <c r="G9218" t="s">
        <v>21301</v>
      </c>
      <c r="H9218">
        <v>4.6022993251480004</v>
      </c>
      <c r="I9218">
        <v>51.931191591308</v>
      </c>
      <c r="J9218" t="s">
        <v>64903</v>
      </c>
    </row>
    <row r="9219" spans="1:10" x14ac:dyDescent="0.25">
      <c r="A9219" t="s">
        <v>21294</v>
      </c>
      <c r="B9219" t="s">
        <v>21295</v>
      </c>
      <c r="C9219" t="s">
        <v>21296</v>
      </c>
      <c r="D9219" t="s">
        <v>287</v>
      </c>
      <c r="E9219" t="s">
        <v>13</v>
      </c>
      <c r="F9219">
        <v>4863</v>
      </c>
      <c r="G9219" t="s">
        <v>21297</v>
      </c>
      <c r="H9219">
        <v>4.6093649273099997</v>
      </c>
      <c r="I9219">
        <v>51.937123906267999</v>
      </c>
      <c r="J9219" t="s">
        <v>64904</v>
      </c>
    </row>
    <row r="9220" spans="1:10" x14ac:dyDescent="0.25">
      <c r="A9220" t="s">
        <v>21290</v>
      </c>
      <c r="B9220" t="s">
        <v>21291</v>
      </c>
      <c r="C9220" t="s">
        <v>21292</v>
      </c>
      <c r="D9220" t="s">
        <v>287</v>
      </c>
      <c r="E9220" t="s">
        <v>13</v>
      </c>
      <c r="F9220">
        <v>4862</v>
      </c>
      <c r="G9220" t="s">
        <v>21293</v>
      </c>
      <c r="H9220">
        <v>4.603180004685</v>
      </c>
      <c r="I9220">
        <v>51.935663963202003</v>
      </c>
      <c r="J9220" t="s">
        <v>64905</v>
      </c>
    </row>
    <row r="9221" spans="1:10" x14ac:dyDescent="0.25">
      <c r="A9221" t="s">
        <v>21286</v>
      </c>
      <c r="B9221" t="s">
        <v>21287</v>
      </c>
      <c r="C9221" t="s">
        <v>21288</v>
      </c>
      <c r="D9221" t="s">
        <v>287</v>
      </c>
      <c r="E9221" t="s">
        <v>13</v>
      </c>
      <c r="F9221">
        <v>4861</v>
      </c>
      <c r="G9221" t="s">
        <v>21289</v>
      </c>
      <c r="H9221">
        <v>4.5989076068459998</v>
      </c>
      <c r="I9221">
        <v>51.933430427367</v>
      </c>
      <c r="J9221" t="s">
        <v>64906</v>
      </c>
    </row>
    <row r="9222" spans="1:10" x14ac:dyDescent="0.25">
      <c r="A9222" t="s">
        <v>21282</v>
      </c>
      <c r="B9222" t="s">
        <v>21283</v>
      </c>
      <c r="C9222" t="s">
        <v>21284</v>
      </c>
      <c r="D9222" t="s">
        <v>287</v>
      </c>
      <c r="E9222" t="s">
        <v>13</v>
      </c>
      <c r="F9222">
        <v>4860</v>
      </c>
      <c r="G9222" t="s">
        <v>21285</v>
      </c>
      <c r="H9222">
        <v>4.5947227918699998</v>
      </c>
      <c r="I9222">
        <v>51.928913321849997</v>
      </c>
      <c r="J9222" t="s">
        <v>64907</v>
      </c>
    </row>
    <row r="9223" spans="1:10" x14ac:dyDescent="0.25">
      <c r="A9223" t="s">
        <v>21278</v>
      </c>
      <c r="B9223" t="s">
        <v>21279</v>
      </c>
      <c r="C9223" t="s">
        <v>21280</v>
      </c>
      <c r="D9223" t="s">
        <v>287</v>
      </c>
      <c r="E9223" t="s">
        <v>13</v>
      </c>
      <c r="F9223">
        <v>4859</v>
      </c>
      <c r="G9223" t="s">
        <v>21281</v>
      </c>
      <c r="H9223">
        <v>4.5971766199789998</v>
      </c>
      <c r="I9223">
        <v>51.926887586314002</v>
      </c>
      <c r="J9223" t="s">
        <v>64908</v>
      </c>
    </row>
    <row r="9224" spans="1:10" x14ac:dyDescent="0.25">
      <c r="A9224" t="s">
        <v>21274</v>
      </c>
      <c r="B9224" t="s">
        <v>21275</v>
      </c>
      <c r="C9224" t="s">
        <v>21276</v>
      </c>
      <c r="D9224" t="s">
        <v>287</v>
      </c>
      <c r="E9224" t="s">
        <v>13</v>
      </c>
      <c r="F9224">
        <v>4858</v>
      </c>
      <c r="G9224" t="s">
        <v>21277</v>
      </c>
      <c r="H9224">
        <v>4.5898692675510002</v>
      </c>
      <c r="I9224">
        <v>51.924492007764997</v>
      </c>
      <c r="J9224" t="s">
        <v>64909</v>
      </c>
    </row>
    <row r="9225" spans="1:10" x14ac:dyDescent="0.25">
      <c r="A9225" t="s">
        <v>21270</v>
      </c>
      <c r="B9225" t="s">
        <v>21271</v>
      </c>
      <c r="C9225" t="s">
        <v>21272</v>
      </c>
      <c r="D9225" t="s">
        <v>287</v>
      </c>
      <c r="E9225" t="s">
        <v>13</v>
      </c>
      <c r="F9225">
        <v>4857</v>
      </c>
      <c r="G9225" t="s">
        <v>21273</v>
      </c>
      <c r="H9225">
        <v>4.5934692587360004</v>
      </c>
      <c r="I9225">
        <v>51.931322286266003</v>
      </c>
      <c r="J9225" t="s">
        <v>64910</v>
      </c>
    </row>
    <row r="9226" spans="1:10" x14ac:dyDescent="0.25">
      <c r="A9226" t="s">
        <v>21267</v>
      </c>
      <c r="B9226" t="s">
        <v>21268</v>
      </c>
      <c r="C9226" t="s">
        <v>17633</v>
      </c>
      <c r="D9226" t="s">
        <v>287</v>
      </c>
      <c r="E9226" t="s">
        <v>13</v>
      </c>
      <c r="F9226">
        <v>4856</v>
      </c>
      <c r="G9226" t="s">
        <v>21269</v>
      </c>
      <c r="H9226">
        <v>4.5872454942490002</v>
      </c>
      <c r="I9226">
        <v>51.927333520544998</v>
      </c>
      <c r="J9226" t="s">
        <v>64911</v>
      </c>
    </row>
    <row r="9227" spans="1:10" x14ac:dyDescent="0.25">
      <c r="A9227" t="s">
        <v>21263</v>
      </c>
      <c r="B9227" t="s">
        <v>21264</v>
      </c>
      <c r="C9227" t="s">
        <v>21265</v>
      </c>
      <c r="D9227" t="s">
        <v>287</v>
      </c>
      <c r="E9227" t="s">
        <v>13</v>
      </c>
      <c r="F9227">
        <v>4855</v>
      </c>
      <c r="G9227" t="s">
        <v>21266</v>
      </c>
      <c r="H9227">
        <v>4.590221160215</v>
      </c>
      <c r="I9227">
        <v>51.931676365209</v>
      </c>
      <c r="J9227" t="s">
        <v>64912</v>
      </c>
    </row>
    <row r="9228" spans="1:10" x14ac:dyDescent="0.25">
      <c r="A9228" t="s">
        <v>21259</v>
      </c>
      <c r="B9228" t="s">
        <v>21260</v>
      </c>
      <c r="C9228" t="s">
        <v>21261</v>
      </c>
      <c r="D9228" t="s">
        <v>287</v>
      </c>
      <c r="E9228" t="s">
        <v>13</v>
      </c>
      <c r="F9228">
        <v>4854</v>
      </c>
      <c r="G9228" t="s">
        <v>21262</v>
      </c>
      <c r="H9228">
        <v>4.5890656628980002</v>
      </c>
      <c r="I9228">
        <v>51.934601882819003</v>
      </c>
      <c r="J9228" t="s">
        <v>64913</v>
      </c>
    </row>
    <row r="9229" spans="1:10" x14ac:dyDescent="0.25">
      <c r="A9229" t="s">
        <v>21255</v>
      </c>
      <c r="B9229" t="s">
        <v>21256</v>
      </c>
      <c r="C9229" t="s">
        <v>21257</v>
      </c>
      <c r="D9229" t="s">
        <v>287</v>
      </c>
      <c r="E9229" t="s">
        <v>13</v>
      </c>
      <c r="F9229">
        <v>4853</v>
      </c>
      <c r="G9229" t="s">
        <v>21258</v>
      </c>
      <c r="H9229">
        <v>4.5847869833750003</v>
      </c>
      <c r="I9229">
        <v>51.922930005585002</v>
      </c>
      <c r="J9229" t="s">
        <v>64914</v>
      </c>
    </row>
    <row r="9230" spans="1:10" x14ac:dyDescent="0.25">
      <c r="A9230" t="s">
        <v>21251</v>
      </c>
      <c r="B9230" t="s">
        <v>21252</v>
      </c>
      <c r="C9230" t="s">
        <v>21253</v>
      </c>
      <c r="D9230" t="s">
        <v>287</v>
      </c>
      <c r="E9230" t="s">
        <v>13</v>
      </c>
      <c r="F9230">
        <v>4852</v>
      </c>
      <c r="G9230" t="s">
        <v>21254</v>
      </c>
      <c r="H9230">
        <v>4.5807893518259997</v>
      </c>
      <c r="I9230">
        <v>51.922556385862002</v>
      </c>
      <c r="J9230" t="s">
        <v>64915</v>
      </c>
    </row>
    <row r="9231" spans="1:10" x14ac:dyDescent="0.25">
      <c r="A9231" t="s">
        <v>21247</v>
      </c>
      <c r="B9231" t="s">
        <v>21248</v>
      </c>
      <c r="C9231" t="s">
        <v>21249</v>
      </c>
      <c r="D9231" t="s">
        <v>287</v>
      </c>
      <c r="E9231" t="s">
        <v>13</v>
      </c>
      <c r="F9231">
        <v>4851</v>
      </c>
      <c r="G9231" t="s">
        <v>21250</v>
      </c>
      <c r="H9231">
        <v>4.5770417370949996</v>
      </c>
      <c r="I9231">
        <v>51.919954184546</v>
      </c>
      <c r="J9231" t="s">
        <v>64916</v>
      </c>
    </row>
    <row r="9232" spans="1:10" x14ac:dyDescent="0.25">
      <c r="A9232" t="s">
        <v>21244</v>
      </c>
      <c r="B9232" t="s">
        <v>21245</v>
      </c>
      <c r="C9232" t="s">
        <v>85</v>
      </c>
      <c r="D9232" t="s">
        <v>287</v>
      </c>
      <c r="E9232" t="s">
        <v>13</v>
      </c>
      <c r="F9232">
        <v>4850</v>
      </c>
      <c r="G9232" t="s">
        <v>21246</v>
      </c>
      <c r="H9232">
        <v>4.5828799187350002</v>
      </c>
      <c r="I9232">
        <v>51.926288711009001</v>
      </c>
      <c r="J9232" t="s">
        <v>64917</v>
      </c>
    </row>
    <row r="9233" spans="1:10" x14ac:dyDescent="0.25">
      <c r="A9233" t="s">
        <v>21240</v>
      </c>
      <c r="B9233" t="s">
        <v>21241</v>
      </c>
      <c r="C9233" t="s">
        <v>21242</v>
      </c>
      <c r="D9233" t="s">
        <v>287</v>
      </c>
      <c r="E9233" t="s">
        <v>13</v>
      </c>
      <c r="F9233">
        <v>4849</v>
      </c>
      <c r="G9233" t="s">
        <v>21243</v>
      </c>
      <c r="H9233">
        <v>4.5825528869190002</v>
      </c>
      <c r="I9233">
        <v>51.930302694475998</v>
      </c>
      <c r="J9233" t="s">
        <v>64918</v>
      </c>
    </row>
    <row r="9234" spans="1:10" x14ac:dyDescent="0.25">
      <c r="A9234" t="s">
        <v>21237</v>
      </c>
      <c r="B9234" t="s">
        <v>21238</v>
      </c>
      <c r="C9234" t="s">
        <v>20368</v>
      </c>
      <c r="D9234" t="s">
        <v>287</v>
      </c>
      <c r="E9234" t="s">
        <v>13</v>
      </c>
      <c r="F9234">
        <v>4848</v>
      </c>
      <c r="G9234" t="s">
        <v>21239</v>
      </c>
      <c r="H9234">
        <v>4.5766547883389999</v>
      </c>
      <c r="I9234">
        <v>51.926457325081003</v>
      </c>
      <c r="J9234" t="s">
        <v>64919</v>
      </c>
    </row>
    <row r="9235" spans="1:10" x14ac:dyDescent="0.25">
      <c r="A9235" t="s">
        <v>21233</v>
      </c>
      <c r="B9235" t="s">
        <v>21234</v>
      </c>
      <c r="C9235" t="s">
        <v>21235</v>
      </c>
      <c r="D9235" t="s">
        <v>287</v>
      </c>
      <c r="E9235" t="s">
        <v>13</v>
      </c>
      <c r="F9235">
        <v>4847</v>
      </c>
      <c r="G9235" t="s">
        <v>21236</v>
      </c>
      <c r="H9235">
        <v>4.5720510020020004</v>
      </c>
      <c r="I9235">
        <v>51.923558697183999</v>
      </c>
      <c r="J9235" t="s">
        <v>64920</v>
      </c>
    </row>
    <row r="9236" spans="1:10" x14ac:dyDescent="0.25">
      <c r="A9236" t="s">
        <v>313</v>
      </c>
      <c r="B9236" t="s">
        <v>314</v>
      </c>
      <c r="C9236" t="s">
        <v>315</v>
      </c>
      <c r="D9236" t="s">
        <v>287</v>
      </c>
      <c r="E9236" t="s">
        <v>13</v>
      </c>
      <c r="F9236">
        <v>4846</v>
      </c>
      <c r="G9236" t="s">
        <v>316</v>
      </c>
      <c r="H9236">
        <v>4.5692829869049998</v>
      </c>
      <c r="I9236">
        <v>51.917223481263001</v>
      </c>
      <c r="J9236" t="s">
        <v>64921</v>
      </c>
    </row>
    <row r="9237" spans="1:10" x14ac:dyDescent="0.25">
      <c r="A9237" t="s">
        <v>309</v>
      </c>
      <c r="B9237" t="s">
        <v>310</v>
      </c>
      <c r="C9237" t="s">
        <v>311</v>
      </c>
      <c r="D9237" t="s">
        <v>287</v>
      </c>
      <c r="E9237" t="s">
        <v>13</v>
      </c>
      <c r="F9237">
        <v>4845</v>
      </c>
      <c r="G9237" t="s">
        <v>312</v>
      </c>
      <c r="H9237">
        <v>4.5625163649319997</v>
      </c>
      <c r="I9237">
        <v>51.916502803667001</v>
      </c>
      <c r="J9237" t="s">
        <v>64922</v>
      </c>
    </row>
    <row r="9238" spans="1:10" x14ac:dyDescent="0.25">
      <c r="A9238" t="s">
        <v>21229</v>
      </c>
      <c r="B9238" t="s">
        <v>21230</v>
      </c>
      <c r="C9238" t="s">
        <v>21231</v>
      </c>
      <c r="D9238" t="s">
        <v>287</v>
      </c>
      <c r="E9238" t="s">
        <v>13</v>
      </c>
      <c r="F9238">
        <v>4844</v>
      </c>
      <c r="G9238" t="s">
        <v>21232</v>
      </c>
      <c r="H9238">
        <v>4.5675479504740002</v>
      </c>
      <c r="I9238">
        <v>51.921868789690997</v>
      </c>
      <c r="J9238" t="s">
        <v>64923</v>
      </c>
    </row>
    <row r="9239" spans="1:10" x14ac:dyDescent="0.25">
      <c r="A9239" t="s">
        <v>21225</v>
      </c>
      <c r="B9239" t="s">
        <v>21226</v>
      </c>
      <c r="C9239" t="s">
        <v>21227</v>
      </c>
      <c r="D9239" t="s">
        <v>287</v>
      </c>
      <c r="E9239" t="s">
        <v>13</v>
      </c>
      <c r="F9239">
        <v>4843</v>
      </c>
      <c r="G9239" t="s">
        <v>21228</v>
      </c>
      <c r="H9239">
        <v>4.5627263025699998</v>
      </c>
      <c r="I9239">
        <v>51.919373054658003</v>
      </c>
      <c r="J9239" t="s">
        <v>64924</v>
      </c>
    </row>
    <row r="9240" spans="1:10" x14ac:dyDescent="0.25">
      <c r="A9240" t="s">
        <v>305</v>
      </c>
      <c r="B9240" t="s">
        <v>306</v>
      </c>
      <c r="C9240" t="s">
        <v>307</v>
      </c>
      <c r="D9240" t="s">
        <v>287</v>
      </c>
      <c r="E9240" t="s">
        <v>13</v>
      </c>
      <c r="F9240">
        <v>4842</v>
      </c>
      <c r="G9240" t="s">
        <v>308</v>
      </c>
      <c r="H9240">
        <v>4.5574215400050004</v>
      </c>
      <c r="I9240">
        <v>51.916605481493001</v>
      </c>
      <c r="J9240" t="s">
        <v>64925</v>
      </c>
    </row>
    <row r="9241" spans="1:10" x14ac:dyDescent="0.25">
      <c r="A9241" t="s">
        <v>301</v>
      </c>
      <c r="B9241" t="s">
        <v>302</v>
      </c>
      <c r="C9241" t="s">
        <v>303</v>
      </c>
      <c r="D9241" t="s">
        <v>287</v>
      </c>
      <c r="E9241" t="s">
        <v>13</v>
      </c>
      <c r="F9241">
        <v>4841</v>
      </c>
      <c r="G9241" t="s">
        <v>304</v>
      </c>
      <c r="H9241">
        <v>4.574621048839</v>
      </c>
      <c r="I9241">
        <v>51.914952710405998</v>
      </c>
      <c r="J9241" t="s">
        <v>64926</v>
      </c>
    </row>
    <row r="9242" spans="1:10" x14ac:dyDescent="0.25">
      <c r="A9242" t="s">
        <v>297</v>
      </c>
      <c r="B9242" t="s">
        <v>298</v>
      </c>
      <c r="C9242" t="s">
        <v>299</v>
      </c>
      <c r="D9242" t="s">
        <v>287</v>
      </c>
      <c r="E9242" t="s">
        <v>13</v>
      </c>
      <c r="F9242">
        <v>4840</v>
      </c>
      <c r="G9242" t="s">
        <v>300</v>
      </c>
      <c r="H9242">
        <v>4.5675755988009996</v>
      </c>
      <c r="I9242">
        <v>51.912136597364999</v>
      </c>
      <c r="J9242" t="s">
        <v>64927</v>
      </c>
    </row>
    <row r="9243" spans="1:10" x14ac:dyDescent="0.25">
      <c r="A9243" t="s">
        <v>293</v>
      </c>
      <c r="B9243" t="s">
        <v>294</v>
      </c>
      <c r="C9243" t="s">
        <v>295</v>
      </c>
      <c r="D9243" t="s">
        <v>287</v>
      </c>
      <c r="E9243" t="s">
        <v>13</v>
      </c>
      <c r="F9243">
        <v>4839</v>
      </c>
      <c r="G9243" t="s">
        <v>296</v>
      </c>
      <c r="H9243">
        <v>4.5610983842920003</v>
      </c>
      <c r="I9243">
        <v>51.910446074779003</v>
      </c>
      <c r="J9243" t="s">
        <v>64928</v>
      </c>
    </row>
    <row r="9244" spans="1:10" x14ac:dyDescent="0.25">
      <c r="A9244" t="s">
        <v>289</v>
      </c>
      <c r="B9244" t="s">
        <v>290</v>
      </c>
      <c r="C9244" t="s">
        <v>291</v>
      </c>
      <c r="D9244" t="s">
        <v>287</v>
      </c>
      <c r="E9244" t="s">
        <v>13</v>
      </c>
      <c r="F9244">
        <v>4838</v>
      </c>
      <c r="G9244" t="s">
        <v>292</v>
      </c>
      <c r="H9244">
        <v>4.5608490958310002</v>
      </c>
      <c r="I9244">
        <v>51.913803072477002</v>
      </c>
      <c r="J9244" t="s">
        <v>64929</v>
      </c>
    </row>
    <row r="9245" spans="1:10" x14ac:dyDescent="0.25">
      <c r="A9245" t="s">
        <v>284</v>
      </c>
      <c r="B9245" t="s">
        <v>285</v>
      </c>
      <c r="C9245" t="s">
        <v>286</v>
      </c>
      <c r="D9245" t="s">
        <v>287</v>
      </c>
      <c r="E9245" t="s">
        <v>13</v>
      </c>
      <c r="F9245">
        <v>4837</v>
      </c>
      <c r="G9245" t="s">
        <v>288</v>
      </c>
      <c r="H9245">
        <v>4.5540590147259996</v>
      </c>
      <c r="I9245">
        <v>51.908648797543002</v>
      </c>
      <c r="J9245" t="s">
        <v>64930</v>
      </c>
    </row>
    <row r="9246" spans="1:10" x14ac:dyDescent="0.25">
      <c r="A9246" t="s">
        <v>21221</v>
      </c>
      <c r="B9246" t="s">
        <v>21222</v>
      </c>
      <c r="C9246" t="s">
        <v>21223</v>
      </c>
      <c r="D9246" t="s">
        <v>21171</v>
      </c>
      <c r="E9246" t="s">
        <v>13</v>
      </c>
      <c r="F9246">
        <v>4836</v>
      </c>
      <c r="G9246" t="s">
        <v>21224</v>
      </c>
      <c r="H9246">
        <v>4.1976498513660001</v>
      </c>
      <c r="I9246">
        <v>51.904214668046997</v>
      </c>
      <c r="J9246" t="s">
        <v>64931</v>
      </c>
    </row>
    <row r="9247" spans="1:10" x14ac:dyDescent="0.25">
      <c r="A9247" t="s">
        <v>21218</v>
      </c>
      <c r="B9247" t="s">
        <v>21219</v>
      </c>
      <c r="C9247" t="s">
        <v>5274</v>
      </c>
      <c r="D9247" t="s">
        <v>21171</v>
      </c>
      <c r="E9247" t="s">
        <v>13</v>
      </c>
      <c r="F9247">
        <v>4835</v>
      </c>
      <c r="G9247" t="s">
        <v>21220</v>
      </c>
      <c r="H9247">
        <v>4.2072205730199999</v>
      </c>
      <c r="I9247">
        <v>51.871961971955002</v>
      </c>
      <c r="J9247" t="s">
        <v>64932</v>
      </c>
    </row>
    <row r="9248" spans="1:10" x14ac:dyDescent="0.25">
      <c r="A9248" t="s">
        <v>21214</v>
      </c>
      <c r="B9248" t="s">
        <v>21215</v>
      </c>
      <c r="C9248" t="s">
        <v>21216</v>
      </c>
      <c r="D9248" t="s">
        <v>21171</v>
      </c>
      <c r="E9248" t="s">
        <v>13</v>
      </c>
      <c r="F9248">
        <v>4834</v>
      </c>
      <c r="G9248" t="s">
        <v>21217</v>
      </c>
      <c r="H9248">
        <v>4.226505445341</v>
      </c>
      <c r="I9248">
        <v>51.884700174462999</v>
      </c>
      <c r="J9248" t="s">
        <v>64933</v>
      </c>
    </row>
    <row r="9249" spans="1:10" x14ac:dyDescent="0.25">
      <c r="A9249" t="s">
        <v>21210</v>
      </c>
      <c r="B9249" t="s">
        <v>21211</v>
      </c>
      <c r="C9249" t="s">
        <v>21212</v>
      </c>
      <c r="D9249" t="s">
        <v>21171</v>
      </c>
      <c r="E9249" t="s">
        <v>13</v>
      </c>
      <c r="F9249">
        <v>4833</v>
      </c>
      <c r="G9249" t="s">
        <v>21213</v>
      </c>
      <c r="H9249">
        <v>4.2192680629339998</v>
      </c>
      <c r="I9249">
        <v>51.884620388560997</v>
      </c>
      <c r="J9249" t="s">
        <v>64934</v>
      </c>
    </row>
    <row r="9250" spans="1:10" x14ac:dyDescent="0.25">
      <c r="A9250" t="s">
        <v>21206</v>
      </c>
      <c r="B9250" t="s">
        <v>21207</v>
      </c>
      <c r="C9250" t="s">
        <v>21208</v>
      </c>
      <c r="D9250" t="s">
        <v>21171</v>
      </c>
      <c r="E9250" t="s">
        <v>13</v>
      </c>
      <c r="F9250">
        <v>4832</v>
      </c>
      <c r="G9250" t="s">
        <v>21209</v>
      </c>
      <c r="H9250">
        <v>4.2212888862430002</v>
      </c>
      <c r="I9250">
        <v>51.881636492044002</v>
      </c>
      <c r="J9250" t="s">
        <v>64935</v>
      </c>
    </row>
    <row r="9251" spans="1:10" x14ac:dyDescent="0.25">
      <c r="A9251" t="s">
        <v>21203</v>
      </c>
      <c r="B9251" t="s">
        <v>21204</v>
      </c>
      <c r="C9251" t="s">
        <v>5274</v>
      </c>
      <c r="D9251" t="s">
        <v>21171</v>
      </c>
      <c r="E9251" t="s">
        <v>13</v>
      </c>
      <c r="F9251">
        <v>4831</v>
      </c>
      <c r="G9251" t="s">
        <v>21205</v>
      </c>
      <c r="H9251">
        <v>4.1820910760289998</v>
      </c>
      <c r="I9251">
        <v>51.884690224476998</v>
      </c>
      <c r="J9251" t="s">
        <v>64936</v>
      </c>
    </row>
    <row r="9252" spans="1:10" x14ac:dyDescent="0.25">
      <c r="A9252" t="s">
        <v>21199</v>
      </c>
      <c r="B9252" t="s">
        <v>21200</v>
      </c>
      <c r="C9252" t="s">
        <v>21201</v>
      </c>
      <c r="D9252" t="s">
        <v>21171</v>
      </c>
      <c r="E9252" t="s">
        <v>13</v>
      </c>
      <c r="F9252">
        <v>4830</v>
      </c>
      <c r="G9252" t="s">
        <v>21202</v>
      </c>
      <c r="H9252">
        <v>4.180692132381</v>
      </c>
      <c r="I9252">
        <v>51.881038698350999</v>
      </c>
      <c r="J9252" t="s">
        <v>64937</v>
      </c>
    </row>
    <row r="9253" spans="1:10" x14ac:dyDescent="0.25">
      <c r="A9253" t="s">
        <v>21196</v>
      </c>
      <c r="B9253" t="s">
        <v>21197</v>
      </c>
      <c r="C9253" t="s">
        <v>5274</v>
      </c>
      <c r="D9253" t="s">
        <v>21171</v>
      </c>
      <c r="E9253" t="s">
        <v>13</v>
      </c>
      <c r="F9253">
        <v>4829</v>
      </c>
      <c r="G9253" t="s">
        <v>21198</v>
      </c>
      <c r="H9253">
        <v>4.1535265426160004</v>
      </c>
      <c r="I9253">
        <v>51.911203456785003</v>
      </c>
      <c r="J9253" t="s">
        <v>64938</v>
      </c>
    </row>
    <row r="9254" spans="1:10" x14ac:dyDescent="0.25">
      <c r="A9254" t="s">
        <v>21193</v>
      </c>
      <c r="B9254" t="s">
        <v>21194</v>
      </c>
      <c r="C9254" t="s">
        <v>109</v>
      </c>
      <c r="D9254" t="s">
        <v>21171</v>
      </c>
      <c r="E9254" t="s">
        <v>13</v>
      </c>
      <c r="F9254">
        <v>4828</v>
      </c>
      <c r="G9254" t="s">
        <v>21195</v>
      </c>
      <c r="H9254">
        <v>4.1746124531650004</v>
      </c>
      <c r="I9254">
        <v>51.894962442842001</v>
      </c>
      <c r="J9254" t="s">
        <v>64939</v>
      </c>
    </row>
    <row r="9255" spans="1:10" x14ac:dyDescent="0.25">
      <c r="A9255" t="s">
        <v>21189</v>
      </c>
      <c r="B9255" t="s">
        <v>21190</v>
      </c>
      <c r="C9255" t="s">
        <v>21191</v>
      </c>
      <c r="D9255" t="s">
        <v>21171</v>
      </c>
      <c r="E9255" t="s">
        <v>13</v>
      </c>
      <c r="F9255">
        <v>4827</v>
      </c>
      <c r="G9255" t="s">
        <v>21192</v>
      </c>
      <c r="H9255">
        <v>4.166425588029</v>
      </c>
      <c r="I9255">
        <v>51.890908679921999</v>
      </c>
      <c r="J9255" t="s">
        <v>64940</v>
      </c>
    </row>
    <row r="9256" spans="1:10" x14ac:dyDescent="0.25">
      <c r="A9256" t="s">
        <v>21185</v>
      </c>
      <c r="B9256" t="s">
        <v>21186</v>
      </c>
      <c r="C9256" t="s">
        <v>21187</v>
      </c>
      <c r="D9256" t="s">
        <v>21171</v>
      </c>
      <c r="E9256" t="s">
        <v>13</v>
      </c>
      <c r="F9256">
        <v>4826</v>
      </c>
      <c r="G9256" t="s">
        <v>21188</v>
      </c>
      <c r="H9256">
        <v>4.1728724243629998</v>
      </c>
      <c r="I9256">
        <v>51.910431861897997</v>
      </c>
      <c r="J9256" t="s">
        <v>64941</v>
      </c>
    </row>
    <row r="9257" spans="1:10" x14ac:dyDescent="0.25">
      <c r="A9257" t="s">
        <v>21181</v>
      </c>
      <c r="B9257" t="s">
        <v>21182</v>
      </c>
      <c r="C9257" t="s">
        <v>21183</v>
      </c>
      <c r="D9257" t="s">
        <v>21171</v>
      </c>
      <c r="E9257" t="s">
        <v>13</v>
      </c>
      <c r="F9257">
        <v>4825</v>
      </c>
      <c r="G9257" t="s">
        <v>21184</v>
      </c>
      <c r="H9257">
        <v>4.1539109397210003</v>
      </c>
      <c r="I9257">
        <v>51.899664591814997</v>
      </c>
      <c r="J9257" t="s">
        <v>64942</v>
      </c>
    </row>
    <row r="9258" spans="1:10" x14ac:dyDescent="0.25">
      <c r="A9258" t="s">
        <v>21177</v>
      </c>
      <c r="B9258" t="s">
        <v>21178</v>
      </c>
      <c r="C9258" t="s">
        <v>21179</v>
      </c>
      <c r="D9258" t="s">
        <v>21171</v>
      </c>
      <c r="E9258" t="s">
        <v>13</v>
      </c>
      <c r="F9258">
        <v>4824</v>
      </c>
      <c r="G9258" t="s">
        <v>21180</v>
      </c>
      <c r="H9258">
        <v>4.1601176372030002</v>
      </c>
      <c r="I9258">
        <v>51.891714128872998</v>
      </c>
      <c r="J9258" t="s">
        <v>64943</v>
      </c>
    </row>
    <row r="9259" spans="1:10" x14ac:dyDescent="0.25">
      <c r="A9259" t="s">
        <v>21173</v>
      </c>
      <c r="B9259" t="s">
        <v>21174</v>
      </c>
      <c r="C9259" t="s">
        <v>21175</v>
      </c>
      <c r="D9259" t="s">
        <v>21171</v>
      </c>
      <c r="E9259" t="s">
        <v>13</v>
      </c>
      <c r="F9259">
        <v>4823</v>
      </c>
      <c r="G9259" t="s">
        <v>21176</v>
      </c>
      <c r="H9259">
        <v>4.163988744219</v>
      </c>
      <c r="I9259">
        <v>51.896005456475002</v>
      </c>
      <c r="J9259" t="s">
        <v>64944</v>
      </c>
    </row>
    <row r="9260" spans="1:10" x14ac:dyDescent="0.25">
      <c r="A9260" t="s">
        <v>21168</v>
      </c>
      <c r="B9260" t="s">
        <v>21169</v>
      </c>
      <c r="C9260" t="s">
        <v>21170</v>
      </c>
      <c r="D9260" t="s">
        <v>21171</v>
      </c>
      <c r="E9260" t="s">
        <v>13</v>
      </c>
      <c r="F9260">
        <v>4822</v>
      </c>
      <c r="G9260" t="s">
        <v>21172</v>
      </c>
      <c r="H9260">
        <v>4.1642190206849996</v>
      </c>
      <c r="I9260">
        <v>51.903790513170001</v>
      </c>
      <c r="J9260" t="s">
        <v>64945</v>
      </c>
    </row>
    <row r="9261" spans="1:10" x14ac:dyDescent="0.25">
      <c r="A9261" t="s">
        <v>21164</v>
      </c>
      <c r="B9261" t="s">
        <v>21165</v>
      </c>
      <c r="C9261" t="s">
        <v>21166</v>
      </c>
      <c r="D9261" t="s">
        <v>130</v>
      </c>
      <c r="E9261" t="s">
        <v>13</v>
      </c>
      <c r="F9261">
        <v>4821</v>
      </c>
      <c r="G9261" t="s">
        <v>21167</v>
      </c>
      <c r="H9261">
        <v>4.5128211121730004</v>
      </c>
      <c r="I9261">
        <v>51.860591974762997</v>
      </c>
      <c r="J9261" t="s">
        <v>64946</v>
      </c>
    </row>
    <row r="9262" spans="1:10" x14ac:dyDescent="0.25">
      <c r="A9262" t="s">
        <v>21160</v>
      </c>
      <c r="B9262" t="s">
        <v>21161</v>
      </c>
      <c r="C9262" t="s">
        <v>21162</v>
      </c>
      <c r="D9262" t="s">
        <v>130</v>
      </c>
      <c r="E9262" t="s">
        <v>13</v>
      </c>
      <c r="F9262">
        <v>4820</v>
      </c>
      <c r="G9262" t="s">
        <v>21163</v>
      </c>
      <c r="H9262">
        <v>4.5128909144579996</v>
      </c>
      <c r="I9262">
        <v>51.855156793772998</v>
      </c>
      <c r="J9262" t="s">
        <v>64947</v>
      </c>
    </row>
    <row r="9263" spans="1:10" x14ac:dyDescent="0.25">
      <c r="A9263" t="s">
        <v>21156</v>
      </c>
      <c r="B9263" t="s">
        <v>21157</v>
      </c>
      <c r="C9263" t="s">
        <v>21158</v>
      </c>
      <c r="D9263" t="s">
        <v>130</v>
      </c>
      <c r="E9263" t="s">
        <v>13</v>
      </c>
      <c r="F9263">
        <v>4819</v>
      </c>
      <c r="G9263" t="s">
        <v>21159</v>
      </c>
      <c r="H9263">
        <v>4.5122448044730001</v>
      </c>
      <c r="I9263">
        <v>51.851001337733003</v>
      </c>
      <c r="J9263" t="s">
        <v>64948</v>
      </c>
    </row>
    <row r="9264" spans="1:10" x14ac:dyDescent="0.25">
      <c r="A9264" t="s">
        <v>21152</v>
      </c>
      <c r="B9264" t="s">
        <v>21153</v>
      </c>
      <c r="C9264" t="s">
        <v>21154</v>
      </c>
      <c r="D9264" t="s">
        <v>130</v>
      </c>
      <c r="E9264" t="s">
        <v>13</v>
      </c>
      <c r="F9264">
        <v>4818</v>
      </c>
      <c r="G9264" t="s">
        <v>21155</v>
      </c>
      <c r="H9264">
        <v>4.5122034747319999</v>
      </c>
      <c r="I9264">
        <v>51.846347506412002</v>
      </c>
      <c r="J9264" t="s">
        <v>64949</v>
      </c>
    </row>
    <row r="9265" spans="1:10" x14ac:dyDescent="0.25">
      <c r="A9265" t="s">
        <v>280</v>
      </c>
      <c r="B9265" t="s">
        <v>281</v>
      </c>
      <c r="C9265" t="s">
        <v>282</v>
      </c>
      <c r="D9265" t="s">
        <v>130</v>
      </c>
      <c r="E9265" t="s">
        <v>13</v>
      </c>
      <c r="F9265">
        <v>4817</v>
      </c>
      <c r="G9265" t="s">
        <v>283</v>
      </c>
      <c r="H9265">
        <v>4.5291617276859997</v>
      </c>
      <c r="I9265">
        <v>51.834188822495001</v>
      </c>
      <c r="J9265" t="s">
        <v>64950</v>
      </c>
    </row>
    <row r="9266" spans="1:10" x14ac:dyDescent="0.25">
      <c r="A9266" t="s">
        <v>21148</v>
      </c>
      <c r="B9266" t="s">
        <v>21149</v>
      </c>
      <c r="C9266" t="s">
        <v>21150</v>
      </c>
      <c r="D9266" t="s">
        <v>130</v>
      </c>
      <c r="E9266" t="s">
        <v>13</v>
      </c>
      <c r="F9266">
        <v>4816</v>
      </c>
      <c r="G9266" t="s">
        <v>21151</v>
      </c>
      <c r="H9266">
        <v>4.5178910296280002</v>
      </c>
      <c r="I9266">
        <v>51.846013883059001</v>
      </c>
      <c r="J9266" t="s">
        <v>64951</v>
      </c>
    </row>
    <row r="9267" spans="1:10" x14ac:dyDescent="0.25">
      <c r="A9267" t="s">
        <v>276</v>
      </c>
      <c r="B9267" t="s">
        <v>277</v>
      </c>
      <c r="C9267" t="s">
        <v>278</v>
      </c>
      <c r="D9267" t="s">
        <v>130</v>
      </c>
      <c r="E9267" t="s">
        <v>13</v>
      </c>
      <c r="F9267">
        <v>4815</v>
      </c>
      <c r="G9267" t="s">
        <v>279</v>
      </c>
      <c r="H9267">
        <v>4.520708241755</v>
      </c>
      <c r="I9267">
        <v>51.863061626971003</v>
      </c>
      <c r="J9267" t="s">
        <v>64952</v>
      </c>
    </row>
    <row r="9268" spans="1:10" x14ac:dyDescent="0.25">
      <c r="A9268" t="s">
        <v>272</v>
      </c>
      <c r="B9268" t="s">
        <v>273</v>
      </c>
      <c r="C9268" t="s">
        <v>274</v>
      </c>
      <c r="D9268" t="s">
        <v>130</v>
      </c>
      <c r="E9268" t="s">
        <v>13</v>
      </c>
      <c r="F9268">
        <v>4814</v>
      </c>
      <c r="G9268" t="s">
        <v>275</v>
      </c>
      <c r="H9268">
        <v>4.5593997565139999</v>
      </c>
      <c r="I9268">
        <v>51.852350814280001</v>
      </c>
      <c r="J9268" t="s">
        <v>64953</v>
      </c>
    </row>
    <row r="9269" spans="1:10" x14ac:dyDescent="0.25">
      <c r="A9269" t="s">
        <v>268</v>
      </c>
      <c r="B9269" t="s">
        <v>269</v>
      </c>
      <c r="C9269" t="s">
        <v>270</v>
      </c>
      <c r="D9269" t="s">
        <v>130</v>
      </c>
      <c r="E9269" t="s">
        <v>13</v>
      </c>
      <c r="F9269">
        <v>4813</v>
      </c>
      <c r="G9269" t="s">
        <v>271</v>
      </c>
      <c r="H9269">
        <v>4.5599262363359996</v>
      </c>
      <c r="I9269">
        <v>51.856808084954999</v>
      </c>
      <c r="J9269" t="s">
        <v>64954</v>
      </c>
    </row>
    <row r="9270" spans="1:10" x14ac:dyDescent="0.25">
      <c r="A9270" t="s">
        <v>264</v>
      </c>
      <c r="B9270" t="s">
        <v>265</v>
      </c>
      <c r="C9270" t="s">
        <v>266</v>
      </c>
      <c r="D9270" t="s">
        <v>130</v>
      </c>
      <c r="E9270" t="s">
        <v>13</v>
      </c>
      <c r="F9270">
        <v>4812</v>
      </c>
      <c r="G9270" t="s">
        <v>267</v>
      </c>
      <c r="H9270">
        <v>4.554861624121</v>
      </c>
      <c r="I9270">
        <v>51.856834103570002</v>
      </c>
      <c r="J9270" t="s">
        <v>64955</v>
      </c>
    </row>
    <row r="9271" spans="1:10" x14ac:dyDescent="0.25">
      <c r="A9271" t="s">
        <v>260</v>
      </c>
      <c r="B9271" t="s">
        <v>261</v>
      </c>
      <c r="C9271" t="s">
        <v>262</v>
      </c>
      <c r="D9271" t="s">
        <v>130</v>
      </c>
      <c r="E9271" t="s">
        <v>13</v>
      </c>
      <c r="F9271">
        <v>4811</v>
      </c>
      <c r="G9271" t="s">
        <v>263</v>
      </c>
      <c r="H9271">
        <v>4.5562011442069998</v>
      </c>
      <c r="I9271">
        <v>51.862000946136</v>
      </c>
      <c r="J9271" t="s">
        <v>64956</v>
      </c>
    </row>
    <row r="9272" spans="1:10" x14ac:dyDescent="0.25">
      <c r="A9272" t="s">
        <v>256</v>
      </c>
      <c r="B9272" t="s">
        <v>257</v>
      </c>
      <c r="C9272" t="s">
        <v>258</v>
      </c>
      <c r="D9272" t="s">
        <v>130</v>
      </c>
      <c r="E9272" t="s">
        <v>13</v>
      </c>
      <c r="F9272">
        <v>4810</v>
      </c>
      <c r="G9272" t="s">
        <v>259</v>
      </c>
      <c r="H9272">
        <v>4.5502385405309997</v>
      </c>
      <c r="I9272">
        <v>51.862813935882997</v>
      </c>
      <c r="J9272" t="s">
        <v>64957</v>
      </c>
    </row>
    <row r="9273" spans="1:10" x14ac:dyDescent="0.25">
      <c r="A9273" t="s">
        <v>252</v>
      </c>
      <c r="B9273" t="s">
        <v>253</v>
      </c>
      <c r="C9273" t="s">
        <v>254</v>
      </c>
      <c r="D9273" t="s">
        <v>130</v>
      </c>
      <c r="E9273" t="s">
        <v>13</v>
      </c>
      <c r="F9273">
        <v>4809</v>
      </c>
      <c r="G9273" t="s">
        <v>255</v>
      </c>
      <c r="H9273">
        <v>4.5487849121929997</v>
      </c>
      <c r="I9273">
        <v>51.871728976664997</v>
      </c>
      <c r="J9273" t="s">
        <v>64958</v>
      </c>
    </row>
    <row r="9274" spans="1:10" x14ac:dyDescent="0.25">
      <c r="A9274" t="s">
        <v>248</v>
      </c>
      <c r="B9274" t="s">
        <v>249</v>
      </c>
      <c r="C9274" t="s">
        <v>250</v>
      </c>
      <c r="D9274" t="s">
        <v>130</v>
      </c>
      <c r="E9274" t="s">
        <v>13</v>
      </c>
      <c r="F9274">
        <v>4808</v>
      </c>
      <c r="G9274" t="s">
        <v>251</v>
      </c>
      <c r="H9274">
        <v>4.5481492276070004</v>
      </c>
      <c r="I9274">
        <v>51.868848077754002</v>
      </c>
      <c r="J9274" t="s">
        <v>64959</v>
      </c>
    </row>
    <row r="9275" spans="1:10" x14ac:dyDescent="0.25">
      <c r="A9275" t="s">
        <v>244</v>
      </c>
      <c r="B9275" t="s">
        <v>245</v>
      </c>
      <c r="C9275" t="s">
        <v>246</v>
      </c>
      <c r="D9275" t="s">
        <v>130</v>
      </c>
      <c r="E9275" t="s">
        <v>13</v>
      </c>
      <c r="F9275">
        <v>4807</v>
      </c>
      <c r="G9275" t="s">
        <v>247</v>
      </c>
      <c r="H9275">
        <v>4.5282644156889997</v>
      </c>
      <c r="I9275">
        <v>51.845059344599001</v>
      </c>
      <c r="J9275" t="s">
        <v>64960</v>
      </c>
    </row>
    <row r="9276" spans="1:10" x14ac:dyDescent="0.25">
      <c r="A9276" t="s">
        <v>240</v>
      </c>
      <c r="B9276" t="s">
        <v>241</v>
      </c>
      <c r="C9276" t="s">
        <v>242</v>
      </c>
      <c r="D9276" t="s">
        <v>130</v>
      </c>
      <c r="E9276" t="s">
        <v>13</v>
      </c>
      <c r="F9276">
        <v>4806</v>
      </c>
      <c r="G9276" t="s">
        <v>243</v>
      </c>
      <c r="H9276">
        <v>4.5633013799839999</v>
      </c>
      <c r="I9276">
        <v>51.846215696744999</v>
      </c>
      <c r="J9276" t="s">
        <v>64961</v>
      </c>
    </row>
    <row r="9277" spans="1:10" x14ac:dyDescent="0.25">
      <c r="A9277" t="s">
        <v>236</v>
      </c>
      <c r="B9277" t="s">
        <v>237</v>
      </c>
      <c r="C9277" t="s">
        <v>238</v>
      </c>
      <c r="D9277" t="s">
        <v>130</v>
      </c>
      <c r="E9277" t="s">
        <v>13</v>
      </c>
      <c r="F9277">
        <v>4805</v>
      </c>
      <c r="G9277" t="s">
        <v>239</v>
      </c>
      <c r="H9277">
        <v>4.5474077906780002</v>
      </c>
      <c r="I9277">
        <v>51.837112441807001</v>
      </c>
      <c r="J9277" t="s">
        <v>64962</v>
      </c>
    </row>
    <row r="9278" spans="1:10" x14ac:dyDescent="0.25">
      <c r="A9278" t="s">
        <v>232</v>
      </c>
      <c r="B9278" t="s">
        <v>233</v>
      </c>
      <c r="C9278" t="s">
        <v>234</v>
      </c>
      <c r="D9278" t="s">
        <v>130</v>
      </c>
      <c r="E9278" t="s">
        <v>13</v>
      </c>
      <c r="F9278">
        <v>4804</v>
      </c>
      <c r="G9278" t="s">
        <v>235</v>
      </c>
      <c r="H9278">
        <v>4.5248288170290003</v>
      </c>
      <c r="I9278">
        <v>51.836782687555001</v>
      </c>
      <c r="J9278" t="s">
        <v>64963</v>
      </c>
    </row>
    <row r="9279" spans="1:10" x14ac:dyDescent="0.25">
      <c r="A9279" t="s">
        <v>21144</v>
      </c>
      <c r="B9279" t="s">
        <v>21145</v>
      </c>
      <c r="C9279" t="s">
        <v>21146</v>
      </c>
      <c r="D9279" t="s">
        <v>130</v>
      </c>
      <c r="E9279" t="s">
        <v>13</v>
      </c>
      <c r="F9279">
        <v>4803</v>
      </c>
      <c r="G9279" t="s">
        <v>21147</v>
      </c>
      <c r="H9279">
        <v>4.5025529606179999</v>
      </c>
      <c r="I9279">
        <v>51.839547073896</v>
      </c>
      <c r="J9279" t="s">
        <v>64964</v>
      </c>
    </row>
    <row r="9280" spans="1:10" x14ac:dyDescent="0.25">
      <c r="A9280" t="s">
        <v>228</v>
      </c>
      <c r="B9280" t="s">
        <v>229</v>
      </c>
      <c r="C9280" t="s">
        <v>230</v>
      </c>
      <c r="D9280" t="s">
        <v>130</v>
      </c>
      <c r="E9280" t="s">
        <v>13</v>
      </c>
      <c r="F9280">
        <v>4802</v>
      </c>
      <c r="G9280" t="s">
        <v>231</v>
      </c>
      <c r="H9280">
        <v>4.5409576885950003</v>
      </c>
      <c r="I9280">
        <v>51.86718475776</v>
      </c>
      <c r="J9280" t="s">
        <v>64965</v>
      </c>
    </row>
    <row r="9281" spans="1:10" x14ac:dyDescent="0.25">
      <c r="A9281" t="s">
        <v>224</v>
      </c>
      <c r="B9281" t="s">
        <v>225</v>
      </c>
      <c r="C9281" t="s">
        <v>226</v>
      </c>
      <c r="D9281" t="s">
        <v>130</v>
      </c>
      <c r="E9281" t="s">
        <v>13</v>
      </c>
      <c r="F9281">
        <v>4801</v>
      </c>
      <c r="G9281" t="s">
        <v>227</v>
      </c>
      <c r="H9281">
        <v>4.5264898836369998</v>
      </c>
      <c r="I9281">
        <v>51.86680748245</v>
      </c>
      <c r="J9281" t="s">
        <v>64966</v>
      </c>
    </row>
    <row r="9282" spans="1:10" x14ac:dyDescent="0.25">
      <c r="A9282" t="s">
        <v>21140</v>
      </c>
      <c r="B9282" t="s">
        <v>21141</v>
      </c>
      <c r="C9282" t="s">
        <v>21142</v>
      </c>
      <c r="D9282" t="s">
        <v>130</v>
      </c>
      <c r="E9282" t="s">
        <v>13</v>
      </c>
      <c r="F9282">
        <v>4800</v>
      </c>
      <c r="G9282" t="s">
        <v>21143</v>
      </c>
      <c r="H9282">
        <v>4.5059972269530002</v>
      </c>
      <c r="I9282">
        <v>51.867230134605997</v>
      </c>
      <c r="J9282" t="s">
        <v>64967</v>
      </c>
    </row>
    <row r="9283" spans="1:10" x14ac:dyDescent="0.25">
      <c r="A9283" t="s">
        <v>21136</v>
      </c>
      <c r="B9283" t="s">
        <v>21137</v>
      </c>
      <c r="C9283" t="s">
        <v>21138</v>
      </c>
      <c r="D9283" t="s">
        <v>130</v>
      </c>
      <c r="E9283" t="s">
        <v>13</v>
      </c>
      <c r="F9283">
        <v>4799</v>
      </c>
      <c r="G9283" t="s">
        <v>21139</v>
      </c>
      <c r="H9283">
        <v>4.4897511670670003</v>
      </c>
      <c r="I9283">
        <v>51.865689992863999</v>
      </c>
      <c r="J9283" t="s">
        <v>64968</v>
      </c>
    </row>
    <row r="9284" spans="1:10" x14ac:dyDescent="0.25">
      <c r="A9284" t="s">
        <v>21132</v>
      </c>
      <c r="B9284" t="s">
        <v>21133</v>
      </c>
      <c r="C9284" t="s">
        <v>21134</v>
      </c>
      <c r="D9284" t="s">
        <v>130</v>
      </c>
      <c r="E9284" t="s">
        <v>13</v>
      </c>
      <c r="F9284">
        <v>4798</v>
      </c>
      <c r="G9284" t="s">
        <v>21135</v>
      </c>
      <c r="H9284">
        <v>4.4856102492350001</v>
      </c>
      <c r="I9284">
        <v>51.861063168742</v>
      </c>
      <c r="J9284" t="s">
        <v>64969</v>
      </c>
    </row>
    <row r="9285" spans="1:10" x14ac:dyDescent="0.25">
      <c r="A9285" t="s">
        <v>21128</v>
      </c>
      <c r="B9285" t="s">
        <v>21129</v>
      </c>
      <c r="C9285" t="s">
        <v>21130</v>
      </c>
      <c r="D9285" t="s">
        <v>130</v>
      </c>
      <c r="E9285" t="s">
        <v>13</v>
      </c>
      <c r="F9285">
        <v>4797</v>
      </c>
      <c r="G9285" t="s">
        <v>21131</v>
      </c>
      <c r="H9285">
        <v>4.5032762264840001</v>
      </c>
      <c r="I9285">
        <v>51.861517067967</v>
      </c>
      <c r="J9285" t="s">
        <v>64970</v>
      </c>
    </row>
    <row r="9286" spans="1:10" x14ac:dyDescent="0.25">
      <c r="A9286" t="s">
        <v>21124</v>
      </c>
      <c r="B9286" t="s">
        <v>21125</v>
      </c>
      <c r="C9286" t="s">
        <v>21126</v>
      </c>
      <c r="D9286" t="s">
        <v>130</v>
      </c>
      <c r="E9286" t="s">
        <v>13</v>
      </c>
      <c r="F9286">
        <v>4796</v>
      </c>
      <c r="G9286" t="s">
        <v>21127</v>
      </c>
      <c r="H9286">
        <v>4.4919261065890002</v>
      </c>
      <c r="I9286">
        <v>51.860775899764</v>
      </c>
      <c r="J9286" t="s">
        <v>64971</v>
      </c>
    </row>
    <row r="9287" spans="1:10" x14ac:dyDescent="0.25">
      <c r="A9287" t="s">
        <v>21120</v>
      </c>
      <c r="B9287" t="s">
        <v>21121</v>
      </c>
      <c r="C9287" t="s">
        <v>21122</v>
      </c>
      <c r="D9287" t="s">
        <v>130</v>
      </c>
      <c r="E9287" t="s">
        <v>13</v>
      </c>
      <c r="F9287">
        <v>4795</v>
      </c>
      <c r="G9287" t="s">
        <v>21123</v>
      </c>
      <c r="H9287">
        <v>4.490587364474</v>
      </c>
      <c r="I9287">
        <v>51.853596332913</v>
      </c>
      <c r="J9287" t="s">
        <v>64972</v>
      </c>
    </row>
    <row r="9288" spans="1:10" x14ac:dyDescent="0.25">
      <c r="A9288" t="s">
        <v>21116</v>
      </c>
      <c r="B9288" t="s">
        <v>21117</v>
      </c>
      <c r="C9288" t="s">
        <v>21118</v>
      </c>
      <c r="D9288" t="s">
        <v>130</v>
      </c>
      <c r="E9288" t="s">
        <v>13</v>
      </c>
      <c r="F9288">
        <v>4794</v>
      </c>
      <c r="G9288" t="s">
        <v>21119</v>
      </c>
      <c r="H9288">
        <v>4.4912241166650002</v>
      </c>
      <c r="I9288">
        <v>51.848211230507999</v>
      </c>
      <c r="J9288" t="s">
        <v>64973</v>
      </c>
    </row>
    <row r="9289" spans="1:10" x14ac:dyDescent="0.25">
      <c r="A9289" t="s">
        <v>21113</v>
      </c>
      <c r="B9289" t="s">
        <v>21114</v>
      </c>
      <c r="C9289" t="s">
        <v>18899</v>
      </c>
      <c r="D9289" t="s">
        <v>130</v>
      </c>
      <c r="E9289" t="s">
        <v>13</v>
      </c>
      <c r="F9289">
        <v>4793</v>
      </c>
      <c r="G9289" t="s">
        <v>21115</v>
      </c>
      <c r="H9289">
        <v>4.4969211210340001</v>
      </c>
      <c r="I9289">
        <v>51.846497099174002</v>
      </c>
      <c r="J9289" t="s">
        <v>64974</v>
      </c>
    </row>
    <row r="9290" spans="1:10" x14ac:dyDescent="0.25">
      <c r="A9290" t="s">
        <v>21109</v>
      </c>
      <c r="B9290" t="s">
        <v>21110</v>
      </c>
      <c r="C9290" t="s">
        <v>21111</v>
      </c>
      <c r="D9290" t="s">
        <v>130</v>
      </c>
      <c r="E9290" t="s">
        <v>13</v>
      </c>
      <c r="F9290">
        <v>4792</v>
      </c>
      <c r="G9290" t="s">
        <v>21112</v>
      </c>
      <c r="H9290">
        <v>4.5043373928339996</v>
      </c>
      <c r="I9290">
        <v>51.846183565737</v>
      </c>
      <c r="J9290" t="s">
        <v>64975</v>
      </c>
    </row>
    <row r="9291" spans="1:10" x14ac:dyDescent="0.25">
      <c r="A9291" t="s">
        <v>21105</v>
      </c>
      <c r="B9291" t="s">
        <v>21106</v>
      </c>
      <c r="C9291" t="s">
        <v>21107</v>
      </c>
      <c r="D9291" t="s">
        <v>130</v>
      </c>
      <c r="E9291" t="s">
        <v>13</v>
      </c>
      <c r="F9291">
        <v>4791</v>
      </c>
      <c r="G9291" t="s">
        <v>21108</v>
      </c>
      <c r="H9291">
        <v>4.4977661363869998</v>
      </c>
      <c r="I9291">
        <v>51.850479466640998</v>
      </c>
      <c r="J9291" t="s">
        <v>64976</v>
      </c>
    </row>
    <row r="9292" spans="1:10" x14ac:dyDescent="0.25">
      <c r="A9292" t="s">
        <v>21101</v>
      </c>
      <c r="B9292" t="s">
        <v>21102</v>
      </c>
      <c r="C9292" t="s">
        <v>21103</v>
      </c>
      <c r="D9292" t="s">
        <v>130</v>
      </c>
      <c r="E9292" t="s">
        <v>13</v>
      </c>
      <c r="F9292">
        <v>4790</v>
      </c>
      <c r="G9292" t="s">
        <v>21104</v>
      </c>
      <c r="H9292">
        <v>4.5049375518380002</v>
      </c>
      <c r="I9292">
        <v>51.850560890883003</v>
      </c>
      <c r="J9292" t="s">
        <v>64977</v>
      </c>
    </row>
    <row r="9293" spans="1:10" x14ac:dyDescent="0.25">
      <c r="A9293" t="s">
        <v>21097</v>
      </c>
      <c r="B9293" t="s">
        <v>21098</v>
      </c>
      <c r="C9293" t="s">
        <v>21099</v>
      </c>
      <c r="D9293" t="s">
        <v>130</v>
      </c>
      <c r="E9293" t="s">
        <v>13</v>
      </c>
      <c r="F9293">
        <v>4789</v>
      </c>
      <c r="G9293" t="s">
        <v>21100</v>
      </c>
      <c r="H9293">
        <v>4.4975389892440001</v>
      </c>
      <c r="I9293">
        <v>51.853794950370997</v>
      </c>
      <c r="J9293" t="s">
        <v>64978</v>
      </c>
    </row>
    <row r="9294" spans="1:10" x14ac:dyDescent="0.25">
      <c r="A9294" t="s">
        <v>21093</v>
      </c>
      <c r="B9294" t="s">
        <v>21094</v>
      </c>
      <c r="C9294" t="s">
        <v>21095</v>
      </c>
      <c r="D9294" t="s">
        <v>130</v>
      </c>
      <c r="E9294" t="s">
        <v>13</v>
      </c>
      <c r="F9294">
        <v>4788</v>
      </c>
      <c r="G9294" t="s">
        <v>21096</v>
      </c>
      <c r="H9294">
        <v>4.5049608189679997</v>
      </c>
      <c r="I9294">
        <v>51.854078582817998</v>
      </c>
      <c r="J9294" t="s">
        <v>64979</v>
      </c>
    </row>
    <row r="9295" spans="1:10" x14ac:dyDescent="0.25">
      <c r="A9295" t="s">
        <v>21089</v>
      </c>
      <c r="B9295" t="s">
        <v>21090</v>
      </c>
      <c r="C9295" t="s">
        <v>21091</v>
      </c>
      <c r="D9295" t="s">
        <v>130</v>
      </c>
      <c r="E9295" t="s">
        <v>13</v>
      </c>
      <c r="F9295">
        <v>4787</v>
      </c>
      <c r="G9295" t="s">
        <v>21092</v>
      </c>
      <c r="H9295">
        <v>4.5045014760340001</v>
      </c>
      <c r="I9295">
        <v>51.856660345234999</v>
      </c>
      <c r="J9295" t="s">
        <v>64980</v>
      </c>
    </row>
    <row r="9296" spans="1:10" x14ac:dyDescent="0.25">
      <c r="A9296" t="s">
        <v>21085</v>
      </c>
      <c r="B9296" t="s">
        <v>21086</v>
      </c>
      <c r="C9296" t="s">
        <v>21087</v>
      </c>
      <c r="D9296" t="s">
        <v>130</v>
      </c>
      <c r="E9296" t="s">
        <v>13</v>
      </c>
      <c r="F9296">
        <v>4786</v>
      </c>
      <c r="G9296" t="s">
        <v>21088</v>
      </c>
      <c r="H9296">
        <v>4.4866990728429998</v>
      </c>
      <c r="I9296">
        <v>51.856358015143002</v>
      </c>
      <c r="J9296" t="s">
        <v>64981</v>
      </c>
    </row>
    <row r="9297" spans="1:10" x14ac:dyDescent="0.25">
      <c r="A9297" t="s">
        <v>21081</v>
      </c>
      <c r="B9297" t="s">
        <v>21082</v>
      </c>
      <c r="C9297" t="s">
        <v>21083</v>
      </c>
      <c r="D9297" t="s">
        <v>130</v>
      </c>
      <c r="E9297" t="s">
        <v>13</v>
      </c>
      <c r="F9297">
        <v>4785</v>
      </c>
      <c r="G9297" t="s">
        <v>21084</v>
      </c>
      <c r="H9297">
        <v>4.4845339597939997</v>
      </c>
      <c r="I9297">
        <v>51.856100798878003</v>
      </c>
      <c r="J9297" t="s">
        <v>64982</v>
      </c>
    </row>
    <row r="9298" spans="1:10" x14ac:dyDescent="0.25">
      <c r="A9298" t="s">
        <v>21077</v>
      </c>
      <c r="B9298" t="s">
        <v>21078</v>
      </c>
      <c r="C9298" t="s">
        <v>21079</v>
      </c>
      <c r="D9298" t="s">
        <v>130</v>
      </c>
      <c r="E9298" t="s">
        <v>13</v>
      </c>
      <c r="F9298">
        <v>4784</v>
      </c>
      <c r="G9298" t="s">
        <v>21080</v>
      </c>
      <c r="H9298">
        <v>4.4819569034160001</v>
      </c>
      <c r="I9298">
        <v>51.858796401851997</v>
      </c>
      <c r="J9298" t="s">
        <v>64983</v>
      </c>
    </row>
    <row r="9299" spans="1:10" x14ac:dyDescent="0.25">
      <c r="A9299" t="s">
        <v>220</v>
      </c>
      <c r="B9299" t="s">
        <v>221</v>
      </c>
      <c r="C9299" t="s">
        <v>222</v>
      </c>
      <c r="D9299" t="s">
        <v>130</v>
      </c>
      <c r="E9299" t="s">
        <v>13</v>
      </c>
      <c r="F9299">
        <v>4783</v>
      </c>
      <c r="G9299" t="s">
        <v>223</v>
      </c>
      <c r="H9299">
        <v>4.523311664355</v>
      </c>
      <c r="I9299">
        <v>51.860263396919002</v>
      </c>
      <c r="J9299" t="s">
        <v>64984</v>
      </c>
    </row>
    <row r="9300" spans="1:10" x14ac:dyDescent="0.25">
      <c r="A9300" t="s">
        <v>216</v>
      </c>
      <c r="B9300" t="s">
        <v>217</v>
      </c>
      <c r="C9300" t="s">
        <v>218</v>
      </c>
      <c r="D9300" t="s">
        <v>130</v>
      </c>
      <c r="E9300" t="s">
        <v>13</v>
      </c>
      <c r="F9300">
        <v>4782</v>
      </c>
      <c r="G9300" t="s">
        <v>219</v>
      </c>
      <c r="H9300">
        <v>4.5322482479690001</v>
      </c>
      <c r="I9300">
        <v>51.861838774032996</v>
      </c>
      <c r="J9300" t="s">
        <v>64985</v>
      </c>
    </row>
    <row r="9301" spans="1:10" x14ac:dyDescent="0.25">
      <c r="A9301" t="s">
        <v>212</v>
      </c>
      <c r="B9301" t="s">
        <v>213</v>
      </c>
      <c r="C9301" t="s">
        <v>214</v>
      </c>
      <c r="D9301" t="s">
        <v>130</v>
      </c>
      <c r="E9301" t="s">
        <v>13</v>
      </c>
      <c r="F9301">
        <v>4781</v>
      </c>
      <c r="G9301" t="s">
        <v>215</v>
      </c>
      <c r="H9301">
        <v>4.5214711156270004</v>
      </c>
      <c r="I9301">
        <v>51.857189653968</v>
      </c>
      <c r="J9301" t="s">
        <v>64986</v>
      </c>
    </row>
    <row r="9302" spans="1:10" x14ac:dyDescent="0.25">
      <c r="A9302" t="s">
        <v>208</v>
      </c>
      <c r="B9302" t="s">
        <v>209</v>
      </c>
      <c r="C9302" t="s">
        <v>210</v>
      </c>
      <c r="D9302" t="s">
        <v>130</v>
      </c>
      <c r="E9302" t="s">
        <v>13</v>
      </c>
      <c r="F9302">
        <v>4780</v>
      </c>
      <c r="G9302" t="s">
        <v>211</v>
      </c>
      <c r="H9302">
        <v>4.5270530857160001</v>
      </c>
      <c r="I9302">
        <v>51.855659049415998</v>
      </c>
      <c r="J9302" t="s">
        <v>64987</v>
      </c>
    </row>
    <row r="9303" spans="1:10" x14ac:dyDescent="0.25">
      <c r="A9303" t="s">
        <v>204</v>
      </c>
      <c r="B9303" t="s">
        <v>205</v>
      </c>
      <c r="C9303" t="s">
        <v>206</v>
      </c>
      <c r="D9303" t="s">
        <v>130</v>
      </c>
      <c r="E9303" t="s">
        <v>13</v>
      </c>
      <c r="F9303">
        <v>4779</v>
      </c>
      <c r="G9303" t="s">
        <v>207</v>
      </c>
      <c r="H9303">
        <v>4.5218210776390002</v>
      </c>
      <c r="I9303">
        <v>51.854480489723002</v>
      </c>
      <c r="J9303" t="s">
        <v>64988</v>
      </c>
    </row>
    <row r="9304" spans="1:10" x14ac:dyDescent="0.25">
      <c r="A9304" t="s">
        <v>200</v>
      </c>
      <c r="B9304" t="s">
        <v>201</v>
      </c>
      <c r="C9304" t="s">
        <v>202</v>
      </c>
      <c r="D9304" t="s">
        <v>130</v>
      </c>
      <c r="E9304" t="s">
        <v>13</v>
      </c>
      <c r="F9304">
        <v>4778</v>
      </c>
      <c r="G9304" t="s">
        <v>203</v>
      </c>
      <c r="H9304">
        <v>4.5192998895640004</v>
      </c>
      <c r="I9304">
        <v>51.851087842497002</v>
      </c>
      <c r="J9304" t="s">
        <v>64989</v>
      </c>
    </row>
    <row r="9305" spans="1:10" x14ac:dyDescent="0.25">
      <c r="A9305" t="s">
        <v>196</v>
      </c>
      <c r="B9305" t="s">
        <v>197</v>
      </c>
      <c r="C9305" t="s">
        <v>198</v>
      </c>
      <c r="D9305" t="s">
        <v>130</v>
      </c>
      <c r="E9305" t="s">
        <v>13</v>
      </c>
      <c r="F9305">
        <v>4777</v>
      </c>
      <c r="G9305" t="s">
        <v>199</v>
      </c>
      <c r="H9305">
        <v>4.5248181867859998</v>
      </c>
      <c r="I9305">
        <v>51.850118511540003</v>
      </c>
      <c r="J9305" t="s">
        <v>64990</v>
      </c>
    </row>
    <row r="9306" spans="1:10" x14ac:dyDescent="0.25">
      <c r="A9306" t="s">
        <v>192</v>
      </c>
      <c r="B9306" t="s">
        <v>193</v>
      </c>
      <c r="C9306" t="s">
        <v>194</v>
      </c>
      <c r="D9306" t="s">
        <v>130</v>
      </c>
      <c r="E9306" t="s">
        <v>13</v>
      </c>
      <c r="F9306">
        <v>4776</v>
      </c>
      <c r="G9306" t="s">
        <v>195</v>
      </c>
      <c r="H9306">
        <v>4.5293977870950002</v>
      </c>
      <c r="I9306">
        <v>51.849974355607998</v>
      </c>
      <c r="J9306" t="s">
        <v>64991</v>
      </c>
    </row>
    <row r="9307" spans="1:10" x14ac:dyDescent="0.25">
      <c r="A9307" t="s">
        <v>188</v>
      </c>
      <c r="B9307" t="s">
        <v>189</v>
      </c>
      <c r="C9307" t="s">
        <v>190</v>
      </c>
      <c r="D9307" t="s">
        <v>130</v>
      </c>
      <c r="E9307" t="s">
        <v>13</v>
      </c>
      <c r="F9307">
        <v>4775</v>
      </c>
      <c r="G9307" t="s">
        <v>191</v>
      </c>
      <c r="H9307">
        <v>4.533918568132</v>
      </c>
      <c r="I9307">
        <v>51.849560558764999</v>
      </c>
      <c r="J9307" t="s">
        <v>64992</v>
      </c>
    </row>
    <row r="9308" spans="1:10" x14ac:dyDescent="0.25">
      <c r="A9308" t="s">
        <v>184</v>
      </c>
      <c r="B9308" t="s">
        <v>185</v>
      </c>
      <c r="C9308" t="s">
        <v>186</v>
      </c>
      <c r="D9308" t="s">
        <v>130</v>
      </c>
      <c r="E9308" t="s">
        <v>13</v>
      </c>
      <c r="F9308">
        <v>4774</v>
      </c>
      <c r="G9308" t="s">
        <v>187</v>
      </c>
      <c r="H9308">
        <v>4.5316322684679999</v>
      </c>
      <c r="I9308">
        <v>51.855206910493997</v>
      </c>
      <c r="J9308" t="s">
        <v>64993</v>
      </c>
    </row>
    <row r="9309" spans="1:10" x14ac:dyDescent="0.25">
      <c r="A9309" t="s">
        <v>180</v>
      </c>
      <c r="B9309" t="s">
        <v>181</v>
      </c>
      <c r="C9309" t="s">
        <v>182</v>
      </c>
      <c r="D9309" t="s">
        <v>130</v>
      </c>
      <c r="E9309" t="s">
        <v>13</v>
      </c>
      <c r="F9309">
        <v>4773</v>
      </c>
      <c r="G9309" t="s">
        <v>183</v>
      </c>
      <c r="H9309">
        <v>4.5406099169449998</v>
      </c>
      <c r="I9309">
        <v>51.843527047022</v>
      </c>
      <c r="J9309" t="s">
        <v>64994</v>
      </c>
    </row>
    <row r="9310" spans="1:10" x14ac:dyDescent="0.25">
      <c r="A9310" t="s">
        <v>176</v>
      </c>
      <c r="B9310" t="s">
        <v>177</v>
      </c>
      <c r="C9310" t="s">
        <v>178</v>
      </c>
      <c r="D9310" t="s">
        <v>130</v>
      </c>
      <c r="E9310" t="s">
        <v>13</v>
      </c>
      <c r="F9310">
        <v>4772</v>
      </c>
      <c r="G9310" t="s">
        <v>179</v>
      </c>
      <c r="H9310">
        <v>4.5488425639459997</v>
      </c>
      <c r="I9310">
        <v>51.846683145359002</v>
      </c>
      <c r="J9310" t="s">
        <v>64995</v>
      </c>
    </row>
    <row r="9311" spans="1:10" x14ac:dyDescent="0.25">
      <c r="A9311" t="s">
        <v>172</v>
      </c>
      <c r="B9311" t="s">
        <v>173</v>
      </c>
      <c r="C9311" t="s">
        <v>174</v>
      </c>
      <c r="D9311" t="s">
        <v>130</v>
      </c>
      <c r="E9311" t="s">
        <v>13</v>
      </c>
      <c r="F9311">
        <v>4771</v>
      </c>
      <c r="G9311" t="s">
        <v>175</v>
      </c>
      <c r="H9311">
        <v>4.5445274346530002</v>
      </c>
      <c r="I9311">
        <v>51.846769931266998</v>
      </c>
      <c r="J9311" t="s">
        <v>64996</v>
      </c>
    </row>
    <row r="9312" spans="1:10" x14ac:dyDescent="0.25">
      <c r="A9312" t="s">
        <v>168</v>
      </c>
      <c r="B9312" t="s">
        <v>169</v>
      </c>
      <c r="C9312" t="s">
        <v>170</v>
      </c>
      <c r="D9312" t="s">
        <v>130</v>
      </c>
      <c r="E9312" t="s">
        <v>13</v>
      </c>
      <c r="F9312">
        <v>4770</v>
      </c>
      <c r="G9312" t="s">
        <v>171</v>
      </c>
      <c r="H9312">
        <v>4.5385772836570002</v>
      </c>
      <c r="I9312">
        <v>51.849207062596001</v>
      </c>
      <c r="J9312" t="s">
        <v>64997</v>
      </c>
    </row>
    <row r="9313" spans="1:10" x14ac:dyDescent="0.25">
      <c r="A9313" t="s">
        <v>164</v>
      </c>
      <c r="B9313" t="s">
        <v>165</v>
      </c>
      <c r="C9313" t="s">
        <v>166</v>
      </c>
      <c r="D9313" t="s">
        <v>130</v>
      </c>
      <c r="E9313" t="s">
        <v>13</v>
      </c>
      <c r="F9313">
        <v>4769</v>
      </c>
      <c r="G9313" t="s">
        <v>167</v>
      </c>
      <c r="H9313">
        <v>4.5531456690430003</v>
      </c>
      <c r="I9313">
        <v>51.846429522645003</v>
      </c>
      <c r="J9313" t="s">
        <v>64998</v>
      </c>
    </row>
    <row r="9314" spans="1:10" x14ac:dyDescent="0.25">
      <c r="A9314" t="s">
        <v>160</v>
      </c>
      <c r="B9314" t="s">
        <v>161</v>
      </c>
      <c r="C9314" t="s">
        <v>162</v>
      </c>
      <c r="D9314" t="s">
        <v>130</v>
      </c>
      <c r="E9314" t="s">
        <v>13</v>
      </c>
      <c r="F9314">
        <v>4768</v>
      </c>
      <c r="G9314" t="s">
        <v>163</v>
      </c>
      <c r="H9314">
        <v>4.5535250656789996</v>
      </c>
      <c r="I9314">
        <v>51.850229809227002</v>
      </c>
      <c r="J9314" t="s">
        <v>64999</v>
      </c>
    </row>
    <row r="9315" spans="1:10" x14ac:dyDescent="0.25">
      <c r="A9315" t="s">
        <v>156</v>
      </c>
      <c r="B9315" t="s">
        <v>157</v>
      </c>
      <c r="C9315" t="s">
        <v>158</v>
      </c>
      <c r="D9315" t="s">
        <v>130</v>
      </c>
      <c r="E9315" t="s">
        <v>13</v>
      </c>
      <c r="F9315">
        <v>4767</v>
      </c>
      <c r="G9315" t="s">
        <v>159</v>
      </c>
      <c r="H9315">
        <v>4.5475059433749996</v>
      </c>
      <c r="I9315">
        <v>51.857207529691998</v>
      </c>
      <c r="J9315" t="s">
        <v>65000</v>
      </c>
    </row>
    <row r="9316" spans="1:10" x14ac:dyDescent="0.25">
      <c r="A9316" t="s">
        <v>152</v>
      </c>
      <c r="B9316" t="s">
        <v>153</v>
      </c>
      <c r="C9316" t="s">
        <v>154</v>
      </c>
      <c r="D9316" t="s">
        <v>130</v>
      </c>
      <c r="E9316" t="s">
        <v>13</v>
      </c>
      <c r="F9316">
        <v>4766</v>
      </c>
      <c r="G9316" t="s">
        <v>155</v>
      </c>
      <c r="H9316">
        <v>4.5507596995929998</v>
      </c>
      <c r="I9316">
        <v>51.854214585865002</v>
      </c>
      <c r="J9316" t="s">
        <v>65001</v>
      </c>
    </row>
    <row r="9317" spans="1:10" x14ac:dyDescent="0.25">
      <c r="A9317" t="s">
        <v>148</v>
      </c>
      <c r="B9317" t="s">
        <v>149</v>
      </c>
      <c r="C9317" t="s">
        <v>150</v>
      </c>
      <c r="D9317" t="s">
        <v>130</v>
      </c>
      <c r="E9317" t="s">
        <v>13</v>
      </c>
      <c r="F9317">
        <v>4765</v>
      </c>
      <c r="G9317" t="s">
        <v>151</v>
      </c>
      <c r="H9317">
        <v>4.5454734944170001</v>
      </c>
      <c r="I9317">
        <v>51.854321122846002</v>
      </c>
      <c r="J9317" t="s">
        <v>65002</v>
      </c>
    </row>
    <row r="9318" spans="1:10" x14ac:dyDescent="0.25">
      <c r="A9318" t="s">
        <v>144</v>
      </c>
      <c r="B9318" t="s">
        <v>145</v>
      </c>
      <c r="C9318" t="s">
        <v>146</v>
      </c>
      <c r="D9318" t="s">
        <v>130</v>
      </c>
      <c r="E9318" t="s">
        <v>13</v>
      </c>
      <c r="F9318">
        <v>4764</v>
      </c>
      <c r="G9318" t="s">
        <v>147</v>
      </c>
      <c r="H9318">
        <v>4.5423094031820002</v>
      </c>
      <c r="I9318">
        <v>51.857001956558001</v>
      </c>
      <c r="J9318" t="s">
        <v>65003</v>
      </c>
    </row>
    <row r="9319" spans="1:10" x14ac:dyDescent="0.25">
      <c r="A9319" t="s">
        <v>140</v>
      </c>
      <c r="B9319" t="s">
        <v>141</v>
      </c>
      <c r="C9319" t="s">
        <v>142</v>
      </c>
      <c r="D9319" t="s">
        <v>130</v>
      </c>
      <c r="E9319" t="s">
        <v>13</v>
      </c>
      <c r="F9319">
        <v>4763</v>
      </c>
      <c r="G9319" t="s">
        <v>143</v>
      </c>
      <c r="H9319">
        <v>4.5411478907670002</v>
      </c>
      <c r="I9319">
        <v>51.860652221510001</v>
      </c>
      <c r="J9319" t="s">
        <v>65004</v>
      </c>
    </row>
    <row r="9320" spans="1:10" x14ac:dyDescent="0.25">
      <c r="A9320" t="s">
        <v>136</v>
      </c>
      <c r="B9320" t="s">
        <v>137</v>
      </c>
      <c r="C9320" t="s">
        <v>138</v>
      </c>
      <c r="D9320" t="s">
        <v>130</v>
      </c>
      <c r="E9320" t="s">
        <v>13</v>
      </c>
      <c r="F9320">
        <v>4762</v>
      </c>
      <c r="G9320" t="s">
        <v>139</v>
      </c>
      <c r="H9320">
        <v>4.5334446791460001</v>
      </c>
      <c r="I9320">
        <v>51.858462656322999</v>
      </c>
      <c r="J9320" t="s">
        <v>65005</v>
      </c>
    </row>
    <row r="9321" spans="1:10" x14ac:dyDescent="0.25">
      <c r="A9321" t="s">
        <v>132</v>
      </c>
      <c r="B9321" t="s">
        <v>133</v>
      </c>
      <c r="C9321" t="s">
        <v>134</v>
      </c>
      <c r="D9321" t="s">
        <v>130</v>
      </c>
      <c r="E9321" t="s">
        <v>13</v>
      </c>
      <c r="F9321">
        <v>4761</v>
      </c>
      <c r="G9321" t="s">
        <v>135</v>
      </c>
      <c r="H9321">
        <v>4.5435044370500002</v>
      </c>
      <c r="I9321">
        <v>51.851732792516998</v>
      </c>
      <c r="J9321" t="s">
        <v>65006</v>
      </c>
    </row>
    <row r="9322" spans="1:10" x14ac:dyDescent="0.25">
      <c r="A9322" t="s">
        <v>127</v>
      </c>
      <c r="B9322" t="s">
        <v>128</v>
      </c>
      <c r="C9322" t="s">
        <v>129</v>
      </c>
      <c r="D9322" t="s">
        <v>130</v>
      </c>
      <c r="E9322" t="s">
        <v>13</v>
      </c>
      <c r="F9322">
        <v>4760</v>
      </c>
      <c r="G9322" t="s">
        <v>131</v>
      </c>
      <c r="H9322">
        <v>4.5386556891260001</v>
      </c>
      <c r="I9322">
        <v>51.854465647330002</v>
      </c>
      <c r="J9322" t="s">
        <v>65007</v>
      </c>
    </row>
    <row r="9323" spans="1:10" x14ac:dyDescent="0.25">
      <c r="A9323" t="s">
        <v>21073</v>
      </c>
      <c r="B9323" t="s">
        <v>21074</v>
      </c>
      <c r="C9323" t="s">
        <v>21075</v>
      </c>
      <c r="D9323" t="s">
        <v>20689</v>
      </c>
      <c r="E9323" t="s">
        <v>13</v>
      </c>
      <c r="F9323">
        <v>4759</v>
      </c>
      <c r="G9323" t="s">
        <v>21076</v>
      </c>
      <c r="H9323">
        <v>4.617247485429</v>
      </c>
      <c r="I9323">
        <v>52.136244896050002</v>
      </c>
      <c r="J9323" t="s">
        <v>65008</v>
      </c>
    </row>
    <row r="9324" spans="1:10" x14ac:dyDescent="0.25">
      <c r="A9324" t="s">
        <v>21069</v>
      </c>
      <c r="B9324" t="s">
        <v>21070</v>
      </c>
      <c r="C9324" t="s">
        <v>21071</v>
      </c>
      <c r="D9324" t="s">
        <v>20689</v>
      </c>
      <c r="E9324" t="s">
        <v>13</v>
      </c>
      <c r="F9324">
        <v>4758</v>
      </c>
      <c r="G9324" t="s">
        <v>21072</v>
      </c>
      <c r="H9324">
        <v>4.6037357461879997</v>
      </c>
      <c r="I9324">
        <v>52.132055393000002</v>
      </c>
      <c r="J9324" t="s">
        <v>65009</v>
      </c>
    </row>
    <row r="9325" spans="1:10" x14ac:dyDescent="0.25">
      <c r="A9325" t="s">
        <v>21065</v>
      </c>
      <c r="B9325" t="s">
        <v>21066</v>
      </c>
      <c r="C9325" t="s">
        <v>21067</v>
      </c>
      <c r="D9325" t="s">
        <v>20689</v>
      </c>
      <c r="E9325" t="s">
        <v>13</v>
      </c>
      <c r="F9325">
        <v>4757</v>
      </c>
      <c r="G9325" t="s">
        <v>21068</v>
      </c>
      <c r="H9325">
        <v>4.6044832076370001</v>
      </c>
      <c r="I9325">
        <v>52.135880916946</v>
      </c>
      <c r="J9325" t="s">
        <v>65010</v>
      </c>
    </row>
    <row r="9326" spans="1:10" x14ac:dyDescent="0.25">
      <c r="A9326" t="s">
        <v>21061</v>
      </c>
      <c r="B9326" t="s">
        <v>21062</v>
      </c>
      <c r="C9326" t="s">
        <v>21063</v>
      </c>
      <c r="D9326" t="s">
        <v>20689</v>
      </c>
      <c r="E9326" t="s">
        <v>13</v>
      </c>
      <c r="F9326">
        <v>4756</v>
      </c>
      <c r="G9326" t="s">
        <v>21064</v>
      </c>
      <c r="H9326">
        <v>4.5915330755330004</v>
      </c>
      <c r="I9326">
        <v>52.143653789399998</v>
      </c>
      <c r="J9326" t="s">
        <v>65011</v>
      </c>
    </row>
    <row r="9327" spans="1:10" x14ac:dyDescent="0.25">
      <c r="A9327" t="s">
        <v>21057</v>
      </c>
      <c r="B9327" t="s">
        <v>21058</v>
      </c>
      <c r="C9327" t="s">
        <v>21059</v>
      </c>
      <c r="D9327" t="s">
        <v>20689</v>
      </c>
      <c r="E9327" t="s">
        <v>13</v>
      </c>
      <c r="F9327">
        <v>4755</v>
      </c>
      <c r="G9327" t="s">
        <v>21060</v>
      </c>
      <c r="H9327">
        <v>4.6125252053079997</v>
      </c>
      <c r="I9327">
        <v>52.123100993100003</v>
      </c>
      <c r="J9327" t="s">
        <v>65012</v>
      </c>
    </row>
    <row r="9328" spans="1:10" x14ac:dyDescent="0.25">
      <c r="A9328" t="s">
        <v>21053</v>
      </c>
      <c r="B9328" t="s">
        <v>21054</v>
      </c>
      <c r="C9328" t="s">
        <v>21055</v>
      </c>
      <c r="D9328" t="s">
        <v>20689</v>
      </c>
      <c r="E9328" t="s">
        <v>13</v>
      </c>
      <c r="F9328">
        <v>4754</v>
      </c>
      <c r="G9328" t="s">
        <v>21056</v>
      </c>
      <c r="H9328">
        <v>4.5923584639269999</v>
      </c>
      <c r="I9328">
        <v>52.127224818133001</v>
      </c>
      <c r="J9328" t="s">
        <v>65013</v>
      </c>
    </row>
    <row r="9329" spans="1:10" x14ac:dyDescent="0.25">
      <c r="A9329" t="s">
        <v>21049</v>
      </c>
      <c r="B9329" t="s">
        <v>21050</v>
      </c>
      <c r="C9329" t="s">
        <v>21051</v>
      </c>
      <c r="D9329" t="s">
        <v>20689</v>
      </c>
      <c r="E9329" t="s">
        <v>13</v>
      </c>
      <c r="F9329">
        <v>4753</v>
      </c>
      <c r="G9329" t="s">
        <v>21052</v>
      </c>
      <c r="H9329">
        <v>4.5864629981489999</v>
      </c>
      <c r="I9329">
        <v>52.126045572397999</v>
      </c>
      <c r="J9329" t="s">
        <v>65014</v>
      </c>
    </row>
    <row r="9330" spans="1:10" x14ac:dyDescent="0.25">
      <c r="A9330" t="s">
        <v>21045</v>
      </c>
      <c r="B9330" t="s">
        <v>21046</v>
      </c>
      <c r="C9330" t="s">
        <v>21047</v>
      </c>
      <c r="D9330" t="s">
        <v>20689</v>
      </c>
      <c r="E9330" t="s">
        <v>13</v>
      </c>
      <c r="F9330">
        <v>4752</v>
      </c>
      <c r="G9330" t="s">
        <v>21048</v>
      </c>
      <c r="H9330">
        <v>4.5621779188779996</v>
      </c>
      <c r="I9330">
        <v>52.129048444801001</v>
      </c>
      <c r="J9330" t="s">
        <v>65015</v>
      </c>
    </row>
    <row r="9331" spans="1:10" x14ac:dyDescent="0.25">
      <c r="A9331" t="s">
        <v>21041</v>
      </c>
      <c r="B9331" t="s">
        <v>21042</v>
      </c>
      <c r="C9331" t="s">
        <v>21043</v>
      </c>
      <c r="D9331" t="s">
        <v>20689</v>
      </c>
      <c r="E9331" t="s">
        <v>13</v>
      </c>
      <c r="F9331">
        <v>4751</v>
      </c>
      <c r="G9331" t="s">
        <v>21044</v>
      </c>
      <c r="H9331">
        <v>4.6086272003379998</v>
      </c>
      <c r="I9331">
        <v>52.084700232529997</v>
      </c>
      <c r="J9331" t="s">
        <v>65016</v>
      </c>
    </row>
    <row r="9332" spans="1:10" x14ac:dyDescent="0.25">
      <c r="A9332" t="s">
        <v>21037</v>
      </c>
      <c r="B9332" t="s">
        <v>21038</v>
      </c>
      <c r="C9332" t="s">
        <v>21039</v>
      </c>
      <c r="D9332" t="s">
        <v>20689</v>
      </c>
      <c r="E9332" t="s">
        <v>13</v>
      </c>
      <c r="F9332">
        <v>4750</v>
      </c>
      <c r="G9332" t="s">
        <v>21040</v>
      </c>
      <c r="H9332">
        <v>4.5852474561600003</v>
      </c>
      <c r="I9332">
        <v>52.087288605536003</v>
      </c>
      <c r="J9332" t="s">
        <v>65017</v>
      </c>
    </row>
    <row r="9333" spans="1:10" x14ac:dyDescent="0.25">
      <c r="A9333" t="s">
        <v>21033</v>
      </c>
      <c r="B9333" t="s">
        <v>21034</v>
      </c>
      <c r="C9333" t="s">
        <v>21035</v>
      </c>
      <c r="D9333" t="s">
        <v>20689</v>
      </c>
      <c r="E9333" t="s">
        <v>13</v>
      </c>
      <c r="F9333">
        <v>4749</v>
      </c>
      <c r="G9333" t="s">
        <v>21036</v>
      </c>
      <c r="H9333">
        <v>4.5665648196540003</v>
      </c>
      <c r="I9333">
        <v>52.087387078269003</v>
      </c>
      <c r="J9333" t="s">
        <v>65018</v>
      </c>
    </row>
    <row r="9334" spans="1:10" x14ac:dyDescent="0.25">
      <c r="A9334" t="s">
        <v>21029</v>
      </c>
      <c r="B9334" t="s">
        <v>21030</v>
      </c>
      <c r="C9334" t="s">
        <v>21031</v>
      </c>
      <c r="D9334" t="s">
        <v>20689</v>
      </c>
      <c r="E9334" t="s">
        <v>13</v>
      </c>
      <c r="F9334">
        <v>4748</v>
      </c>
      <c r="G9334" t="s">
        <v>21032</v>
      </c>
      <c r="H9334">
        <v>4.62186063473</v>
      </c>
      <c r="I9334">
        <v>52.101357500702001</v>
      </c>
      <c r="J9334" t="s">
        <v>65019</v>
      </c>
    </row>
    <row r="9335" spans="1:10" x14ac:dyDescent="0.25">
      <c r="A9335" t="s">
        <v>21025</v>
      </c>
      <c r="B9335" t="s">
        <v>21026</v>
      </c>
      <c r="C9335" t="s">
        <v>21027</v>
      </c>
      <c r="D9335" t="s">
        <v>20689</v>
      </c>
      <c r="E9335" t="s">
        <v>13</v>
      </c>
      <c r="F9335">
        <v>4747</v>
      </c>
      <c r="G9335" t="s">
        <v>21028</v>
      </c>
      <c r="H9335">
        <v>4.5738372082590004</v>
      </c>
      <c r="I9335">
        <v>52.111273528680996</v>
      </c>
      <c r="J9335" t="s">
        <v>65020</v>
      </c>
    </row>
    <row r="9336" spans="1:10" x14ac:dyDescent="0.25">
      <c r="A9336" t="s">
        <v>21022</v>
      </c>
      <c r="B9336" t="s">
        <v>21023</v>
      </c>
      <c r="C9336" t="s">
        <v>10321</v>
      </c>
      <c r="D9336" t="s">
        <v>20689</v>
      </c>
      <c r="E9336" t="s">
        <v>13</v>
      </c>
      <c r="F9336">
        <v>4746</v>
      </c>
      <c r="G9336" t="s">
        <v>21024</v>
      </c>
      <c r="H9336">
        <v>4.7238211772829999</v>
      </c>
      <c r="I9336">
        <v>52.102824770269997</v>
      </c>
      <c r="J9336" t="s">
        <v>65021</v>
      </c>
    </row>
    <row r="9337" spans="1:10" x14ac:dyDescent="0.25">
      <c r="A9337" t="s">
        <v>21018</v>
      </c>
      <c r="B9337" t="s">
        <v>21019</v>
      </c>
      <c r="C9337" t="s">
        <v>21020</v>
      </c>
      <c r="D9337" t="s">
        <v>20689</v>
      </c>
      <c r="E9337" t="s">
        <v>13</v>
      </c>
      <c r="F9337">
        <v>4745</v>
      </c>
      <c r="G9337" t="s">
        <v>21021</v>
      </c>
      <c r="H9337">
        <v>4.7151810972529997</v>
      </c>
      <c r="I9337">
        <v>52.107022257958</v>
      </c>
      <c r="J9337" t="s">
        <v>65022</v>
      </c>
    </row>
    <row r="9338" spans="1:10" x14ac:dyDescent="0.25">
      <c r="A9338" t="s">
        <v>21014</v>
      </c>
      <c r="B9338" t="s">
        <v>21015</v>
      </c>
      <c r="C9338" t="s">
        <v>21016</v>
      </c>
      <c r="D9338" t="s">
        <v>20689</v>
      </c>
      <c r="E9338" t="s">
        <v>13</v>
      </c>
      <c r="F9338">
        <v>4744</v>
      </c>
      <c r="G9338" t="s">
        <v>21017</v>
      </c>
      <c r="H9338">
        <v>4.731626843221</v>
      </c>
      <c r="I9338">
        <v>52.106211943961</v>
      </c>
      <c r="J9338" t="s">
        <v>65023</v>
      </c>
    </row>
    <row r="9339" spans="1:10" x14ac:dyDescent="0.25">
      <c r="A9339" t="s">
        <v>21010</v>
      </c>
      <c r="B9339" t="s">
        <v>21011</v>
      </c>
      <c r="C9339" t="s">
        <v>21012</v>
      </c>
      <c r="D9339" t="s">
        <v>20689</v>
      </c>
      <c r="E9339" t="s">
        <v>13</v>
      </c>
      <c r="F9339">
        <v>4743</v>
      </c>
      <c r="G9339" t="s">
        <v>21013</v>
      </c>
      <c r="H9339">
        <v>4.7004140493359996</v>
      </c>
      <c r="I9339">
        <v>52.079963836272</v>
      </c>
      <c r="J9339" t="s">
        <v>65024</v>
      </c>
    </row>
    <row r="9340" spans="1:10" x14ac:dyDescent="0.25">
      <c r="A9340" t="s">
        <v>21006</v>
      </c>
      <c r="B9340" t="s">
        <v>21007</v>
      </c>
      <c r="C9340" t="s">
        <v>21008</v>
      </c>
      <c r="D9340" t="s">
        <v>20689</v>
      </c>
      <c r="E9340" t="s">
        <v>13</v>
      </c>
      <c r="F9340">
        <v>4742</v>
      </c>
      <c r="G9340" t="s">
        <v>21009</v>
      </c>
      <c r="H9340">
        <v>4.6727386874430001</v>
      </c>
      <c r="I9340">
        <v>52.068661245396001</v>
      </c>
      <c r="J9340" t="s">
        <v>65025</v>
      </c>
    </row>
    <row r="9341" spans="1:10" x14ac:dyDescent="0.25">
      <c r="A9341" t="s">
        <v>21002</v>
      </c>
      <c r="B9341" t="s">
        <v>21003</v>
      </c>
      <c r="C9341" t="s">
        <v>21004</v>
      </c>
      <c r="D9341" t="s">
        <v>20689</v>
      </c>
      <c r="E9341" t="s">
        <v>13</v>
      </c>
      <c r="F9341">
        <v>4741</v>
      </c>
      <c r="G9341" t="s">
        <v>21005</v>
      </c>
      <c r="H9341">
        <v>4.6524837816110001</v>
      </c>
      <c r="I9341">
        <v>52.066760337924002</v>
      </c>
      <c r="J9341" t="s">
        <v>65026</v>
      </c>
    </row>
    <row r="9342" spans="1:10" x14ac:dyDescent="0.25">
      <c r="A9342" t="s">
        <v>20998</v>
      </c>
      <c r="B9342" t="s">
        <v>20999</v>
      </c>
      <c r="C9342" t="s">
        <v>21000</v>
      </c>
      <c r="D9342" t="s">
        <v>20689</v>
      </c>
      <c r="E9342" t="s">
        <v>13</v>
      </c>
      <c r="F9342">
        <v>4740</v>
      </c>
      <c r="G9342" t="s">
        <v>21001</v>
      </c>
      <c r="H9342">
        <v>4.6550898440250004</v>
      </c>
      <c r="I9342">
        <v>52.070632411692003</v>
      </c>
      <c r="J9342" t="s">
        <v>65027</v>
      </c>
    </row>
    <row r="9343" spans="1:10" x14ac:dyDescent="0.25">
      <c r="A9343" t="s">
        <v>20994</v>
      </c>
      <c r="B9343" t="s">
        <v>20995</v>
      </c>
      <c r="C9343" t="s">
        <v>20996</v>
      </c>
      <c r="D9343" t="s">
        <v>20689</v>
      </c>
      <c r="E9343" t="s">
        <v>13</v>
      </c>
      <c r="F9343">
        <v>4739</v>
      </c>
      <c r="G9343" t="s">
        <v>20997</v>
      </c>
      <c r="H9343">
        <v>4.6516038616389999</v>
      </c>
      <c r="I9343">
        <v>52.072943009836997</v>
      </c>
      <c r="J9343" t="s">
        <v>65028</v>
      </c>
    </row>
    <row r="9344" spans="1:10" x14ac:dyDescent="0.25">
      <c r="A9344" t="s">
        <v>20991</v>
      </c>
      <c r="B9344" t="s">
        <v>20992</v>
      </c>
      <c r="C9344" t="s">
        <v>37</v>
      </c>
      <c r="D9344" t="s">
        <v>20689</v>
      </c>
      <c r="E9344" t="s">
        <v>13</v>
      </c>
      <c r="F9344">
        <v>4738</v>
      </c>
      <c r="G9344" t="s">
        <v>20993</v>
      </c>
      <c r="H9344">
        <v>4.6421369351089998</v>
      </c>
      <c r="I9344">
        <v>52.066018994022002</v>
      </c>
      <c r="J9344" t="s">
        <v>65029</v>
      </c>
    </row>
    <row r="9345" spans="1:10" x14ac:dyDescent="0.25">
      <c r="A9345" t="s">
        <v>20987</v>
      </c>
      <c r="B9345" t="s">
        <v>20988</v>
      </c>
      <c r="C9345" t="s">
        <v>20989</v>
      </c>
      <c r="D9345" t="s">
        <v>20689</v>
      </c>
      <c r="E9345" t="s">
        <v>13</v>
      </c>
      <c r="F9345">
        <v>4737</v>
      </c>
      <c r="G9345" t="s">
        <v>20990</v>
      </c>
      <c r="H9345">
        <v>4.6415212202480003</v>
      </c>
      <c r="I9345">
        <v>52.070141876503001</v>
      </c>
      <c r="J9345" t="s">
        <v>65030</v>
      </c>
    </row>
    <row r="9346" spans="1:10" x14ac:dyDescent="0.25">
      <c r="A9346" t="s">
        <v>20983</v>
      </c>
      <c r="B9346" t="s">
        <v>20984</v>
      </c>
      <c r="C9346" t="s">
        <v>20985</v>
      </c>
      <c r="D9346" t="s">
        <v>20689</v>
      </c>
      <c r="E9346" t="s">
        <v>13</v>
      </c>
      <c r="F9346">
        <v>4736</v>
      </c>
      <c r="G9346" t="s">
        <v>20986</v>
      </c>
      <c r="H9346">
        <v>4.636512683646</v>
      </c>
      <c r="I9346">
        <v>52.074626180617003</v>
      </c>
      <c r="J9346" t="s">
        <v>65031</v>
      </c>
    </row>
    <row r="9347" spans="1:10" x14ac:dyDescent="0.25">
      <c r="A9347" t="s">
        <v>20979</v>
      </c>
      <c r="B9347" t="s">
        <v>20980</v>
      </c>
      <c r="C9347" t="s">
        <v>20981</v>
      </c>
      <c r="D9347" t="s">
        <v>20689</v>
      </c>
      <c r="E9347" t="s">
        <v>13</v>
      </c>
      <c r="F9347">
        <v>4735</v>
      </c>
      <c r="G9347" t="s">
        <v>20982</v>
      </c>
      <c r="H9347">
        <v>4.6840490618619999</v>
      </c>
      <c r="I9347">
        <v>52.079129230804</v>
      </c>
      <c r="J9347" t="s">
        <v>65032</v>
      </c>
    </row>
    <row r="9348" spans="1:10" x14ac:dyDescent="0.25">
      <c r="A9348" t="s">
        <v>20975</v>
      </c>
      <c r="B9348" t="s">
        <v>20976</v>
      </c>
      <c r="C9348" t="s">
        <v>20977</v>
      </c>
      <c r="D9348" t="s">
        <v>20689</v>
      </c>
      <c r="E9348" t="s">
        <v>13</v>
      </c>
      <c r="F9348">
        <v>4734</v>
      </c>
      <c r="G9348" t="s">
        <v>20978</v>
      </c>
      <c r="H9348">
        <v>4.6704819696920001</v>
      </c>
      <c r="I9348">
        <v>52.079887769869998</v>
      </c>
      <c r="J9348" t="s">
        <v>65033</v>
      </c>
    </row>
    <row r="9349" spans="1:10" x14ac:dyDescent="0.25">
      <c r="A9349" t="s">
        <v>20971</v>
      </c>
      <c r="B9349" t="s">
        <v>20972</v>
      </c>
      <c r="C9349" t="s">
        <v>20973</v>
      </c>
      <c r="D9349" t="s">
        <v>20689</v>
      </c>
      <c r="E9349" t="s">
        <v>13</v>
      </c>
      <c r="F9349">
        <v>4733</v>
      </c>
      <c r="G9349" t="s">
        <v>20974</v>
      </c>
      <c r="H9349">
        <v>4.6539570740540004</v>
      </c>
      <c r="I9349">
        <v>52.078369420602002</v>
      </c>
      <c r="J9349" t="s">
        <v>65034</v>
      </c>
    </row>
    <row r="9350" spans="1:10" x14ac:dyDescent="0.25">
      <c r="A9350" t="s">
        <v>20967</v>
      </c>
      <c r="B9350" t="s">
        <v>20968</v>
      </c>
      <c r="C9350" t="s">
        <v>20969</v>
      </c>
      <c r="D9350" t="s">
        <v>20689</v>
      </c>
      <c r="E9350" t="s">
        <v>13</v>
      </c>
      <c r="F9350">
        <v>4732</v>
      </c>
      <c r="G9350" t="s">
        <v>20970</v>
      </c>
      <c r="H9350">
        <v>4.6441601048659997</v>
      </c>
      <c r="I9350">
        <v>52.082041491996002</v>
      </c>
      <c r="J9350" t="s">
        <v>65035</v>
      </c>
    </row>
    <row r="9351" spans="1:10" x14ac:dyDescent="0.25">
      <c r="A9351" t="s">
        <v>20963</v>
      </c>
      <c r="B9351" t="s">
        <v>20964</v>
      </c>
      <c r="C9351" t="s">
        <v>20965</v>
      </c>
      <c r="D9351" t="s">
        <v>20689</v>
      </c>
      <c r="E9351" t="s">
        <v>13</v>
      </c>
      <c r="F9351">
        <v>4731</v>
      </c>
      <c r="G9351" t="s">
        <v>20966</v>
      </c>
      <c r="H9351">
        <v>4.6823626220319996</v>
      </c>
      <c r="I9351">
        <v>52.088179827410002</v>
      </c>
      <c r="J9351" t="s">
        <v>65036</v>
      </c>
    </row>
    <row r="9352" spans="1:10" x14ac:dyDescent="0.25">
      <c r="A9352" t="s">
        <v>20959</v>
      </c>
      <c r="B9352" t="s">
        <v>20960</v>
      </c>
      <c r="C9352" t="s">
        <v>20961</v>
      </c>
      <c r="D9352" t="s">
        <v>20689</v>
      </c>
      <c r="E9352" t="s">
        <v>13</v>
      </c>
      <c r="F9352">
        <v>4730</v>
      </c>
      <c r="G9352" t="s">
        <v>20962</v>
      </c>
      <c r="H9352">
        <v>4.6832148884020004</v>
      </c>
      <c r="I9352">
        <v>52.094253297618003</v>
      </c>
      <c r="J9352" t="s">
        <v>65037</v>
      </c>
    </row>
    <row r="9353" spans="1:10" x14ac:dyDescent="0.25">
      <c r="A9353" t="s">
        <v>20955</v>
      </c>
      <c r="B9353" t="s">
        <v>20956</v>
      </c>
      <c r="C9353" t="s">
        <v>20957</v>
      </c>
      <c r="D9353" t="s">
        <v>20689</v>
      </c>
      <c r="E9353" t="s">
        <v>13</v>
      </c>
      <c r="F9353">
        <v>4729</v>
      </c>
      <c r="G9353" t="s">
        <v>20958</v>
      </c>
      <c r="H9353">
        <v>4.6535447340999996</v>
      </c>
      <c r="I9353">
        <v>52.092723179252999</v>
      </c>
      <c r="J9353" t="s">
        <v>65038</v>
      </c>
    </row>
    <row r="9354" spans="1:10" x14ac:dyDescent="0.25">
      <c r="A9354" t="s">
        <v>20952</v>
      </c>
      <c r="B9354" t="s">
        <v>20953</v>
      </c>
      <c r="C9354" t="s">
        <v>19794</v>
      </c>
      <c r="D9354" t="s">
        <v>20689</v>
      </c>
      <c r="E9354" t="s">
        <v>13</v>
      </c>
      <c r="F9354">
        <v>4728</v>
      </c>
      <c r="G9354" t="s">
        <v>20954</v>
      </c>
      <c r="H9354">
        <v>4.720806114468</v>
      </c>
      <c r="I9354">
        <v>52.123677256404001</v>
      </c>
      <c r="J9354" t="s">
        <v>65039</v>
      </c>
    </row>
    <row r="9355" spans="1:10" x14ac:dyDescent="0.25">
      <c r="A9355" t="s">
        <v>20948</v>
      </c>
      <c r="B9355" t="s">
        <v>20949</v>
      </c>
      <c r="C9355" t="s">
        <v>20950</v>
      </c>
      <c r="D9355" t="s">
        <v>20689</v>
      </c>
      <c r="E9355" t="s">
        <v>13</v>
      </c>
      <c r="F9355">
        <v>4727</v>
      </c>
      <c r="G9355" t="s">
        <v>20951</v>
      </c>
      <c r="H9355">
        <v>4.7256363305329998</v>
      </c>
      <c r="I9355">
        <v>52.138329210362002</v>
      </c>
      <c r="J9355" t="s">
        <v>65040</v>
      </c>
    </row>
    <row r="9356" spans="1:10" x14ac:dyDescent="0.25">
      <c r="A9356" t="s">
        <v>20945</v>
      </c>
      <c r="B9356" t="s">
        <v>20946</v>
      </c>
      <c r="C9356" t="s">
        <v>16448</v>
      </c>
      <c r="D9356" t="s">
        <v>20689</v>
      </c>
      <c r="E9356" t="s">
        <v>13</v>
      </c>
      <c r="F9356">
        <v>4726</v>
      </c>
      <c r="G9356" t="s">
        <v>20947</v>
      </c>
      <c r="H9356">
        <v>4.7415403930210003</v>
      </c>
      <c r="I9356">
        <v>52.145704757510003</v>
      </c>
      <c r="J9356" t="s">
        <v>65041</v>
      </c>
    </row>
    <row r="9357" spans="1:10" x14ac:dyDescent="0.25">
      <c r="A9357" t="s">
        <v>20942</v>
      </c>
      <c r="B9357" t="s">
        <v>20943</v>
      </c>
      <c r="C9357" t="s">
        <v>11197</v>
      </c>
      <c r="D9357" t="s">
        <v>20689</v>
      </c>
      <c r="E9357" t="s">
        <v>13</v>
      </c>
      <c r="F9357">
        <v>4725</v>
      </c>
      <c r="G9357" t="s">
        <v>20944</v>
      </c>
      <c r="H9357">
        <v>4.7133131293580002</v>
      </c>
      <c r="I9357">
        <v>52.142484789698997</v>
      </c>
      <c r="J9357" t="s">
        <v>65042</v>
      </c>
    </row>
    <row r="9358" spans="1:10" x14ac:dyDescent="0.25">
      <c r="A9358" t="s">
        <v>20938</v>
      </c>
      <c r="B9358" t="s">
        <v>20939</v>
      </c>
      <c r="C9358" t="s">
        <v>20940</v>
      </c>
      <c r="D9358" t="s">
        <v>20689</v>
      </c>
      <c r="E9358" t="s">
        <v>13</v>
      </c>
      <c r="F9358">
        <v>4724</v>
      </c>
      <c r="G9358" t="s">
        <v>20941</v>
      </c>
      <c r="H9358">
        <v>4.5747122503369999</v>
      </c>
      <c r="I9358">
        <v>52.069928268493001</v>
      </c>
      <c r="J9358" t="s">
        <v>65043</v>
      </c>
    </row>
    <row r="9359" spans="1:10" x14ac:dyDescent="0.25">
      <c r="A9359" t="s">
        <v>20934</v>
      </c>
      <c r="B9359" t="s">
        <v>20935</v>
      </c>
      <c r="C9359" t="s">
        <v>20936</v>
      </c>
      <c r="D9359" t="s">
        <v>20689</v>
      </c>
      <c r="E9359" t="s">
        <v>13</v>
      </c>
      <c r="F9359">
        <v>4723</v>
      </c>
      <c r="G9359" t="s">
        <v>20937</v>
      </c>
      <c r="H9359">
        <v>4.5474123604120003</v>
      </c>
      <c r="I9359">
        <v>52.075925784418999</v>
      </c>
      <c r="J9359" t="s">
        <v>65044</v>
      </c>
    </row>
    <row r="9360" spans="1:10" x14ac:dyDescent="0.25">
      <c r="A9360" t="s">
        <v>20930</v>
      </c>
      <c r="B9360" t="s">
        <v>20931</v>
      </c>
      <c r="C9360" t="s">
        <v>20932</v>
      </c>
      <c r="D9360" t="s">
        <v>20689</v>
      </c>
      <c r="E9360" t="s">
        <v>13</v>
      </c>
      <c r="F9360">
        <v>4722</v>
      </c>
      <c r="G9360" t="s">
        <v>20933</v>
      </c>
      <c r="H9360">
        <v>4.5391996265719996</v>
      </c>
      <c r="I9360">
        <v>52.075425062774997</v>
      </c>
      <c r="J9360" t="s">
        <v>65045</v>
      </c>
    </row>
    <row r="9361" spans="1:10" x14ac:dyDescent="0.25">
      <c r="A9361" t="s">
        <v>20926</v>
      </c>
      <c r="B9361" t="s">
        <v>20927</v>
      </c>
      <c r="C9361" t="s">
        <v>20928</v>
      </c>
      <c r="D9361" t="s">
        <v>20689</v>
      </c>
      <c r="E9361" t="s">
        <v>13</v>
      </c>
      <c r="F9361">
        <v>4721</v>
      </c>
      <c r="G9361" t="s">
        <v>20929</v>
      </c>
      <c r="H9361">
        <v>4.5433857971069997</v>
      </c>
      <c r="I9361">
        <v>52.097742238377002</v>
      </c>
      <c r="J9361" t="s">
        <v>65046</v>
      </c>
    </row>
    <row r="9362" spans="1:10" x14ac:dyDescent="0.25">
      <c r="A9362" t="s">
        <v>20922</v>
      </c>
      <c r="B9362" t="s">
        <v>20923</v>
      </c>
      <c r="C9362" t="s">
        <v>20924</v>
      </c>
      <c r="D9362" t="s">
        <v>20689</v>
      </c>
      <c r="E9362" t="s">
        <v>13</v>
      </c>
      <c r="F9362">
        <v>4720</v>
      </c>
      <c r="G9362" t="s">
        <v>20925</v>
      </c>
      <c r="H9362">
        <v>4.6499171824319996</v>
      </c>
      <c r="I9362">
        <v>52.106133082052999</v>
      </c>
      <c r="J9362" t="s">
        <v>65047</v>
      </c>
    </row>
    <row r="9363" spans="1:10" x14ac:dyDescent="0.25">
      <c r="A9363" t="s">
        <v>20918</v>
      </c>
      <c r="B9363" t="s">
        <v>20919</v>
      </c>
      <c r="C9363" t="s">
        <v>20920</v>
      </c>
      <c r="D9363" t="s">
        <v>20689</v>
      </c>
      <c r="E9363" t="s">
        <v>13</v>
      </c>
      <c r="F9363">
        <v>4719</v>
      </c>
      <c r="G9363" t="s">
        <v>20921</v>
      </c>
      <c r="H9363">
        <v>4.6363360254549999</v>
      </c>
      <c r="I9363">
        <v>52.117367090054003</v>
      </c>
      <c r="J9363" t="s">
        <v>65048</v>
      </c>
    </row>
    <row r="9364" spans="1:10" x14ac:dyDescent="0.25">
      <c r="A9364" t="s">
        <v>20914</v>
      </c>
      <c r="B9364" t="s">
        <v>20915</v>
      </c>
      <c r="C9364" t="s">
        <v>20916</v>
      </c>
      <c r="D9364" t="s">
        <v>20689</v>
      </c>
      <c r="E9364" t="s">
        <v>13</v>
      </c>
      <c r="F9364">
        <v>4718</v>
      </c>
      <c r="G9364" t="s">
        <v>20917</v>
      </c>
      <c r="H9364">
        <v>4.6654871503209998</v>
      </c>
      <c r="I9364">
        <v>52.113353387826997</v>
      </c>
      <c r="J9364" t="s">
        <v>65049</v>
      </c>
    </row>
    <row r="9365" spans="1:10" x14ac:dyDescent="0.25">
      <c r="A9365" t="s">
        <v>20910</v>
      </c>
      <c r="B9365" t="s">
        <v>20911</v>
      </c>
      <c r="C9365" t="s">
        <v>20912</v>
      </c>
      <c r="D9365" t="s">
        <v>20689</v>
      </c>
      <c r="E9365" t="s">
        <v>13</v>
      </c>
      <c r="F9365">
        <v>4717</v>
      </c>
      <c r="G9365" t="s">
        <v>20913</v>
      </c>
      <c r="H9365">
        <v>4.6617468715859998</v>
      </c>
      <c r="I9365">
        <v>52.117754563965001</v>
      </c>
      <c r="J9365" t="s">
        <v>65050</v>
      </c>
    </row>
    <row r="9366" spans="1:10" x14ac:dyDescent="0.25">
      <c r="A9366" t="s">
        <v>20906</v>
      </c>
      <c r="B9366" t="s">
        <v>20907</v>
      </c>
      <c r="C9366" t="s">
        <v>20908</v>
      </c>
      <c r="D9366" t="s">
        <v>20689</v>
      </c>
      <c r="E9366" t="s">
        <v>13</v>
      </c>
      <c r="F9366">
        <v>4716</v>
      </c>
      <c r="G9366" t="s">
        <v>20909</v>
      </c>
      <c r="H9366">
        <v>4.6574896376549999</v>
      </c>
      <c r="I9366">
        <v>52.115726964876004</v>
      </c>
      <c r="J9366" t="s">
        <v>65051</v>
      </c>
    </row>
    <row r="9367" spans="1:10" x14ac:dyDescent="0.25">
      <c r="A9367" t="s">
        <v>20902</v>
      </c>
      <c r="B9367" t="s">
        <v>20903</v>
      </c>
      <c r="C9367" t="s">
        <v>20904</v>
      </c>
      <c r="D9367" t="s">
        <v>20689</v>
      </c>
      <c r="E9367" t="s">
        <v>13</v>
      </c>
      <c r="F9367">
        <v>4715</v>
      </c>
      <c r="G9367" t="s">
        <v>20905</v>
      </c>
      <c r="H9367">
        <v>4.649073450245</v>
      </c>
      <c r="I9367">
        <v>52.113694525192003</v>
      </c>
      <c r="J9367" t="s">
        <v>65052</v>
      </c>
    </row>
    <row r="9368" spans="1:10" x14ac:dyDescent="0.25">
      <c r="A9368" t="s">
        <v>20898</v>
      </c>
      <c r="B9368" t="s">
        <v>20899</v>
      </c>
      <c r="C9368" t="s">
        <v>20900</v>
      </c>
      <c r="D9368" t="s">
        <v>20689</v>
      </c>
      <c r="E9368" t="s">
        <v>13</v>
      </c>
      <c r="F9368">
        <v>4714</v>
      </c>
      <c r="G9368" t="s">
        <v>20901</v>
      </c>
      <c r="H9368">
        <v>4.6423645751900002</v>
      </c>
      <c r="I9368">
        <v>52.117557630988003</v>
      </c>
      <c r="J9368" t="s">
        <v>65053</v>
      </c>
    </row>
    <row r="9369" spans="1:10" x14ac:dyDescent="0.25">
      <c r="A9369" t="s">
        <v>20894</v>
      </c>
      <c r="B9369" t="s">
        <v>20895</v>
      </c>
      <c r="C9369" t="s">
        <v>20896</v>
      </c>
      <c r="D9369" t="s">
        <v>20689</v>
      </c>
      <c r="E9369" t="s">
        <v>13</v>
      </c>
      <c r="F9369">
        <v>4713</v>
      </c>
      <c r="G9369" t="s">
        <v>20897</v>
      </c>
      <c r="H9369">
        <v>4.6390657615180002</v>
      </c>
      <c r="I9369">
        <v>52.120424612948</v>
      </c>
      <c r="J9369" t="s">
        <v>65054</v>
      </c>
    </row>
    <row r="9370" spans="1:10" x14ac:dyDescent="0.25">
      <c r="A9370" t="s">
        <v>20890</v>
      </c>
      <c r="B9370" t="s">
        <v>20891</v>
      </c>
      <c r="C9370" t="s">
        <v>20892</v>
      </c>
      <c r="D9370" t="s">
        <v>20689</v>
      </c>
      <c r="E9370" t="s">
        <v>13</v>
      </c>
      <c r="F9370">
        <v>4712</v>
      </c>
      <c r="G9370" t="s">
        <v>20893</v>
      </c>
      <c r="H9370">
        <v>4.6570751597519999</v>
      </c>
      <c r="I9370">
        <v>52.121527040037002</v>
      </c>
      <c r="J9370" t="s">
        <v>65055</v>
      </c>
    </row>
    <row r="9371" spans="1:10" x14ac:dyDescent="0.25">
      <c r="A9371" t="s">
        <v>20886</v>
      </c>
      <c r="B9371" t="s">
        <v>20887</v>
      </c>
      <c r="C9371" t="s">
        <v>20888</v>
      </c>
      <c r="D9371" t="s">
        <v>20689</v>
      </c>
      <c r="E9371" t="s">
        <v>13</v>
      </c>
      <c r="F9371">
        <v>4711</v>
      </c>
      <c r="G9371" t="s">
        <v>20889</v>
      </c>
      <c r="H9371">
        <v>4.6521764291150003</v>
      </c>
      <c r="I9371">
        <v>52.119967826980002</v>
      </c>
      <c r="J9371" t="s">
        <v>65056</v>
      </c>
    </row>
    <row r="9372" spans="1:10" x14ac:dyDescent="0.25">
      <c r="A9372" t="s">
        <v>20882</v>
      </c>
      <c r="B9372" t="s">
        <v>20883</v>
      </c>
      <c r="C9372" t="s">
        <v>20884</v>
      </c>
      <c r="D9372" t="s">
        <v>20689</v>
      </c>
      <c r="E9372" t="s">
        <v>13</v>
      </c>
      <c r="F9372">
        <v>4710</v>
      </c>
      <c r="G9372" t="s">
        <v>20885</v>
      </c>
      <c r="H9372">
        <v>4.6477289576269998</v>
      </c>
      <c r="I9372">
        <v>52.120512972010999</v>
      </c>
      <c r="J9372" t="s">
        <v>65057</v>
      </c>
    </row>
    <row r="9373" spans="1:10" x14ac:dyDescent="0.25">
      <c r="A9373" t="s">
        <v>20878</v>
      </c>
      <c r="B9373" t="s">
        <v>20879</v>
      </c>
      <c r="C9373" t="s">
        <v>20880</v>
      </c>
      <c r="D9373" t="s">
        <v>20689</v>
      </c>
      <c r="E9373" t="s">
        <v>13</v>
      </c>
      <c r="F9373">
        <v>4709</v>
      </c>
      <c r="G9373" t="s">
        <v>20881</v>
      </c>
      <c r="H9373">
        <v>4.6451729822779999</v>
      </c>
      <c r="I9373">
        <v>52.123659955055999</v>
      </c>
      <c r="J9373" t="s">
        <v>65058</v>
      </c>
    </row>
    <row r="9374" spans="1:10" x14ac:dyDescent="0.25">
      <c r="A9374" t="s">
        <v>20874</v>
      </c>
      <c r="B9374" t="s">
        <v>20875</v>
      </c>
      <c r="C9374" t="s">
        <v>20876</v>
      </c>
      <c r="D9374" t="s">
        <v>20689</v>
      </c>
      <c r="E9374" t="s">
        <v>13</v>
      </c>
      <c r="F9374">
        <v>4708</v>
      </c>
      <c r="G9374" t="s">
        <v>20877</v>
      </c>
      <c r="H9374">
        <v>4.6519906731649998</v>
      </c>
      <c r="I9374">
        <v>52.125948848797997</v>
      </c>
      <c r="J9374" t="s">
        <v>65059</v>
      </c>
    </row>
    <row r="9375" spans="1:10" x14ac:dyDescent="0.25">
      <c r="A9375" t="s">
        <v>20870</v>
      </c>
      <c r="B9375" t="s">
        <v>20871</v>
      </c>
      <c r="C9375" t="s">
        <v>20872</v>
      </c>
      <c r="D9375" t="s">
        <v>20689</v>
      </c>
      <c r="E9375" t="s">
        <v>13</v>
      </c>
      <c r="F9375">
        <v>4707</v>
      </c>
      <c r="G9375" t="s">
        <v>20873</v>
      </c>
      <c r="H9375">
        <v>4.6356203309200001</v>
      </c>
      <c r="I9375">
        <v>52.126514856328001</v>
      </c>
      <c r="J9375" t="s">
        <v>65060</v>
      </c>
    </row>
    <row r="9376" spans="1:10" x14ac:dyDescent="0.25">
      <c r="A9376" t="s">
        <v>20866</v>
      </c>
      <c r="B9376" t="s">
        <v>20867</v>
      </c>
      <c r="C9376" t="s">
        <v>20868</v>
      </c>
      <c r="D9376" t="s">
        <v>20689</v>
      </c>
      <c r="E9376" t="s">
        <v>13</v>
      </c>
      <c r="F9376">
        <v>4706</v>
      </c>
      <c r="G9376" t="s">
        <v>20869</v>
      </c>
      <c r="H9376">
        <v>4.6905085963759996</v>
      </c>
      <c r="I9376">
        <v>52.103278060045</v>
      </c>
      <c r="J9376" t="s">
        <v>65061</v>
      </c>
    </row>
    <row r="9377" spans="1:10" x14ac:dyDescent="0.25">
      <c r="A9377" t="s">
        <v>20862</v>
      </c>
      <c r="B9377" t="s">
        <v>20863</v>
      </c>
      <c r="C9377" t="s">
        <v>20864</v>
      </c>
      <c r="D9377" t="s">
        <v>20689</v>
      </c>
      <c r="E9377" t="s">
        <v>13</v>
      </c>
      <c r="F9377">
        <v>4705</v>
      </c>
      <c r="G9377" t="s">
        <v>20865</v>
      </c>
      <c r="H9377">
        <v>4.6951918992130004</v>
      </c>
      <c r="I9377">
        <v>52.113753495344</v>
      </c>
      <c r="J9377" t="s">
        <v>65062</v>
      </c>
    </row>
    <row r="9378" spans="1:10" x14ac:dyDescent="0.25">
      <c r="A9378" t="s">
        <v>20858</v>
      </c>
      <c r="B9378" t="s">
        <v>20859</v>
      </c>
      <c r="C9378" t="s">
        <v>20860</v>
      </c>
      <c r="D9378" t="s">
        <v>20689</v>
      </c>
      <c r="E9378" t="s">
        <v>13</v>
      </c>
      <c r="F9378">
        <v>4704</v>
      </c>
      <c r="G9378" t="s">
        <v>20861</v>
      </c>
      <c r="H9378">
        <v>4.6780971751839999</v>
      </c>
      <c r="I9378">
        <v>52.131473782207003</v>
      </c>
      <c r="J9378" t="s">
        <v>65063</v>
      </c>
    </row>
    <row r="9379" spans="1:10" x14ac:dyDescent="0.25">
      <c r="A9379" t="s">
        <v>20854</v>
      </c>
      <c r="B9379" t="s">
        <v>20855</v>
      </c>
      <c r="C9379" t="s">
        <v>20856</v>
      </c>
      <c r="D9379" t="s">
        <v>20689</v>
      </c>
      <c r="E9379" t="s">
        <v>13</v>
      </c>
      <c r="F9379">
        <v>4703</v>
      </c>
      <c r="G9379" t="s">
        <v>20857</v>
      </c>
      <c r="H9379">
        <v>4.6696527336239999</v>
      </c>
      <c r="I9379">
        <v>52.123185296792002</v>
      </c>
      <c r="J9379" t="s">
        <v>65064</v>
      </c>
    </row>
    <row r="9380" spans="1:10" x14ac:dyDescent="0.25">
      <c r="A9380" t="s">
        <v>20850</v>
      </c>
      <c r="B9380" t="s">
        <v>20851</v>
      </c>
      <c r="C9380" t="s">
        <v>20852</v>
      </c>
      <c r="D9380" t="s">
        <v>20689</v>
      </c>
      <c r="E9380" t="s">
        <v>13</v>
      </c>
      <c r="F9380">
        <v>4702</v>
      </c>
      <c r="G9380" t="s">
        <v>20853</v>
      </c>
      <c r="H9380">
        <v>4.6676163808469999</v>
      </c>
      <c r="I9380">
        <v>52.128335629936998</v>
      </c>
      <c r="J9380" t="s">
        <v>65065</v>
      </c>
    </row>
    <row r="9381" spans="1:10" x14ac:dyDescent="0.25">
      <c r="A9381" t="s">
        <v>20846</v>
      </c>
      <c r="B9381" t="s">
        <v>20847</v>
      </c>
      <c r="C9381" t="s">
        <v>20848</v>
      </c>
      <c r="D9381" t="s">
        <v>20689</v>
      </c>
      <c r="E9381" t="s">
        <v>13</v>
      </c>
      <c r="F9381">
        <v>4701</v>
      </c>
      <c r="G9381" t="s">
        <v>20849</v>
      </c>
      <c r="H9381">
        <v>4.6669092087440003</v>
      </c>
      <c r="I9381">
        <v>52.132933367699998</v>
      </c>
      <c r="J9381" t="s">
        <v>65066</v>
      </c>
    </row>
    <row r="9382" spans="1:10" x14ac:dyDescent="0.25">
      <c r="A9382" t="s">
        <v>20842</v>
      </c>
      <c r="B9382" t="s">
        <v>20843</v>
      </c>
      <c r="C9382" t="s">
        <v>20844</v>
      </c>
      <c r="D9382" t="s">
        <v>20689</v>
      </c>
      <c r="E9382" t="s">
        <v>13</v>
      </c>
      <c r="F9382">
        <v>4700</v>
      </c>
      <c r="G9382" t="s">
        <v>20845</v>
      </c>
      <c r="H9382">
        <v>4.6672270085300003</v>
      </c>
      <c r="I9382">
        <v>52.137749738998998</v>
      </c>
      <c r="J9382" t="s">
        <v>65067</v>
      </c>
    </row>
    <row r="9383" spans="1:10" x14ac:dyDescent="0.25">
      <c r="A9383" t="s">
        <v>20838</v>
      </c>
      <c r="B9383" t="s">
        <v>20839</v>
      </c>
      <c r="C9383" t="s">
        <v>20840</v>
      </c>
      <c r="D9383" t="s">
        <v>20689</v>
      </c>
      <c r="E9383" t="s">
        <v>13</v>
      </c>
      <c r="F9383">
        <v>4699</v>
      </c>
      <c r="G9383" t="s">
        <v>20841</v>
      </c>
      <c r="H9383">
        <v>4.6702615503300002</v>
      </c>
      <c r="I9383">
        <v>52.116614606064999</v>
      </c>
      <c r="J9383" t="s">
        <v>65068</v>
      </c>
    </row>
    <row r="9384" spans="1:10" x14ac:dyDescent="0.25">
      <c r="A9384" t="s">
        <v>20834</v>
      </c>
      <c r="B9384" t="s">
        <v>20835</v>
      </c>
      <c r="C9384" t="s">
        <v>20836</v>
      </c>
      <c r="D9384" t="s">
        <v>20689</v>
      </c>
      <c r="E9384" t="s">
        <v>13</v>
      </c>
      <c r="F9384">
        <v>4698</v>
      </c>
      <c r="G9384" t="s">
        <v>20837</v>
      </c>
      <c r="H9384">
        <v>4.6679106197070004</v>
      </c>
      <c r="I9384">
        <v>52.119289697096001</v>
      </c>
      <c r="J9384" t="s">
        <v>65069</v>
      </c>
    </row>
    <row r="9385" spans="1:10" x14ac:dyDescent="0.25">
      <c r="A9385" t="s">
        <v>20830</v>
      </c>
      <c r="B9385" t="s">
        <v>20831</v>
      </c>
      <c r="C9385" t="s">
        <v>20832</v>
      </c>
      <c r="D9385" t="s">
        <v>20689</v>
      </c>
      <c r="E9385" t="s">
        <v>13</v>
      </c>
      <c r="F9385">
        <v>4697</v>
      </c>
      <c r="G9385" t="s">
        <v>20833</v>
      </c>
      <c r="H9385">
        <v>4.6615575332569996</v>
      </c>
      <c r="I9385">
        <v>52.123093219529999</v>
      </c>
      <c r="J9385" t="s">
        <v>65070</v>
      </c>
    </row>
    <row r="9386" spans="1:10" x14ac:dyDescent="0.25">
      <c r="A9386" t="s">
        <v>20826</v>
      </c>
      <c r="B9386" t="s">
        <v>20827</v>
      </c>
      <c r="C9386" t="s">
        <v>20828</v>
      </c>
      <c r="D9386" t="s">
        <v>20689</v>
      </c>
      <c r="E9386" t="s">
        <v>13</v>
      </c>
      <c r="F9386">
        <v>4696</v>
      </c>
      <c r="G9386" t="s">
        <v>20829</v>
      </c>
      <c r="H9386">
        <v>4.6588106959250002</v>
      </c>
      <c r="I9386">
        <v>52.127089735093001</v>
      </c>
      <c r="J9386" t="s">
        <v>65071</v>
      </c>
    </row>
    <row r="9387" spans="1:10" x14ac:dyDescent="0.25">
      <c r="A9387" t="s">
        <v>20822</v>
      </c>
      <c r="B9387" t="s">
        <v>20823</v>
      </c>
      <c r="C9387" t="s">
        <v>20824</v>
      </c>
      <c r="D9387" t="s">
        <v>20689</v>
      </c>
      <c r="E9387" t="s">
        <v>13</v>
      </c>
      <c r="F9387">
        <v>4695</v>
      </c>
      <c r="G9387" t="s">
        <v>20825</v>
      </c>
      <c r="H9387">
        <v>4.6600724844070003</v>
      </c>
      <c r="I9387">
        <v>52.131922820381</v>
      </c>
      <c r="J9387" t="s">
        <v>65072</v>
      </c>
    </row>
    <row r="9388" spans="1:10" x14ac:dyDescent="0.25">
      <c r="A9388" t="s">
        <v>20818</v>
      </c>
      <c r="B9388" t="s">
        <v>20819</v>
      </c>
      <c r="C9388" t="s">
        <v>20820</v>
      </c>
      <c r="D9388" t="s">
        <v>20689</v>
      </c>
      <c r="E9388" t="s">
        <v>13</v>
      </c>
      <c r="F9388">
        <v>4694</v>
      </c>
      <c r="G9388" t="s">
        <v>20821</v>
      </c>
      <c r="H9388">
        <v>4.6595789135540002</v>
      </c>
      <c r="I9388">
        <v>52.137773490412997</v>
      </c>
      <c r="J9388" t="s">
        <v>65073</v>
      </c>
    </row>
    <row r="9389" spans="1:10" x14ac:dyDescent="0.25">
      <c r="A9389" t="s">
        <v>20814</v>
      </c>
      <c r="B9389" t="s">
        <v>20815</v>
      </c>
      <c r="C9389" t="s">
        <v>20816</v>
      </c>
      <c r="D9389" t="s">
        <v>20689</v>
      </c>
      <c r="E9389" t="s">
        <v>13</v>
      </c>
      <c r="F9389">
        <v>4693</v>
      </c>
      <c r="G9389" t="s">
        <v>20817</v>
      </c>
      <c r="H9389">
        <v>4.6540311305350004</v>
      </c>
      <c r="I9389">
        <v>52.131315029447997</v>
      </c>
      <c r="J9389" t="s">
        <v>65074</v>
      </c>
    </row>
    <row r="9390" spans="1:10" x14ac:dyDescent="0.25">
      <c r="A9390" t="s">
        <v>20811</v>
      </c>
      <c r="B9390" t="s">
        <v>20812</v>
      </c>
      <c r="C9390" t="s">
        <v>6548</v>
      </c>
      <c r="D9390" t="s">
        <v>20689</v>
      </c>
      <c r="E9390" t="s">
        <v>13</v>
      </c>
      <c r="F9390">
        <v>4692</v>
      </c>
      <c r="G9390" t="s">
        <v>20813</v>
      </c>
      <c r="H9390">
        <v>4.6478032859220004</v>
      </c>
      <c r="I9390">
        <v>52.131975643973</v>
      </c>
      <c r="J9390" t="s">
        <v>65075</v>
      </c>
    </row>
    <row r="9391" spans="1:10" x14ac:dyDescent="0.25">
      <c r="A9391" t="s">
        <v>20808</v>
      </c>
      <c r="B9391" t="s">
        <v>20809</v>
      </c>
      <c r="C9391" t="s">
        <v>1376</v>
      </c>
      <c r="D9391" t="s">
        <v>20689</v>
      </c>
      <c r="E9391" t="s">
        <v>13</v>
      </c>
      <c r="F9391">
        <v>4691</v>
      </c>
      <c r="G9391" t="s">
        <v>20810</v>
      </c>
      <c r="H9391">
        <v>4.6537922218589998</v>
      </c>
      <c r="I9391">
        <v>52.138726918030997</v>
      </c>
      <c r="J9391" t="s">
        <v>65076</v>
      </c>
    </row>
    <row r="9392" spans="1:10" x14ac:dyDescent="0.25">
      <c r="A9392" t="s">
        <v>20804</v>
      </c>
      <c r="B9392" t="s">
        <v>20805</v>
      </c>
      <c r="C9392" t="s">
        <v>20806</v>
      </c>
      <c r="D9392" t="s">
        <v>20689</v>
      </c>
      <c r="E9392" t="s">
        <v>13</v>
      </c>
      <c r="F9392">
        <v>4690</v>
      </c>
      <c r="G9392" t="s">
        <v>20807</v>
      </c>
      <c r="H9392">
        <v>4.64174727315</v>
      </c>
      <c r="I9392">
        <v>52.136377449083</v>
      </c>
      <c r="J9392" t="s">
        <v>65077</v>
      </c>
    </row>
    <row r="9393" spans="1:10" x14ac:dyDescent="0.25">
      <c r="A9393" t="s">
        <v>20800</v>
      </c>
      <c r="B9393" t="s">
        <v>20801</v>
      </c>
      <c r="C9393" t="s">
        <v>20802</v>
      </c>
      <c r="D9393" t="s">
        <v>20689</v>
      </c>
      <c r="E9393" t="s">
        <v>13</v>
      </c>
      <c r="F9393">
        <v>4689</v>
      </c>
      <c r="G9393" t="s">
        <v>20803</v>
      </c>
      <c r="H9393">
        <v>4.6292903673510004</v>
      </c>
      <c r="I9393">
        <v>52.133390523095002</v>
      </c>
      <c r="J9393" t="s">
        <v>65078</v>
      </c>
    </row>
    <row r="9394" spans="1:10" x14ac:dyDescent="0.25">
      <c r="A9394" t="s">
        <v>20796</v>
      </c>
      <c r="B9394" t="s">
        <v>20797</v>
      </c>
      <c r="C9394" t="s">
        <v>20798</v>
      </c>
      <c r="D9394" t="s">
        <v>20689</v>
      </c>
      <c r="E9394" t="s">
        <v>13</v>
      </c>
      <c r="F9394">
        <v>4688</v>
      </c>
      <c r="G9394" t="s">
        <v>20799</v>
      </c>
      <c r="H9394">
        <v>4.694298641534</v>
      </c>
      <c r="I9394">
        <v>52.144578610514003</v>
      </c>
      <c r="J9394" t="s">
        <v>65079</v>
      </c>
    </row>
    <row r="9395" spans="1:10" x14ac:dyDescent="0.25">
      <c r="A9395" t="s">
        <v>20792</v>
      </c>
      <c r="B9395" t="s">
        <v>20793</v>
      </c>
      <c r="C9395" t="s">
        <v>20794</v>
      </c>
      <c r="D9395" t="s">
        <v>20689</v>
      </c>
      <c r="E9395" t="s">
        <v>13</v>
      </c>
      <c r="F9395">
        <v>4687</v>
      </c>
      <c r="G9395" t="s">
        <v>20795</v>
      </c>
      <c r="H9395">
        <v>4.6784185255570003</v>
      </c>
      <c r="I9395">
        <v>52.141012224419001</v>
      </c>
      <c r="J9395" t="s">
        <v>65080</v>
      </c>
    </row>
    <row r="9396" spans="1:10" x14ac:dyDescent="0.25">
      <c r="A9396" t="s">
        <v>20788</v>
      </c>
      <c r="B9396" t="s">
        <v>20789</v>
      </c>
      <c r="C9396" t="s">
        <v>20790</v>
      </c>
      <c r="D9396" t="s">
        <v>20689</v>
      </c>
      <c r="E9396" t="s">
        <v>13</v>
      </c>
      <c r="F9396">
        <v>4686</v>
      </c>
      <c r="G9396" t="s">
        <v>20791</v>
      </c>
      <c r="H9396">
        <v>4.6857468937959998</v>
      </c>
      <c r="I9396">
        <v>52.144877379773</v>
      </c>
      <c r="J9396" t="s">
        <v>65081</v>
      </c>
    </row>
    <row r="9397" spans="1:10" x14ac:dyDescent="0.25">
      <c r="A9397" t="s">
        <v>20784</v>
      </c>
      <c r="B9397" t="s">
        <v>20785</v>
      </c>
      <c r="C9397" t="s">
        <v>20786</v>
      </c>
      <c r="D9397" t="s">
        <v>20689</v>
      </c>
      <c r="E9397" t="s">
        <v>13</v>
      </c>
      <c r="F9397">
        <v>4685</v>
      </c>
      <c r="G9397" t="s">
        <v>20787</v>
      </c>
      <c r="H9397">
        <v>4.6874122590639997</v>
      </c>
      <c r="I9397">
        <v>52.147631565978003</v>
      </c>
      <c r="J9397" t="s">
        <v>65082</v>
      </c>
    </row>
    <row r="9398" spans="1:10" x14ac:dyDescent="0.25">
      <c r="A9398" t="s">
        <v>20780</v>
      </c>
      <c r="B9398" t="s">
        <v>20781</v>
      </c>
      <c r="C9398" t="s">
        <v>20782</v>
      </c>
      <c r="D9398" t="s">
        <v>20689</v>
      </c>
      <c r="E9398" t="s">
        <v>13</v>
      </c>
      <c r="F9398">
        <v>4684</v>
      </c>
      <c r="G9398" t="s">
        <v>20783</v>
      </c>
      <c r="H9398">
        <v>4.6797899550100004</v>
      </c>
      <c r="I9398">
        <v>52.145088711128999</v>
      </c>
      <c r="J9398" t="s">
        <v>65083</v>
      </c>
    </row>
    <row r="9399" spans="1:10" x14ac:dyDescent="0.25">
      <c r="A9399" t="s">
        <v>20776</v>
      </c>
      <c r="B9399" t="s">
        <v>20777</v>
      </c>
      <c r="C9399" t="s">
        <v>20778</v>
      </c>
      <c r="D9399" t="s">
        <v>20689</v>
      </c>
      <c r="E9399" t="s">
        <v>13</v>
      </c>
      <c r="F9399">
        <v>4683</v>
      </c>
      <c r="G9399" t="s">
        <v>20779</v>
      </c>
      <c r="H9399">
        <v>4.6827997748419996</v>
      </c>
      <c r="I9399">
        <v>52.149705707149998</v>
      </c>
      <c r="J9399" t="s">
        <v>65084</v>
      </c>
    </row>
    <row r="9400" spans="1:10" x14ac:dyDescent="0.25">
      <c r="A9400" t="s">
        <v>20772</v>
      </c>
      <c r="B9400" t="s">
        <v>20773</v>
      </c>
      <c r="C9400" t="s">
        <v>20774</v>
      </c>
      <c r="D9400" t="s">
        <v>20689</v>
      </c>
      <c r="E9400" t="s">
        <v>13</v>
      </c>
      <c r="F9400">
        <v>4682</v>
      </c>
      <c r="G9400" t="s">
        <v>20775</v>
      </c>
      <c r="H9400">
        <v>4.6767966466409998</v>
      </c>
      <c r="I9400">
        <v>52.152226253343997</v>
      </c>
      <c r="J9400" t="s">
        <v>65085</v>
      </c>
    </row>
    <row r="9401" spans="1:10" x14ac:dyDescent="0.25">
      <c r="A9401" t="s">
        <v>20768</v>
      </c>
      <c r="B9401" t="s">
        <v>20769</v>
      </c>
      <c r="C9401" t="s">
        <v>20770</v>
      </c>
      <c r="D9401" t="s">
        <v>20689</v>
      </c>
      <c r="E9401" t="s">
        <v>13</v>
      </c>
      <c r="F9401">
        <v>4681</v>
      </c>
      <c r="G9401" t="s">
        <v>20771</v>
      </c>
      <c r="H9401">
        <v>4.6683486035830004</v>
      </c>
      <c r="I9401">
        <v>52.141175152938999</v>
      </c>
      <c r="J9401" t="s">
        <v>65086</v>
      </c>
    </row>
    <row r="9402" spans="1:10" x14ac:dyDescent="0.25">
      <c r="A9402" t="s">
        <v>20764</v>
      </c>
      <c r="B9402" t="s">
        <v>20765</v>
      </c>
      <c r="C9402" t="s">
        <v>20766</v>
      </c>
      <c r="D9402" t="s">
        <v>20689</v>
      </c>
      <c r="E9402" t="s">
        <v>13</v>
      </c>
      <c r="F9402">
        <v>4680</v>
      </c>
      <c r="G9402" t="s">
        <v>20767</v>
      </c>
      <c r="H9402">
        <v>4.6691049923390002</v>
      </c>
      <c r="I9402">
        <v>52.143246706157001</v>
      </c>
      <c r="J9402" t="s">
        <v>65087</v>
      </c>
    </row>
    <row r="9403" spans="1:10" x14ac:dyDescent="0.25">
      <c r="A9403" t="s">
        <v>20760</v>
      </c>
      <c r="B9403" t="s">
        <v>20761</v>
      </c>
      <c r="C9403" t="s">
        <v>20762</v>
      </c>
      <c r="D9403" t="s">
        <v>20689</v>
      </c>
      <c r="E9403" t="s">
        <v>13</v>
      </c>
      <c r="F9403">
        <v>4679</v>
      </c>
      <c r="G9403" t="s">
        <v>20763</v>
      </c>
      <c r="H9403">
        <v>4.6601774939340004</v>
      </c>
      <c r="I9403">
        <v>52.144145725988999</v>
      </c>
      <c r="J9403" t="s">
        <v>65088</v>
      </c>
    </row>
    <row r="9404" spans="1:10" x14ac:dyDescent="0.25">
      <c r="A9404" t="s">
        <v>20757</v>
      </c>
      <c r="B9404" t="s">
        <v>20758</v>
      </c>
      <c r="C9404" t="s">
        <v>1304</v>
      </c>
      <c r="D9404" t="s">
        <v>20689</v>
      </c>
      <c r="E9404" t="s">
        <v>13</v>
      </c>
      <c r="F9404">
        <v>4678</v>
      </c>
      <c r="G9404" t="s">
        <v>20759</v>
      </c>
      <c r="H9404">
        <v>4.6701943933610002</v>
      </c>
      <c r="I9404">
        <v>52.145224077757</v>
      </c>
      <c r="J9404" t="s">
        <v>65089</v>
      </c>
    </row>
    <row r="9405" spans="1:10" x14ac:dyDescent="0.25">
      <c r="A9405" t="s">
        <v>20754</v>
      </c>
      <c r="B9405" t="s">
        <v>20755</v>
      </c>
      <c r="C9405" t="s">
        <v>1312</v>
      </c>
      <c r="D9405" t="s">
        <v>20689</v>
      </c>
      <c r="E9405" t="s">
        <v>13</v>
      </c>
      <c r="F9405">
        <v>4677</v>
      </c>
      <c r="G9405" t="s">
        <v>20756</v>
      </c>
      <c r="H9405">
        <v>4.6708147507150004</v>
      </c>
      <c r="I9405">
        <v>52.146949876385001</v>
      </c>
      <c r="J9405" t="s">
        <v>65090</v>
      </c>
    </row>
    <row r="9406" spans="1:10" x14ac:dyDescent="0.25">
      <c r="A9406" t="s">
        <v>20750</v>
      </c>
      <c r="B9406" t="s">
        <v>20751</v>
      </c>
      <c r="C9406" t="s">
        <v>20752</v>
      </c>
      <c r="D9406" t="s">
        <v>20689</v>
      </c>
      <c r="E9406" t="s">
        <v>13</v>
      </c>
      <c r="F9406">
        <v>4676</v>
      </c>
      <c r="G9406" t="s">
        <v>20753</v>
      </c>
      <c r="H9406">
        <v>4.6612079857450004</v>
      </c>
      <c r="I9406">
        <v>52.147598058200998</v>
      </c>
      <c r="J9406" t="s">
        <v>65091</v>
      </c>
    </row>
    <row r="9407" spans="1:10" x14ac:dyDescent="0.25">
      <c r="A9407" t="s">
        <v>20746</v>
      </c>
      <c r="B9407" t="s">
        <v>20747</v>
      </c>
      <c r="C9407" t="s">
        <v>20748</v>
      </c>
      <c r="D9407" t="s">
        <v>20689</v>
      </c>
      <c r="E9407" t="s">
        <v>13</v>
      </c>
      <c r="F9407">
        <v>4675</v>
      </c>
      <c r="G9407" t="s">
        <v>20749</v>
      </c>
      <c r="H9407">
        <v>4.6737281183189996</v>
      </c>
      <c r="I9407">
        <v>52.148954746179001</v>
      </c>
      <c r="J9407" t="s">
        <v>65092</v>
      </c>
    </row>
    <row r="9408" spans="1:10" x14ac:dyDescent="0.25">
      <c r="A9408" t="s">
        <v>20742</v>
      </c>
      <c r="B9408" t="s">
        <v>20743</v>
      </c>
      <c r="C9408" t="s">
        <v>20744</v>
      </c>
      <c r="D9408" t="s">
        <v>20689</v>
      </c>
      <c r="E9408" t="s">
        <v>13</v>
      </c>
      <c r="F9408">
        <v>4674</v>
      </c>
      <c r="G9408" t="s">
        <v>20745</v>
      </c>
      <c r="H9408">
        <v>4.6666215693159998</v>
      </c>
      <c r="I9408">
        <v>52.150116467657</v>
      </c>
      <c r="J9408" t="s">
        <v>65093</v>
      </c>
    </row>
    <row r="9409" spans="1:10" x14ac:dyDescent="0.25">
      <c r="A9409" t="s">
        <v>20738</v>
      </c>
      <c r="B9409" t="s">
        <v>20739</v>
      </c>
      <c r="C9409" t="s">
        <v>20740</v>
      </c>
      <c r="D9409" t="s">
        <v>20689</v>
      </c>
      <c r="E9409" t="s">
        <v>13</v>
      </c>
      <c r="F9409">
        <v>4673</v>
      </c>
      <c r="G9409" t="s">
        <v>20741</v>
      </c>
      <c r="H9409">
        <v>4.6685533561910004</v>
      </c>
      <c r="I9409">
        <v>52.153295845418</v>
      </c>
      <c r="J9409" t="s">
        <v>65094</v>
      </c>
    </row>
    <row r="9410" spans="1:10" x14ac:dyDescent="0.25">
      <c r="A9410" t="s">
        <v>20734</v>
      </c>
      <c r="B9410" t="s">
        <v>20735</v>
      </c>
      <c r="C9410" t="s">
        <v>20736</v>
      </c>
      <c r="D9410" t="s">
        <v>20689</v>
      </c>
      <c r="E9410" t="s">
        <v>13</v>
      </c>
      <c r="F9410">
        <v>4672</v>
      </c>
      <c r="G9410" t="s">
        <v>20737</v>
      </c>
      <c r="H9410">
        <v>4.6619488779599996</v>
      </c>
      <c r="I9410">
        <v>52.152891850156003</v>
      </c>
      <c r="J9410" t="s">
        <v>65095</v>
      </c>
    </row>
    <row r="9411" spans="1:10" x14ac:dyDescent="0.25">
      <c r="A9411" t="s">
        <v>20730</v>
      </c>
      <c r="B9411" t="s">
        <v>20731</v>
      </c>
      <c r="C9411" t="s">
        <v>20732</v>
      </c>
      <c r="D9411" t="s">
        <v>20689</v>
      </c>
      <c r="E9411" t="s">
        <v>13</v>
      </c>
      <c r="F9411">
        <v>4671</v>
      </c>
      <c r="G9411" t="s">
        <v>20733</v>
      </c>
      <c r="H9411">
        <v>4.6824120593109999</v>
      </c>
      <c r="I9411">
        <v>52.157983858473003</v>
      </c>
      <c r="J9411" t="s">
        <v>65096</v>
      </c>
    </row>
    <row r="9412" spans="1:10" x14ac:dyDescent="0.25">
      <c r="A9412" t="s">
        <v>20727</v>
      </c>
      <c r="B9412" t="s">
        <v>20728</v>
      </c>
      <c r="C9412" t="s">
        <v>14166</v>
      </c>
      <c r="D9412" t="s">
        <v>20689</v>
      </c>
      <c r="E9412" t="s">
        <v>13</v>
      </c>
      <c r="F9412">
        <v>4670</v>
      </c>
      <c r="G9412" t="s">
        <v>20729</v>
      </c>
      <c r="H9412">
        <v>4.6616657917640003</v>
      </c>
      <c r="I9412">
        <v>52.141300834531002</v>
      </c>
      <c r="J9412" t="s">
        <v>65097</v>
      </c>
    </row>
    <row r="9413" spans="1:10" x14ac:dyDescent="0.25">
      <c r="A9413" t="s">
        <v>20723</v>
      </c>
      <c r="B9413" t="s">
        <v>20724</v>
      </c>
      <c r="C9413" t="s">
        <v>20725</v>
      </c>
      <c r="D9413" t="s">
        <v>20689</v>
      </c>
      <c r="E9413" t="s">
        <v>13</v>
      </c>
      <c r="F9413">
        <v>4669</v>
      </c>
      <c r="G9413" t="s">
        <v>20726</v>
      </c>
      <c r="H9413">
        <v>4.6544768169940003</v>
      </c>
      <c r="I9413">
        <v>52.143981457929002</v>
      </c>
      <c r="J9413" t="s">
        <v>65098</v>
      </c>
    </row>
    <row r="9414" spans="1:10" x14ac:dyDescent="0.25">
      <c r="A9414" t="s">
        <v>20719</v>
      </c>
      <c r="B9414" t="s">
        <v>20720</v>
      </c>
      <c r="C9414" t="s">
        <v>20721</v>
      </c>
      <c r="D9414" t="s">
        <v>20689</v>
      </c>
      <c r="E9414" t="s">
        <v>13</v>
      </c>
      <c r="F9414">
        <v>4668</v>
      </c>
      <c r="G9414" t="s">
        <v>20722</v>
      </c>
      <c r="H9414">
        <v>4.6488657095020001</v>
      </c>
      <c r="I9414">
        <v>52.143951965234002</v>
      </c>
      <c r="J9414" t="s">
        <v>65099</v>
      </c>
    </row>
    <row r="9415" spans="1:10" x14ac:dyDescent="0.25">
      <c r="A9415" t="s">
        <v>20715</v>
      </c>
      <c r="B9415" t="s">
        <v>20716</v>
      </c>
      <c r="C9415" t="s">
        <v>20717</v>
      </c>
      <c r="D9415" t="s">
        <v>20689</v>
      </c>
      <c r="E9415" t="s">
        <v>13</v>
      </c>
      <c r="F9415">
        <v>4667</v>
      </c>
      <c r="G9415" t="s">
        <v>20718</v>
      </c>
      <c r="H9415">
        <v>4.654539318806</v>
      </c>
      <c r="I9415">
        <v>52.148356527522999</v>
      </c>
      <c r="J9415" t="s">
        <v>65100</v>
      </c>
    </row>
    <row r="9416" spans="1:10" x14ac:dyDescent="0.25">
      <c r="A9416" t="s">
        <v>20711</v>
      </c>
      <c r="B9416" t="s">
        <v>20712</v>
      </c>
      <c r="C9416" t="s">
        <v>20713</v>
      </c>
      <c r="D9416" t="s">
        <v>20689</v>
      </c>
      <c r="E9416" t="s">
        <v>13</v>
      </c>
      <c r="F9416">
        <v>4666</v>
      </c>
      <c r="G9416" t="s">
        <v>20714</v>
      </c>
      <c r="H9416">
        <v>4.6481127767350001</v>
      </c>
      <c r="I9416">
        <v>52.149521192032999</v>
      </c>
      <c r="J9416" t="s">
        <v>65101</v>
      </c>
    </row>
    <row r="9417" spans="1:10" x14ac:dyDescent="0.25">
      <c r="A9417" t="s">
        <v>20707</v>
      </c>
      <c r="B9417" t="s">
        <v>20708</v>
      </c>
      <c r="C9417" t="s">
        <v>20709</v>
      </c>
      <c r="D9417" t="s">
        <v>20689</v>
      </c>
      <c r="E9417" t="s">
        <v>13</v>
      </c>
      <c r="F9417">
        <v>4665</v>
      </c>
      <c r="G9417" t="s">
        <v>20710</v>
      </c>
      <c r="H9417">
        <v>4.6567597149870004</v>
      </c>
      <c r="I9417">
        <v>52.153104015461999</v>
      </c>
      <c r="J9417" t="s">
        <v>65102</v>
      </c>
    </row>
    <row r="9418" spans="1:10" x14ac:dyDescent="0.25">
      <c r="A9418" t="s">
        <v>20703</v>
      </c>
      <c r="B9418" t="s">
        <v>20704</v>
      </c>
      <c r="C9418" t="s">
        <v>20705</v>
      </c>
      <c r="D9418" t="s">
        <v>20689</v>
      </c>
      <c r="E9418" t="s">
        <v>13</v>
      </c>
      <c r="F9418">
        <v>4664</v>
      </c>
      <c r="G9418" t="s">
        <v>20706</v>
      </c>
      <c r="H9418">
        <v>4.6520104771310002</v>
      </c>
      <c r="I9418">
        <v>52.154200689828002</v>
      </c>
      <c r="J9418" t="s">
        <v>65103</v>
      </c>
    </row>
    <row r="9419" spans="1:10" x14ac:dyDescent="0.25">
      <c r="A9419" t="s">
        <v>20699</v>
      </c>
      <c r="B9419" t="s">
        <v>20700</v>
      </c>
      <c r="C9419" t="s">
        <v>20701</v>
      </c>
      <c r="D9419" t="s">
        <v>20689</v>
      </c>
      <c r="E9419" t="s">
        <v>13</v>
      </c>
      <c r="F9419">
        <v>4663</v>
      </c>
      <c r="G9419" t="s">
        <v>20702</v>
      </c>
      <c r="H9419">
        <v>4.6467436661169996</v>
      </c>
      <c r="I9419">
        <v>52.155719214511002</v>
      </c>
      <c r="J9419" t="s">
        <v>65104</v>
      </c>
    </row>
    <row r="9420" spans="1:10" x14ac:dyDescent="0.25">
      <c r="A9420" t="s">
        <v>20695</v>
      </c>
      <c r="B9420" t="s">
        <v>20696</v>
      </c>
      <c r="C9420" t="s">
        <v>20697</v>
      </c>
      <c r="D9420" t="s">
        <v>20689</v>
      </c>
      <c r="E9420" t="s">
        <v>13</v>
      </c>
      <c r="F9420">
        <v>4662</v>
      </c>
      <c r="G9420" t="s">
        <v>20698</v>
      </c>
      <c r="H9420">
        <v>4.6562974382520004</v>
      </c>
      <c r="I9420">
        <v>52.156590161217999</v>
      </c>
      <c r="J9420" t="s">
        <v>65105</v>
      </c>
    </row>
    <row r="9421" spans="1:10" x14ac:dyDescent="0.25">
      <c r="A9421" t="s">
        <v>20691</v>
      </c>
      <c r="B9421" t="s">
        <v>20692</v>
      </c>
      <c r="C9421" t="s">
        <v>20693</v>
      </c>
      <c r="D9421" t="s">
        <v>20689</v>
      </c>
      <c r="E9421" t="s">
        <v>13</v>
      </c>
      <c r="F9421">
        <v>4661</v>
      </c>
      <c r="G9421" t="s">
        <v>20694</v>
      </c>
      <c r="H9421">
        <v>4.6543192702120004</v>
      </c>
      <c r="I9421">
        <v>52.159891641263002</v>
      </c>
      <c r="J9421" t="s">
        <v>65106</v>
      </c>
    </row>
    <row r="9422" spans="1:10" x14ac:dyDescent="0.25">
      <c r="A9422" t="s">
        <v>20686</v>
      </c>
      <c r="B9422" t="s">
        <v>20687</v>
      </c>
      <c r="C9422" t="s">
        <v>20688</v>
      </c>
      <c r="D9422" t="s">
        <v>20689</v>
      </c>
      <c r="E9422" t="s">
        <v>13</v>
      </c>
      <c r="F9422">
        <v>4660</v>
      </c>
      <c r="G9422" t="s">
        <v>20690</v>
      </c>
      <c r="H9422">
        <v>4.6323724179679999</v>
      </c>
      <c r="I9422">
        <v>52.150007415738003</v>
      </c>
      <c r="J9422" t="s">
        <v>65107</v>
      </c>
    </row>
    <row r="9423" spans="1:10" x14ac:dyDescent="0.25">
      <c r="A9423" t="s">
        <v>123</v>
      </c>
      <c r="B9423" t="s">
        <v>124</v>
      </c>
      <c r="C9423" t="s">
        <v>125</v>
      </c>
      <c r="D9423" t="s">
        <v>12</v>
      </c>
      <c r="E9423" t="s">
        <v>13</v>
      </c>
      <c r="F9423">
        <v>4659</v>
      </c>
      <c r="G9423" t="s">
        <v>126</v>
      </c>
      <c r="H9423">
        <v>4.679241612727</v>
      </c>
      <c r="I9423">
        <v>51.855142605406002</v>
      </c>
      <c r="J9423" t="s">
        <v>65108</v>
      </c>
    </row>
    <row r="9424" spans="1:10" x14ac:dyDescent="0.25">
      <c r="A9424" t="s">
        <v>119</v>
      </c>
      <c r="B9424" t="s">
        <v>120</v>
      </c>
      <c r="C9424" t="s">
        <v>121</v>
      </c>
      <c r="D9424" t="s">
        <v>12</v>
      </c>
      <c r="E9424" t="s">
        <v>13</v>
      </c>
      <c r="F9424">
        <v>4658</v>
      </c>
      <c r="G9424" t="s">
        <v>122</v>
      </c>
      <c r="H9424">
        <v>4.6811316843809996</v>
      </c>
      <c r="I9424">
        <v>51.864432243217003</v>
      </c>
      <c r="J9424" t="s">
        <v>65109</v>
      </c>
    </row>
    <row r="9425" spans="1:10" x14ac:dyDescent="0.25">
      <c r="A9425" t="s">
        <v>115</v>
      </c>
      <c r="B9425" t="s">
        <v>116</v>
      </c>
      <c r="C9425" t="s">
        <v>117</v>
      </c>
      <c r="D9425" t="s">
        <v>12</v>
      </c>
      <c r="E9425" t="s">
        <v>13</v>
      </c>
      <c r="F9425">
        <v>4657</v>
      </c>
      <c r="G9425" t="s">
        <v>118</v>
      </c>
      <c r="H9425">
        <v>4.6854894945599996</v>
      </c>
      <c r="I9425">
        <v>51.873017570451999</v>
      </c>
      <c r="J9425" t="s">
        <v>65110</v>
      </c>
    </row>
    <row r="9426" spans="1:10" x14ac:dyDescent="0.25">
      <c r="A9426" t="s">
        <v>111</v>
      </c>
      <c r="B9426" t="s">
        <v>112</v>
      </c>
      <c r="C9426" t="s">
        <v>113</v>
      </c>
      <c r="D9426" t="s">
        <v>12</v>
      </c>
      <c r="E9426" t="s">
        <v>13</v>
      </c>
      <c r="F9426">
        <v>4656</v>
      </c>
      <c r="G9426" t="s">
        <v>114</v>
      </c>
      <c r="H9426">
        <v>4.6533615804470001</v>
      </c>
      <c r="I9426">
        <v>51.875424680290003</v>
      </c>
      <c r="J9426" t="s">
        <v>65111</v>
      </c>
    </row>
    <row r="9427" spans="1:10" x14ac:dyDescent="0.25">
      <c r="A9427" t="s">
        <v>107</v>
      </c>
      <c r="B9427" t="s">
        <v>108</v>
      </c>
      <c r="C9427" t="s">
        <v>109</v>
      </c>
      <c r="D9427" t="s">
        <v>12</v>
      </c>
      <c r="E9427" t="s">
        <v>13</v>
      </c>
      <c r="F9427">
        <v>4655</v>
      </c>
      <c r="G9427" t="s">
        <v>110</v>
      </c>
      <c r="H9427">
        <v>4.6666802339749998</v>
      </c>
      <c r="I9427">
        <v>51.849336279951999</v>
      </c>
      <c r="J9427" t="s">
        <v>65112</v>
      </c>
    </row>
    <row r="9428" spans="1:10" x14ac:dyDescent="0.25">
      <c r="A9428" t="s">
        <v>103</v>
      </c>
      <c r="B9428" t="s">
        <v>104</v>
      </c>
      <c r="C9428" t="s">
        <v>105</v>
      </c>
      <c r="D9428" t="s">
        <v>12</v>
      </c>
      <c r="E9428" t="s">
        <v>13</v>
      </c>
      <c r="F9428">
        <v>4654</v>
      </c>
      <c r="G9428" t="s">
        <v>106</v>
      </c>
      <c r="H9428">
        <v>4.6752714263400001</v>
      </c>
      <c r="I9428">
        <v>51.848945886742001</v>
      </c>
      <c r="J9428" t="s">
        <v>65113</v>
      </c>
    </row>
    <row r="9429" spans="1:10" x14ac:dyDescent="0.25">
      <c r="A9429" t="s">
        <v>99</v>
      </c>
      <c r="B9429" t="s">
        <v>100</v>
      </c>
      <c r="C9429" t="s">
        <v>101</v>
      </c>
      <c r="D9429" t="s">
        <v>12</v>
      </c>
      <c r="E9429" t="s">
        <v>13</v>
      </c>
      <c r="F9429">
        <v>4653</v>
      </c>
      <c r="G9429" t="s">
        <v>102</v>
      </c>
      <c r="H9429">
        <v>4.6718022531649996</v>
      </c>
      <c r="I9429">
        <v>51.855593917659</v>
      </c>
      <c r="J9429" t="s">
        <v>65114</v>
      </c>
    </row>
    <row r="9430" spans="1:10" x14ac:dyDescent="0.25">
      <c r="A9430" t="s">
        <v>95</v>
      </c>
      <c r="B9430" t="s">
        <v>96</v>
      </c>
      <c r="C9430" t="s">
        <v>97</v>
      </c>
      <c r="D9430" t="s">
        <v>12</v>
      </c>
      <c r="E9430" t="s">
        <v>13</v>
      </c>
      <c r="F9430">
        <v>4652</v>
      </c>
      <c r="G9430" t="s">
        <v>98</v>
      </c>
      <c r="H9430">
        <v>4.6662105713350002</v>
      </c>
      <c r="I9430">
        <v>51.866063498290998</v>
      </c>
      <c r="J9430" t="s">
        <v>65115</v>
      </c>
    </row>
    <row r="9431" spans="1:10" x14ac:dyDescent="0.25">
      <c r="A9431" t="s">
        <v>91</v>
      </c>
      <c r="B9431" t="s">
        <v>92</v>
      </c>
      <c r="C9431" t="s">
        <v>93</v>
      </c>
      <c r="D9431" t="s">
        <v>12</v>
      </c>
      <c r="E9431" t="s">
        <v>13</v>
      </c>
      <c r="F9431">
        <v>4651</v>
      </c>
      <c r="G9431" t="s">
        <v>94</v>
      </c>
      <c r="H9431">
        <v>4.6753379937239998</v>
      </c>
      <c r="I9431">
        <v>51.862647182067001</v>
      </c>
      <c r="J9431" t="s">
        <v>65116</v>
      </c>
    </row>
    <row r="9432" spans="1:10" x14ac:dyDescent="0.25">
      <c r="A9432" t="s">
        <v>87</v>
      </c>
      <c r="B9432" t="s">
        <v>88</v>
      </c>
      <c r="C9432" t="s">
        <v>89</v>
      </c>
      <c r="D9432" t="s">
        <v>12</v>
      </c>
      <c r="E9432" t="s">
        <v>13</v>
      </c>
      <c r="F9432">
        <v>4650</v>
      </c>
      <c r="G9432" t="s">
        <v>90</v>
      </c>
      <c r="H9432">
        <v>4.6704798243020003</v>
      </c>
      <c r="I9432">
        <v>51.865413758899997</v>
      </c>
      <c r="J9432" t="s">
        <v>65117</v>
      </c>
    </row>
    <row r="9433" spans="1:10" x14ac:dyDescent="0.25">
      <c r="A9433" t="s">
        <v>83</v>
      </c>
      <c r="B9433" t="s">
        <v>84</v>
      </c>
      <c r="C9433" t="s">
        <v>85</v>
      </c>
      <c r="D9433" t="s">
        <v>12</v>
      </c>
      <c r="E9433" t="s">
        <v>13</v>
      </c>
      <c r="F9433">
        <v>4649</v>
      </c>
      <c r="G9433" t="s">
        <v>86</v>
      </c>
      <c r="H9433">
        <v>4.6703719210400001</v>
      </c>
      <c r="I9433">
        <v>51.869575127155002</v>
      </c>
      <c r="J9433" t="s">
        <v>65118</v>
      </c>
    </row>
    <row r="9434" spans="1:10" x14ac:dyDescent="0.25">
      <c r="A9434" t="s">
        <v>79</v>
      </c>
      <c r="B9434" t="s">
        <v>80</v>
      </c>
      <c r="C9434" t="s">
        <v>81</v>
      </c>
      <c r="D9434" t="s">
        <v>12</v>
      </c>
      <c r="E9434" t="s">
        <v>13</v>
      </c>
      <c r="F9434">
        <v>4648</v>
      </c>
      <c r="G9434" t="s">
        <v>82</v>
      </c>
      <c r="H9434">
        <v>4.6533004586470001</v>
      </c>
      <c r="I9434">
        <v>51.869441150958998</v>
      </c>
      <c r="J9434" t="s">
        <v>65119</v>
      </c>
    </row>
    <row r="9435" spans="1:10" x14ac:dyDescent="0.25">
      <c r="A9435" t="s">
        <v>75</v>
      </c>
      <c r="B9435" t="s">
        <v>76</v>
      </c>
      <c r="C9435" t="s">
        <v>77</v>
      </c>
      <c r="D9435" t="s">
        <v>12</v>
      </c>
      <c r="E9435" t="s">
        <v>13</v>
      </c>
      <c r="F9435">
        <v>4647</v>
      </c>
      <c r="G9435" t="s">
        <v>78</v>
      </c>
      <c r="H9435">
        <v>4.6588248580610001</v>
      </c>
      <c r="I9435">
        <v>51.867949245862</v>
      </c>
      <c r="J9435" t="s">
        <v>65120</v>
      </c>
    </row>
    <row r="9436" spans="1:10" x14ac:dyDescent="0.25">
      <c r="A9436" t="s">
        <v>71</v>
      </c>
      <c r="B9436" t="s">
        <v>72</v>
      </c>
      <c r="C9436" t="s">
        <v>73</v>
      </c>
      <c r="D9436" t="s">
        <v>12</v>
      </c>
      <c r="E9436" t="s">
        <v>13</v>
      </c>
      <c r="F9436">
        <v>4646</v>
      </c>
      <c r="G9436" t="s">
        <v>74</v>
      </c>
      <c r="H9436">
        <v>4.6624027065220002</v>
      </c>
      <c r="I9436">
        <v>51.866360888114002</v>
      </c>
      <c r="J9436" t="s">
        <v>65121</v>
      </c>
    </row>
    <row r="9437" spans="1:10" x14ac:dyDescent="0.25">
      <c r="A9437" t="s">
        <v>67</v>
      </c>
      <c r="B9437" t="s">
        <v>68</v>
      </c>
      <c r="C9437" t="s">
        <v>69</v>
      </c>
      <c r="D9437" t="s">
        <v>12</v>
      </c>
      <c r="E9437" t="s">
        <v>13</v>
      </c>
      <c r="F9437">
        <v>4645</v>
      </c>
      <c r="G9437" t="s">
        <v>70</v>
      </c>
      <c r="H9437">
        <v>4.6648382617799999</v>
      </c>
      <c r="I9437">
        <v>51.869457510517996</v>
      </c>
      <c r="J9437" t="s">
        <v>65122</v>
      </c>
    </row>
    <row r="9438" spans="1:10" x14ac:dyDescent="0.25">
      <c r="A9438" t="s">
        <v>63</v>
      </c>
      <c r="B9438" t="s">
        <v>64</v>
      </c>
      <c r="C9438" t="s">
        <v>65</v>
      </c>
      <c r="D9438" t="s">
        <v>12</v>
      </c>
      <c r="E9438" t="s">
        <v>13</v>
      </c>
      <c r="F9438">
        <v>4644</v>
      </c>
      <c r="G9438" t="s">
        <v>66</v>
      </c>
      <c r="H9438">
        <v>4.6651448692899997</v>
      </c>
      <c r="I9438">
        <v>51.871589535116001</v>
      </c>
      <c r="J9438" t="s">
        <v>65123</v>
      </c>
    </row>
    <row r="9439" spans="1:10" x14ac:dyDescent="0.25">
      <c r="A9439" t="s">
        <v>59</v>
      </c>
      <c r="B9439" t="s">
        <v>60</v>
      </c>
      <c r="C9439" t="s">
        <v>61</v>
      </c>
      <c r="D9439" t="s">
        <v>12</v>
      </c>
      <c r="E9439" t="s">
        <v>13</v>
      </c>
      <c r="F9439">
        <v>4643</v>
      </c>
      <c r="G9439" t="s">
        <v>62</v>
      </c>
      <c r="H9439">
        <v>4.6602500029309999</v>
      </c>
      <c r="I9439">
        <v>51.87154356269</v>
      </c>
      <c r="J9439" t="s">
        <v>65124</v>
      </c>
    </row>
    <row r="9440" spans="1:10" x14ac:dyDescent="0.25">
      <c r="A9440" t="s">
        <v>55</v>
      </c>
      <c r="B9440" t="s">
        <v>56</v>
      </c>
      <c r="C9440" t="s">
        <v>57</v>
      </c>
      <c r="D9440" t="s">
        <v>12</v>
      </c>
      <c r="E9440" t="s">
        <v>13</v>
      </c>
      <c r="F9440">
        <v>4642</v>
      </c>
      <c r="G9440" t="s">
        <v>58</v>
      </c>
      <c r="H9440">
        <v>4.6551278419640001</v>
      </c>
      <c r="I9440">
        <v>51.872180250667</v>
      </c>
      <c r="J9440" t="s">
        <v>65125</v>
      </c>
    </row>
    <row r="9441" spans="1:10" x14ac:dyDescent="0.25">
      <c r="A9441" t="s">
        <v>51</v>
      </c>
      <c r="B9441" t="s">
        <v>52</v>
      </c>
      <c r="C9441" t="s">
        <v>53</v>
      </c>
      <c r="D9441" t="s">
        <v>12</v>
      </c>
      <c r="E9441" t="s">
        <v>13</v>
      </c>
      <c r="F9441">
        <v>4641</v>
      </c>
      <c r="G9441" t="s">
        <v>54</v>
      </c>
      <c r="H9441">
        <v>4.638359016711</v>
      </c>
      <c r="I9441">
        <v>51.872558714042</v>
      </c>
      <c r="J9441" t="s">
        <v>65126</v>
      </c>
    </row>
    <row r="9442" spans="1:10" x14ac:dyDescent="0.25">
      <c r="A9442" t="s">
        <v>47</v>
      </c>
      <c r="B9442" t="s">
        <v>48</v>
      </c>
      <c r="C9442" t="s">
        <v>49</v>
      </c>
      <c r="D9442" t="s">
        <v>12</v>
      </c>
      <c r="E9442" t="s">
        <v>13</v>
      </c>
      <c r="F9442">
        <v>4640</v>
      </c>
      <c r="G9442" t="s">
        <v>50</v>
      </c>
      <c r="H9442">
        <v>4.6424667532759996</v>
      </c>
      <c r="I9442">
        <v>51.870603646569997</v>
      </c>
      <c r="J9442" t="s">
        <v>65127</v>
      </c>
    </row>
    <row r="9443" spans="1:10" x14ac:dyDescent="0.25">
      <c r="A9443" t="s">
        <v>43</v>
      </c>
      <c r="B9443" t="s">
        <v>44</v>
      </c>
      <c r="C9443" t="s">
        <v>45</v>
      </c>
      <c r="D9443" t="s">
        <v>12</v>
      </c>
      <c r="E9443" t="s">
        <v>13</v>
      </c>
      <c r="F9443">
        <v>4639</v>
      </c>
      <c r="G9443" t="s">
        <v>46</v>
      </c>
      <c r="H9443">
        <v>4.6478602056699998</v>
      </c>
      <c r="I9443">
        <v>51.867700090155999</v>
      </c>
      <c r="J9443" t="s">
        <v>65128</v>
      </c>
    </row>
    <row r="9444" spans="1:10" x14ac:dyDescent="0.25">
      <c r="A9444" t="s">
        <v>39</v>
      </c>
      <c r="B9444" t="s">
        <v>40</v>
      </c>
      <c r="C9444" t="s">
        <v>41</v>
      </c>
      <c r="D9444" t="s">
        <v>12</v>
      </c>
      <c r="E9444" t="s">
        <v>13</v>
      </c>
      <c r="F9444">
        <v>4638</v>
      </c>
      <c r="G9444" t="s">
        <v>42</v>
      </c>
      <c r="H9444">
        <v>4.6482945996389997</v>
      </c>
      <c r="I9444">
        <v>51.871222473254001</v>
      </c>
      <c r="J9444" t="s">
        <v>65129</v>
      </c>
    </row>
    <row r="9445" spans="1:10" x14ac:dyDescent="0.25">
      <c r="A9445" t="s">
        <v>35</v>
      </c>
      <c r="B9445" t="s">
        <v>36</v>
      </c>
      <c r="C9445" t="s">
        <v>37</v>
      </c>
      <c r="D9445" t="s">
        <v>12</v>
      </c>
      <c r="E9445" t="s">
        <v>13</v>
      </c>
      <c r="F9445">
        <v>4637</v>
      </c>
      <c r="G9445" t="s">
        <v>38</v>
      </c>
      <c r="H9445">
        <v>4.64227882551</v>
      </c>
      <c r="I9445">
        <v>51.873531286849001</v>
      </c>
      <c r="J9445" t="s">
        <v>65130</v>
      </c>
    </row>
    <row r="9446" spans="1:10" x14ac:dyDescent="0.25">
      <c r="A9446" t="s">
        <v>31</v>
      </c>
      <c r="B9446" t="s">
        <v>32</v>
      </c>
      <c r="C9446" t="s">
        <v>33</v>
      </c>
      <c r="D9446" t="s">
        <v>12</v>
      </c>
      <c r="E9446" t="s">
        <v>13</v>
      </c>
      <c r="F9446">
        <v>4636</v>
      </c>
      <c r="G9446" t="s">
        <v>34</v>
      </c>
      <c r="H9446">
        <v>4.6356669001209996</v>
      </c>
      <c r="I9446">
        <v>51.873199121858001</v>
      </c>
      <c r="J9446" t="s">
        <v>65131</v>
      </c>
    </row>
    <row r="9447" spans="1:10" x14ac:dyDescent="0.25">
      <c r="A9447" t="s">
        <v>27</v>
      </c>
      <c r="B9447" t="s">
        <v>28</v>
      </c>
      <c r="C9447" t="s">
        <v>29</v>
      </c>
      <c r="D9447" t="s">
        <v>12</v>
      </c>
      <c r="E9447" t="s">
        <v>13</v>
      </c>
      <c r="F9447">
        <v>4635</v>
      </c>
      <c r="G9447" t="s">
        <v>30</v>
      </c>
      <c r="H9447">
        <v>4.6544359143170002</v>
      </c>
      <c r="I9447">
        <v>51.860776221191003</v>
      </c>
      <c r="J9447" t="s">
        <v>65132</v>
      </c>
    </row>
    <row r="9448" spans="1:10" x14ac:dyDescent="0.25">
      <c r="A9448" t="s">
        <v>23</v>
      </c>
      <c r="B9448" t="s">
        <v>24</v>
      </c>
      <c r="C9448" t="s">
        <v>25</v>
      </c>
      <c r="D9448" t="s">
        <v>12</v>
      </c>
      <c r="E9448" t="s">
        <v>13</v>
      </c>
      <c r="F9448">
        <v>4634</v>
      </c>
      <c r="G9448" t="s">
        <v>26</v>
      </c>
      <c r="H9448">
        <v>4.6667588682899996</v>
      </c>
      <c r="I9448">
        <v>51.860283331761003</v>
      </c>
      <c r="J9448" t="s">
        <v>65133</v>
      </c>
    </row>
    <row r="9449" spans="1:10" x14ac:dyDescent="0.25">
      <c r="A9449" t="s">
        <v>19</v>
      </c>
      <c r="B9449" t="s">
        <v>20</v>
      </c>
      <c r="C9449" t="s">
        <v>21</v>
      </c>
      <c r="D9449" t="s">
        <v>12</v>
      </c>
      <c r="E9449" t="s">
        <v>13</v>
      </c>
      <c r="F9449">
        <v>4633</v>
      </c>
      <c r="G9449" t="s">
        <v>22</v>
      </c>
      <c r="H9449">
        <v>4.6649608076610001</v>
      </c>
      <c r="I9449">
        <v>51.862592089808999</v>
      </c>
      <c r="J9449" t="s">
        <v>65134</v>
      </c>
    </row>
    <row r="9450" spans="1:10" x14ac:dyDescent="0.25">
      <c r="A9450" t="s">
        <v>15</v>
      </c>
      <c r="B9450" t="s">
        <v>16</v>
      </c>
      <c r="C9450" t="s">
        <v>17</v>
      </c>
      <c r="D9450" t="s">
        <v>12</v>
      </c>
      <c r="E9450" t="s">
        <v>13</v>
      </c>
      <c r="F9450">
        <v>4632</v>
      </c>
      <c r="G9450" t="s">
        <v>18</v>
      </c>
      <c r="H9450">
        <v>4.6594542336730003</v>
      </c>
      <c r="I9450">
        <v>51.863436304495004</v>
      </c>
      <c r="J9450" t="s">
        <v>65135</v>
      </c>
    </row>
    <row r="9451" spans="1:10" x14ac:dyDescent="0.25">
      <c r="A9451" t="s">
        <v>9</v>
      </c>
      <c r="B9451" t="s">
        <v>10</v>
      </c>
      <c r="C9451" t="s">
        <v>11</v>
      </c>
      <c r="D9451" t="s">
        <v>12</v>
      </c>
      <c r="E9451" t="s">
        <v>13</v>
      </c>
      <c r="F9451">
        <v>4631</v>
      </c>
      <c r="G9451" t="s">
        <v>14</v>
      </c>
      <c r="H9451">
        <v>4.6529276756230002</v>
      </c>
      <c r="I9451">
        <v>51.864771051508001</v>
      </c>
      <c r="J9451" t="s">
        <v>65136</v>
      </c>
    </row>
    <row r="9452" spans="1:10" x14ac:dyDescent="0.25">
      <c r="A9452" t="s">
        <v>20682</v>
      </c>
      <c r="B9452" t="s">
        <v>20683</v>
      </c>
      <c r="C9452" t="s">
        <v>20684</v>
      </c>
      <c r="D9452" t="s">
        <v>20496</v>
      </c>
      <c r="E9452" t="s">
        <v>13</v>
      </c>
      <c r="F9452">
        <v>4630</v>
      </c>
      <c r="G9452" t="s">
        <v>20685</v>
      </c>
      <c r="H9452">
        <v>4.7772223705180004</v>
      </c>
      <c r="I9452">
        <v>52.478668889361003</v>
      </c>
      <c r="J9452" t="s">
        <v>65137</v>
      </c>
    </row>
    <row r="9453" spans="1:10" x14ac:dyDescent="0.25">
      <c r="A9453" t="s">
        <v>20678</v>
      </c>
      <c r="B9453" t="s">
        <v>20679</v>
      </c>
      <c r="C9453" t="s">
        <v>20680</v>
      </c>
      <c r="D9453" t="s">
        <v>20496</v>
      </c>
      <c r="E9453" t="s">
        <v>13</v>
      </c>
      <c r="F9453">
        <v>4629</v>
      </c>
      <c r="G9453" t="s">
        <v>20681</v>
      </c>
      <c r="H9453">
        <v>4.7755450802980004</v>
      </c>
      <c r="I9453">
        <v>52.466737133663003</v>
      </c>
      <c r="J9453" t="s">
        <v>65138</v>
      </c>
    </row>
    <row r="9454" spans="1:10" x14ac:dyDescent="0.25">
      <c r="A9454" t="s">
        <v>20674</v>
      </c>
      <c r="B9454" t="s">
        <v>20675</v>
      </c>
      <c r="C9454" t="s">
        <v>20676</v>
      </c>
      <c r="D9454" t="s">
        <v>20496</v>
      </c>
      <c r="E9454" t="s">
        <v>13</v>
      </c>
      <c r="F9454">
        <v>4628</v>
      </c>
      <c r="G9454" t="s">
        <v>20677</v>
      </c>
      <c r="H9454">
        <v>4.7712788900209997</v>
      </c>
      <c r="I9454">
        <v>52.450471327452</v>
      </c>
      <c r="J9454" t="s">
        <v>65139</v>
      </c>
    </row>
    <row r="9455" spans="1:10" x14ac:dyDescent="0.25">
      <c r="A9455" t="s">
        <v>20670</v>
      </c>
      <c r="B9455" t="s">
        <v>20671</v>
      </c>
      <c r="C9455" t="s">
        <v>20672</v>
      </c>
      <c r="D9455" t="s">
        <v>20496</v>
      </c>
      <c r="E9455" t="s">
        <v>13</v>
      </c>
      <c r="F9455">
        <v>4627</v>
      </c>
      <c r="G9455" t="s">
        <v>20673</v>
      </c>
      <c r="H9455">
        <v>4.7811951457369997</v>
      </c>
      <c r="I9455">
        <v>52.437320463715999</v>
      </c>
      <c r="J9455" t="s">
        <v>65140</v>
      </c>
    </row>
    <row r="9456" spans="1:10" x14ac:dyDescent="0.25">
      <c r="A9456" t="s">
        <v>20666</v>
      </c>
      <c r="B9456" t="s">
        <v>20667</v>
      </c>
      <c r="C9456" t="s">
        <v>20668</v>
      </c>
      <c r="D9456" t="s">
        <v>20496</v>
      </c>
      <c r="E9456" t="s">
        <v>13</v>
      </c>
      <c r="F9456">
        <v>4626</v>
      </c>
      <c r="G9456" t="s">
        <v>20669</v>
      </c>
      <c r="H9456">
        <v>4.7646034653509997</v>
      </c>
      <c r="I9456">
        <v>52.432563573774999</v>
      </c>
      <c r="J9456" t="s">
        <v>65141</v>
      </c>
    </row>
    <row r="9457" spans="1:10" x14ac:dyDescent="0.25">
      <c r="A9457" t="s">
        <v>20662</v>
      </c>
      <c r="B9457" t="s">
        <v>20663</v>
      </c>
      <c r="C9457" t="s">
        <v>20664</v>
      </c>
      <c r="D9457" t="s">
        <v>20496</v>
      </c>
      <c r="E9457" t="s">
        <v>13</v>
      </c>
      <c r="F9457">
        <v>4625</v>
      </c>
      <c r="G9457" t="s">
        <v>20665</v>
      </c>
      <c r="H9457">
        <v>4.7405856851759998</v>
      </c>
      <c r="I9457">
        <v>52.490849079614001</v>
      </c>
      <c r="J9457" t="s">
        <v>65142</v>
      </c>
    </row>
    <row r="9458" spans="1:10" x14ac:dyDescent="0.25">
      <c r="A9458" t="s">
        <v>20658</v>
      </c>
      <c r="B9458" t="s">
        <v>20659</v>
      </c>
      <c r="C9458" t="s">
        <v>20660</v>
      </c>
      <c r="D9458" t="s">
        <v>20496</v>
      </c>
      <c r="E9458" t="s">
        <v>13</v>
      </c>
      <c r="F9458">
        <v>4624</v>
      </c>
      <c r="G9458" t="s">
        <v>20661</v>
      </c>
      <c r="H9458">
        <v>4.765442552653</v>
      </c>
      <c r="I9458">
        <v>52.490968113397003</v>
      </c>
      <c r="J9458" t="s">
        <v>65143</v>
      </c>
    </row>
    <row r="9459" spans="1:10" x14ac:dyDescent="0.25">
      <c r="A9459" t="s">
        <v>20654</v>
      </c>
      <c r="B9459" t="s">
        <v>20655</v>
      </c>
      <c r="C9459" t="s">
        <v>20656</v>
      </c>
      <c r="D9459" t="s">
        <v>20496</v>
      </c>
      <c r="E9459" t="s">
        <v>13</v>
      </c>
      <c r="F9459">
        <v>4623</v>
      </c>
      <c r="G9459" t="s">
        <v>20657</v>
      </c>
      <c r="H9459">
        <v>4.7587722618440003</v>
      </c>
      <c r="I9459">
        <v>52.47892439668</v>
      </c>
      <c r="J9459" t="s">
        <v>65144</v>
      </c>
    </row>
    <row r="9460" spans="1:10" x14ac:dyDescent="0.25">
      <c r="A9460" t="s">
        <v>20650</v>
      </c>
      <c r="B9460" t="s">
        <v>20651</v>
      </c>
      <c r="C9460" t="s">
        <v>20652</v>
      </c>
      <c r="D9460" t="s">
        <v>20496</v>
      </c>
      <c r="E9460" t="s">
        <v>13</v>
      </c>
      <c r="F9460">
        <v>4622</v>
      </c>
      <c r="G9460" t="s">
        <v>20653</v>
      </c>
      <c r="H9460">
        <v>4.7129377927640004</v>
      </c>
      <c r="I9460">
        <v>52.473946550664003</v>
      </c>
      <c r="J9460" t="s">
        <v>65145</v>
      </c>
    </row>
    <row r="9461" spans="1:10" x14ac:dyDescent="0.25">
      <c r="A9461" t="s">
        <v>20647</v>
      </c>
      <c r="B9461" t="s">
        <v>20648</v>
      </c>
      <c r="C9461" t="s">
        <v>129</v>
      </c>
      <c r="D9461" t="s">
        <v>20496</v>
      </c>
      <c r="E9461" t="s">
        <v>13</v>
      </c>
      <c r="F9461">
        <v>4621</v>
      </c>
      <c r="G9461" t="s">
        <v>20649</v>
      </c>
      <c r="H9461">
        <v>4.7380650592069999</v>
      </c>
      <c r="I9461">
        <v>52.467844863050999</v>
      </c>
      <c r="J9461" t="s">
        <v>65146</v>
      </c>
    </row>
    <row r="9462" spans="1:10" x14ac:dyDescent="0.25">
      <c r="A9462" t="s">
        <v>20644</v>
      </c>
      <c r="B9462" t="s">
        <v>20645</v>
      </c>
      <c r="C9462" t="s">
        <v>19330</v>
      </c>
      <c r="D9462" t="s">
        <v>20496</v>
      </c>
      <c r="E9462" t="s">
        <v>13</v>
      </c>
      <c r="F9462">
        <v>4620</v>
      </c>
      <c r="G9462" t="s">
        <v>20646</v>
      </c>
      <c r="H9462">
        <v>4.7268679421859998</v>
      </c>
      <c r="I9462">
        <v>52.449229291156001</v>
      </c>
      <c r="J9462" t="s">
        <v>65147</v>
      </c>
    </row>
    <row r="9463" spans="1:10" x14ac:dyDescent="0.25">
      <c r="A9463" t="s">
        <v>20640</v>
      </c>
      <c r="B9463" t="s">
        <v>20641</v>
      </c>
      <c r="C9463" t="s">
        <v>20642</v>
      </c>
      <c r="D9463" t="s">
        <v>20496</v>
      </c>
      <c r="E9463" t="s">
        <v>13</v>
      </c>
      <c r="F9463">
        <v>4619</v>
      </c>
      <c r="G9463" t="s">
        <v>20643</v>
      </c>
      <c r="H9463">
        <v>4.7733698539249998</v>
      </c>
      <c r="I9463">
        <v>52.509473042941003</v>
      </c>
      <c r="J9463" t="s">
        <v>65148</v>
      </c>
    </row>
    <row r="9464" spans="1:10" x14ac:dyDescent="0.25">
      <c r="A9464" t="s">
        <v>20636</v>
      </c>
      <c r="B9464" t="s">
        <v>20637</v>
      </c>
      <c r="C9464" t="s">
        <v>20638</v>
      </c>
      <c r="D9464" t="s">
        <v>20496</v>
      </c>
      <c r="E9464" t="s">
        <v>13</v>
      </c>
      <c r="F9464">
        <v>4618</v>
      </c>
      <c r="G9464" t="s">
        <v>20639</v>
      </c>
      <c r="H9464">
        <v>4.7620316078259997</v>
      </c>
      <c r="I9464">
        <v>52.514751836117</v>
      </c>
      <c r="J9464" t="s">
        <v>65149</v>
      </c>
    </row>
    <row r="9465" spans="1:10" x14ac:dyDescent="0.25">
      <c r="A9465" t="s">
        <v>20632</v>
      </c>
      <c r="B9465" t="s">
        <v>20633</v>
      </c>
      <c r="C9465" t="s">
        <v>20634</v>
      </c>
      <c r="D9465" t="s">
        <v>20496</v>
      </c>
      <c r="E9465" t="s">
        <v>13</v>
      </c>
      <c r="F9465">
        <v>4617</v>
      </c>
      <c r="G9465" t="s">
        <v>20635</v>
      </c>
      <c r="H9465">
        <v>4.7555547130960001</v>
      </c>
      <c r="I9465">
        <v>52.506807293872001</v>
      </c>
      <c r="J9465" t="s">
        <v>65150</v>
      </c>
    </row>
    <row r="9466" spans="1:10" x14ac:dyDescent="0.25">
      <c r="A9466" t="s">
        <v>20628</v>
      </c>
      <c r="B9466" t="s">
        <v>20629</v>
      </c>
      <c r="C9466" t="s">
        <v>20630</v>
      </c>
      <c r="D9466" t="s">
        <v>20496</v>
      </c>
      <c r="E9466" t="s">
        <v>13</v>
      </c>
      <c r="F9466">
        <v>4616</v>
      </c>
      <c r="G9466" t="s">
        <v>20631</v>
      </c>
      <c r="H9466">
        <v>4.7495964031640003</v>
      </c>
      <c r="I9466">
        <v>52.500900083166997</v>
      </c>
      <c r="J9466" t="s">
        <v>65151</v>
      </c>
    </row>
    <row r="9467" spans="1:10" x14ac:dyDescent="0.25">
      <c r="A9467" t="s">
        <v>20624</v>
      </c>
      <c r="B9467" t="s">
        <v>20625</v>
      </c>
      <c r="C9467" t="s">
        <v>20626</v>
      </c>
      <c r="D9467" t="s">
        <v>20496</v>
      </c>
      <c r="E9467" t="s">
        <v>13</v>
      </c>
      <c r="F9467">
        <v>4615</v>
      </c>
      <c r="G9467" t="s">
        <v>20627</v>
      </c>
      <c r="H9467">
        <v>4.7643264220340003</v>
      </c>
      <c r="I9467">
        <v>52.504298244899999</v>
      </c>
      <c r="J9467" t="s">
        <v>65152</v>
      </c>
    </row>
    <row r="9468" spans="1:10" x14ac:dyDescent="0.25">
      <c r="A9468" t="s">
        <v>20620</v>
      </c>
      <c r="B9468" t="s">
        <v>20621</v>
      </c>
      <c r="C9468" t="s">
        <v>20622</v>
      </c>
      <c r="D9468" t="s">
        <v>20496</v>
      </c>
      <c r="E9468" t="s">
        <v>13</v>
      </c>
      <c r="F9468">
        <v>4614</v>
      </c>
      <c r="G9468" t="s">
        <v>20623</v>
      </c>
      <c r="H9468">
        <v>4.7596600911689997</v>
      </c>
      <c r="I9468">
        <v>52.498406716524997</v>
      </c>
      <c r="J9468" t="s">
        <v>65153</v>
      </c>
    </row>
    <row r="9469" spans="1:10" x14ac:dyDescent="0.25">
      <c r="A9469" t="s">
        <v>20616</v>
      </c>
      <c r="B9469" t="s">
        <v>20617</v>
      </c>
      <c r="C9469" t="s">
        <v>20618</v>
      </c>
      <c r="D9469" t="s">
        <v>20496</v>
      </c>
      <c r="E9469" t="s">
        <v>13</v>
      </c>
      <c r="F9469">
        <v>4613</v>
      </c>
      <c r="G9469" t="s">
        <v>20619</v>
      </c>
      <c r="H9469">
        <v>4.7713590989089996</v>
      </c>
      <c r="I9469">
        <v>52.502256895064001</v>
      </c>
      <c r="J9469" t="s">
        <v>65154</v>
      </c>
    </row>
    <row r="9470" spans="1:10" x14ac:dyDescent="0.25">
      <c r="A9470" t="s">
        <v>20612</v>
      </c>
      <c r="B9470" t="s">
        <v>20613</v>
      </c>
      <c r="C9470" t="s">
        <v>20614</v>
      </c>
      <c r="D9470" t="s">
        <v>20496</v>
      </c>
      <c r="E9470" t="s">
        <v>13</v>
      </c>
      <c r="F9470">
        <v>4612</v>
      </c>
      <c r="G9470" t="s">
        <v>20615</v>
      </c>
      <c r="H9470">
        <v>4.767779456235</v>
      </c>
      <c r="I9470">
        <v>52.496185655962996</v>
      </c>
      <c r="J9470" t="s">
        <v>65155</v>
      </c>
    </row>
    <row r="9471" spans="1:10" x14ac:dyDescent="0.25">
      <c r="A9471" t="s">
        <v>20608</v>
      </c>
      <c r="B9471" t="s">
        <v>20609</v>
      </c>
      <c r="C9471" t="s">
        <v>20610</v>
      </c>
      <c r="D9471" t="s">
        <v>20496</v>
      </c>
      <c r="E9471" t="s">
        <v>13</v>
      </c>
      <c r="F9471">
        <v>4611</v>
      </c>
      <c r="G9471" t="s">
        <v>20611</v>
      </c>
      <c r="H9471">
        <v>4.7782407860229998</v>
      </c>
      <c r="I9471">
        <v>52.509652856724003</v>
      </c>
      <c r="J9471" t="s">
        <v>65156</v>
      </c>
    </row>
    <row r="9472" spans="1:10" x14ac:dyDescent="0.25">
      <c r="A9472" t="s">
        <v>20604</v>
      </c>
      <c r="B9472" t="s">
        <v>20605</v>
      </c>
      <c r="C9472" t="s">
        <v>20606</v>
      </c>
      <c r="D9472" t="s">
        <v>20496</v>
      </c>
      <c r="E9472" t="s">
        <v>13</v>
      </c>
      <c r="F9472">
        <v>4610</v>
      </c>
      <c r="G9472" t="s">
        <v>20607</v>
      </c>
      <c r="H9472">
        <v>4.7859709519109996</v>
      </c>
      <c r="I9472">
        <v>52.515068817878998</v>
      </c>
      <c r="J9472" t="s">
        <v>65157</v>
      </c>
    </row>
    <row r="9473" spans="1:10" x14ac:dyDescent="0.25">
      <c r="A9473" t="s">
        <v>20600</v>
      </c>
      <c r="B9473" t="s">
        <v>20601</v>
      </c>
      <c r="C9473" t="s">
        <v>20602</v>
      </c>
      <c r="D9473" t="s">
        <v>20496</v>
      </c>
      <c r="E9473" t="s">
        <v>13</v>
      </c>
      <c r="F9473">
        <v>4609</v>
      </c>
      <c r="G9473" t="s">
        <v>20603</v>
      </c>
      <c r="H9473">
        <v>4.7866802602499998</v>
      </c>
      <c r="I9473">
        <v>52.506402582969002</v>
      </c>
      <c r="J9473" t="s">
        <v>65158</v>
      </c>
    </row>
    <row r="9474" spans="1:10" x14ac:dyDescent="0.25">
      <c r="A9474" t="s">
        <v>20596</v>
      </c>
      <c r="B9474" t="s">
        <v>20597</v>
      </c>
      <c r="C9474" t="s">
        <v>20598</v>
      </c>
      <c r="D9474" t="s">
        <v>20496</v>
      </c>
      <c r="E9474" t="s">
        <v>13</v>
      </c>
      <c r="F9474">
        <v>4608</v>
      </c>
      <c r="G9474" t="s">
        <v>20599</v>
      </c>
      <c r="H9474">
        <v>4.7852502515479998</v>
      </c>
      <c r="I9474">
        <v>52.496861492701001</v>
      </c>
      <c r="J9474" t="s">
        <v>65159</v>
      </c>
    </row>
    <row r="9475" spans="1:10" x14ac:dyDescent="0.25">
      <c r="A9475" t="s">
        <v>20592</v>
      </c>
      <c r="B9475" t="s">
        <v>20593</v>
      </c>
      <c r="C9475" t="s">
        <v>20594</v>
      </c>
      <c r="D9475" t="s">
        <v>20496</v>
      </c>
      <c r="E9475" t="s">
        <v>13</v>
      </c>
      <c r="F9475">
        <v>4607</v>
      </c>
      <c r="G9475" t="s">
        <v>20595</v>
      </c>
      <c r="H9475">
        <v>4.788201959187</v>
      </c>
      <c r="I9475">
        <v>52.484784544275001</v>
      </c>
      <c r="J9475" t="s">
        <v>65160</v>
      </c>
    </row>
    <row r="9476" spans="1:10" x14ac:dyDescent="0.25">
      <c r="A9476" t="s">
        <v>20588</v>
      </c>
      <c r="B9476" t="s">
        <v>20589</v>
      </c>
      <c r="C9476" t="s">
        <v>20590</v>
      </c>
      <c r="D9476" t="s">
        <v>20496</v>
      </c>
      <c r="E9476" t="s">
        <v>13</v>
      </c>
      <c r="F9476">
        <v>4606</v>
      </c>
      <c r="G9476" t="s">
        <v>20591</v>
      </c>
      <c r="H9476">
        <v>4.8039800659829996</v>
      </c>
      <c r="I9476">
        <v>52.485963487630002</v>
      </c>
      <c r="J9476" t="s">
        <v>65161</v>
      </c>
    </row>
    <row r="9477" spans="1:10" x14ac:dyDescent="0.25">
      <c r="A9477" t="s">
        <v>20584</v>
      </c>
      <c r="B9477" t="s">
        <v>20585</v>
      </c>
      <c r="C9477" t="s">
        <v>20586</v>
      </c>
      <c r="D9477" t="s">
        <v>20496</v>
      </c>
      <c r="E9477" t="s">
        <v>13</v>
      </c>
      <c r="F9477">
        <v>4605</v>
      </c>
      <c r="G9477" t="s">
        <v>20587</v>
      </c>
      <c r="H9477">
        <v>4.7934590848759999</v>
      </c>
      <c r="I9477">
        <v>52.474077462490001</v>
      </c>
      <c r="J9477" t="s">
        <v>65162</v>
      </c>
    </row>
    <row r="9478" spans="1:10" x14ac:dyDescent="0.25">
      <c r="A9478" t="s">
        <v>20580</v>
      </c>
      <c r="B9478" t="s">
        <v>20581</v>
      </c>
      <c r="C9478" t="s">
        <v>20582</v>
      </c>
      <c r="D9478" t="s">
        <v>20496</v>
      </c>
      <c r="E9478" t="s">
        <v>13</v>
      </c>
      <c r="F9478">
        <v>4604</v>
      </c>
      <c r="G9478" t="s">
        <v>20583</v>
      </c>
      <c r="H9478">
        <v>4.7997291068159997</v>
      </c>
      <c r="I9478">
        <v>52.472031609730003</v>
      </c>
      <c r="J9478" t="s">
        <v>65163</v>
      </c>
    </row>
    <row r="9479" spans="1:10" x14ac:dyDescent="0.25">
      <c r="A9479" t="s">
        <v>20576</v>
      </c>
      <c r="B9479" t="s">
        <v>20577</v>
      </c>
      <c r="C9479" t="s">
        <v>20578</v>
      </c>
      <c r="D9479" t="s">
        <v>20496</v>
      </c>
      <c r="E9479" t="s">
        <v>13</v>
      </c>
      <c r="F9479">
        <v>4603</v>
      </c>
      <c r="G9479" t="s">
        <v>20579</v>
      </c>
      <c r="H9479">
        <v>4.8094226022009998</v>
      </c>
      <c r="I9479">
        <v>52.475265953066</v>
      </c>
      <c r="J9479" t="s">
        <v>65164</v>
      </c>
    </row>
    <row r="9480" spans="1:10" x14ac:dyDescent="0.25">
      <c r="A9480" t="s">
        <v>20572</v>
      </c>
      <c r="B9480" t="s">
        <v>20573</v>
      </c>
      <c r="C9480" t="s">
        <v>20574</v>
      </c>
      <c r="D9480" t="s">
        <v>20496</v>
      </c>
      <c r="E9480" t="s">
        <v>13</v>
      </c>
      <c r="F9480">
        <v>4602</v>
      </c>
      <c r="G9480" t="s">
        <v>20575</v>
      </c>
      <c r="H9480">
        <v>4.7952634921320003</v>
      </c>
      <c r="I9480">
        <v>52.461055785798997</v>
      </c>
      <c r="J9480" t="s">
        <v>65165</v>
      </c>
    </row>
    <row r="9481" spans="1:10" x14ac:dyDescent="0.25">
      <c r="A9481" t="s">
        <v>20568</v>
      </c>
      <c r="B9481" t="s">
        <v>20569</v>
      </c>
      <c r="C9481" t="s">
        <v>20570</v>
      </c>
      <c r="D9481" t="s">
        <v>20496</v>
      </c>
      <c r="E9481" t="s">
        <v>13</v>
      </c>
      <c r="F9481">
        <v>4601</v>
      </c>
      <c r="G9481" t="s">
        <v>20571</v>
      </c>
      <c r="H9481">
        <v>4.8099804828900004</v>
      </c>
      <c r="I9481">
        <v>52.463739298138997</v>
      </c>
      <c r="J9481" t="s">
        <v>65166</v>
      </c>
    </row>
    <row r="9482" spans="1:10" x14ac:dyDescent="0.25">
      <c r="A9482" t="s">
        <v>20564</v>
      </c>
      <c r="B9482" t="s">
        <v>20565</v>
      </c>
      <c r="C9482" t="s">
        <v>20566</v>
      </c>
      <c r="D9482" t="s">
        <v>20496</v>
      </c>
      <c r="E9482" t="s">
        <v>13</v>
      </c>
      <c r="F9482">
        <v>4600</v>
      </c>
      <c r="G9482" t="s">
        <v>20567</v>
      </c>
      <c r="H9482">
        <v>4.7981055704740001</v>
      </c>
      <c r="I9482">
        <v>52.446135028923003</v>
      </c>
      <c r="J9482" t="s">
        <v>65167</v>
      </c>
    </row>
    <row r="9483" spans="1:10" x14ac:dyDescent="0.25">
      <c r="A9483" t="s">
        <v>20560</v>
      </c>
      <c r="B9483" t="s">
        <v>20561</v>
      </c>
      <c r="C9483" t="s">
        <v>20562</v>
      </c>
      <c r="D9483" t="s">
        <v>20496</v>
      </c>
      <c r="E9483" t="s">
        <v>13</v>
      </c>
      <c r="F9483">
        <v>4599</v>
      </c>
      <c r="G9483" t="s">
        <v>20563</v>
      </c>
      <c r="H9483">
        <v>4.8025161551320004</v>
      </c>
      <c r="I9483">
        <v>52.431452369191</v>
      </c>
      <c r="J9483" t="s">
        <v>65168</v>
      </c>
    </row>
    <row r="9484" spans="1:10" x14ac:dyDescent="0.25">
      <c r="A9484" t="s">
        <v>20556</v>
      </c>
      <c r="B9484" t="s">
        <v>20557</v>
      </c>
      <c r="C9484" t="s">
        <v>20558</v>
      </c>
      <c r="D9484" t="s">
        <v>20496</v>
      </c>
      <c r="E9484" t="s">
        <v>13</v>
      </c>
      <c r="F9484">
        <v>4598</v>
      </c>
      <c r="G9484" t="s">
        <v>20559</v>
      </c>
      <c r="H9484">
        <v>4.8112896262679996</v>
      </c>
      <c r="I9484">
        <v>52.452457014017</v>
      </c>
      <c r="J9484" t="s">
        <v>65169</v>
      </c>
    </row>
    <row r="9485" spans="1:10" x14ac:dyDescent="0.25">
      <c r="A9485" t="s">
        <v>20552</v>
      </c>
      <c r="B9485" t="s">
        <v>20553</v>
      </c>
      <c r="C9485" t="s">
        <v>20554</v>
      </c>
      <c r="D9485" t="s">
        <v>20496</v>
      </c>
      <c r="E9485" t="s">
        <v>13</v>
      </c>
      <c r="F9485">
        <v>4597</v>
      </c>
      <c r="G9485" t="s">
        <v>20555</v>
      </c>
      <c r="H9485">
        <v>4.8118474709810002</v>
      </c>
      <c r="I9485">
        <v>52.444544147217002</v>
      </c>
      <c r="J9485" t="s">
        <v>65170</v>
      </c>
    </row>
    <row r="9486" spans="1:10" x14ac:dyDescent="0.25">
      <c r="A9486" t="s">
        <v>20549</v>
      </c>
      <c r="B9486" t="s">
        <v>20550</v>
      </c>
      <c r="C9486" t="s">
        <v>18535</v>
      </c>
      <c r="D9486" t="s">
        <v>20496</v>
      </c>
      <c r="E9486" t="s">
        <v>13</v>
      </c>
      <c r="F9486">
        <v>4596</v>
      </c>
      <c r="G9486" t="s">
        <v>20551</v>
      </c>
      <c r="H9486">
        <v>4.8178916658670001</v>
      </c>
      <c r="I9486">
        <v>52.445201654967001</v>
      </c>
      <c r="J9486" t="s">
        <v>65171</v>
      </c>
    </row>
    <row r="9487" spans="1:10" x14ac:dyDescent="0.25">
      <c r="A9487" t="s">
        <v>20545</v>
      </c>
      <c r="B9487" t="s">
        <v>20546</v>
      </c>
      <c r="C9487" t="s">
        <v>20547</v>
      </c>
      <c r="D9487" t="s">
        <v>20496</v>
      </c>
      <c r="E9487" t="s">
        <v>13</v>
      </c>
      <c r="F9487">
        <v>4595</v>
      </c>
      <c r="G9487" t="s">
        <v>20548</v>
      </c>
      <c r="H9487">
        <v>4.8199918544760001</v>
      </c>
      <c r="I9487">
        <v>52.436514846827997</v>
      </c>
      <c r="J9487" t="s">
        <v>65172</v>
      </c>
    </row>
    <row r="9488" spans="1:10" x14ac:dyDescent="0.25">
      <c r="A9488" t="s">
        <v>20541</v>
      </c>
      <c r="B9488" t="s">
        <v>20542</v>
      </c>
      <c r="C9488" t="s">
        <v>20543</v>
      </c>
      <c r="D9488" t="s">
        <v>20496</v>
      </c>
      <c r="E9488" t="s">
        <v>13</v>
      </c>
      <c r="F9488">
        <v>4594</v>
      </c>
      <c r="G9488" t="s">
        <v>20544</v>
      </c>
      <c r="H9488">
        <v>4.8267974286179998</v>
      </c>
      <c r="I9488">
        <v>52.434253969281002</v>
      </c>
      <c r="J9488" t="s">
        <v>65173</v>
      </c>
    </row>
    <row r="9489" spans="1:10" x14ac:dyDescent="0.25">
      <c r="A9489" t="s">
        <v>20538</v>
      </c>
      <c r="B9489" t="s">
        <v>20539</v>
      </c>
      <c r="C9489" t="s">
        <v>17407</v>
      </c>
      <c r="D9489" t="s">
        <v>20496</v>
      </c>
      <c r="E9489" t="s">
        <v>13</v>
      </c>
      <c r="F9489">
        <v>4593</v>
      </c>
      <c r="G9489" t="s">
        <v>20540</v>
      </c>
      <c r="H9489">
        <v>4.820074097829</v>
      </c>
      <c r="I9489">
        <v>52.426538245318</v>
      </c>
      <c r="J9489" t="s">
        <v>65174</v>
      </c>
    </row>
    <row r="9490" spans="1:10" x14ac:dyDescent="0.25">
      <c r="A9490" t="s">
        <v>20535</v>
      </c>
      <c r="B9490" t="s">
        <v>20536</v>
      </c>
      <c r="C9490" t="s">
        <v>18632</v>
      </c>
      <c r="D9490" t="s">
        <v>20496</v>
      </c>
      <c r="E9490" t="s">
        <v>13</v>
      </c>
      <c r="F9490">
        <v>4592</v>
      </c>
      <c r="G9490" t="s">
        <v>20537</v>
      </c>
      <c r="H9490">
        <v>4.8321156597919996</v>
      </c>
      <c r="I9490">
        <v>52.425159431182003</v>
      </c>
      <c r="J9490" t="s">
        <v>65175</v>
      </c>
    </row>
    <row r="9491" spans="1:10" x14ac:dyDescent="0.25">
      <c r="A9491" t="s">
        <v>20531</v>
      </c>
      <c r="B9491" t="s">
        <v>20532</v>
      </c>
      <c r="C9491" t="s">
        <v>20533</v>
      </c>
      <c r="D9491" t="s">
        <v>20496</v>
      </c>
      <c r="E9491" t="s">
        <v>13</v>
      </c>
      <c r="F9491">
        <v>4591</v>
      </c>
      <c r="G9491" t="s">
        <v>20534</v>
      </c>
      <c r="H9491">
        <v>4.8248979998510002</v>
      </c>
      <c r="I9491">
        <v>52.476043778091999</v>
      </c>
      <c r="J9491" t="s">
        <v>65176</v>
      </c>
    </row>
    <row r="9492" spans="1:10" x14ac:dyDescent="0.25">
      <c r="A9492" t="s">
        <v>20527</v>
      </c>
      <c r="B9492" t="s">
        <v>20528</v>
      </c>
      <c r="C9492" t="s">
        <v>20529</v>
      </c>
      <c r="D9492" t="s">
        <v>20496</v>
      </c>
      <c r="E9492" t="s">
        <v>13</v>
      </c>
      <c r="F9492">
        <v>4590</v>
      </c>
      <c r="G9492" t="s">
        <v>20530</v>
      </c>
      <c r="H9492">
        <v>4.835399458485</v>
      </c>
      <c r="I9492">
        <v>52.464917131036003</v>
      </c>
      <c r="J9492" t="s">
        <v>65177</v>
      </c>
    </row>
    <row r="9493" spans="1:10" x14ac:dyDescent="0.25">
      <c r="A9493" t="s">
        <v>20523</v>
      </c>
      <c r="B9493" t="s">
        <v>20524</v>
      </c>
      <c r="C9493" t="s">
        <v>20525</v>
      </c>
      <c r="D9493" t="s">
        <v>20496</v>
      </c>
      <c r="E9493" t="s">
        <v>13</v>
      </c>
      <c r="F9493">
        <v>4589</v>
      </c>
      <c r="G9493" t="s">
        <v>20526</v>
      </c>
      <c r="H9493">
        <v>4.8160596868959997</v>
      </c>
      <c r="I9493">
        <v>52.457326443485002</v>
      </c>
      <c r="J9493" t="s">
        <v>65178</v>
      </c>
    </row>
    <row r="9494" spans="1:10" x14ac:dyDescent="0.25">
      <c r="A9494" t="s">
        <v>20519</v>
      </c>
      <c r="B9494" t="s">
        <v>20520</v>
      </c>
      <c r="C9494" t="s">
        <v>20521</v>
      </c>
      <c r="D9494" t="s">
        <v>20496</v>
      </c>
      <c r="E9494" t="s">
        <v>13</v>
      </c>
      <c r="F9494">
        <v>4588</v>
      </c>
      <c r="G9494" t="s">
        <v>20522</v>
      </c>
      <c r="H9494">
        <v>4.828261966096</v>
      </c>
      <c r="I9494">
        <v>52.457589378557998</v>
      </c>
      <c r="J9494" t="s">
        <v>65179</v>
      </c>
    </row>
    <row r="9495" spans="1:10" x14ac:dyDescent="0.25">
      <c r="A9495" t="s">
        <v>20515</v>
      </c>
      <c r="B9495" t="s">
        <v>20516</v>
      </c>
      <c r="C9495" t="s">
        <v>20517</v>
      </c>
      <c r="D9495" t="s">
        <v>20496</v>
      </c>
      <c r="E9495" t="s">
        <v>13</v>
      </c>
      <c r="F9495">
        <v>4587</v>
      </c>
      <c r="G9495" t="s">
        <v>20518</v>
      </c>
      <c r="H9495">
        <v>4.8265783585569997</v>
      </c>
      <c r="I9495">
        <v>52.447678400005003</v>
      </c>
      <c r="J9495" t="s">
        <v>65180</v>
      </c>
    </row>
    <row r="9496" spans="1:10" x14ac:dyDescent="0.25">
      <c r="A9496" t="s">
        <v>20511</v>
      </c>
      <c r="B9496" t="s">
        <v>20512</v>
      </c>
      <c r="C9496" t="s">
        <v>20513</v>
      </c>
      <c r="D9496" t="s">
        <v>20496</v>
      </c>
      <c r="E9496" t="s">
        <v>13</v>
      </c>
      <c r="F9496">
        <v>4586</v>
      </c>
      <c r="G9496" t="s">
        <v>20514</v>
      </c>
      <c r="H9496">
        <v>4.8358390405179996</v>
      </c>
      <c r="I9496">
        <v>52.448384488545997</v>
      </c>
      <c r="J9496" t="s">
        <v>65181</v>
      </c>
    </row>
    <row r="9497" spans="1:10" x14ac:dyDescent="0.25">
      <c r="A9497" t="s">
        <v>20507</v>
      </c>
      <c r="B9497" t="s">
        <v>20508</v>
      </c>
      <c r="C9497" t="s">
        <v>20509</v>
      </c>
      <c r="D9497" t="s">
        <v>20496</v>
      </c>
      <c r="E9497" t="s">
        <v>13</v>
      </c>
      <c r="F9497">
        <v>4585</v>
      </c>
      <c r="G9497" t="s">
        <v>20510</v>
      </c>
      <c r="H9497">
        <v>4.8442928490000003</v>
      </c>
      <c r="I9497">
        <v>52.446692629521003</v>
      </c>
      <c r="J9497" t="s">
        <v>65182</v>
      </c>
    </row>
    <row r="9498" spans="1:10" x14ac:dyDescent="0.25">
      <c r="A9498" t="s">
        <v>20504</v>
      </c>
      <c r="B9498" t="s">
        <v>20505</v>
      </c>
      <c r="C9498" t="s">
        <v>18232</v>
      </c>
      <c r="D9498" t="s">
        <v>20496</v>
      </c>
      <c r="E9498" t="s">
        <v>13</v>
      </c>
      <c r="F9498">
        <v>4584</v>
      </c>
      <c r="G9498" t="s">
        <v>20506</v>
      </c>
      <c r="H9498">
        <v>4.8496503951439998</v>
      </c>
      <c r="I9498">
        <v>52.436833058048997</v>
      </c>
      <c r="J9498" t="s">
        <v>65183</v>
      </c>
    </row>
    <row r="9499" spans="1:10" x14ac:dyDescent="0.25">
      <c r="A9499" t="s">
        <v>20501</v>
      </c>
      <c r="B9499" t="s">
        <v>20502</v>
      </c>
      <c r="C9499" t="s">
        <v>2411</v>
      </c>
      <c r="D9499" t="s">
        <v>20496</v>
      </c>
      <c r="E9499" t="s">
        <v>13</v>
      </c>
      <c r="F9499">
        <v>4583</v>
      </c>
      <c r="G9499" t="s">
        <v>20503</v>
      </c>
      <c r="H9499">
        <v>4.832798430415</v>
      </c>
      <c r="I9499">
        <v>52.438017120274999</v>
      </c>
      <c r="J9499" t="s">
        <v>65184</v>
      </c>
    </row>
    <row r="9500" spans="1:10" x14ac:dyDescent="0.25">
      <c r="A9500" t="s">
        <v>20498</v>
      </c>
      <c r="B9500" t="s">
        <v>20499</v>
      </c>
      <c r="C9500" t="s">
        <v>6548</v>
      </c>
      <c r="D9500" t="s">
        <v>20496</v>
      </c>
      <c r="E9500" t="s">
        <v>13</v>
      </c>
      <c r="F9500">
        <v>4582</v>
      </c>
      <c r="G9500" t="s">
        <v>20500</v>
      </c>
      <c r="H9500">
        <v>4.8392421886239996</v>
      </c>
      <c r="I9500">
        <v>52.432390097678997</v>
      </c>
      <c r="J9500" t="s">
        <v>65185</v>
      </c>
    </row>
    <row r="9501" spans="1:10" x14ac:dyDescent="0.25">
      <c r="A9501" t="s">
        <v>20493</v>
      </c>
      <c r="B9501" t="s">
        <v>20494</v>
      </c>
      <c r="C9501" t="s">
        <v>20495</v>
      </c>
      <c r="D9501" t="s">
        <v>20496</v>
      </c>
      <c r="E9501" t="s">
        <v>13</v>
      </c>
      <c r="F9501">
        <v>4581</v>
      </c>
      <c r="G9501" t="s">
        <v>20497</v>
      </c>
      <c r="H9501">
        <v>4.8499026894180002</v>
      </c>
      <c r="I9501">
        <v>52.424931179609999</v>
      </c>
      <c r="J9501" t="s">
        <v>65186</v>
      </c>
    </row>
    <row r="9502" spans="1:10" x14ac:dyDescent="0.25">
      <c r="A9502" t="s">
        <v>20489</v>
      </c>
      <c r="B9502" t="s">
        <v>20490</v>
      </c>
      <c r="C9502" t="s">
        <v>20491</v>
      </c>
      <c r="D9502" t="s">
        <v>20420</v>
      </c>
      <c r="E9502" t="s">
        <v>13</v>
      </c>
      <c r="F9502">
        <v>4580</v>
      </c>
      <c r="G9502" t="s">
        <v>20492</v>
      </c>
      <c r="H9502">
        <v>4.5653321465729997</v>
      </c>
      <c r="I9502">
        <v>52.383840784439002</v>
      </c>
      <c r="J9502" t="s">
        <v>65187</v>
      </c>
    </row>
    <row r="9503" spans="1:10" x14ac:dyDescent="0.25">
      <c r="A9503" t="s">
        <v>20485</v>
      </c>
      <c r="B9503" t="s">
        <v>20486</v>
      </c>
      <c r="C9503" t="s">
        <v>20487</v>
      </c>
      <c r="D9503" t="s">
        <v>20420</v>
      </c>
      <c r="E9503" t="s">
        <v>13</v>
      </c>
      <c r="F9503">
        <v>4579</v>
      </c>
      <c r="G9503" t="s">
        <v>20488</v>
      </c>
      <c r="H9503">
        <v>4.5352848196949997</v>
      </c>
      <c r="I9503">
        <v>52.342636434871999</v>
      </c>
      <c r="J9503" t="s">
        <v>65188</v>
      </c>
    </row>
    <row r="9504" spans="1:10" x14ac:dyDescent="0.25">
      <c r="A9504" t="s">
        <v>20481</v>
      </c>
      <c r="B9504" t="s">
        <v>20482</v>
      </c>
      <c r="C9504" t="s">
        <v>20483</v>
      </c>
      <c r="D9504" t="s">
        <v>20420</v>
      </c>
      <c r="E9504" t="s">
        <v>13</v>
      </c>
      <c r="F9504">
        <v>4578</v>
      </c>
      <c r="G9504" t="s">
        <v>20484</v>
      </c>
      <c r="H9504">
        <v>4.5120562701729998</v>
      </c>
      <c r="I9504">
        <v>52.354684125193998</v>
      </c>
      <c r="J9504" t="s">
        <v>65189</v>
      </c>
    </row>
    <row r="9505" spans="1:10" x14ac:dyDescent="0.25">
      <c r="A9505" t="s">
        <v>20477</v>
      </c>
      <c r="B9505" t="s">
        <v>20478</v>
      </c>
      <c r="C9505" t="s">
        <v>20479</v>
      </c>
      <c r="D9505" t="s">
        <v>20420</v>
      </c>
      <c r="E9505" t="s">
        <v>13</v>
      </c>
      <c r="F9505">
        <v>4577</v>
      </c>
      <c r="G9505" t="s">
        <v>20480</v>
      </c>
      <c r="H9505">
        <v>4.5344885189940003</v>
      </c>
      <c r="I9505">
        <v>52.388917801025997</v>
      </c>
      <c r="J9505" t="s">
        <v>65190</v>
      </c>
    </row>
    <row r="9506" spans="1:10" x14ac:dyDescent="0.25">
      <c r="A9506" t="s">
        <v>20473</v>
      </c>
      <c r="B9506" t="s">
        <v>20474</v>
      </c>
      <c r="C9506" t="s">
        <v>20475</v>
      </c>
      <c r="D9506" t="s">
        <v>20420</v>
      </c>
      <c r="E9506" t="s">
        <v>13</v>
      </c>
      <c r="F9506">
        <v>4576</v>
      </c>
      <c r="G9506" t="s">
        <v>20476</v>
      </c>
      <c r="H9506">
        <v>4.5709716419920001</v>
      </c>
      <c r="I9506">
        <v>52.361644178425998</v>
      </c>
      <c r="J9506" t="s">
        <v>65191</v>
      </c>
    </row>
    <row r="9507" spans="1:10" x14ac:dyDescent="0.25">
      <c r="A9507" t="s">
        <v>20469</v>
      </c>
      <c r="B9507" t="s">
        <v>20470</v>
      </c>
      <c r="C9507" t="s">
        <v>20471</v>
      </c>
      <c r="D9507" t="s">
        <v>20420</v>
      </c>
      <c r="E9507" t="s">
        <v>13</v>
      </c>
      <c r="F9507">
        <v>4575</v>
      </c>
      <c r="G9507" t="s">
        <v>20472</v>
      </c>
      <c r="H9507">
        <v>4.5745155438529999</v>
      </c>
      <c r="I9507">
        <v>52.367789524122998</v>
      </c>
      <c r="J9507" t="s">
        <v>65192</v>
      </c>
    </row>
    <row r="9508" spans="1:10" x14ac:dyDescent="0.25">
      <c r="A9508" t="s">
        <v>20466</v>
      </c>
      <c r="B9508" t="s">
        <v>20467</v>
      </c>
      <c r="C9508" t="s">
        <v>129</v>
      </c>
      <c r="D9508" t="s">
        <v>20420</v>
      </c>
      <c r="E9508" t="s">
        <v>13</v>
      </c>
      <c r="F9508">
        <v>4574</v>
      </c>
      <c r="G9508" t="s">
        <v>20468</v>
      </c>
      <c r="H9508">
        <v>4.5311193305169999</v>
      </c>
      <c r="I9508">
        <v>52.372859434554996</v>
      </c>
      <c r="J9508" t="s">
        <v>65193</v>
      </c>
    </row>
    <row r="9509" spans="1:10" x14ac:dyDescent="0.25">
      <c r="A9509" t="s">
        <v>20462</v>
      </c>
      <c r="B9509" t="s">
        <v>20463</v>
      </c>
      <c r="C9509" t="s">
        <v>20464</v>
      </c>
      <c r="D9509" t="s">
        <v>20420</v>
      </c>
      <c r="E9509" t="s">
        <v>13</v>
      </c>
      <c r="F9509">
        <v>4573</v>
      </c>
      <c r="G9509" t="s">
        <v>20465</v>
      </c>
      <c r="H9509">
        <v>4.5395237478999997</v>
      </c>
      <c r="I9509">
        <v>52.371947447712003</v>
      </c>
      <c r="J9509" t="s">
        <v>65194</v>
      </c>
    </row>
    <row r="9510" spans="1:10" x14ac:dyDescent="0.25">
      <c r="A9510" t="s">
        <v>20458</v>
      </c>
      <c r="B9510" t="s">
        <v>20459</v>
      </c>
      <c r="C9510" t="s">
        <v>20460</v>
      </c>
      <c r="D9510" t="s">
        <v>20420</v>
      </c>
      <c r="E9510" t="s">
        <v>13</v>
      </c>
      <c r="F9510">
        <v>4572</v>
      </c>
      <c r="G9510" t="s">
        <v>20461</v>
      </c>
      <c r="H9510">
        <v>4.5524218260270004</v>
      </c>
      <c r="I9510">
        <v>52.367229239958</v>
      </c>
      <c r="J9510" t="s">
        <v>65195</v>
      </c>
    </row>
    <row r="9511" spans="1:10" x14ac:dyDescent="0.25">
      <c r="A9511" t="s">
        <v>20454</v>
      </c>
      <c r="B9511" t="s">
        <v>20455</v>
      </c>
      <c r="C9511" t="s">
        <v>20456</v>
      </c>
      <c r="D9511" t="s">
        <v>20420</v>
      </c>
      <c r="E9511" t="s">
        <v>13</v>
      </c>
      <c r="F9511">
        <v>4571</v>
      </c>
      <c r="G9511" t="s">
        <v>20457</v>
      </c>
      <c r="H9511">
        <v>4.5320382478079999</v>
      </c>
      <c r="I9511">
        <v>52.368549080222998</v>
      </c>
      <c r="J9511" t="s">
        <v>65196</v>
      </c>
    </row>
    <row r="9512" spans="1:10" x14ac:dyDescent="0.25">
      <c r="A9512" t="s">
        <v>20450</v>
      </c>
      <c r="B9512" t="s">
        <v>20451</v>
      </c>
      <c r="C9512" t="s">
        <v>20452</v>
      </c>
      <c r="D9512" t="s">
        <v>20420</v>
      </c>
      <c r="E9512" t="s">
        <v>13</v>
      </c>
      <c r="F9512">
        <v>4570</v>
      </c>
      <c r="G9512" t="s">
        <v>20453</v>
      </c>
      <c r="H9512">
        <v>4.5209427001989999</v>
      </c>
      <c r="I9512">
        <v>52.365498817481999</v>
      </c>
      <c r="J9512" t="s">
        <v>65197</v>
      </c>
    </row>
    <row r="9513" spans="1:10" x14ac:dyDescent="0.25">
      <c r="A9513" t="s">
        <v>20446</v>
      </c>
      <c r="B9513" t="s">
        <v>20447</v>
      </c>
      <c r="C9513" t="s">
        <v>20448</v>
      </c>
      <c r="D9513" t="s">
        <v>20420</v>
      </c>
      <c r="E9513" t="s">
        <v>13</v>
      </c>
      <c r="F9513">
        <v>4569</v>
      </c>
      <c r="G9513" t="s">
        <v>20449</v>
      </c>
      <c r="H9513">
        <v>4.5265276342399998</v>
      </c>
      <c r="I9513">
        <v>52.373665721438002</v>
      </c>
      <c r="J9513" t="s">
        <v>65198</v>
      </c>
    </row>
    <row r="9514" spans="1:10" x14ac:dyDescent="0.25">
      <c r="A9514" t="s">
        <v>20442</v>
      </c>
      <c r="B9514" t="s">
        <v>20443</v>
      </c>
      <c r="C9514" t="s">
        <v>20444</v>
      </c>
      <c r="D9514" t="s">
        <v>20420</v>
      </c>
      <c r="E9514" t="s">
        <v>13</v>
      </c>
      <c r="F9514">
        <v>4568</v>
      </c>
      <c r="G9514" t="s">
        <v>20445</v>
      </c>
      <c r="H9514">
        <v>4.5381508878829999</v>
      </c>
      <c r="I9514">
        <v>52.381026426826999</v>
      </c>
      <c r="J9514" t="s">
        <v>65199</v>
      </c>
    </row>
    <row r="9515" spans="1:10" x14ac:dyDescent="0.25">
      <c r="A9515" t="s">
        <v>20438</v>
      </c>
      <c r="B9515" t="s">
        <v>20439</v>
      </c>
      <c r="C9515" t="s">
        <v>20440</v>
      </c>
      <c r="D9515" t="s">
        <v>20420</v>
      </c>
      <c r="E9515" t="s">
        <v>13</v>
      </c>
      <c r="F9515">
        <v>4567</v>
      </c>
      <c r="G9515" t="s">
        <v>20441</v>
      </c>
      <c r="H9515">
        <v>4.544893319022</v>
      </c>
      <c r="I9515">
        <v>52.385833315679001</v>
      </c>
      <c r="J9515" t="s">
        <v>65200</v>
      </c>
    </row>
    <row r="9516" spans="1:10" x14ac:dyDescent="0.25">
      <c r="A9516" t="s">
        <v>20434</v>
      </c>
      <c r="B9516" t="s">
        <v>20435</v>
      </c>
      <c r="C9516" t="s">
        <v>20436</v>
      </c>
      <c r="D9516" t="s">
        <v>20420</v>
      </c>
      <c r="E9516" t="s">
        <v>13</v>
      </c>
      <c r="F9516">
        <v>4566</v>
      </c>
      <c r="G9516" t="s">
        <v>20437</v>
      </c>
      <c r="H9516">
        <v>4.5504346602780004</v>
      </c>
      <c r="I9516">
        <v>52.379061051664003</v>
      </c>
      <c r="J9516" t="s">
        <v>65201</v>
      </c>
    </row>
    <row r="9517" spans="1:10" x14ac:dyDescent="0.25">
      <c r="A9517" t="s">
        <v>20430</v>
      </c>
      <c r="B9517" t="s">
        <v>20431</v>
      </c>
      <c r="C9517" t="s">
        <v>20432</v>
      </c>
      <c r="D9517" t="s">
        <v>20420</v>
      </c>
      <c r="E9517" t="s">
        <v>13</v>
      </c>
      <c r="F9517">
        <v>4565</v>
      </c>
      <c r="G9517" t="s">
        <v>20433</v>
      </c>
      <c r="H9517">
        <v>4.5504604320429998</v>
      </c>
      <c r="I9517">
        <v>52.376658389835001</v>
      </c>
      <c r="J9517" t="s">
        <v>65202</v>
      </c>
    </row>
    <row r="9518" spans="1:10" x14ac:dyDescent="0.25">
      <c r="A9518" t="s">
        <v>20426</v>
      </c>
      <c r="B9518" t="s">
        <v>20427</v>
      </c>
      <c r="C9518" t="s">
        <v>20428</v>
      </c>
      <c r="D9518" t="s">
        <v>20420</v>
      </c>
      <c r="E9518" t="s">
        <v>13</v>
      </c>
      <c r="F9518">
        <v>4564</v>
      </c>
      <c r="G9518" t="s">
        <v>20429</v>
      </c>
      <c r="H9518">
        <v>4.5396708838339999</v>
      </c>
      <c r="I9518">
        <v>52.376720861208</v>
      </c>
      <c r="J9518" t="s">
        <v>65203</v>
      </c>
    </row>
    <row r="9519" spans="1:10" x14ac:dyDescent="0.25">
      <c r="A9519" t="s">
        <v>20422</v>
      </c>
      <c r="B9519" t="s">
        <v>20423</v>
      </c>
      <c r="C9519" t="s">
        <v>20424</v>
      </c>
      <c r="D9519" t="s">
        <v>20420</v>
      </c>
      <c r="E9519" t="s">
        <v>13</v>
      </c>
      <c r="F9519">
        <v>4563</v>
      </c>
      <c r="G9519" t="s">
        <v>20425</v>
      </c>
      <c r="H9519">
        <v>4.5331307194399999</v>
      </c>
      <c r="I9519">
        <v>52.376848554124003</v>
      </c>
      <c r="J9519" t="s">
        <v>65204</v>
      </c>
    </row>
    <row r="9520" spans="1:10" x14ac:dyDescent="0.25">
      <c r="A9520" t="s">
        <v>20417</v>
      </c>
      <c r="B9520" t="s">
        <v>20418</v>
      </c>
      <c r="C9520" t="s">
        <v>20419</v>
      </c>
      <c r="D9520" t="s">
        <v>20420</v>
      </c>
      <c r="E9520" t="s">
        <v>13</v>
      </c>
      <c r="F9520">
        <v>4562</v>
      </c>
      <c r="G9520" t="s">
        <v>20421</v>
      </c>
      <c r="H9520">
        <v>4.5314280394089996</v>
      </c>
      <c r="I9520">
        <v>52.380158975351002</v>
      </c>
      <c r="J9520" t="s">
        <v>65205</v>
      </c>
    </row>
    <row r="9521" spans="1:10" x14ac:dyDescent="0.25">
      <c r="A9521" t="s">
        <v>20413</v>
      </c>
      <c r="B9521" t="s">
        <v>20414</v>
      </c>
      <c r="C9521" t="s">
        <v>20415</v>
      </c>
      <c r="D9521" t="s">
        <v>20344</v>
      </c>
      <c r="E9521" t="s">
        <v>13</v>
      </c>
      <c r="F9521">
        <v>4561</v>
      </c>
      <c r="G9521" t="s">
        <v>20416</v>
      </c>
      <c r="H9521">
        <v>5.0393100120109997</v>
      </c>
      <c r="I9521">
        <v>52.323076894210999</v>
      </c>
      <c r="J9521" t="s">
        <v>65206</v>
      </c>
    </row>
    <row r="9522" spans="1:10" x14ac:dyDescent="0.25">
      <c r="A9522" t="s">
        <v>20409</v>
      </c>
      <c r="B9522" t="s">
        <v>20410</v>
      </c>
      <c r="C9522" t="s">
        <v>20411</v>
      </c>
      <c r="D9522" t="s">
        <v>20344</v>
      </c>
      <c r="E9522" t="s">
        <v>13</v>
      </c>
      <c r="F9522">
        <v>4560</v>
      </c>
      <c r="G9522" t="s">
        <v>20412</v>
      </c>
      <c r="H9522">
        <v>5.0509814756890004</v>
      </c>
      <c r="I9522">
        <v>52.311666674617001</v>
      </c>
      <c r="J9522" t="s">
        <v>65207</v>
      </c>
    </row>
    <row r="9523" spans="1:10" x14ac:dyDescent="0.25">
      <c r="A9523" t="s">
        <v>20405</v>
      </c>
      <c r="B9523" t="s">
        <v>20406</v>
      </c>
      <c r="C9523" t="s">
        <v>20407</v>
      </c>
      <c r="D9523" t="s">
        <v>20344</v>
      </c>
      <c r="E9523" t="s">
        <v>13</v>
      </c>
      <c r="F9523">
        <v>4559</v>
      </c>
      <c r="G9523" t="s">
        <v>20408</v>
      </c>
      <c r="H9523">
        <v>5.0421019696969998</v>
      </c>
      <c r="I9523">
        <v>52.314744978857</v>
      </c>
      <c r="J9523" t="s">
        <v>65208</v>
      </c>
    </row>
    <row r="9524" spans="1:10" x14ac:dyDescent="0.25">
      <c r="A9524" t="s">
        <v>20401</v>
      </c>
      <c r="B9524" t="s">
        <v>20402</v>
      </c>
      <c r="C9524" t="s">
        <v>20403</v>
      </c>
      <c r="D9524" t="s">
        <v>20344</v>
      </c>
      <c r="E9524" t="s">
        <v>13</v>
      </c>
      <c r="F9524">
        <v>4558</v>
      </c>
      <c r="G9524" t="s">
        <v>20404</v>
      </c>
      <c r="H9524">
        <v>5.0787357015990002</v>
      </c>
      <c r="I9524">
        <v>52.300093439702003</v>
      </c>
      <c r="J9524" t="s">
        <v>65209</v>
      </c>
    </row>
    <row r="9525" spans="1:10" x14ac:dyDescent="0.25">
      <c r="A9525" t="s">
        <v>20397</v>
      </c>
      <c r="B9525" t="s">
        <v>20398</v>
      </c>
      <c r="C9525" t="s">
        <v>20399</v>
      </c>
      <c r="D9525" t="s">
        <v>20344</v>
      </c>
      <c r="E9525" t="s">
        <v>13</v>
      </c>
      <c r="F9525">
        <v>4557</v>
      </c>
      <c r="G9525" t="s">
        <v>20400</v>
      </c>
      <c r="H9525">
        <v>5.0461739379730002</v>
      </c>
      <c r="I9525">
        <v>52.292480653547003</v>
      </c>
      <c r="J9525" t="s">
        <v>65210</v>
      </c>
    </row>
    <row r="9526" spans="1:10" x14ac:dyDescent="0.25">
      <c r="A9526" t="s">
        <v>20393</v>
      </c>
      <c r="B9526" t="s">
        <v>20394</v>
      </c>
      <c r="C9526" t="s">
        <v>20395</v>
      </c>
      <c r="D9526" t="s">
        <v>20344</v>
      </c>
      <c r="E9526" t="s">
        <v>13</v>
      </c>
      <c r="F9526">
        <v>4556</v>
      </c>
      <c r="G9526" t="s">
        <v>20396</v>
      </c>
      <c r="H9526">
        <v>5.0409164848290002</v>
      </c>
      <c r="I9526">
        <v>52.298334652549002</v>
      </c>
      <c r="J9526" t="s">
        <v>65211</v>
      </c>
    </row>
    <row r="9527" spans="1:10" x14ac:dyDescent="0.25">
      <c r="A9527" t="s">
        <v>20389</v>
      </c>
      <c r="B9527" t="s">
        <v>20390</v>
      </c>
      <c r="C9527" t="s">
        <v>20391</v>
      </c>
      <c r="D9527" t="s">
        <v>20344</v>
      </c>
      <c r="E9527" t="s">
        <v>13</v>
      </c>
      <c r="F9527">
        <v>4555</v>
      </c>
      <c r="G9527" t="s">
        <v>20392</v>
      </c>
      <c r="H9527">
        <v>5.0423586262309996</v>
      </c>
      <c r="I9527">
        <v>52.300605280707003</v>
      </c>
      <c r="J9527" t="s">
        <v>65212</v>
      </c>
    </row>
    <row r="9528" spans="1:10" x14ac:dyDescent="0.25">
      <c r="A9528" t="s">
        <v>20385</v>
      </c>
      <c r="B9528" t="s">
        <v>20386</v>
      </c>
      <c r="C9528" t="s">
        <v>20387</v>
      </c>
      <c r="D9528" t="s">
        <v>20344</v>
      </c>
      <c r="E9528" t="s">
        <v>13</v>
      </c>
      <c r="F9528">
        <v>4554</v>
      </c>
      <c r="G9528" t="s">
        <v>20388</v>
      </c>
      <c r="H9528">
        <v>5.02296340965</v>
      </c>
      <c r="I9528">
        <v>52.315694135125</v>
      </c>
      <c r="J9528" t="s">
        <v>65213</v>
      </c>
    </row>
    <row r="9529" spans="1:10" x14ac:dyDescent="0.25">
      <c r="A9529" t="s">
        <v>20381</v>
      </c>
      <c r="B9529" t="s">
        <v>20382</v>
      </c>
      <c r="C9529" t="s">
        <v>20383</v>
      </c>
      <c r="D9529" t="s">
        <v>20344</v>
      </c>
      <c r="E9529" t="s">
        <v>13</v>
      </c>
      <c r="F9529">
        <v>4553</v>
      </c>
      <c r="G9529" t="s">
        <v>20384</v>
      </c>
      <c r="H9529">
        <v>5.0287736928689997</v>
      </c>
      <c r="I9529">
        <v>52.308839987185998</v>
      </c>
      <c r="J9529" t="s">
        <v>65214</v>
      </c>
    </row>
    <row r="9530" spans="1:10" x14ac:dyDescent="0.25">
      <c r="A9530" t="s">
        <v>20377</v>
      </c>
      <c r="B9530" t="s">
        <v>20378</v>
      </c>
      <c r="C9530" t="s">
        <v>20379</v>
      </c>
      <c r="D9530" t="s">
        <v>20344</v>
      </c>
      <c r="E9530" t="s">
        <v>13</v>
      </c>
      <c r="F9530">
        <v>4552</v>
      </c>
      <c r="G9530" t="s">
        <v>20380</v>
      </c>
      <c r="H9530">
        <v>5.0312525028549997</v>
      </c>
      <c r="I9530">
        <v>52.312055005940003</v>
      </c>
      <c r="J9530" t="s">
        <v>65215</v>
      </c>
    </row>
    <row r="9531" spans="1:10" x14ac:dyDescent="0.25">
      <c r="A9531" t="s">
        <v>20373</v>
      </c>
      <c r="B9531" t="s">
        <v>20374</v>
      </c>
      <c r="C9531" t="s">
        <v>20375</v>
      </c>
      <c r="D9531" t="s">
        <v>20344</v>
      </c>
      <c r="E9531" t="s">
        <v>13</v>
      </c>
      <c r="F9531">
        <v>4551</v>
      </c>
      <c r="G9531" t="s">
        <v>20376</v>
      </c>
      <c r="H9531">
        <v>5.0300276018960002</v>
      </c>
      <c r="I9531">
        <v>52.316177544062</v>
      </c>
      <c r="J9531" t="s">
        <v>65216</v>
      </c>
    </row>
    <row r="9532" spans="1:10" x14ac:dyDescent="0.25">
      <c r="A9532" t="s">
        <v>20370</v>
      </c>
      <c r="B9532" t="s">
        <v>20371</v>
      </c>
      <c r="C9532" t="s">
        <v>85</v>
      </c>
      <c r="D9532" t="s">
        <v>20344</v>
      </c>
      <c r="E9532" t="s">
        <v>13</v>
      </c>
      <c r="F9532">
        <v>4550</v>
      </c>
      <c r="G9532" t="s">
        <v>20372</v>
      </c>
      <c r="H9532">
        <v>5.0372030148129996</v>
      </c>
      <c r="I9532">
        <v>52.312189366449999</v>
      </c>
      <c r="J9532" t="s">
        <v>65217</v>
      </c>
    </row>
    <row r="9533" spans="1:10" x14ac:dyDescent="0.25">
      <c r="A9533" t="s">
        <v>20366</v>
      </c>
      <c r="B9533" t="s">
        <v>20367</v>
      </c>
      <c r="C9533" t="s">
        <v>20368</v>
      </c>
      <c r="D9533" t="s">
        <v>20344</v>
      </c>
      <c r="E9533" t="s">
        <v>13</v>
      </c>
      <c r="F9533">
        <v>4549</v>
      </c>
      <c r="G9533" t="s">
        <v>20369</v>
      </c>
      <c r="H9533">
        <v>5.0389047356769998</v>
      </c>
      <c r="I9533">
        <v>52.313661154729999</v>
      </c>
      <c r="J9533" t="s">
        <v>65218</v>
      </c>
    </row>
    <row r="9534" spans="1:10" x14ac:dyDescent="0.25">
      <c r="A9534" t="s">
        <v>20362</v>
      </c>
      <c r="B9534" t="s">
        <v>20363</v>
      </c>
      <c r="C9534" t="s">
        <v>20364</v>
      </c>
      <c r="D9534" t="s">
        <v>20344</v>
      </c>
      <c r="E9534" t="s">
        <v>13</v>
      </c>
      <c r="F9534">
        <v>4548</v>
      </c>
      <c r="G9534" t="s">
        <v>20365</v>
      </c>
      <c r="H9534">
        <v>5.0510218223520003</v>
      </c>
      <c r="I9534">
        <v>52.301325165340998</v>
      </c>
      <c r="J9534" t="s">
        <v>65219</v>
      </c>
    </row>
    <row r="9535" spans="1:10" x14ac:dyDescent="0.25">
      <c r="A9535" t="s">
        <v>20358</v>
      </c>
      <c r="B9535" t="s">
        <v>20359</v>
      </c>
      <c r="C9535" t="s">
        <v>20360</v>
      </c>
      <c r="D9535" t="s">
        <v>20344</v>
      </c>
      <c r="E9535" t="s">
        <v>13</v>
      </c>
      <c r="F9535">
        <v>4547</v>
      </c>
      <c r="G9535" t="s">
        <v>20361</v>
      </c>
      <c r="H9535">
        <v>5.0476533533570001</v>
      </c>
      <c r="I9535">
        <v>52.303266787852003</v>
      </c>
      <c r="J9535" t="s">
        <v>65220</v>
      </c>
    </row>
    <row r="9536" spans="1:10" x14ac:dyDescent="0.25">
      <c r="A9536" t="s">
        <v>20354</v>
      </c>
      <c r="B9536" t="s">
        <v>20355</v>
      </c>
      <c r="C9536" t="s">
        <v>20356</v>
      </c>
      <c r="D9536" t="s">
        <v>20344</v>
      </c>
      <c r="E9536" t="s">
        <v>13</v>
      </c>
      <c r="F9536">
        <v>4546</v>
      </c>
      <c r="G9536" t="s">
        <v>20357</v>
      </c>
      <c r="H9536">
        <v>5.0397642006770003</v>
      </c>
      <c r="I9536">
        <v>52.303550341129998</v>
      </c>
      <c r="J9536" t="s">
        <v>65221</v>
      </c>
    </row>
    <row r="9537" spans="1:10" x14ac:dyDescent="0.25">
      <c r="A9537" t="s">
        <v>20350</v>
      </c>
      <c r="B9537" t="s">
        <v>20351</v>
      </c>
      <c r="C9537" t="s">
        <v>20352</v>
      </c>
      <c r="D9537" t="s">
        <v>20344</v>
      </c>
      <c r="E9537" t="s">
        <v>13</v>
      </c>
      <c r="F9537">
        <v>4545</v>
      </c>
      <c r="G9537" t="s">
        <v>20353</v>
      </c>
      <c r="H9537">
        <v>5.0302153233969999</v>
      </c>
      <c r="I9537">
        <v>52.30500593987</v>
      </c>
      <c r="J9537" t="s">
        <v>65222</v>
      </c>
    </row>
    <row r="9538" spans="1:10" x14ac:dyDescent="0.25">
      <c r="A9538" t="s">
        <v>20346</v>
      </c>
      <c r="B9538" t="s">
        <v>20347</v>
      </c>
      <c r="C9538" t="s">
        <v>20348</v>
      </c>
      <c r="D9538" t="s">
        <v>20344</v>
      </c>
      <c r="E9538" t="s">
        <v>13</v>
      </c>
      <c r="F9538">
        <v>4544</v>
      </c>
      <c r="G9538" t="s">
        <v>20349</v>
      </c>
      <c r="H9538">
        <v>5.0402906754190004</v>
      </c>
      <c r="I9538">
        <v>52.309823537874003</v>
      </c>
      <c r="J9538" t="s">
        <v>65223</v>
      </c>
    </row>
    <row r="9539" spans="1:10" x14ac:dyDescent="0.25">
      <c r="A9539" t="s">
        <v>20342</v>
      </c>
      <c r="B9539" t="s">
        <v>20343</v>
      </c>
      <c r="C9539" t="s">
        <v>129</v>
      </c>
      <c r="D9539" t="s">
        <v>20344</v>
      </c>
      <c r="E9539" t="s">
        <v>13</v>
      </c>
      <c r="F9539">
        <v>4543</v>
      </c>
      <c r="G9539" t="s">
        <v>20345</v>
      </c>
      <c r="H9539">
        <v>5.0425258881930004</v>
      </c>
      <c r="I9539">
        <v>52.306728976713003</v>
      </c>
      <c r="J9539" t="s">
        <v>65224</v>
      </c>
    </row>
    <row r="9540" spans="1:10" x14ac:dyDescent="0.25">
      <c r="A9540" t="s">
        <v>20338</v>
      </c>
      <c r="B9540" t="s">
        <v>20339</v>
      </c>
      <c r="C9540" t="s">
        <v>20340</v>
      </c>
      <c r="D9540" t="s">
        <v>20100</v>
      </c>
      <c r="E9540" t="s">
        <v>13</v>
      </c>
      <c r="F9540">
        <v>4542</v>
      </c>
      <c r="G9540" t="s">
        <v>20341</v>
      </c>
      <c r="H9540">
        <v>4.6944010931360003</v>
      </c>
      <c r="I9540">
        <v>52.431502612086</v>
      </c>
      <c r="J9540" t="s">
        <v>65225</v>
      </c>
    </row>
    <row r="9541" spans="1:10" x14ac:dyDescent="0.25">
      <c r="A9541" t="s">
        <v>20334</v>
      </c>
      <c r="B9541" t="s">
        <v>20335</v>
      </c>
      <c r="C9541" t="s">
        <v>20336</v>
      </c>
      <c r="D9541" t="s">
        <v>20100</v>
      </c>
      <c r="E9541" t="s">
        <v>13</v>
      </c>
      <c r="F9541">
        <v>4541</v>
      </c>
      <c r="G9541" t="s">
        <v>20337</v>
      </c>
      <c r="H9541">
        <v>4.6723860403920003</v>
      </c>
      <c r="I9541">
        <v>52.447660426974998</v>
      </c>
      <c r="J9541" t="s">
        <v>65226</v>
      </c>
    </row>
    <row r="9542" spans="1:10" x14ac:dyDescent="0.25">
      <c r="A9542" t="s">
        <v>20330</v>
      </c>
      <c r="B9542" t="s">
        <v>20331</v>
      </c>
      <c r="C9542" t="s">
        <v>20332</v>
      </c>
      <c r="D9542" t="s">
        <v>20100</v>
      </c>
      <c r="E9542" t="s">
        <v>13</v>
      </c>
      <c r="F9542">
        <v>4540</v>
      </c>
      <c r="G9542" t="s">
        <v>20333</v>
      </c>
      <c r="H9542">
        <v>4.6737284110659996</v>
      </c>
      <c r="I9542">
        <v>52.427442151476001</v>
      </c>
      <c r="J9542" t="s">
        <v>65227</v>
      </c>
    </row>
    <row r="9543" spans="1:10" x14ac:dyDescent="0.25">
      <c r="A9543" t="s">
        <v>20326</v>
      </c>
      <c r="B9543" t="s">
        <v>20327</v>
      </c>
      <c r="C9543" t="s">
        <v>20328</v>
      </c>
      <c r="D9543" t="s">
        <v>20100</v>
      </c>
      <c r="E9543" t="s">
        <v>13</v>
      </c>
      <c r="F9543">
        <v>4539</v>
      </c>
      <c r="G9543" t="s">
        <v>20329</v>
      </c>
      <c r="H9543">
        <v>4.6595012858020004</v>
      </c>
      <c r="I9543">
        <v>52.428818548716002</v>
      </c>
      <c r="J9543" t="s">
        <v>65228</v>
      </c>
    </row>
    <row r="9544" spans="1:10" x14ac:dyDescent="0.25">
      <c r="A9544" t="s">
        <v>20322</v>
      </c>
      <c r="B9544" t="s">
        <v>20323</v>
      </c>
      <c r="C9544" t="s">
        <v>20324</v>
      </c>
      <c r="D9544" t="s">
        <v>20100</v>
      </c>
      <c r="E9544" t="s">
        <v>13</v>
      </c>
      <c r="F9544">
        <v>4538</v>
      </c>
      <c r="G9544" t="s">
        <v>20325</v>
      </c>
      <c r="H9544">
        <v>4.667544665346</v>
      </c>
      <c r="I9544">
        <v>52.428451640429998</v>
      </c>
      <c r="J9544" t="s">
        <v>65229</v>
      </c>
    </row>
    <row r="9545" spans="1:10" x14ac:dyDescent="0.25">
      <c r="A9545" t="s">
        <v>20318</v>
      </c>
      <c r="B9545" t="s">
        <v>20319</v>
      </c>
      <c r="C9545" t="s">
        <v>20320</v>
      </c>
      <c r="D9545" t="s">
        <v>20100</v>
      </c>
      <c r="E9545" t="s">
        <v>13</v>
      </c>
      <c r="F9545">
        <v>4537</v>
      </c>
      <c r="G9545" t="s">
        <v>20321</v>
      </c>
      <c r="H9545">
        <v>4.6623417080739999</v>
      </c>
      <c r="I9545">
        <v>52.432968244568002</v>
      </c>
      <c r="J9545" t="s">
        <v>65230</v>
      </c>
    </row>
    <row r="9546" spans="1:10" x14ac:dyDescent="0.25">
      <c r="A9546" t="s">
        <v>20314</v>
      </c>
      <c r="B9546" t="s">
        <v>20315</v>
      </c>
      <c r="C9546" t="s">
        <v>20316</v>
      </c>
      <c r="D9546" t="s">
        <v>20100</v>
      </c>
      <c r="E9546" t="s">
        <v>13</v>
      </c>
      <c r="F9546">
        <v>4536</v>
      </c>
      <c r="G9546" t="s">
        <v>20317</v>
      </c>
      <c r="H9546">
        <v>4.6533481510390002</v>
      </c>
      <c r="I9546">
        <v>52.432910685860001</v>
      </c>
      <c r="J9546" t="s">
        <v>65231</v>
      </c>
    </row>
    <row r="9547" spans="1:10" x14ac:dyDescent="0.25">
      <c r="A9547" t="s">
        <v>20310</v>
      </c>
      <c r="B9547" t="s">
        <v>20311</v>
      </c>
      <c r="C9547" t="s">
        <v>20312</v>
      </c>
      <c r="D9547" t="s">
        <v>20100</v>
      </c>
      <c r="E9547" t="s">
        <v>13</v>
      </c>
      <c r="F9547">
        <v>4535</v>
      </c>
      <c r="G9547" t="s">
        <v>20313</v>
      </c>
      <c r="H9547">
        <v>4.6551265008979996</v>
      </c>
      <c r="I9547">
        <v>52.430940184209</v>
      </c>
      <c r="J9547" t="s">
        <v>65232</v>
      </c>
    </row>
    <row r="9548" spans="1:10" x14ac:dyDescent="0.25">
      <c r="A9548" t="s">
        <v>20306</v>
      </c>
      <c r="B9548" t="s">
        <v>20307</v>
      </c>
      <c r="C9548" t="s">
        <v>20308</v>
      </c>
      <c r="D9548" t="s">
        <v>20100</v>
      </c>
      <c r="E9548" t="s">
        <v>13</v>
      </c>
      <c r="F9548">
        <v>4534</v>
      </c>
      <c r="G9548" t="s">
        <v>20309</v>
      </c>
      <c r="H9548">
        <v>4.6660071882769998</v>
      </c>
      <c r="I9548">
        <v>52.434229539648001</v>
      </c>
      <c r="J9548" t="s">
        <v>65233</v>
      </c>
    </row>
    <row r="9549" spans="1:10" x14ac:dyDescent="0.25">
      <c r="A9549" t="s">
        <v>20302</v>
      </c>
      <c r="B9549" t="s">
        <v>20303</v>
      </c>
      <c r="C9549" t="s">
        <v>20304</v>
      </c>
      <c r="D9549" t="s">
        <v>20100</v>
      </c>
      <c r="E9549" t="s">
        <v>13</v>
      </c>
      <c r="F9549">
        <v>4533</v>
      </c>
      <c r="G9549" t="s">
        <v>20305</v>
      </c>
      <c r="H9549">
        <v>4.6632023170399997</v>
      </c>
      <c r="I9549">
        <v>52.438912764323</v>
      </c>
      <c r="J9549" t="s">
        <v>65234</v>
      </c>
    </row>
    <row r="9550" spans="1:10" x14ac:dyDescent="0.25">
      <c r="A9550" t="s">
        <v>20298</v>
      </c>
      <c r="B9550" t="s">
        <v>20299</v>
      </c>
      <c r="C9550" t="s">
        <v>20300</v>
      </c>
      <c r="D9550" t="s">
        <v>20100</v>
      </c>
      <c r="E9550" t="s">
        <v>13</v>
      </c>
      <c r="F9550">
        <v>4532</v>
      </c>
      <c r="G9550" t="s">
        <v>20301</v>
      </c>
      <c r="H9550">
        <v>4.6556212460120001</v>
      </c>
      <c r="I9550">
        <v>52.441120390279998</v>
      </c>
      <c r="J9550" t="s">
        <v>65235</v>
      </c>
    </row>
    <row r="9551" spans="1:10" x14ac:dyDescent="0.25">
      <c r="A9551" t="s">
        <v>20294</v>
      </c>
      <c r="B9551" t="s">
        <v>20295</v>
      </c>
      <c r="C9551" t="s">
        <v>20296</v>
      </c>
      <c r="D9551" t="s">
        <v>20100</v>
      </c>
      <c r="E9551" t="s">
        <v>13</v>
      </c>
      <c r="F9551">
        <v>4531</v>
      </c>
      <c r="G9551" t="s">
        <v>20297</v>
      </c>
      <c r="H9551">
        <v>4.6371719002800003</v>
      </c>
      <c r="I9551">
        <v>52.417290262918002</v>
      </c>
      <c r="J9551" t="s">
        <v>65236</v>
      </c>
    </row>
    <row r="9552" spans="1:10" x14ac:dyDescent="0.25">
      <c r="A9552" t="s">
        <v>20290</v>
      </c>
      <c r="B9552" t="s">
        <v>20291</v>
      </c>
      <c r="C9552" t="s">
        <v>20292</v>
      </c>
      <c r="D9552" t="s">
        <v>20100</v>
      </c>
      <c r="E9552" t="s">
        <v>13</v>
      </c>
      <c r="F9552">
        <v>4530</v>
      </c>
      <c r="G9552" t="s">
        <v>20293</v>
      </c>
      <c r="H9552">
        <v>4.6300304461000001</v>
      </c>
      <c r="I9552">
        <v>52.415192882383003</v>
      </c>
      <c r="J9552" t="s">
        <v>65237</v>
      </c>
    </row>
    <row r="9553" spans="1:10" x14ac:dyDescent="0.25">
      <c r="A9553" t="s">
        <v>20286</v>
      </c>
      <c r="B9553" t="s">
        <v>20287</v>
      </c>
      <c r="C9553" t="s">
        <v>20288</v>
      </c>
      <c r="D9553" t="s">
        <v>20100</v>
      </c>
      <c r="E9553" t="s">
        <v>13</v>
      </c>
      <c r="F9553">
        <v>4529</v>
      </c>
      <c r="G9553" t="s">
        <v>20289</v>
      </c>
      <c r="H9553">
        <v>4.6354306313559999</v>
      </c>
      <c r="I9553">
        <v>52.424810775125998</v>
      </c>
      <c r="J9553" t="s">
        <v>65238</v>
      </c>
    </row>
    <row r="9554" spans="1:10" x14ac:dyDescent="0.25">
      <c r="A9554" t="s">
        <v>20282</v>
      </c>
      <c r="B9554" t="s">
        <v>20283</v>
      </c>
      <c r="C9554" t="s">
        <v>20284</v>
      </c>
      <c r="D9554" t="s">
        <v>20100</v>
      </c>
      <c r="E9554" t="s">
        <v>13</v>
      </c>
      <c r="F9554">
        <v>4528</v>
      </c>
      <c r="G9554" t="s">
        <v>20285</v>
      </c>
      <c r="H9554">
        <v>4.6271454975189998</v>
      </c>
      <c r="I9554">
        <v>52.424402230022999</v>
      </c>
      <c r="J9554" t="s">
        <v>65239</v>
      </c>
    </row>
    <row r="9555" spans="1:10" x14ac:dyDescent="0.25">
      <c r="A9555" t="s">
        <v>20278</v>
      </c>
      <c r="B9555" t="s">
        <v>20279</v>
      </c>
      <c r="C9555" t="s">
        <v>20280</v>
      </c>
      <c r="D9555" t="s">
        <v>20100</v>
      </c>
      <c r="E9555" t="s">
        <v>13</v>
      </c>
      <c r="F9555">
        <v>4527</v>
      </c>
      <c r="G9555" t="s">
        <v>20281</v>
      </c>
      <c r="H9555">
        <v>4.6132257033039998</v>
      </c>
      <c r="I9555">
        <v>52.436532840307997</v>
      </c>
      <c r="J9555" t="s">
        <v>65240</v>
      </c>
    </row>
    <row r="9556" spans="1:10" x14ac:dyDescent="0.25">
      <c r="A9556" t="s">
        <v>20274</v>
      </c>
      <c r="B9556" t="s">
        <v>20275</v>
      </c>
      <c r="C9556" t="s">
        <v>20276</v>
      </c>
      <c r="D9556" t="s">
        <v>20100</v>
      </c>
      <c r="E9556" t="s">
        <v>13</v>
      </c>
      <c r="F9556">
        <v>4526</v>
      </c>
      <c r="G9556" t="s">
        <v>20277</v>
      </c>
      <c r="H9556">
        <v>4.6372647664790003</v>
      </c>
      <c r="I9556">
        <v>52.430395611026</v>
      </c>
      <c r="J9556" t="s">
        <v>65241</v>
      </c>
    </row>
    <row r="9557" spans="1:10" x14ac:dyDescent="0.25">
      <c r="A9557" t="s">
        <v>20270</v>
      </c>
      <c r="B9557" t="s">
        <v>20271</v>
      </c>
      <c r="C9557" t="s">
        <v>20272</v>
      </c>
      <c r="D9557" t="s">
        <v>20100</v>
      </c>
      <c r="E9557" t="s">
        <v>13</v>
      </c>
      <c r="F9557">
        <v>4525</v>
      </c>
      <c r="G9557" t="s">
        <v>20273</v>
      </c>
      <c r="H9557">
        <v>4.6360234528020001</v>
      </c>
      <c r="I9557">
        <v>52.434719520767999</v>
      </c>
      <c r="J9557" t="s">
        <v>65242</v>
      </c>
    </row>
    <row r="9558" spans="1:10" x14ac:dyDescent="0.25">
      <c r="A9558" t="s">
        <v>20266</v>
      </c>
      <c r="B9558" t="s">
        <v>20267</v>
      </c>
      <c r="C9558" t="s">
        <v>20268</v>
      </c>
      <c r="D9558" t="s">
        <v>20100</v>
      </c>
      <c r="E9558" t="s">
        <v>13</v>
      </c>
      <c r="F9558">
        <v>4524</v>
      </c>
      <c r="G9558" t="s">
        <v>20269</v>
      </c>
      <c r="H9558">
        <v>4.6420898015269998</v>
      </c>
      <c r="I9558">
        <v>52.434753906895999</v>
      </c>
      <c r="J9558" t="s">
        <v>65243</v>
      </c>
    </row>
    <row r="9559" spans="1:10" x14ac:dyDescent="0.25">
      <c r="A9559" t="s">
        <v>20263</v>
      </c>
      <c r="B9559" t="s">
        <v>20264</v>
      </c>
      <c r="C9559" t="s">
        <v>479</v>
      </c>
      <c r="D9559" t="s">
        <v>20100</v>
      </c>
      <c r="E9559" t="s">
        <v>13</v>
      </c>
      <c r="F9559">
        <v>4523</v>
      </c>
      <c r="G9559" t="s">
        <v>20265</v>
      </c>
      <c r="H9559">
        <v>4.6443934548670001</v>
      </c>
      <c r="I9559">
        <v>52.426888064777998</v>
      </c>
      <c r="J9559" t="s">
        <v>65244</v>
      </c>
    </row>
    <row r="9560" spans="1:10" x14ac:dyDescent="0.25">
      <c r="A9560" t="s">
        <v>20259</v>
      </c>
      <c r="B9560" t="s">
        <v>20260</v>
      </c>
      <c r="C9560" t="s">
        <v>20261</v>
      </c>
      <c r="D9560" t="s">
        <v>20100</v>
      </c>
      <c r="E9560" t="s">
        <v>13</v>
      </c>
      <c r="F9560">
        <v>4522</v>
      </c>
      <c r="G9560" t="s">
        <v>20262</v>
      </c>
      <c r="H9560">
        <v>4.6465778458129998</v>
      </c>
      <c r="I9560">
        <v>52.433880373986</v>
      </c>
      <c r="J9560" t="s">
        <v>65245</v>
      </c>
    </row>
    <row r="9561" spans="1:10" x14ac:dyDescent="0.25">
      <c r="A9561" t="s">
        <v>20255</v>
      </c>
      <c r="B9561" t="s">
        <v>20256</v>
      </c>
      <c r="C9561" t="s">
        <v>20257</v>
      </c>
      <c r="D9561" t="s">
        <v>20100</v>
      </c>
      <c r="E9561" t="s">
        <v>13</v>
      </c>
      <c r="F9561">
        <v>4521</v>
      </c>
      <c r="G9561" t="s">
        <v>20258</v>
      </c>
      <c r="H9561">
        <v>4.6464662969950004</v>
      </c>
      <c r="I9561">
        <v>52.436418469860001</v>
      </c>
      <c r="J9561" t="s">
        <v>65246</v>
      </c>
    </row>
    <row r="9562" spans="1:10" x14ac:dyDescent="0.25">
      <c r="A9562" t="s">
        <v>20251</v>
      </c>
      <c r="B9562" t="s">
        <v>20252</v>
      </c>
      <c r="C9562" t="s">
        <v>20253</v>
      </c>
      <c r="D9562" t="s">
        <v>20100</v>
      </c>
      <c r="E9562" t="s">
        <v>13</v>
      </c>
      <c r="F9562">
        <v>4520</v>
      </c>
      <c r="G9562" t="s">
        <v>20254</v>
      </c>
      <c r="H9562">
        <v>4.6476913182119999</v>
      </c>
      <c r="I9562">
        <v>52.442742317817</v>
      </c>
      <c r="J9562" t="s">
        <v>65247</v>
      </c>
    </row>
    <row r="9563" spans="1:10" x14ac:dyDescent="0.25">
      <c r="A9563" t="s">
        <v>20247</v>
      </c>
      <c r="B9563" t="s">
        <v>20248</v>
      </c>
      <c r="C9563" t="s">
        <v>20249</v>
      </c>
      <c r="D9563" t="s">
        <v>20100</v>
      </c>
      <c r="E9563" t="s">
        <v>13</v>
      </c>
      <c r="F9563">
        <v>4519</v>
      </c>
      <c r="G9563" t="s">
        <v>20250</v>
      </c>
      <c r="H9563">
        <v>4.6387335037000001</v>
      </c>
      <c r="I9563">
        <v>52.438772532370002</v>
      </c>
      <c r="J9563" t="s">
        <v>65248</v>
      </c>
    </row>
    <row r="9564" spans="1:10" x14ac:dyDescent="0.25">
      <c r="A9564" t="s">
        <v>20243</v>
      </c>
      <c r="B9564" t="s">
        <v>20244</v>
      </c>
      <c r="C9564" t="s">
        <v>20245</v>
      </c>
      <c r="D9564" t="s">
        <v>20100</v>
      </c>
      <c r="E9564" t="s">
        <v>13</v>
      </c>
      <c r="F9564">
        <v>4518</v>
      </c>
      <c r="G9564" t="s">
        <v>20246</v>
      </c>
      <c r="H9564">
        <v>4.5732431333469998</v>
      </c>
      <c r="I9564">
        <v>52.476207099451997</v>
      </c>
      <c r="J9564" t="s">
        <v>65249</v>
      </c>
    </row>
    <row r="9565" spans="1:10" x14ac:dyDescent="0.25">
      <c r="A9565" t="s">
        <v>20239</v>
      </c>
      <c r="B9565" t="s">
        <v>20240</v>
      </c>
      <c r="C9565" t="s">
        <v>20241</v>
      </c>
      <c r="D9565" t="s">
        <v>20100</v>
      </c>
      <c r="E9565" t="s">
        <v>13</v>
      </c>
      <c r="F9565">
        <v>4517</v>
      </c>
      <c r="G9565" t="s">
        <v>20242</v>
      </c>
      <c r="H9565">
        <v>4.6020991322939997</v>
      </c>
      <c r="I9565">
        <v>52.478172207988003</v>
      </c>
      <c r="J9565" t="s">
        <v>65250</v>
      </c>
    </row>
    <row r="9566" spans="1:10" x14ac:dyDescent="0.25">
      <c r="A9566" t="s">
        <v>20235</v>
      </c>
      <c r="B9566" t="s">
        <v>20236</v>
      </c>
      <c r="C9566" t="s">
        <v>20237</v>
      </c>
      <c r="D9566" t="s">
        <v>20100</v>
      </c>
      <c r="E9566" t="s">
        <v>13</v>
      </c>
      <c r="F9566">
        <v>4516</v>
      </c>
      <c r="G9566" t="s">
        <v>20238</v>
      </c>
      <c r="H9566">
        <v>4.6553545748709997</v>
      </c>
      <c r="I9566">
        <v>52.467194313188998</v>
      </c>
      <c r="J9566" t="s">
        <v>65251</v>
      </c>
    </row>
    <row r="9567" spans="1:10" x14ac:dyDescent="0.25">
      <c r="A9567" t="s">
        <v>20231</v>
      </c>
      <c r="B9567" t="s">
        <v>20232</v>
      </c>
      <c r="C9567" t="s">
        <v>20233</v>
      </c>
      <c r="D9567" t="s">
        <v>20100</v>
      </c>
      <c r="E9567" t="s">
        <v>13</v>
      </c>
      <c r="F9567">
        <v>4515</v>
      </c>
      <c r="G9567" t="s">
        <v>20234</v>
      </c>
      <c r="H9567">
        <v>4.6532476990280003</v>
      </c>
      <c r="I9567">
        <v>52.473523576165</v>
      </c>
      <c r="J9567" t="s">
        <v>65252</v>
      </c>
    </row>
    <row r="9568" spans="1:10" x14ac:dyDescent="0.25">
      <c r="A9568" t="s">
        <v>20227</v>
      </c>
      <c r="B9568" t="s">
        <v>20228</v>
      </c>
      <c r="C9568" t="s">
        <v>20229</v>
      </c>
      <c r="D9568" t="s">
        <v>20100</v>
      </c>
      <c r="E9568" t="s">
        <v>13</v>
      </c>
      <c r="F9568">
        <v>4514</v>
      </c>
      <c r="G9568" t="s">
        <v>20230</v>
      </c>
      <c r="H9568">
        <v>4.6445528600330004</v>
      </c>
      <c r="I9568">
        <v>52.473489556106003</v>
      </c>
      <c r="J9568" t="s">
        <v>65253</v>
      </c>
    </row>
    <row r="9569" spans="1:10" x14ac:dyDescent="0.25">
      <c r="A9569" t="s">
        <v>20223</v>
      </c>
      <c r="B9569" t="s">
        <v>20224</v>
      </c>
      <c r="C9569" t="s">
        <v>20225</v>
      </c>
      <c r="D9569" t="s">
        <v>20100</v>
      </c>
      <c r="E9569" t="s">
        <v>13</v>
      </c>
      <c r="F9569">
        <v>4513</v>
      </c>
      <c r="G9569" t="s">
        <v>20226</v>
      </c>
      <c r="H9569">
        <v>4.6394190875670001</v>
      </c>
      <c r="I9569">
        <v>52.467619521587999</v>
      </c>
      <c r="J9569" t="s">
        <v>65254</v>
      </c>
    </row>
    <row r="9570" spans="1:10" x14ac:dyDescent="0.25">
      <c r="A9570" t="s">
        <v>20219</v>
      </c>
      <c r="B9570" t="s">
        <v>20220</v>
      </c>
      <c r="C9570" t="s">
        <v>20221</v>
      </c>
      <c r="D9570" t="s">
        <v>20100</v>
      </c>
      <c r="E9570" t="s">
        <v>13</v>
      </c>
      <c r="F9570">
        <v>4512</v>
      </c>
      <c r="G9570" t="s">
        <v>20222</v>
      </c>
      <c r="H9570">
        <v>4.6311751486260002</v>
      </c>
      <c r="I9570">
        <v>52.472682755302998</v>
      </c>
      <c r="J9570" t="s">
        <v>65255</v>
      </c>
    </row>
    <row r="9571" spans="1:10" x14ac:dyDescent="0.25">
      <c r="A9571" t="s">
        <v>20215</v>
      </c>
      <c r="B9571" t="s">
        <v>20216</v>
      </c>
      <c r="C9571" t="s">
        <v>20217</v>
      </c>
      <c r="D9571" t="s">
        <v>20100</v>
      </c>
      <c r="E9571" t="s">
        <v>13</v>
      </c>
      <c r="F9571">
        <v>4511</v>
      </c>
      <c r="G9571" t="s">
        <v>20218</v>
      </c>
      <c r="H9571">
        <v>4.6409817583170003</v>
      </c>
      <c r="I9571">
        <v>52.476748772405003</v>
      </c>
      <c r="J9571" t="s">
        <v>65256</v>
      </c>
    </row>
    <row r="9572" spans="1:10" x14ac:dyDescent="0.25">
      <c r="A9572" t="s">
        <v>20211</v>
      </c>
      <c r="B9572" t="s">
        <v>20212</v>
      </c>
      <c r="C9572" t="s">
        <v>20213</v>
      </c>
      <c r="D9572" t="s">
        <v>20100</v>
      </c>
      <c r="E9572" t="s">
        <v>13</v>
      </c>
      <c r="F9572">
        <v>4510</v>
      </c>
      <c r="G9572" t="s">
        <v>20214</v>
      </c>
      <c r="H9572">
        <v>4.5797361593600003</v>
      </c>
      <c r="I9572">
        <v>52.450410927267001</v>
      </c>
      <c r="J9572" t="s">
        <v>65257</v>
      </c>
    </row>
    <row r="9573" spans="1:10" x14ac:dyDescent="0.25">
      <c r="A9573" t="s">
        <v>20207</v>
      </c>
      <c r="B9573" t="s">
        <v>20208</v>
      </c>
      <c r="C9573" t="s">
        <v>20209</v>
      </c>
      <c r="D9573" t="s">
        <v>20100</v>
      </c>
      <c r="E9573" t="s">
        <v>13</v>
      </c>
      <c r="F9573">
        <v>4509</v>
      </c>
      <c r="G9573" t="s">
        <v>20210</v>
      </c>
      <c r="H9573">
        <v>4.5819214760599998</v>
      </c>
      <c r="I9573">
        <v>52.442112957729996</v>
      </c>
      <c r="J9573" t="s">
        <v>65258</v>
      </c>
    </row>
    <row r="9574" spans="1:10" x14ac:dyDescent="0.25">
      <c r="A9574" t="s">
        <v>20203</v>
      </c>
      <c r="B9574" t="s">
        <v>20204</v>
      </c>
      <c r="C9574" t="s">
        <v>20205</v>
      </c>
      <c r="D9574" t="s">
        <v>20100</v>
      </c>
      <c r="E9574" t="s">
        <v>13</v>
      </c>
      <c r="F9574">
        <v>4508</v>
      </c>
      <c r="G9574" t="s">
        <v>20206</v>
      </c>
      <c r="H9574">
        <v>4.5929987382600004</v>
      </c>
      <c r="I9574">
        <v>52.450415502079998</v>
      </c>
      <c r="J9574" t="s">
        <v>65259</v>
      </c>
    </row>
    <row r="9575" spans="1:10" x14ac:dyDescent="0.25">
      <c r="A9575" t="s">
        <v>20199</v>
      </c>
      <c r="B9575" t="s">
        <v>20200</v>
      </c>
      <c r="C9575" t="s">
        <v>20201</v>
      </c>
      <c r="D9575" t="s">
        <v>20100</v>
      </c>
      <c r="E9575" t="s">
        <v>13</v>
      </c>
      <c r="F9575">
        <v>4507</v>
      </c>
      <c r="G9575" t="s">
        <v>20202</v>
      </c>
      <c r="H9575">
        <v>4.5987877043610004</v>
      </c>
      <c r="I9575">
        <v>52.448598313401</v>
      </c>
      <c r="J9575" t="s">
        <v>65260</v>
      </c>
    </row>
    <row r="9576" spans="1:10" x14ac:dyDescent="0.25">
      <c r="A9576" t="s">
        <v>20195</v>
      </c>
      <c r="B9576" t="s">
        <v>20196</v>
      </c>
      <c r="C9576" t="s">
        <v>20197</v>
      </c>
      <c r="D9576" t="s">
        <v>20100</v>
      </c>
      <c r="E9576" t="s">
        <v>13</v>
      </c>
      <c r="F9576">
        <v>4506</v>
      </c>
      <c r="G9576" t="s">
        <v>20198</v>
      </c>
      <c r="H9576">
        <v>4.6065171473020001</v>
      </c>
      <c r="I9576">
        <v>52.450194999247003</v>
      </c>
      <c r="J9576" t="s">
        <v>65261</v>
      </c>
    </row>
    <row r="9577" spans="1:10" x14ac:dyDescent="0.25">
      <c r="A9577" t="s">
        <v>20191</v>
      </c>
      <c r="B9577" t="s">
        <v>20192</v>
      </c>
      <c r="C9577" t="s">
        <v>20193</v>
      </c>
      <c r="D9577" t="s">
        <v>20100</v>
      </c>
      <c r="E9577" t="s">
        <v>13</v>
      </c>
      <c r="F9577">
        <v>4505</v>
      </c>
      <c r="G9577" t="s">
        <v>20194</v>
      </c>
      <c r="H9577">
        <v>4.5940086726910003</v>
      </c>
      <c r="I9577">
        <v>52.452421561949002</v>
      </c>
      <c r="J9577" t="s">
        <v>65262</v>
      </c>
    </row>
    <row r="9578" spans="1:10" x14ac:dyDescent="0.25">
      <c r="A9578" t="s">
        <v>20187</v>
      </c>
      <c r="B9578" t="s">
        <v>20188</v>
      </c>
      <c r="C9578" t="s">
        <v>20189</v>
      </c>
      <c r="D9578" t="s">
        <v>20100</v>
      </c>
      <c r="E9578" t="s">
        <v>13</v>
      </c>
      <c r="F9578">
        <v>4504</v>
      </c>
      <c r="G9578" t="s">
        <v>20190</v>
      </c>
      <c r="H9578">
        <v>4.596844168744</v>
      </c>
      <c r="I9578">
        <v>52.454713979687</v>
      </c>
      <c r="J9578" t="s">
        <v>65263</v>
      </c>
    </row>
    <row r="9579" spans="1:10" x14ac:dyDescent="0.25">
      <c r="A9579" t="s">
        <v>20183</v>
      </c>
      <c r="B9579" t="s">
        <v>20184</v>
      </c>
      <c r="C9579" t="s">
        <v>20185</v>
      </c>
      <c r="D9579" t="s">
        <v>20100</v>
      </c>
      <c r="E9579" t="s">
        <v>13</v>
      </c>
      <c r="F9579">
        <v>4503</v>
      </c>
      <c r="G9579" t="s">
        <v>20186</v>
      </c>
      <c r="H9579">
        <v>4.5706199312929998</v>
      </c>
      <c r="I9579">
        <v>52.455558280010997</v>
      </c>
      <c r="J9579" t="s">
        <v>65264</v>
      </c>
    </row>
    <row r="9580" spans="1:10" x14ac:dyDescent="0.25">
      <c r="A9580" t="s">
        <v>20179</v>
      </c>
      <c r="B9580" t="s">
        <v>20180</v>
      </c>
      <c r="C9580" t="s">
        <v>20181</v>
      </c>
      <c r="D9580" t="s">
        <v>20100</v>
      </c>
      <c r="E9580" t="s">
        <v>13</v>
      </c>
      <c r="F9580">
        <v>4502</v>
      </c>
      <c r="G9580" t="s">
        <v>20182</v>
      </c>
      <c r="H9580">
        <v>4.6081249405070004</v>
      </c>
      <c r="I9580">
        <v>52.466596344782999</v>
      </c>
      <c r="J9580" t="s">
        <v>65265</v>
      </c>
    </row>
    <row r="9581" spans="1:10" x14ac:dyDescent="0.25">
      <c r="A9581" t="s">
        <v>20175</v>
      </c>
      <c r="B9581" t="s">
        <v>20176</v>
      </c>
      <c r="C9581" t="s">
        <v>20177</v>
      </c>
      <c r="D9581" t="s">
        <v>20100</v>
      </c>
      <c r="E9581" t="s">
        <v>13</v>
      </c>
      <c r="F9581">
        <v>4501</v>
      </c>
      <c r="G9581" t="s">
        <v>20178</v>
      </c>
      <c r="H9581">
        <v>4.6009803197089996</v>
      </c>
      <c r="I9581">
        <v>52.457844356015997</v>
      </c>
      <c r="J9581" t="s">
        <v>65266</v>
      </c>
    </row>
    <row r="9582" spans="1:10" x14ac:dyDescent="0.25">
      <c r="A9582" t="s">
        <v>20171</v>
      </c>
      <c r="B9582" t="s">
        <v>20172</v>
      </c>
      <c r="C9582" t="s">
        <v>20173</v>
      </c>
      <c r="D9582" t="s">
        <v>20100</v>
      </c>
      <c r="E9582" t="s">
        <v>13</v>
      </c>
      <c r="F9582">
        <v>4500</v>
      </c>
      <c r="G9582" t="s">
        <v>20174</v>
      </c>
      <c r="H9582">
        <v>4.6043077701530004</v>
      </c>
      <c r="I9582">
        <v>52.456960307991999</v>
      </c>
      <c r="J9582" t="s">
        <v>65267</v>
      </c>
    </row>
    <row r="9583" spans="1:10" x14ac:dyDescent="0.25">
      <c r="A9583" t="s">
        <v>20168</v>
      </c>
      <c r="B9583" t="s">
        <v>20169</v>
      </c>
      <c r="C9583" t="s">
        <v>49</v>
      </c>
      <c r="D9583" t="s">
        <v>20100</v>
      </c>
      <c r="E9583" t="s">
        <v>13</v>
      </c>
      <c r="F9583">
        <v>4499</v>
      </c>
      <c r="G9583" t="s">
        <v>20170</v>
      </c>
      <c r="H9583">
        <v>4.6151208395859999</v>
      </c>
      <c r="I9583">
        <v>52.452551803612003</v>
      </c>
      <c r="J9583" t="s">
        <v>65268</v>
      </c>
    </row>
    <row r="9584" spans="1:10" x14ac:dyDescent="0.25">
      <c r="A9584" t="s">
        <v>20165</v>
      </c>
      <c r="B9584" t="s">
        <v>20166</v>
      </c>
      <c r="C9584" t="s">
        <v>85</v>
      </c>
      <c r="D9584" t="s">
        <v>20100</v>
      </c>
      <c r="E9584" t="s">
        <v>13</v>
      </c>
      <c r="F9584">
        <v>4498</v>
      </c>
      <c r="G9584" t="s">
        <v>20167</v>
      </c>
      <c r="H9584">
        <v>4.620034319538</v>
      </c>
      <c r="I9584">
        <v>52.455618647343002</v>
      </c>
      <c r="J9584" t="s">
        <v>65269</v>
      </c>
    </row>
    <row r="9585" spans="1:10" x14ac:dyDescent="0.25">
      <c r="A9585" t="s">
        <v>20161</v>
      </c>
      <c r="B9585" t="s">
        <v>20162</v>
      </c>
      <c r="C9585" t="s">
        <v>20163</v>
      </c>
      <c r="D9585" t="s">
        <v>20100</v>
      </c>
      <c r="E9585" t="s">
        <v>13</v>
      </c>
      <c r="F9585">
        <v>4497</v>
      </c>
      <c r="G9585" t="s">
        <v>20164</v>
      </c>
      <c r="H9585">
        <v>4.6201433949619997</v>
      </c>
      <c r="I9585">
        <v>52.457849143331998</v>
      </c>
      <c r="J9585" t="s">
        <v>65270</v>
      </c>
    </row>
    <row r="9586" spans="1:10" x14ac:dyDescent="0.25">
      <c r="A9586" t="s">
        <v>20157</v>
      </c>
      <c r="B9586" t="s">
        <v>20158</v>
      </c>
      <c r="C9586" t="s">
        <v>20159</v>
      </c>
      <c r="D9586" t="s">
        <v>20100</v>
      </c>
      <c r="E9586" t="s">
        <v>13</v>
      </c>
      <c r="F9586">
        <v>4496</v>
      </c>
      <c r="G9586" t="s">
        <v>20160</v>
      </c>
      <c r="H9586">
        <v>4.6239563802520003</v>
      </c>
      <c r="I9586">
        <v>52.456815444268997</v>
      </c>
      <c r="J9586" t="s">
        <v>65271</v>
      </c>
    </row>
    <row r="9587" spans="1:10" x14ac:dyDescent="0.25">
      <c r="A9587" t="s">
        <v>20154</v>
      </c>
      <c r="B9587" t="s">
        <v>20155</v>
      </c>
      <c r="C9587" t="s">
        <v>6548</v>
      </c>
      <c r="D9587" t="s">
        <v>20100</v>
      </c>
      <c r="E9587" t="s">
        <v>13</v>
      </c>
      <c r="F9587">
        <v>4495</v>
      </c>
      <c r="G9587" t="s">
        <v>20156</v>
      </c>
      <c r="H9587">
        <v>4.6242764481540002</v>
      </c>
      <c r="I9587">
        <v>52.453493269051997</v>
      </c>
      <c r="J9587" t="s">
        <v>65272</v>
      </c>
    </row>
    <row r="9588" spans="1:10" x14ac:dyDescent="0.25">
      <c r="A9588" t="s">
        <v>20151</v>
      </c>
      <c r="B9588" t="s">
        <v>20152</v>
      </c>
      <c r="C9588" t="s">
        <v>37</v>
      </c>
      <c r="D9588" t="s">
        <v>20100</v>
      </c>
      <c r="E9588" t="s">
        <v>13</v>
      </c>
      <c r="F9588">
        <v>4494</v>
      </c>
      <c r="G9588" t="s">
        <v>20153</v>
      </c>
      <c r="H9588">
        <v>4.6260799536719999</v>
      </c>
      <c r="I9588">
        <v>52.449913499015999</v>
      </c>
      <c r="J9588" t="s">
        <v>65273</v>
      </c>
    </row>
    <row r="9589" spans="1:10" x14ac:dyDescent="0.25">
      <c r="A9589" t="s">
        <v>20147</v>
      </c>
      <c r="B9589" t="s">
        <v>20148</v>
      </c>
      <c r="C9589" t="s">
        <v>20149</v>
      </c>
      <c r="D9589" t="s">
        <v>20100</v>
      </c>
      <c r="E9589" t="s">
        <v>13</v>
      </c>
      <c r="F9589">
        <v>4493</v>
      </c>
      <c r="G9589" t="s">
        <v>20150</v>
      </c>
      <c r="H9589">
        <v>4.6296519191109997</v>
      </c>
      <c r="I9589">
        <v>52.457543205885997</v>
      </c>
      <c r="J9589" t="s">
        <v>65274</v>
      </c>
    </row>
    <row r="9590" spans="1:10" x14ac:dyDescent="0.25">
      <c r="A9590" t="s">
        <v>20143</v>
      </c>
      <c r="B9590" t="s">
        <v>20144</v>
      </c>
      <c r="C9590" t="s">
        <v>20145</v>
      </c>
      <c r="D9590" t="s">
        <v>20100</v>
      </c>
      <c r="E9590" t="s">
        <v>13</v>
      </c>
      <c r="F9590">
        <v>4492</v>
      </c>
      <c r="G9590" t="s">
        <v>20146</v>
      </c>
      <c r="H9590">
        <v>4.6212493118250002</v>
      </c>
      <c r="I9590">
        <v>52.459750622973999</v>
      </c>
      <c r="J9590" t="s">
        <v>65275</v>
      </c>
    </row>
    <row r="9591" spans="1:10" x14ac:dyDescent="0.25">
      <c r="A9591" t="s">
        <v>20139</v>
      </c>
      <c r="B9591" t="s">
        <v>20140</v>
      </c>
      <c r="C9591" t="s">
        <v>20141</v>
      </c>
      <c r="D9591" t="s">
        <v>20100</v>
      </c>
      <c r="E9591" t="s">
        <v>13</v>
      </c>
      <c r="F9591">
        <v>4491</v>
      </c>
      <c r="G9591" t="s">
        <v>20142</v>
      </c>
      <c r="H9591">
        <v>4.6096072436949997</v>
      </c>
      <c r="I9591">
        <v>52.457950797477999</v>
      </c>
      <c r="J9591" t="s">
        <v>65276</v>
      </c>
    </row>
    <row r="9592" spans="1:10" x14ac:dyDescent="0.25">
      <c r="A9592" t="s">
        <v>20135</v>
      </c>
      <c r="B9592" t="s">
        <v>20136</v>
      </c>
      <c r="C9592" t="s">
        <v>20137</v>
      </c>
      <c r="D9592" t="s">
        <v>20100</v>
      </c>
      <c r="E9592" t="s">
        <v>13</v>
      </c>
      <c r="F9592">
        <v>4490</v>
      </c>
      <c r="G9592" t="s">
        <v>20138</v>
      </c>
      <c r="H9592">
        <v>4.6123766770510004</v>
      </c>
      <c r="I9592">
        <v>52.459944302258997</v>
      </c>
      <c r="J9592" t="s">
        <v>65277</v>
      </c>
    </row>
    <row r="9593" spans="1:10" x14ac:dyDescent="0.25">
      <c r="A9593" t="s">
        <v>20132</v>
      </c>
      <c r="B9593" t="s">
        <v>20133</v>
      </c>
      <c r="C9593" t="s">
        <v>1368</v>
      </c>
      <c r="D9593" t="s">
        <v>20100</v>
      </c>
      <c r="E9593" t="s">
        <v>13</v>
      </c>
      <c r="F9593">
        <v>4489</v>
      </c>
      <c r="G9593" t="s">
        <v>20134</v>
      </c>
      <c r="H9593">
        <v>4.6059277497069999</v>
      </c>
      <c r="I9593">
        <v>52.460788676786002</v>
      </c>
      <c r="J9593" t="s">
        <v>65278</v>
      </c>
    </row>
    <row r="9594" spans="1:10" x14ac:dyDescent="0.25">
      <c r="A9594" t="s">
        <v>20129</v>
      </c>
      <c r="B9594" t="s">
        <v>20130</v>
      </c>
      <c r="C9594" t="s">
        <v>1376</v>
      </c>
      <c r="D9594" t="s">
        <v>20100</v>
      </c>
      <c r="E9594" t="s">
        <v>13</v>
      </c>
      <c r="F9594">
        <v>4488</v>
      </c>
      <c r="G9594" t="s">
        <v>20131</v>
      </c>
      <c r="H9594">
        <v>4.6139533060240003</v>
      </c>
      <c r="I9594">
        <v>52.462692839719999</v>
      </c>
      <c r="J9594" t="s">
        <v>65279</v>
      </c>
    </row>
    <row r="9595" spans="1:10" x14ac:dyDescent="0.25">
      <c r="A9595" t="s">
        <v>20125</v>
      </c>
      <c r="B9595" t="s">
        <v>20126</v>
      </c>
      <c r="C9595" t="s">
        <v>20127</v>
      </c>
      <c r="D9595" t="s">
        <v>20100</v>
      </c>
      <c r="E9595" t="s">
        <v>13</v>
      </c>
      <c r="F9595">
        <v>4487</v>
      </c>
      <c r="G9595" t="s">
        <v>20128</v>
      </c>
      <c r="H9595">
        <v>4.6243678116610001</v>
      </c>
      <c r="I9595">
        <v>52.462961388354998</v>
      </c>
      <c r="J9595" t="s">
        <v>65280</v>
      </c>
    </row>
    <row r="9596" spans="1:10" x14ac:dyDescent="0.25">
      <c r="A9596" t="s">
        <v>20121</v>
      </c>
      <c r="B9596" t="s">
        <v>20122</v>
      </c>
      <c r="C9596" t="s">
        <v>20123</v>
      </c>
      <c r="D9596" t="s">
        <v>20100</v>
      </c>
      <c r="E9596" t="s">
        <v>13</v>
      </c>
      <c r="F9596">
        <v>4486</v>
      </c>
      <c r="G9596" t="s">
        <v>20124</v>
      </c>
      <c r="H9596">
        <v>4.6287540250130004</v>
      </c>
      <c r="I9596">
        <v>52.461203221993003</v>
      </c>
      <c r="J9596" t="s">
        <v>65281</v>
      </c>
    </row>
    <row r="9597" spans="1:10" x14ac:dyDescent="0.25">
      <c r="A9597" t="s">
        <v>20117</v>
      </c>
      <c r="B9597" t="s">
        <v>20118</v>
      </c>
      <c r="C9597" t="s">
        <v>20119</v>
      </c>
      <c r="D9597" t="s">
        <v>20100</v>
      </c>
      <c r="E9597" t="s">
        <v>13</v>
      </c>
      <c r="F9597">
        <v>4485</v>
      </c>
      <c r="G9597" t="s">
        <v>20120</v>
      </c>
      <c r="H9597">
        <v>4.6329238182330004</v>
      </c>
      <c r="I9597">
        <v>52.444115008224003</v>
      </c>
      <c r="J9597" t="s">
        <v>65282</v>
      </c>
    </row>
    <row r="9598" spans="1:10" x14ac:dyDescent="0.25">
      <c r="A9598" t="s">
        <v>20113</v>
      </c>
      <c r="B9598" t="s">
        <v>20114</v>
      </c>
      <c r="C9598" t="s">
        <v>20115</v>
      </c>
      <c r="D9598" t="s">
        <v>20100</v>
      </c>
      <c r="E9598" t="s">
        <v>13</v>
      </c>
      <c r="F9598">
        <v>4484</v>
      </c>
      <c r="G9598" t="s">
        <v>20116</v>
      </c>
      <c r="H9598">
        <v>4.6344399344609997</v>
      </c>
      <c r="I9598">
        <v>52.448241274936997</v>
      </c>
      <c r="J9598" t="s">
        <v>65283</v>
      </c>
    </row>
    <row r="9599" spans="1:10" x14ac:dyDescent="0.25">
      <c r="A9599" t="s">
        <v>20110</v>
      </c>
      <c r="B9599" t="s">
        <v>20111</v>
      </c>
      <c r="C9599" t="s">
        <v>18600</v>
      </c>
      <c r="D9599" t="s">
        <v>20100</v>
      </c>
      <c r="E9599" t="s">
        <v>13</v>
      </c>
      <c r="F9599">
        <v>4483</v>
      </c>
      <c r="G9599" t="s">
        <v>20112</v>
      </c>
      <c r="H9599">
        <v>4.6396294492659997</v>
      </c>
      <c r="I9599">
        <v>52.448271238219</v>
      </c>
      <c r="J9599" t="s">
        <v>65284</v>
      </c>
    </row>
    <row r="9600" spans="1:10" x14ac:dyDescent="0.25">
      <c r="A9600" t="s">
        <v>20106</v>
      </c>
      <c r="B9600" t="s">
        <v>20107</v>
      </c>
      <c r="C9600" t="s">
        <v>20108</v>
      </c>
      <c r="D9600" t="s">
        <v>20100</v>
      </c>
      <c r="E9600" t="s">
        <v>13</v>
      </c>
      <c r="F9600">
        <v>4482</v>
      </c>
      <c r="G9600" t="s">
        <v>20109</v>
      </c>
      <c r="H9600">
        <v>4.653445078911</v>
      </c>
      <c r="I9600">
        <v>52.460725817201997</v>
      </c>
      <c r="J9600" t="s">
        <v>65285</v>
      </c>
    </row>
    <row r="9601" spans="1:10" x14ac:dyDescent="0.25">
      <c r="A9601" t="s">
        <v>20102</v>
      </c>
      <c r="B9601" t="s">
        <v>20103</v>
      </c>
      <c r="C9601" t="s">
        <v>20104</v>
      </c>
      <c r="D9601" t="s">
        <v>20100</v>
      </c>
      <c r="E9601" t="s">
        <v>13</v>
      </c>
      <c r="F9601">
        <v>4481</v>
      </c>
      <c r="G9601" t="s">
        <v>20105</v>
      </c>
      <c r="H9601">
        <v>4.6440830520830003</v>
      </c>
      <c r="I9601">
        <v>52.455624414123001</v>
      </c>
      <c r="J9601" t="s">
        <v>65286</v>
      </c>
    </row>
    <row r="9602" spans="1:10" x14ac:dyDescent="0.25">
      <c r="A9602" t="s">
        <v>20097</v>
      </c>
      <c r="B9602" t="s">
        <v>20098</v>
      </c>
      <c r="C9602" t="s">
        <v>20099</v>
      </c>
      <c r="D9602" t="s">
        <v>20100</v>
      </c>
      <c r="E9602" t="s">
        <v>13</v>
      </c>
      <c r="F9602">
        <v>4480</v>
      </c>
      <c r="G9602" t="s">
        <v>20101</v>
      </c>
      <c r="H9602">
        <v>4.6462143079949998</v>
      </c>
      <c r="I9602">
        <v>52.462732381572003</v>
      </c>
      <c r="J9602" t="s">
        <v>65287</v>
      </c>
    </row>
    <row r="9603" spans="1:10" x14ac:dyDescent="0.25">
      <c r="A9603" t="s">
        <v>20093</v>
      </c>
      <c r="B9603" t="s">
        <v>20094</v>
      </c>
      <c r="C9603" t="s">
        <v>20095</v>
      </c>
      <c r="D9603" t="s">
        <v>20059</v>
      </c>
      <c r="E9603" t="s">
        <v>13</v>
      </c>
      <c r="F9603">
        <v>4479</v>
      </c>
      <c r="G9603" t="s">
        <v>20096</v>
      </c>
      <c r="H9603">
        <v>4.7741962741370001</v>
      </c>
      <c r="I9603">
        <v>52.224868791848998</v>
      </c>
      <c r="J9603" t="s">
        <v>65288</v>
      </c>
    </row>
    <row r="9604" spans="1:10" x14ac:dyDescent="0.25">
      <c r="A9604" t="s">
        <v>20089</v>
      </c>
      <c r="B9604" t="s">
        <v>20090</v>
      </c>
      <c r="C9604" t="s">
        <v>20091</v>
      </c>
      <c r="D9604" t="s">
        <v>20059</v>
      </c>
      <c r="E9604" t="s">
        <v>13</v>
      </c>
      <c r="F9604">
        <v>4478</v>
      </c>
      <c r="G9604" t="s">
        <v>20092</v>
      </c>
      <c r="H9604">
        <v>4.7569256014130001</v>
      </c>
      <c r="I9604">
        <v>52.229321172665003</v>
      </c>
      <c r="J9604" t="s">
        <v>65289</v>
      </c>
    </row>
    <row r="9605" spans="1:10" x14ac:dyDescent="0.25">
      <c r="A9605" t="s">
        <v>20086</v>
      </c>
      <c r="B9605" t="s">
        <v>20087</v>
      </c>
      <c r="C9605" t="s">
        <v>17020</v>
      </c>
      <c r="D9605" t="s">
        <v>20059</v>
      </c>
      <c r="E9605" t="s">
        <v>13</v>
      </c>
      <c r="F9605">
        <v>4477</v>
      </c>
      <c r="G9605" t="s">
        <v>20088</v>
      </c>
      <c r="H9605">
        <v>4.7863440299700004</v>
      </c>
      <c r="I9605">
        <v>52.236846143892002</v>
      </c>
      <c r="J9605" t="s">
        <v>65290</v>
      </c>
    </row>
    <row r="9606" spans="1:10" x14ac:dyDescent="0.25">
      <c r="A9606" t="s">
        <v>20083</v>
      </c>
      <c r="B9606" t="s">
        <v>20084</v>
      </c>
      <c r="C9606" t="s">
        <v>4709</v>
      </c>
      <c r="D9606" t="s">
        <v>20059</v>
      </c>
      <c r="E9606" t="s">
        <v>13</v>
      </c>
      <c r="F9606">
        <v>4476</v>
      </c>
      <c r="G9606" t="s">
        <v>20085</v>
      </c>
      <c r="H9606">
        <v>4.8402702231930004</v>
      </c>
      <c r="I9606">
        <v>52.240211635926002</v>
      </c>
      <c r="J9606" t="s">
        <v>65291</v>
      </c>
    </row>
    <row r="9607" spans="1:10" x14ac:dyDescent="0.25">
      <c r="A9607" t="s">
        <v>20080</v>
      </c>
      <c r="B9607" t="s">
        <v>20081</v>
      </c>
      <c r="C9607" t="s">
        <v>17020</v>
      </c>
      <c r="D9607" t="s">
        <v>20059</v>
      </c>
      <c r="E9607" t="s">
        <v>13</v>
      </c>
      <c r="F9607">
        <v>4475</v>
      </c>
      <c r="G9607" t="s">
        <v>20082</v>
      </c>
      <c r="H9607">
        <v>4.8154701033230003</v>
      </c>
      <c r="I9607">
        <v>52.233661368337998</v>
      </c>
      <c r="J9607" t="s">
        <v>65292</v>
      </c>
    </row>
    <row r="9608" spans="1:10" x14ac:dyDescent="0.25">
      <c r="A9608" t="s">
        <v>20076</v>
      </c>
      <c r="B9608" t="s">
        <v>20077</v>
      </c>
      <c r="C9608" t="s">
        <v>20078</v>
      </c>
      <c r="D9608" t="s">
        <v>20059</v>
      </c>
      <c r="E9608" t="s">
        <v>13</v>
      </c>
      <c r="F9608">
        <v>4474</v>
      </c>
      <c r="G9608" t="s">
        <v>20079</v>
      </c>
      <c r="H9608">
        <v>4.7955925018450003</v>
      </c>
      <c r="I9608">
        <v>52.254837667407003</v>
      </c>
      <c r="J9608" t="s">
        <v>65293</v>
      </c>
    </row>
    <row r="9609" spans="1:10" x14ac:dyDescent="0.25">
      <c r="A9609" t="s">
        <v>20072</v>
      </c>
      <c r="B9609" t="s">
        <v>20073</v>
      </c>
      <c r="C9609" t="s">
        <v>20074</v>
      </c>
      <c r="D9609" t="s">
        <v>20059</v>
      </c>
      <c r="E9609" t="s">
        <v>13</v>
      </c>
      <c r="F9609">
        <v>4473</v>
      </c>
      <c r="G9609" t="s">
        <v>20075</v>
      </c>
      <c r="H9609">
        <v>4.7942832387259999</v>
      </c>
      <c r="I9609">
        <v>52.245805530444997</v>
      </c>
      <c r="J9609" t="s">
        <v>65294</v>
      </c>
    </row>
    <row r="9610" spans="1:10" x14ac:dyDescent="0.25">
      <c r="A9610" t="s">
        <v>20069</v>
      </c>
      <c r="B9610" t="s">
        <v>20070</v>
      </c>
      <c r="C9610" t="s">
        <v>14662</v>
      </c>
      <c r="D9610" t="s">
        <v>20059</v>
      </c>
      <c r="E9610" t="s">
        <v>13</v>
      </c>
      <c r="F9610">
        <v>4472</v>
      </c>
      <c r="G9610" t="s">
        <v>20071</v>
      </c>
      <c r="H9610">
        <v>4.8127822729050003</v>
      </c>
      <c r="I9610">
        <v>52.249542828952997</v>
      </c>
      <c r="J9610" t="s">
        <v>65295</v>
      </c>
    </row>
    <row r="9611" spans="1:10" x14ac:dyDescent="0.25">
      <c r="A9611" t="s">
        <v>20065</v>
      </c>
      <c r="B9611" t="s">
        <v>20066</v>
      </c>
      <c r="C9611" t="s">
        <v>20067</v>
      </c>
      <c r="D9611" t="s">
        <v>20059</v>
      </c>
      <c r="E9611" t="s">
        <v>13</v>
      </c>
      <c r="F9611">
        <v>4471</v>
      </c>
      <c r="G9611" t="s">
        <v>20068</v>
      </c>
      <c r="H9611">
        <v>4.8300715976559996</v>
      </c>
      <c r="I9611">
        <v>52.246045583442999</v>
      </c>
      <c r="J9611" t="s">
        <v>65296</v>
      </c>
    </row>
    <row r="9612" spans="1:10" x14ac:dyDescent="0.25">
      <c r="A9612" t="s">
        <v>20061</v>
      </c>
      <c r="B9612" t="s">
        <v>20062</v>
      </c>
      <c r="C9612" t="s">
        <v>20063</v>
      </c>
      <c r="D9612" t="s">
        <v>20059</v>
      </c>
      <c r="E9612" t="s">
        <v>13</v>
      </c>
      <c r="F9612">
        <v>4470</v>
      </c>
      <c r="G9612" t="s">
        <v>20064</v>
      </c>
      <c r="H9612">
        <v>4.824108019244</v>
      </c>
      <c r="I9612">
        <v>52.238453093689003</v>
      </c>
      <c r="J9612" t="s">
        <v>65297</v>
      </c>
    </row>
    <row r="9613" spans="1:10" x14ac:dyDescent="0.25">
      <c r="A9613" t="s">
        <v>20056</v>
      </c>
      <c r="B9613" t="s">
        <v>20057</v>
      </c>
      <c r="C9613" t="s">
        <v>20058</v>
      </c>
      <c r="D9613" t="s">
        <v>20059</v>
      </c>
      <c r="E9613" t="s">
        <v>13</v>
      </c>
      <c r="F9613">
        <v>4469</v>
      </c>
      <c r="G9613" t="s">
        <v>20060</v>
      </c>
      <c r="H9613">
        <v>4.8335414649289996</v>
      </c>
      <c r="I9613">
        <v>52.234269927646999</v>
      </c>
      <c r="J9613" t="s">
        <v>65298</v>
      </c>
    </row>
    <row r="9614" spans="1:10" x14ac:dyDescent="0.25">
      <c r="A9614" t="s">
        <v>20053</v>
      </c>
      <c r="B9614" t="s">
        <v>20054</v>
      </c>
      <c r="C9614" t="s">
        <v>9799</v>
      </c>
      <c r="D9614" t="s">
        <v>20037</v>
      </c>
      <c r="E9614" t="s">
        <v>13</v>
      </c>
      <c r="F9614">
        <v>4468</v>
      </c>
      <c r="G9614" t="s">
        <v>20055</v>
      </c>
      <c r="H9614">
        <v>4.7318040218829998</v>
      </c>
      <c r="I9614">
        <v>52.523069456023002</v>
      </c>
      <c r="J9614" t="s">
        <v>65299</v>
      </c>
    </row>
    <row r="9615" spans="1:10" x14ac:dyDescent="0.25">
      <c r="A9615" t="s">
        <v>20050</v>
      </c>
      <c r="B9615" t="s">
        <v>20051</v>
      </c>
      <c r="C9615" t="s">
        <v>4709</v>
      </c>
      <c r="D9615" t="s">
        <v>20037</v>
      </c>
      <c r="E9615" t="s">
        <v>13</v>
      </c>
      <c r="F9615">
        <v>4467</v>
      </c>
      <c r="G9615" t="s">
        <v>20052</v>
      </c>
      <c r="H9615">
        <v>4.7184051265439999</v>
      </c>
      <c r="I9615">
        <v>52.534205079807997</v>
      </c>
      <c r="J9615" t="s">
        <v>65300</v>
      </c>
    </row>
    <row r="9616" spans="1:10" x14ac:dyDescent="0.25">
      <c r="A9616" t="s">
        <v>20047</v>
      </c>
      <c r="B9616" t="s">
        <v>20048</v>
      </c>
      <c r="C9616" t="s">
        <v>14587</v>
      </c>
      <c r="D9616" t="s">
        <v>20037</v>
      </c>
      <c r="E9616" t="s">
        <v>13</v>
      </c>
      <c r="F9616">
        <v>4466</v>
      </c>
      <c r="G9616" t="s">
        <v>20049</v>
      </c>
      <c r="H9616">
        <v>4.71034769216</v>
      </c>
      <c r="I9616">
        <v>52.525087590368997</v>
      </c>
      <c r="J9616" t="s">
        <v>65301</v>
      </c>
    </row>
    <row r="9617" spans="1:10" x14ac:dyDescent="0.25">
      <c r="A9617" t="s">
        <v>20043</v>
      </c>
      <c r="B9617" t="s">
        <v>20044</v>
      </c>
      <c r="C9617" t="s">
        <v>20045</v>
      </c>
      <c r="D9617" t="s">
        <v>20037</v>
      </c>
      <c r="E9617" t="s">
        <v>13</v>
      </c>
      <c r="F9617">
        <v>4465</v>
      </c>
      <c r="G9617" t="s">
        <v>20046</v>
      </c>
      <c r="H9617">
        <v>4.7049633005000002</v>
      </c>
      <c r="I9617">
        <v>52.514562811036001</v>
      </c>
      <c r="J9617" t="s">
        <v>65302</v>
      </c>
    </row>
    <row r="9618" spans="1:10" x14ac:dyDescent="0.25">
      <c r="A9618" t="s">
        <v>20039</v>
      </c>
      <c r="B9618" t="s">
        <v>20040</v>
      </c>
      <c r="C9618" t="s">
        <v>20041</v>
      </c>
      <c r="D9618" t="s">
        <v>20037</v>
      </c>
      <c r="E9618" t="s">
        <v>13</v>
      </c>
      <c r="F9618">
        <v>4464</v>
      </c>
      <c r="G9618" t="s">
        <v>20042</v>
      </c>
      <c r="H9618">
        <v>4.6999678504410003</v>
      </c>
      <c r="I9618">
        <v>52.518545824398998</v>
      </c>
      <c r="J9618" t="s">
        <v>65303</v>
      </c>
    </row>
    <row r="9619" spans="1:10" x14ac:dyDescent="0.25">
      <c r="A9619" t="s">
        <v>20035</v>
      </c>
      <c r="B9619" t="s">
        <v>20036</v>
      </c>
      <c r="C9619" t="s">
        <v>19894</v>
      </c>
      <c r="D9619" t="s">
        <v>20037</v>
      </c>
      <c r="E9619" t="s">
        <v>13</v>
      </c>
      <c r="F9619">
        <v>4463</v>
      </c>
      <c r="G9619" t="s">
        <v>20038</v>
      </c>
      <c r="H9619">
        <v>4.7053543337230002</v>
      </c>
      <c r="I9619">
        <v>52.529888009330001</v>
      </c>
      <c r="J9619" t="s">
        <v>65304</v>
      </c>
    </row>
    <row r="9620" spans="1:10" x14ac:dyDescent="0.25">
      <c r="A9620" t="s">
        <v>20031</v>
      </c>
      <c r="B9620" t="s">
        <v>20032</v>
      </c>
      <c r="C9620" t="s">
        <v>20033</v>
      </c>
      <c r="D9620" t="s">
        <v>19987</v>
      </c>
      <c r="E9620" t="s">
        <v>13</v>
      </c>
      <c r="F9620">
        <v>4462</v>
      </c>
      <c r="G9620" t="s">
        <v>20034</v>
      </c>
      <c r="H9620">
        <v>4.8039288426700004</v>
      </c>
      <c r="I9620">
        <v>53.083473959415002</v>
      </c>
      <c r="J9620" t="s">
        <v>65305</v>
      </c>
    </row>
    <row r="9621" spans="1:10" x14ac:dyDescent="0.25">
      <c r="A9621" t="s">
        <v>20027</v>
      </c>
      <c r="B9621" t="s">
        <v>20028</v>
      </c>
      <c r="C9621" t="s">
        <v>20029</v>
      </c>
      <c r="D9621" t="s">
        <v>19987</v>
      </c>
      <c r="E9621" t="s">
        <v>13</v>
      </c>
      <c r="F9621">
        <v>4461</v>
      </c>
      <c r="G9621" t="s">
        <v>20030</v>
      </c>
      <c r="H9621">
        <v>4.8725583388759999</v>
      </c>
      <c r="I9621">
        <v>53.104368584151999</v>
      </c>
      <c r="J9621" t="s">
        <v>65306</v>
      </c>
    </row>
    <row r="9622" spans="1:10" x14ac:dyDescent="0.25">
      <c r="A9622" t="s">
        <v>20023</v>
      </c>
      <c r="B9622" t="s">
        <v>20024</v>
      </c>
      <c r="C9622" t="s">
        <v>20025</v>
      </c>
      <c r="D9622" t="s">
        <v>19987</v>
      </c>
      <c r="E9622" t="s">
        <v>13</v>
      </c>
      <c r="F9622">
        <v>4460</v>
      </c>
      <c r="G9622" t="s">
        <v>20026</v>
      </c>
      <c r="H9622">
        <v>4.8503851784079997</v>
      </c>
      <c r="I9622">
        <v>53.130548121788998</v>
      </c>
      <c r="J9622" t="s">
        <v>65307</v>
      </c>
    </row>
    <row r="9623" spans="1:10" x14ac:dyDescent="0.25">
      <c r="A9623" t="s">
        <v>20019</v>
      </c>
      <c r="B9623" t="s">
        <v>20020</v>
      </c>
      <c r="C9623" t="s">
        <v>20021</v>
      </c>
      <c r="D9623" t="s">
        <v>19987</v>
      </c>
      <c r="E9623" t="s">
        <v>13</v>
      </c>
      <c r="F9623">
        <v>4459</v>
      </c>
      <c r="G9623" t="s">
        <v>20022</v>
      </c>
      <c r="H9623">
        <v>4.8672960722359999</v>
      </c>
      <c r="I9623">
        <v>53.156350430311001</v>
      </c>
      <c r="J9623" t="s">
        <v>65308</v>
      </c>
    </row>
    <row r="9624" spans="1:10" x14ac:dyDescent="0.25">
      <c r="A9624" t="s">
        <v>20015</v>
      </c>
      <c r="B9624" t="s">
        <v>20016</v>
      </c>
      <c r="C9624" t="s">
        <v>20017</v>
      </c>
      <c r="D9624" t="s">
        <v>19987</v>
      </c>
      <c r="E9624" t="s">
        <v>13</v>
      </c>
      <c r="F9624">
        <v>4458</v>
      </c>
      <c r="G9624" t="s">
        <v>20018</v>
      </c>
      <c r="H9624">
        <v>4.7570612893820003</v>
      </c>
      <c r="I9624">
        <v>53.065745820977</v>
      </c>
      <c r="J9624" t="s">
        <v>65309</v>
      </c>
    </row>
    <row r="9625" spans="1:10" x14ac:dyDescent="0.25">
      <c r="A9625" t="s">
        <v>20011</v>
      </c>
      <c r="B9625" t="s">
        <v>20012</v>
      </c>
      <c r="C9625" t="s">
        <v>20013</v>
      </c>
      <c r="D9625" t="s">
        <v>19987</v>
      </c>
      <c r="E9625" t="s">
        <v>13</v>
      </c>
      <c r="F9625">
        <v>4457</v>
      </c>
      <c r="G9625" t="s">
        <v>20014</v>
      </c>
      <c r="H9625">
        <v>4.7829869051499996</v>
      </c>
      <c r="I9625">
        <v>53.017657889062001</v>
      </c>
      <c r="J9625" t="s">
        <v>65310</v>
      </c>
    </row>
    <row r="9626" spans="1:10" x14ac:dyDescent="0.25">
      <c r="A9626" t="s">
        <v>20007</v>
      </c>
      <c r="B9626" t="s">
        <v>20008</v>
      </c>
      <c r="C9626" t="s">
        <v>20009</v>
      </c>
      <c r="D9626" t="s">
        <v>19987</v>
      </c>
      <c r="E9626" t="s">
        <v>13</v>
      </c>
      <c r="F9626">
        <v>4456</v>
      </c>
      <c r="G9626" t="s">
        <v>20010</v>
      </c>
      <c r="H9626">
        <v>4.8217516271910004</v>
      </c>
      <c r="I9626">
        <v>53.057327394011999</v>
      </c>
      <c r="J9626" t="s">
        <v>65311</v>
      </c>
    </row>
    <row r="9627" spans="1:10" x14ac:dyDescent="0.25">
      <c r="A9627" t="s">
        <v>20003</v>
      </c>
      <c r="B9627" t="s">
        <v>20004</v>
      </c>
      <c r="C9627" t="s">
        <v>20005</v>
      </c>
      <c r="D9627" t="s">
        <v>19987</v>
      </c>
      <c r="E9627" t="s">
        <v>13</v>
      </c>
      <c r="F9627">
        <v>4455</v>
      </c>
      <c r="G9627" t="s">
        <v>20006</v>
      </c>
      <c r="H9627">
        <v>4.7497530762329996</v>
      </c>
      <c r="I9627">
        <v>53.026451757126999</v>
      </c>
      <c r="J9627" t="s">
        <v>65312</v>
      </c>
    </row>
    <row r="9628" spans="1:10" x14ac:dyDescent="0.25">
      <c r="A9628" t="s">
        <v>19999</v>
      </c>
      <c r="B9628" t="s">
        <v>20000</v>
      </c>
      <c r="C9628" t="s">
        <v>20001</v>
      </c>
      <c r="D9628" t="s">
        <v>19987</v>
      </c>
      <c r="E9628" t="s">
        <v>13</v>
      </c>
      <c r="F9628">
        <v>4454</v>
      </c>
      <c r="G9628" t="s">
        <v>20002</v>
      </c>
      <c r="H9628">
        <v>4.8438450131430004</v>
      </c>
      <c r="I9628">
        <v>53.037048172360997</v>
      </c>
      <c r="J9628" t="s">
        <v>65313</v>
      </c>
    </row>
    <row r="9629" spans="1:10" x14ac:dyDescent="0.25">
      <c r="A9629" t="s">
        <v>19995</v>
      </c>
      <c r="B9629" t="s">
        <v>19996</v>
      </c>
      <c r="C9629" t="s">
        <v>19997</v>
      </c>
      <c r="D9629" t="s">
        <v>19987</v>
      </c>
      <c r="E9629" t="s">
        <v>13</v>
      </c>
      <c r="F9629">
        <v>4453</v>
      </c>
      <c r="G9629" t="s">
        <v>19998</v>
      </c>
      <c r="H9629">
        <v>4.8240527034980003</v>
      </c>
      <c r="I9629">
        <v>53.073032893304003</v>
      </c>
      <c r="J9629" t="s">
        <v>65314</v>
      </c>
    </row>
    <row r="9630" spans="1:10" x14ac:dyDescent="0.25">
      <c r="A9630" t="s">
        <v>19992</v>
      </c>
      <c r="B9630" t="s">
        <v>19993</v>
      </c>
      <c r="C9630" t="s">
        <v>6227</v>
      </c>
      <c r="D9630" t="s">
        <v>19987</v>
      </c>
      <c r="E9630" t="s">
        <v>13</v>
      </c>
      <c r="F9630">
        <v>4452</v>
      </c>
      <c r="G9630" t="s">
        <v>19994</v>
      </c>
      <c r="H9630">
        <v>4.8763593137549996</v>
      </c>
      <c r="I9630">
        <v>53.085726818588</v>
      </c>
      <c r="J9630" t="s">
        <v>65315</v>
      </c>
    </row>
    <row r="9631" spans="1:10" x14ac:dyDescent="0.25">
      <c r="A9631" t="s">
        <v>19989</v>
      </c>
      <c r="B9631" t="s">
        <v>19990</v>
      </c>
      <c r="C9631" t="s">
        <v>19894</v>
      </c>
      <c r="D9631" t="s">
        <v>19987</v>
      </c>
      <c r="E9631" t="s">
        <v>13</v>
      </c>
      <c r="F9631">
        <v>4451</v>
      </c>
      <c r="G9631" t="s">
        <v>19991</v>
      </c>
      <c r="H9631">
        <v>4.7645705022070004</v>
      </c>
      <c r="I9631">
        <v>53.097411625775003</v>
      </c>
      <c r="J9631" t="s">
        <v>65316</v>
      </c>
    </row>
    <row r="9632" spans="1:10" x14ac:dyDescent="0.25">
      <c r="A9632" t="s">
        <v>19984</v>
      </c>
      <c r="B9632" t="s">
        <v>19985</v>
      </c>
      <c r="C9632" t="s">
        <v>19986</v>
      </c>
      <c r="D9632" t="s">
        <v>19987</v>
      </c>
      <c r="E9632" t="s">
        <v>13</v>
      </c>
      <c r="F9632">
        <v>4450</v>
      </c>
      <c r="G9632" t="s">
        <v>19988</v>
      </c>
      <c r="H9632">
        <v>4.7996662441469997</v>
      </c>
      <c r="I9632">
        <v>53.055688382162998</v>
      </c>
      <c r="J9632" t="s">
        <v>65317</v>
      </c>
    </row>
    <row r="9633" spans="1:10" x14ac:dyDescent="0.25">
      <c r="A9633" t="s">
        <v>19980</v>
      </c>
      <c r="B9633" t="s">
        <v>19981</v>
      </c>
      <c r="C9633" t="s">
        <v>19982</v>
      </c>
      <c r="D9633" t="s">
        <v>19879</v>
      </c>
      <c r="E9633" t="s">
        <v>13</v>
      </c>
      <c r="F9633">
        <v>4449</v>
      </c>
      <c r="G9633" t="s">
        <v>19983</v>
      </c>
      <c r="H9633">
        <v>4.9388331057289996</v>
      </c>
      <c r="I9633">
        <v>52.505124783442</v>
      </c>
      <c r="J9633" t="s">
        <v>65318</v>
      </c>
    </row>
    <row r="9634" spans="1:10" x14ac:dyDescent="0.25">
      <c r="A9634" t="s">
        <v>19976</v>
      </c>
      <c r="B9634" t="s">
        <v>19977</v>
      </c>
      <c r="C9634" t="s">
        <v>19978</v>
      </c>
      <c r="D9634" t="s">
        <v>19879</v>
      </c>
      <c r="E9634" t="s">
        <v>13</v>
      </c>
      <c r="F9634">
        <v>4448</v>
      </c>
      <c r="G9634" t="s">
        <v>19979</v>
      </c>
      <c r="H9634">
        <v>4.9353471389330004</v>
      </c>
      <c r="I9634">
        <v>52.491095714358003</v>
      </c>
      <c r="J9634" t="s">
        <v>65319</v>
      </c>
    </row>
    <row r="9635" spans="1:10" x14ac:dyDescent="0.25">
      <c r="A9635" t="s">
        <v>19972</v>
      </c>
      <c r="B9635" t="s">
        <v>19973</v>
      </c>
      <c r="C9635" t="s">
        <v>19974</v>
      </c>
      <c r="D9635" t="s">
        <v>19879</v>
      </c>
      <c r="E9635" t="s">
        <v>13</v>
      </c>
      <c r="F9635">
        <v>4447</v>
      </c>
      <c r="G9635" t="s">
        <v>19975</v>
      </c>
      <c r="H9635">
        <v>4.9303810179190002</v>
      </c>
      <c r="I9635">
        <v>52.499438875936001</v>
      </c>
      <c r="J9635" t="s">
        <v>65320</v>
      </c>
    </row>
    <row r="9636" spans="1:10" x14ac:dyDescent="0.25">
      <c r="A9636" t="s">
        <v>19968</v>
      </c>
      <c r="B9636" t="s">
        <v>19969</v>
      </c>
      <c r="C9636" t="s">
        <v>19970</v>
      </c>
      <c r="D9636" t="s">
        <v>19879</v>
      </c>
      <c r="E9636" t="s">
        <v>13</v>
      </c>
      <c r="F9636">
        <v>4446</v>
      </c>
      <c r="G9636" t="s">
        <v>19971</v>
      </c>
      <c r="H9636">
        <v>4.944634397553</v>
      </c>
      <c r="I9636">
        <v>52.493375233404002</v>
      </c>
      <c r="J9636" t="s">
        <v>65321</v>
      </c>
    </row>
    <row r="9637" spans="1:10" x14ac:dyDescent="0.25">
      <c r="A9637" t="s">
        <v>19964</v>
      </c>
      <c r="B9637" t="s">
        <v>19965</v>
      </c>
      <c r="C9637" t="s">
        <v>19966</v>
      </c>
      <c r="D9637" t="s">
        <v>19879</v>
      </c>
      <c r="E9637" t="s">
        <v>13</v>
      </c>
      <c r="F9637">
        <v>4445</v>
      </c>
      <c r="G9637" t="s">
        <v>19967</v>
      </c>
      <c r="H9637">
        <v>4.9390049865050001</v>
      </c>
      <c r="I9637">
        <v>52.511382912134998</v>
      </c>
      <c r="J9637" t="s">
        <v>65322</v>
      </c>
    </row>
    <row r="9638" spans="1:10" x14ac:dyDescent="0.25">
      <c r="A9638" t="s">
        <v>19960</v>
      </c>
      <c r="B9638" t="s">
        <v>19961</v>
      </c>
      <c r="C9638" t="s">
        <v>19962</v>
      </c>
      <c r="D9638" t="s">
        <v>19879</v>
      </c>
      <c r="E9638" t="s">
        <v>13</v>
      </c>
      <c r="F9638">
        <v>4444</v>
      </c>
      <c r="G9638" t="s">
        <v>19963</v>
      </c>
      <c r="H9638">
        <v>4.9726637861279999</v>
      </c>
      <c r="I9638">
        <v>52.481540620430003</v>
      </c>
      <c r="J9638" t="s">
        <v>65323</v>
      </c>
    </row>
    <row r="9639" spans="1:10" x14ac:dyDescent="0.25">
      <c r="A9639" t="s">
        <v>19956</v>
      </c>
      <c r="B9639" t="s">
        <v>19957</v>
      </c>
      <c r="C9639" t="s">
        <v>19958</v>
      </c>
      <c r="D9639" t="s">
        <v>19879</v>
      </c>
      <c r="E9639" t="s">
        <v>13</v>
      </c>
      <c r="F9639">
        <v>4443</v>
      </c>
      <c r="G9639" t="s">
        <v>19959</v>
      </c>
      <c r="H9639">
        <v>4.9655782446899996</v>
      </c>
      <c r="I9639">
        <v>52.488861101009</v>
      </c>
      <c r="J9639" t="s">
        <v>65324</v>
      </c>
    </row>
    <row r="9640" spans="1:10" x14ac:dyDescent="0.25">
      <c r="A9640" t="s">
        <v>19952</v>
      </c>
      <c r="B9640" t="s">
        <v>19953</v>
      </c>
      <c r="C9640" t="s">
        <v>19954</v>
      </c>
      <c r="D9640" t="s">
        <v>19879</v>
      </c>
      <c r="E9640" t="s">
        <v>13</v>
      </c>
      <c r="F9640">
        <v>4442</v>
      </c>
      <c r="G9640" t="s">
        <v>19955</v>
      </c>
      <c r="H9640">
        <v>4.9723560517080001</v>
      </c>
      <c r="I9640">
        <v>52.495008737578999</v>
      </c>
      <c r="J9640" t="s">
        <v>65325</v>
      </c>
    </row>
    <row r="9641" spans="1:10" x14ac:dyDescent="0.25">
      <c r="A9641" t="s">
        <v>19948</v>
      </c>
      <c r="B9641" t="s">
        <v>19949</v>
      </c>
      <c r="C9641" t="s">
        <v>19950</v>
      </c>
      <c r="D9641" t="s">
        <v>19879</v>
      </c>
      <c r="E9641" t="s">
        <v>13</v>
      </c>
      <c r="F9641">
        <v>4441</v>
      </c>
      <c r="G9641" t="s">
        <v>19951</v>
      </c>
      <c r="H9641">
        <v>4.9971247164700001</v>
      </c>
      <c r="I9641">
        <v>52.501196770568001</v>
      </c>
      <c r="J9641" t="s">
        <v>65326</v>
      </c>
    </row>
    <row r="9642" spans="1:10" x14ac:dyDescent="0.25">
      <c r="A9642" t="s">
        <v>19944</v>
      </c>
      <c r="B9642" t="s">
        <v>19945</v>
      </c>
      <c r="C9642" t="s">
        <v>19946</v>
      </c>
      <c r="D9642" t="s">
        <v>19879</v>
      </c>
      <c r="E9642" t="s">
        <v>13</v>
      </c>
      <c r="F9642">
        <v>4440</v>
      </c>
      <c r="G9642" t="s">
        <v>19947</v>
      </c>
      <c r="H9642">
        <v>5.0062668927339997</v>
      </c>
      <c r="I9642">
        <v>52.518002144439002</v>
      </c>
      <c r="J9642" t="s">
        <v>65327</v>
      </c>
    </row>
    <row r="9643" spans="1:10" x14ac:dyDescent="0.25">
      <c r="A9643" t="s">
        <v>19940</v>
      </c>
      <c r="B9643" t="s">
        <v>19941</v>
      </c>
      <c r="C9643" t="s">
        <v>19942</v>
      </c>
      <c r="D9643" t="s">
        <v>19879</v>
      </c>
      <c r="E9643" t="s">
        <v>13</v>
      </c>
      <c r="F9643">
        <v>4439</v>
      </c>
      <c r="G9643" t="s">
        <v>19943</v>
      </c>
      <c r="H9643">
        <v>4.9900359867380004</v>
      </c>
      <c r="I9643">
        <v>52.510193871365999</v>
      </c>
      <c r="J9643" t="s">
        <v>65328</v>
      </c>
    </row>
    <row r="9644" spans="1:10" x14ac:dyDescent="0.25">
      <c r="A9644" t="s">
        <v>19936</v>
      </c>
      <c r="B9644" t="s">
        <v>19937</v>
      </c>
      <c r="C9644" t="s">
        <v>19938</v>
      </c>
      <c r="D9644" t="s">
        <v>19879</v>
      </c>
      <c r="E9644" t="s">
        <v>13</v>
      </c>
      <c r="F9644">
        <v>4438</v>
      </c>
      <c r="G9644" t="s">
        <v>19939</v>
      </c>
      <c r="H9644">
        <v>4.9862521900810002</v>
      </c>
      <c r="I9644">
        <v>52.501023144763003</v>
      </c>
      <c r="J9644" t="s">
        <v>65329</v>
      </c>
    </row>
    <row r="9645" spans="1:10" x14ac:dyDescent="0.25">
      <c r="A9645" t="s">
        <v>19932</v>
      </c>
      <c r="B9645" t="s">
        <v>19933</v>
      </c>
      <c r="C9645" t="s">
        <v>19934</v>
      </c>
      <c r="D9645" t="s">
        <v>19879</v>
      </c>
      <c r="E9645" t="s">
        <v>13</v>
      </c>
      <c r="F9645">
        <v>4437</v>
      </c>
      <c r="G9645" t="s">
        <v>19935</v>
      </c>
      <c r="H9645">
        <v>4.9768573294129999</v>
      </c>
      <c r="I9645">
        <v>52.504334080493997</v>
      </c>
      <c r="J9645" t="s">
        <v>65330</v>
      </c>
    </row>
    <row r="9646" spans="1:10" x14ac:dyDescent="0.25">
      <c r="A9646" t="s">
        <v>19928</v>
      </c>
      <c r="B9646" t="s">
        <v>19929</v>
      </c>
      <c r="C9646" t="s">
        <v>19930</v>
      </c>
      <c r="D9646" t="s">
        <v>19879</v>
      </c>
      <c r="E9646" t="s">
        <v>13</v>
      </c>
      <c r="F9646">
        <v>4436</v>
      </c>
      <c r="G9646" t="s">
        <v>19931</v>
      </c>
      <c r="H9646">
        <v>4.9805958542240001</v>
      </c>
      <c r="I9646">
        <v>52.501380871606003</v>
      </c>
      <c r="J9646" t="s">
        <v>65331</v>
      </c>
    </row>
    <row r="9647" spans="1:10" x14ac:dyDescent="0.25">
      <c r="A9647" t="s">
        <v>19924</v>
      </c>
      <c r="B9647" t="s">
        <v>19925</v>
      </c>
      <c r="C9647" t="s">
        <v>19926</v>
      </c>
      <c r="D9647" t="s">
        <v>19879</v>
      </c>
      <c r="E9647" t="s">
        <v>13</v>
      </c>
      <c r="F9647">
        <v>4435</v>
      </c>
      <c r="G9647" t="s">
        <v>19927</v>
      </c>
      <c r="H9647">
        <v>4.9602264785200001</v>
      </c>
      <c r="I9647">
        <v>52.500870566434997</v>
      </c>
      <c r="J9647" t="s">
        <v>65332</v>
      </c>
    </row>
    <row r="9648" spans="1:10" x14ac:dyDescent="0.25">
      <c r="A9648" t="s">
        <v>19920</v>
      </c>
      <c r="B9648" t="s">
        <v>19921</v>
      </c>
      <c r="C9648" t="s">
        <v>19922</v>
      </c>
      <c r="D9648" t="s">
        <v>19879</v>
      </c>
      <c r="E9648" t="s">
        <v>13</v>
      </c>
      <c r="F9648">
        <v>4434</v>
      </c>
      <c r="G9648" t="s">
        <v>19923</v>
      </c>
      <c r="H9648">
        <v>4.9522757222060001</v>
      </c>
      <c r="I9648">
        <v>52.492083194400998</v>
      </c>
      <c r="J9648" t="s">
        <v>65333</v>
      </c>
    </row>
    <row r="9649" spans="1:10" x14ac:dyDescent="0.25">
      <c r="A9649" t="s">
        <v>19916</v>
      </c>
      <c r="B9649" t="s">
        <v>19917</v>
      </c>
      <c r="C9649" t="s">
        <v>19918</v>
      </c>
      <c r="D9649" t="s">
        <v>19879</v>
      </c>
      <c r="E9649" t="s">
        <v>13</v>
      </c>
      <c r="F9649">
        <v>4433</v>
      </c>
      <c r="G9649" t="s">
        <v>19919</v>
      </c>
      <c r="H9649">
        <v>4.9815685202309998</v>
      </c>
      <c r="I9649">
        <v>52.514022939717997</v>
      </c>
      <c r="J9649" t="s">
        <v>65334</v>
      </c>
    </row>
    <row r="9650" spans="1:10" x14ac:dyDescent="0.25">
      <c r="A9650" t="s">
        <v>19912</v>
      </c>
      <c r="B9650" t="s">
        <v>19913</v>
      </c>
      <c r="C9650" t="s">
        <v>19914</v>
      </c>
      <c r="D9650" t="s">
        <v>19879</v>
      </c>
      <c r="E9650" t="s">
        <v>13</v>
      </c>
      <c r="F9650">
        <v>4432</v>
      </c>
      <c r="G9650" t="s">
        <v>19915</v>
      </c>
      <c r="H9650">
        <v>4.9724496257229998</v>
      </c>
      <c r="I9650">
        <v>52.508450754064</v>
      </c>
      <c r="J9650" t="s">
        <v>65335</v>
      </c>
    </row>
    <row r="9651" spans="1:10" x14ac:dyDescent="0.25">
      <c r="A9651" t="s">
        <v>19908</v>
      </c>
      <c r="B9651" t="s">
        <v>19909</v>
      </c>
      <c r="C9651" t="s">
        <v>19910</v>
      </c>
      <c r="D9651" t="s">
        <v>19879</v>
      </c>
      <c r="E9651" t="s">
        <v>13</v>
      </c>
      <c r="F9651">
        <v>4431</v>
      </c>
      <c r="G9651" t="s">
        <v>19911</v>
      </c>
      <c r="H9651">
        <v>4.9633335915360002</v>
      </c>
      <c r="I9651">
        <v>52.508106937226998</v>
      </c>
      <c r="J9651" t="s">
        <v>65336</v>
      </c>
    </row>
    <row r="9652" spans="1:10" x14ac:dyDescent="0.25">
      <c r="A9652" t="s">
        <v>19904</v>
      </c>
      <c r="B9652" t="s">
        <v>19905</v>
      </c>
      <c r="C9652" t="s">
        <v>19906</v>
      </c>
      <c r="D9652" t="s">
        <v>19879</v>
      </c>
      <c r="E9652" t="s">
        <v>13</v>
      </c>
      <c r="F9652">
        <v>4430</v>
      </c>
      <c r="G9652" t="s">
        <v>19907</v>
      </c>
      <c r="H9652">
        <v>4.9772184562469999</v>
      </c>
      <c r="I9652">
        <v>52.520953592425002</v>
      </c>
      <c r="J9652" t="s">
        <v>65337</v>
      </c>
    </row>
    <row r="9653" spans="1:10" x14ac:dyDescent="0.25">
      <c r="A9653" t="s">
        <v>19900</v>
      </c>
      <c r="B9653" t="s">
        <v>19901</v>
      </c>
      <c r="C9653" t="s">
        <v>19902</v>
      </c>
      <c r="D9653" t="s">
        <v>19879</v>
      </c>
      <c r="E9653" t="s">
        <v>13</v>
      </c>
      <c r="F9653">
        <v>4429</v>
      </c>
      <c r="G9653" t="s">
        <v>19903</v>
      </c>
      <c r="H9653">
        <v>4.9629246091689998</v>
      </c>
      <c r="I9653">
        <v>52.522952089828003</v>
      </c>
      <c r="J9653" t="s">
        <v>65338</v>
      </c>
    </row>
    <row r="9654" spans="1:10" x14ac:dyDescent="0.25">
      <c r="A9654" t="s">
        <v>19896</v>
      </c>
      <c r="B9654" t="s">
        <v>19897</v>
      </c>
      <c r="C9654" t="s">
        <v>19898</v>
      </c>
      <c r="D9654" t="s">
        <v>19879</v>
      </c>
      <c r="E9654" t="s">
        <v>13</v>
      </c>
      <c r="F9654">
        <v>4428</v>
      </c>
      <c r="G9654" t="s">
        <v>19899</v>
      </c>
      <c r="H9654">
        <v>4.9559040467899997</v>
      </c>
      <c r="I9654">
        <v>52.509536335436998</v>
      </c>
      <c r="J9654" t="s">
        <v>65339</v>
      </c>
    </row>
    <row r="9655" spans="1:10" x14ac:dyDescent="0.25">
      <c r="A9655" t="s">
        <v>19892</v>
      </c>
      <c r="B9655" t="s">
        <v>19893</v>
      </c>
      <c r="C9655" t="s">
        <v>19894</v>
      </c>
      <c r="D9655" t="s">
        <v>19879</v>
      </c>
      <c r="E9655" t="s">
        <v>13</v>
      </c>
      <c r="F9655">
        <v>4427</v>
      </c>
      <c r="G9655" t="s">
        <v>19895</v>
      </c>
      <c r="H9655">
        <v>4.9796598192779999</v>
      </c>
      <c r="I9655">
        <v>52.516777896271002</v>
      </c>
      <c r="J9655" t="s">
        <v>65340</v>
      </c>
    </row>
    <row r="9656" spans="1:10" x14ac:dyDescent="0.25">
      <c r="A9656" t="s">
        <v>19888</v>
      </c>
      <c r="B9656" t="s">
        <v>19889</v>
      </c>
      <c r="C9656" t="s">
        <v>19890</v>
      </c>
      <c r="D9656" t="s">
        <v>19879</v>
      </c>
      <c r="E9656" t="s">
        <v>13</v>
      </c>
      <c r="F9656">
        <v>4426</v>
      </c>
      <c r="G9656" t="s">
        <v>19891</v>
      </c>
      <c r="H9656">
        <v>4.9604983379709999</v>
      </c>
      <c r="I9656">
        <v>52.514214668206002</v>
      </c>
      <c r="J9656" t="s">
        <v>65341</v>
      </c>
    </row>
    <row r="9657" spans="1:10" x14ac:dyDescent="0.25">
      <c r="A9657" t="s">
        <v>19884</v>
      </c>
      <c r="B9657" t="s">
        <v>19885</v>
      </c>
      <c r="C9657" t="s">
        <v>19886</v>
      </c>
      <c r="D9657" t="s">
        <v>19879</v>
      </c>
      <c r="E9657" t="s">
        <v>13</v>
      </c>
      <c r="F9657">
        <v>4425</v>
      </c>
      <c r="G9657" t="s">
        <v>19887</v>
      </c>
      <c r="H9657">
        <v>4.9481780773380004</v>
      </c>
      <c r="I9657">
        <v>52.503370362871998</v>
      </c>
      <c r="J9657" t="s">
        <v>65342</v>
      </c>
    </row>
    <row r="9658" spans="1:10" x14ac:dyDescent="0.25">
      <c r="A9658" t="s">
        <v>19881</v>
      </c>
      <c r="B9658" t="s">
        <v>19882</v>
      </c>
      <c r="C9658" t="s">
        <v>4780</v>
      </c>
      <c r="D9658" t="s">
        <v>19879</v>
      </c>
      <c r="E9658" t="s">
        <v>13</v>
      </c>
      <c r="F9658">
        <v>4424</v>
      </c>
      <c r="G9658" t="s">
        <v>19883</v>
      </c>
      <c r="H9658">
        <v>4.9534936023910001</v>
      </c>
      <c r="I9658">
        <v>52.506543039893003</v>
      </c>
      <c r="J9658" t="s">
        <v>65343</v>
      </c>
    </row>
    <row r="9659" spans="1:10" x14ac:dyDescent="0.25">
      <c r="A9659" t="s">
        <v>19877</v>
      </c>
      <c r="B9659" t="s">
        <v>19878</v>
      </c>
      <c r="C9659" t="s">
        <v>2874</v>
      </c>
      <c r="D9659" t="s">
        <v>19879</v>
      </c>
      <c r="E9659" t="s">
        <v>13</v>
      </c>
      <c r="F9659">
        <v>4423</v>
      </c>
      <c r="G9659" t="s">
        <v>19880</v>
      </c>
      <c r="H9659">
        <v>4.9468073695949997</v>
      </c>
      <c r="I9659">
        <v>52.509268891726997</v>
      </c>
      <c r="J9659" t="s">
        <v>65344</v>
      </c>
    </row>
    <row r="9660" spans="1:10" x14ac:dyDescent="0.25">
      <c r="A9660" t="s">
        <v>19873</v>
      </c>
      <c r="B9660" t="s">
        <v>19874</v>
      </c>
      <c r="C9660" t="s">
        <v>19875</v>
      </c>
      <c r="D9660" t="s">
        <v>19851</v>
      </c>
      <c r="E9660" t="s">
        <v>13</v>
      </c>
      <c r="F9660">
        <v>4422</v>
      </c>
      <c r="G9660" t="s">
        <v>19876</v>
      </c>
      <c r="H9660">
        <v>4.9295763865730002</v>
      </c>
      <c r="I9660">
        <v>52.284340551193999</v>
      </c>
      <c r="J9660" t="s">
        <v>65345</v>
      </c>
    </row>
    <row r="9661" spans="1:10" x14ac:dyDescent="0.25">
      <c r="A9661" t="s">
        <v>19869</v>
      </c>
      <c r="B9661" t="s">
        <v>19870</v>
      </c>
      <c r="C9661" t="s">
        <v>19871</v>
      </c>
      <c r="D9661" t="s">
        <v>19851</v>
      </c>
      <c r="E9661" t="s">
        <v>13</v>
      </c>
      <c r="F9661">
        <v>4421</v>
      </c>
      <c r="G9661" t="s">
        <v>19872</v>
      </c>
      <c r="H9661">
        <v>4.9340141281010004</v>
      </c>
      <c r="I9661">
        <v>52.291517768125999</v>
      </c>
      <c r="J9661" t="s">
        <v>65346</v>
      </c>
    </row>
    <row r="9662" spans="1:10" x14ac:dyDescent="0.25">
      <c r="A9662" t="s">
        <v>19865</v>
      </c>
      <c r="B9662" t="s">
        <v>19866</v>
      </c>
      <c r="C9662" t="s">
        <v>19867</v>
      </c>
      <c r="D9662" t="s">
        <v>19851</v>
      </c>
      <c r="E9662" t="s">
        <v>13</v>
      </c>
      <c r="F9662">
        <v>4420</v>
      </c>
      <c r="G9662" t="s">
        <v>19868</v>
      </c>
      <c r="H9662">
        <v>4.9210475572370003</v>
      </c>
      <c r="I9662">
        <v>52.314260952761998</v>
      </c>
      <c r="J9662" t="s">
        <v>65347</v>
      </c>
    </row>
    <row r="9663" spans="1:10" x14ac:dyDescent="0.25">
      <c r="A9663" t="s">
        <v>19861</v>
      </c>
      <c r="B9663" t="s">
        <v>19862</v>
      </c>
      <c r="C9663" t="s">
        <v>19863</v>
      </c>
      <c r="D9663" t="s">
        <v>19851</v>
      </c>
      <c r="E9663" t="s">
        <v>13</v>
      </c>
      <c r="F9663">
        <v>4419</v>
      </c>
      <c r="G9663" t="s">
        <v>19864</v>
      </c>
      <c r="H9663">
        <v>4.9006334138629999</v>
      </c>
      <c r="I9663">
        <v>52.270770837367998</v>
      </c>
      <c r="J9663" t="s">
        <v>65348</v>
      </c>
    </row>
    <row r="9664" spans="1:10" x14ac:dyDescent="0.25">
      <c r="A9664" t="s">
        <v>19857</v>
      </c>
      <c r="B9664" t="s">
        <v>19858</v>
      </c>
      <c r="C9664" t="s">
        <v>19859</v>
      </c>
      <c r="D9664" t="s">
        <v>19851</v>
      </c>
      <c r="E9664" t="s">
        <v>13</v>
      </c>
      <c r="F9664">
        <v>4418</v>
      </c>
      <c r="G9664" t="s">
        <v>19860</v>
      </c>
      <c r="H9664">
        <v>4.9230107406019998</v>
      </c>
      <c r="I9664">
        <v>52.328478981779</v>
      </c>
      <c r="J9664" t="s">
        <v>65349</v>
      </c>
    </row>
    <row r="9665" spans="1:10" x14ac:dyDescent="0.25">
      <c r="A9665" t="s">
        <v>19853</v>
      </c>
      <c r="B9665" t="s">
        <v>19854</v>
      </c>
      <c r="C9665" t="s">
        <v>19855</v>
      </c>
      <c r="D9665" t="s">
        <v>19851</v>
      </c>
      <c r="E9665" t="s">
        <v>13</v>
      </c>
      <c r="F9665">
        <v>4417</v>
      </c>
      <c r="G9665" t="s">
        <v>19856</v>
      </c>
      <c r="H9665">
        <v>4.9380723328430003</v>
      </c>
      <c r="I9665">
        <v>52.331290023026</v>
      </c>
      <c r="J9665" t="s">
        <v>65350</v>
      </c>
    </row>
    <row r="9666" spans="1:10" x14ac:dyDescent="0.25">
      <c r="A9666" t="s">
        <v>19848</v>
      </c>
      <c r="B9666" t="s">
        <v>19849</v>
      </c>
      <c r="C9666" t="s">
        <v>19850</v>
      </c>
      <c r="D9666" t="s">
        <v>19851</v>
      </c>
      <c r="E9666" t="s">
        <v>13</v>
      </c>
      <c r="F9666">
        <v>4416</v>
      </c>
      <c r="G9666" t="s">
        <v>19852</v>
      </c>
      <c r="H9666">
        <v>4.9105087331029997</v>
      </c>
      <c r="I9666">
        <v>52.296256541852998</v>
      </c>
      <c r="J9666" t="s">
        <v>65351</v>
      </c>
    </row>
    <row r="9667" spans="1:10" x14ac:dyDescent="0.25">
      <c r="A9667" t="s">
        <v>19844</v>
      </c>
      <c r="B9667" t="s">
        <v>19845</v>
      </c>
      <c r="C9667" t="s">
        <v>19846</v>
      </c>
      <c r="D9667" t="s">
        <v>19807</v>
      </c>
      <c r="E9667" t="s">
        <v>13</v>
      </c>
      <c r="F9667">
        <v>4415</v>
      </c>
      <c r="G9667" t="s">
        <v>19847</v>
      </c>
      <c r="H9667">
        <v>4.9862075776210002</v>
      </c>
      <c r="I9667">
        <v>52.734376374648001</v>
      </c>
      <c r="J9667" t="s">
        <v>65352</v>
      </c>
    </row>
    <row r="9668" spans="1:10" x14ac:dyDescent="0.25">
      <c r="A9668" t="s">
        <v>19840</v>
      </c>
      <c r="B9668" t="s">
        <v>19841</v>
      </c>
      <c r="C9668" t="s">
        <v>19842</v>
      </c>
      <c r="D9668" t="s">
        <v>19807</v>
      </c>
      <c r="E9668" t="s">
        <v>13</v>
      </c>
      <c r="F9668">
        <v>4414</v>
      </c>
      <c r="G9668" t="s">
        <v>19843</v>
      </c>
      <c r="H9668">
        <v>4.9599950542520004</v>
      </c>
      <c r="I9668">
        <v>52.728828422386002</v>
      </c>
      <c r="J9668" t="s">
        <v>65353</v>
      </c>
    </row>
    <row r="9669" spans="1:10" x14ac:dyDescent="0.25">
      <c r="A9669" t="s">
        <v>19836</v>
      </c>
      <c r="B9669" t="s">
        <v>19837</v>
      </c>
      <c r="C9669" t="s">
        <v>19838</v>
      </c>
      <c r="D9669" t="s">
        <v>19807</v>
      </c>
      <c r="E9669" t="s">
        <v>13</v>
      </c>
      <c r="F9669">
        <v>4413</v>
      </c>
      <c r="G9669" t="s">
        <v>19839</v>
      </c>
      <c r="H9669">
        <v>4.9193849694659999</v>
      </c>
      <c r="I9669">
        <v>52.721595227484997</v>
      </c>
      <c r="J9669" t="s">
        <v>65354</v>
      </c>
    </row>
    <row r="9670" spans="1:10" x14ac:dyDescent="0.25">
      <c r="A9670" t="s">
        <v>19832</v>
      </c>
      <c r="B9670" t="s">
        <v>19833</v>
      </c>
      <c r="C9670" t="s">
        <v>19834</v>
      </c>
      <c r="D9670" t="s">
        <v>19807</v>
      </c>
      <c r="E9670" t="s">
        <v>13</v>
      </c>
      <c r="F9670">
        <v>4412</v>
      </c>
      <c r="G9670" t="s">
        <v>19835</v>
      </c>
      <c r="H9670">
        <v>4.9596055749229997</v>
      </c>
      <c r="I9670">
        <v>52.747187148287999</v>
      </c>
      <c r="J9670" t="s">
        <v>65355</v>
      </c>
    </row>
    <row r="9671" spans="1:10" x14ac:dyDescent="0.25">
      <c r="A9671" t="s">
        <v>19828</v>
      </c>
      <c r="B9671" t="s">
        <v>19829</v>
      </c>
      <c r="C9671" t="s">
        <v>19830</v>
      </c>
      <c r="D9671" t="s">
        <v>19807</v>
      </c>
      <c r="E9671" t="s">
        <v>13</v>
      </c>
      <c r="F9671">
        <v>4411</v>
      </c>
      <c r="G9671" t="s">
        <v>19831</v>
      </c>
      <c r="H9671">
        <v>4.9371024848129998</v>
      </c>
      <c r="I9671">
        <v>52.722065191646003</v>
      </c>
      <c r="J9671" t="s">
        <v>65356</v>
      </c>
    </row>
    <row r="9672" spans="1:10" x14ac:dyDescent="0.25">
      <c r="A9672" t="s">
        <v>19825</v>
      </c>
      <c r="B9672" t="s">
        <v>19826</v>
      </c>
      <c r="C9672" t="s">
        <v>10802</v>
      </c>
      <c r="D9672" t="s">
        <v>19807</v>
      </c>
      <c r="E9672" t="s">
        <v>13</v>
      </c>
      <c r="F9672">
        <v>4410</v>
      </c>
      <c r="G9672" t="s">
        <v>19827</v>
      </c>
      <c r="H9672">
        <v>4.9186717036819996</v>
      </c>
      <c r="I9672">
        <v>52.700166227528001</v>
      </c>
      <c r="J9672" t="s">
        <v>65357</v>
      </c>
    </row>
    <row r="9673" spans="1:10" x14ac:dyDescent="0.25">
      <c r="A9673" t="s">
        <v>19821</v>
      </c>
      <c r="B9673" t="s">
        <v>19822</v>
      </c>
      <c r="C9673" t="s">
        <v>19823</v>
      </c>
      <c r="D9673" t="s">
        <v>19807</v>
      </c>
      <c r="E9673" t="s">
        <v>13</v>
      </c>
      <c r="F9673">
        <v>4409</v>
      </c>
      <c r="G9673" t="s">
        <v>19824</v>
      </c>
      <c r="H9673">
        <v>4.9237194182459998</v>
      </c>
      <c r="I9673">
        <v>52.689003906800998</v>
      </c>
      <c r="J9673" t="s">
        <v>65358</v>
      </c>
    </row>
    <row r="9674" spans="1:10" x14ac:dyDescent="0.25">
      <c r="A9674" t="s">
        <v>19817</v>
      </c>
      <c r="B9674" t="s">
        <v>19818</v>
      </c>
      <c r="C9674" t="s">
        <v>19819</v>
      </c>
      <c r="D9674" t="s">
        <v>19807</v>
      </c>
      <c r="E9674" t="s">
        <v>13</v>
      </c>
      <c r="F9674">
        <v>4408</v>
      </c>
      <c r="G9674" t="s">
        <v>19820</v>
      </c>
      <c r="H9674">
        <v>4.9705111462570004</v>
      </c>
      <c r="I9674">
        <v>52.685536673283998</v>
      </c>
      <c r="J9674" t="s">
        <v>65359</v>
      </c>
    </row>
    <row r="9675" spans="1:10" x14ac:dyDescent="0.25">
      <c r="A9675" t="s">
        <v>19813</v>
      </c>
      <c r="B9675" t="s">
        <v>19814</v>
      </c>
      <c r="C9675" t="s">
        <v>19815</v>
      </c>
      <c r="D9675" t="s">
        <v>19807</v>
      </c>
      <c r="E9675" t="s">
        <v>13</v>
      </c>
      <c r="F9675">
        <v>4407</v>
      </c>
      <c r="G9675" t="s">
        <v>19816</v>
      </c>
      <c r="H9675">
        <v>4.945196563523</v>
      </c>
      <c r="I9675">
        <v>52.682188216474003</v>
      </c>
      <c r="J9675" t="s">
        <v>65360</v>
      </c>
    </row>
    <row r="9676" spans="1:10" x14ac:dyDescent="0.25">
      <c r="A9676" t="s">
        <v>19809</v>
      </c>
      <c r="B9676" t="s">
        <v>19810</v>
      </c>
      <c r="C9676" t="s">
        <v>19811</v>
      </c>
      <c r="D9676" t="s">
        <v>19807</v>
      </c>
      <c r="E9676" t="s">
        <v>13</v>
      </c>
      <c r="F9676">
        <v>4406</v>
      </c>
      <c r="G9676" t="s">
        <v>19812</v>
      </c>
      <c r="H9676">
        <v>4.9555109812709999</v>
      </c>
      <c r="I9676">
        <v>52.696162659803001</v>
      </c>
      <c r="J9676" t="s">
        <v>65361</v>
      </c>
    </row>
    <row r="9677" spans="1:10" x14ac:dyDescent="0.25">
      <c r="A9677" t="s">
        <v>19804</v>
      </c>
      <c r="B9677" t="s">
        <v>19805</v>
      </c>
      <c r="C9677" t="s">
        <v>19806</v>
      </c>
      <c r="D9677" t="s">
        <v>19807</v>
      </c>
      <c r="E9677" t="s">
        <v>13</v>
      </c>
      <c r="F9677">
        <v>4405</v>
      </c>
      <c r="G9677" t="s">
        <v>19808</v>
      </c>
      <c r="H9677">
        <v>4.9627597408400002</v>
      </c>
      <c r="I9677">
        <v>52.711098427072002</v>
      </c>
      <c r="J9677" t="s">
        <v>65362</v>
      </c>
    </row>
    <row r="9678" spans="1:10" x14ac:dyDescent="0.25">
      <c r="A9678" t="s">
        <v>19800</v>
      </c>
      <c r="B9678" t="s">
        <v>19801</v>
      </c>
      <c r="C9678" t="s">
        <v>19802</v>
      </c>
      <c r="D9678" t="s">
        <v>19790</v>
      </c>
      <c r="E9678" t="s">
        <v>13</v>
      </c>
      <c r="F9678">
        <v>4404</v>
      </c>
      <c r="G9678" t="s">
        <v>19803</v>
      </c>
      <c r="H9678">
        <v>4.8740596186170002</v>
      </c>
      <c r="I9678">
        <v>52.460043153630998</v>
      </c>
      <c r="J9678" t="s">
        <v>65363</v>
      </c>
    </row>
    <row r="9679" spans="1:10" x14ac:dyDescent="0.25">
      <c r="A9679" t="s">
        <v>19796</v>
      </c>
      <c r="B9679" t="s">
        <v>19797</v>
      </c>
      <c r="C9679" t="s">
        <v>19798</v>
      </c>
      <c r="D9679" t="s">
        <v>19790</v>
      </c>
      <c r="E9679" t="s">
        <v>13</v>
      </c>
      <c r="F9679">
        <v>4403</v>
      </c>
      <c r="G9679" t="s">
        <v>19799</v>
      </c>
      <c r="H9679">
        <v>4.8659851743329998</v>
      </c>
      <c r="I9679">
        <v>52.437847352931001</v>
      </c>
      <c r="J9679" t="s">
        <v>65364</v>
      </c>
    </row>
    <row r="9680" spans="1:10" x14ac:dyDescent="0.25">
      <c r="A9680" t="s">
        <v>19792</v>
      </c>
      <c r="B9680" t="s">
        <v>19793</v>
      </c>
      <c r="C9680" t="s">
        <v>19794</v>
      </c>
      <c r="D9680" t="s">
        <v>19790</v>
      </c>
      <c r="E9680" t="s">
        <v>13</v>
      </c>
      <c r="F9680">
        <v>4402</v>
      </c>
      <c r="G9680" t="s">
        <v>19795</v>
      </c>
      <c r="H9680">
        <v>4.8880646506499996</v>
      </c>
      <c r="I9680">
        <v>52.429116866407</v>
      </c>
      <c r="J9680" t="s">
        <v>65365</v>
      </c>
    </row>
    <row r="9681" spans="1:10" x14ac:dyDescent="0.25">
      <c r="A9681" t="s">
        <v>19787</v>
      </c>
      <c r="B9681" t="s">
        <v>19788</v>
      </c>
      <c r="C9681" t="s">
        <v>19789</v>
      </c>
      <c r="D9681" t="s">
        <v>19790</v>
      </c>
      <c r="E9681" t="s">
        <v>13</v>
      </c>
      <c r="F9681">
        <v>4401</v>
      </c>
      <c r="G9681" t="s">
        <v>19791</v>
      </c>
      <c r="H9681">
        <v>4.8780661849279996</v>
      </c>
      <c r="I9681">
        <v>52.438981201868003</v>
      </c>
      <c r="J9681" t="s">
        <v>65366</v>
      </c>
    </row>
    <row r="9682" spans="1:10" x14ac:dyDescent="0.25">
      <c r="A9682" t="s">
        <v>19783</v>
      </c>
      <c r="B9682" t="s">
        <v>19784</v>
      </c>
      <c r="C9682" t="s">
        <v>19785</v>
      </c>
      <c r="D9682" t="s">
        <v>19545</v>
      </c>
      <c r="E9682" t="s">
        <v>13</v>
      </c>
      <c r="F9682">
        <v>4400</v>
      </c>
      <c r="G9682" t="s">
        <v>19786</v>
      </c>
      <c r="H9682">
        <v>5.2163138327769998</v>
      </c>
      <c r="I9682">
        <v>52.727961488433003</v>
      </c>
      <c r="J9682" t="s">
        <v>65367</v>
      </c>
    </row>
    <row r="9683" spans="1:10" x14ac:dyDescent="0.25">
      <c r="A9683" t="s">
        <v>19779</v>
      </c>
      <c r="B9683" t="s">
        <v>19780</v>
      </c>
      <c r="C9683" t="s">
        <v>19781</v>
      </c>
      <c r="D9683" t="s">
        <v>19545</v>
      </c>
      <c r="E9683" t="s">
        <v>13</v>
      </c>
      <c r="F9683">
        <v>4399</v>
      </c>
      <c r="G9683" t="s">
        <v>19782</v>
      </c>
      <c r="H9683">
        <v>5.249209652397</v>
      </c>
      <c r="I9683">
        <v>52.749184961517003</v>
      </c>
      <c r="J9683" t="s">
        <v>65368</v>
      </c>
    </row>
    <row r="9684" spans="1:10" x14ac:dyDescent="0.25">
      <c r="A9684" t="s">
        <v>19775</v>
      </c>
      <c r="B9684" t="s">
        <v>19776</v>
      </c>
      <c r="C9684" t="s">
        <v>19777</v>
      </c>
      <c r="D9684" t="s">
        <v>19545</v>
      </c>
      <c r="E9684" t="s">
        <v>13</v>
      </c>
      <c r="F9684">
        <v>4398</v>
      </c>
      <c r="G9684" t="s">
        <v>19778</v>
      </c>
      <c r="H9684">
        <v>5.2284698895639998</v>
      </c>
      <c r="I9684">
        <v>52.740537577128002</v>
      </c>
      <c r="J9684" t="s">
        <v>65369</v>
      </c>
    </row>
    <row r="9685" spans="1:10" x14ac:dyDescent="0.25">
      <c r="A9685" t="s">
        <v>19771</v>
      </c>
      <c r="B9685" t="s">
        <v>19772</v>
      </c>
      <c r="C9685" t="s">
        <v>19773</v>
      </c>
      <c r="D9685" t="s">
        <v>19545</v>
      </c>
      <c r="E9685" t="s">
        <v>13</v>
      </c>
      <c r="F9685">
        <v>4397</v>
      </c>
      <c r="G9685" t="s">
        <v>19774</v>
      </c>
      <c r="H9685">
        <v>5.1722464629960001</v>
      </c>
      <c r="I9685">
        <v>52.738886895573998</v>
      </c>
      <c r="J9685" t="s">
        <v>65370</v>
      </c>
    </row>
    <row r="9686" spans="1:10" x14ac:dyDescent="0.25">
      <c r="A9686" t="s">
        <v>19767</v>
      </c>
      <c r="B9686" t="s">
        <v>19768</v>
      </c>
      <c r="C9686" t="s">
        <v>19769</v>
      </c>
      <c r="D9686" t="s">
        <v>19545</v>
      </c>
      <c r="E9686" t="s">
        <v>13</v>
      </c>
      <c r="F9686">
        <v>4396</v>
      </c>
      <c r="G9686" t="s">
        <v>19770</v>
      </c>
      <c r="H9686">
        <v>5.1953310613200001</v>
      </c>
      <c r="I9686">
        <v>52.751900374728002</v>
      </c>
      <c r="J9686" t="s">
        <v>65371</v>
      </c>
    </row>
    <row r="9687" spans="1:10" x14ac:dyDescent="0.25">
      <c r="A9687" t="s">
        <v>19763</v>
      </c>
      <c r="B9687" t="s">
        <v>19764</v>
      </c>
      <c r="C9687" t="s">
        <v>19765</v>
      </c>
      <c r="D9687" t="s">
        <v>19545</v>
      </c>
      <c r="E9687" t="s">
        <v>13</v>
      </c>
      <c r="F9687">
        <v>4395</v>
      </c>
      <c r="G9687" t="s">
        <v>19766</v>
      </c>
      <c r="H9687">
        <v>5.1841556732990002</v>
      </c>
      <c r="I9687">
        <v>52.740030162286999</v>
      </c>
      <c r="J9687" t="s">
        <v>65372</v>
      </c>
    </row>
    <row r="9688" spans="1:10" x14ac:dyDescent="0.25">
      <c r="A9688" t="s">
        <v>19759</v>
      </c>
      <c r="B9688" t="s">
        <v>19760</v>
      </c>
      <c r="C9688" t="s">
        <v>19761</v>
      </c>
      <c r="D9688" t="s">
        <v>19545</v>
      </c>
      <c r="E9688" t="s">
        <v>13</v>
      </c>
      <c r="F9688">
        <v>4394</v>
      </c>
      <c r="G9688" t="s">
        <v>19762</v>
      </c>
      <c r="H9688">
        <v>5.2218359489589998</v>
      </c>
      <c r="I9688">
        <v>52.742638348471999</v>
      </c>
      <c r="J9688" t="s">
        <v>65373</v>
      </c>
    </row>
    <row r="9689" spans="1:10" x14ac:dyDescent="0.25">
      <c r="A9689" t="s">
        <v>19755</v>
      </c>
      <c r="B9689" t="s">
        <v>19756</v>
      </c>
      <c r="C9689" t="s">
        <v>19757</v>
      </c>
      <c r="D9689" t="s">
        <v>19545</v>
      </c>
      <c r="E9689" t="s">
        <v>13</v>
      </c>
      <c r="F9689">
        <v>4393</v>
      </c>
      <c r="G9689" t="s">
        <v>19758</v>
      </c>
      <c r="H9689">
        <v>5.2049025154019999</v>
      </c>
      <c r="I9689">
        <v>52.747904697580999</v>
      </c>
      <c r="J9689" t="s">
        <v>65374</v>
      </c>
    </row>
    <row r="9690" spans="1:10" x14ac:dyDescent="0.25">
      <c r="A9690" t="s">
        <v>19751</v>
      </c>
      <c r="B9690" t="s">
        <v>19752</v>
      </c>
      <c r="C9690" t="s">
        <v>19753</v>
      </c>
      <c r="D9690" t="s">
        <v>19545</v>
      </c>
      <c r="E9690" t="s">
        <v>13</v>
      </c>
      <c r="F9690">
        <v>4392</v>
      </c>
      <c r="G9690" t="s">
        <v>19754</v>
      </c>
      <c r="H9690">
        <v>5.2420993981899997</v>
      </c>
      <c r="I9690">
        <v>52.744326818361998</v>
      </c>
      <c r="J9690" t="s">
        <v>65375</v>
      </c>
    </row>
    <row r="9691" spans="1:10" x14ac:dyDescent="0.25">
      <c r="A9691" t="s">
        <v>19747</v>
      </c>
      <c r="B9691" t="s">
        <v>19748</v>
      </c>
      <c r="C9691" t="s">
        <v>19749</v>
      </c>
      <c r="D9691" t="s">
        <v>19545</v>
      </c>
      <c r="E9691" t="s">
        <v>13</v>
      </c>
      <c r="F9691">
        <v>4391</v>
      </c>
      <c r="G9691" t="s">
        <v>19750</v>
      </c>
      <c r="H9691">
        <v>5.2197875876889999</v>
      </c>
      <c r="I9691">
        <v>52.747944163225</v>
      </c>
      <c r="J9691" t="s">
        <v>65376</v>
      </c>
    </row>
    <row r="9692" spans="1:10" x14ac:dyDescent="0.25">
      <c r="A9692" t="s">
        <v>19743</v>
      </c>
      <c r="B9692" t="s">
        <v>19744</v>
      </c>
      <c r="C9692" t="s">
        <v>19745</v>
      </c>
      <c r="D9692" t="s">
        <v>19545</v>
      </c>
      <c r="E9692" t="s">
        <v>13</v>
      </c>
      <c r="F9692">
        <v>4390</v>
      </c>
      <c r="G9692" t="s">
        <v>19746</v>
      </c>
      <c r="H9692">
        <v>5.1216137786560001</v>
      </c>
      <c r="I9692">
        <v>52.741792520712998</v>
      </c>
      <c r="J9692" t="s">
        <v>65377</v>
      </c>
    </row>
    <row r="9693" spans="1:10" x14ac:dyDescent="0.25">
      <c r="A9693" t="s">
        <v>19739</v>
      </c>
      <c r="B9693" t="s">
        <v>19740</v>
      </c>
      <c r="C9693" t="s">
        <v>19741</v>
      </c>
      <c r="D9693" t="s">
        <v>19545</v>
      </c>
      <c r="E9693" t="s">
        <v>13</v>
      </c>
      <c r="F9693">
        <v>4389</v>
      </c>
      <c r="G9693" t="s">
        <v>19742</v>
      </c>
      <c r="H9693">
        <v>5.1140659580129997</v>
      </c>
      <c r="I9693">
        <v>52.751439364362</v>
      </c>
      <c r="J9693" t="s">
        <v>65378</v>
      </c>
    </row>
    <row r="9694" spans="1:10" x14ac:dyDescent="0.25">
      <c r="A9694" t="s">
        <v>19735</v>
      </c>
      <c r="B9694" t="s">
        <v>19736</v>
      </c>
      <c r="C9694" t="s">
        <v>19737</v>
      </c>
      <c r="D9694" t="s">
        <v>19545</v>
      </c>
      <c r="E9694" t="s">
        <v>13</v>
      </c>
      <c r="F9694">
        <v>4388</v>
      </c>
      <c r="G9694" t="s">
        <v>19738</v>
      </c>
      <c r="H9694">
        <v>5.1356393598589998</v>
      </c>
      <c r="I9694">
        <v>52.743783552018002</v>
      </c>
      <c r="J9694" t="s">
        <v>65379</v>
      </c>
    </row>
    <row r="9695" spans="1:10" x14ac:dyDescent="0.25">
      <c r="A9695" t="s">
        <v>19731</v>
      </c>
      <c r="B9695" t="s">
        <v>19732</v>
      </c>
      <c r="C9695" t="s">
        <v>19733</v>
      </c>
      <c r="D9695" t="s">
        <v>19545</v>
      </c>
      <c r="E9695" t="s">
        <v>13</v>
      </c>
      <c r="F9695">
        <v>4387</v>
      </c>
      <c r="G9695" t="s">
        <v>19734</v>
      </c>
      <c r="H9695">
        <v>5.1549999099330002</v>
      </c>
      <c r="I9695">
        <v>52.718853693170999</v>
      </c>
      <c r="J9695" t="s">
        <v>65380</v>
      </c>
    </row>
    <row r="9696" spans="1:10" x14ac:dyDescent="0.25">
      <c r="A9696" t="s">
        <v>19727</v>
      </c>
      <c r="B9696" t="s">
        <v>19728</v>
      </c>
      <c r="C9696" t="s">
        <v>19729</v>
      </c>
      <c r="D9696" t="s">
        <v>19545</v>
      </c>
      <c r="E9696" t="s">
        <v>13</v>
      </c>
      <c r="F9696">
        <v>4386</v>
      </c>
      <c r="G9696" t="s">
        <v>19730</v>
      </c>
      <c r="H9696">
        <v>5.1466138157429997</v>
      </c>
      <c r="I9696">
        <v>52.742652770199001</v>
      </c>
      <c r="J9696" t="s">
        <v>65381</v>
      </c>
    </row>
    <row r="9697" spans="1:10" x14ac:dyDescent="0.25">
      <c r="A9697" t="s">
        <v>19723</v>
      </c>
      <c r="B9697" t="s">
        <v>19724</v>
      </c>
      <c r="C9697" t="s">
        <v>19725</v>
      </c>
      <c r="D9697" t="s">
        <v>19545</v>
      </c>
      <c r="E9697" t="s">
        <v>13</v>
      </c>
      <c r="F9697">
        <v>4385</v>
      </c>
      <c r="G9697" t="s">
        <v>19726</v>
      </c>
      <c r="H9697">
        <v>5.1456967982549999</v>
      </c>
      <c r="I9697">
        <v>52.731616303189</v>
      </c>
      <c r="J9697" t="s">
        <v>65382</v>
      </c>
    </row>
    <row r="9698" spans="1:10" x14ac:dyDescent="0.25">
      <c r="A9698" t="s">
        <v>19719</v>
      </c>
      <c r="B9698" t="s">
        <v>19720</v>
      </c>
      <c r="C9698" t="s">
        <v>19721</v>
      </c>
      <c r="D9698" t="s">
        <v>19545</v>
      </c>
      <c r="E9698" t="s">
        <v>13</v>
      </c>
      <c r="F9698">
        <v>4384</v>
      </c>
      <c r="G9698" t="s">
        <v>19722</v>
      </c>
      <c r="H9698">
        <v>5.1622217151449998</v>
      </c>
      <c r="I9698">
        <v>52.733112924949999</v>
      </c>
      <c r="J9698" t="s">
        <v>65383</v>
      </c>
    </row>
    <row r="9699" spans="1:10" x14ac:dyDescent="0.25">
      <c r="A9699" t="s">
        <v>19715</v>
      </c>
      <c r="B9699" t="s">
        <v>19716</v>
      </c>
      <c r="C9699" t="s">
        <v>19717</v>
      </c>
      <c r="D9699" t="s">
        <v>19545</v>
      </c>
      <c r="E9699" t="s">
        <v>13</v>
      </c>
      <c r="F9699">
        <v>4383</v>
      </c>
      <c r="G9699" t="s">
        <v>19718</v>
      </c>
      <c r="H9699">
        <v>5.1516460839490001</v>
      </c>
      <c r="I9699">
        <v>52.732077567380998</v>
      </c>
      <c r="J9699" t="s">
        <v>65384</v>
      </c>
    </row>
    <row r="9700" spans="1:10" x14ac:dyDescent="0.25">
      <c r="A9700" t="s">
        <v>19711</v>
      </c>
      <c r="B9700" t="s">
        <v>19712</v>
      </c>
      <c r="C9700" t="s">
        <v>19713</v>
      </c>
      <c r="D9700" t="s">
        <v>19545</v>
      </c>
      <c r="E9700" t="s">
        <v>13</v>
      </c>
      <c r="F9700">
        <v>4382</v>
      </c>
      <c r="G9700" t="s">
        <v>19714</v>
      </c>
      <c r="H9700">
        <v>5.1181068041710001</v>
      </c>
      <c r="I9700">
        <v>52.697085941524001</v>
      </c>
      <c r="J9700" t="s">
        <v>65385</v>
      </c>
    </row>
    <row r="9701" spans="1:10" x14ac:dyDescent="0.25">
      <c r="A9701" t="s">
        <v>19707</v>
      </c>
      <c r="B9701" t="s">
        <v>19708</v>
      </c>
      <c r="C9701" t="s">
        <v>19709</v>
      </c>
      <c r="D9701" t="s">
        <v>19545</v>
      </c>
      <c r="E9701" t="s">
        <v>13</v>
      </c>
      <c r="F9701">
        <v>4381</v>
      </c>
      <c r="G9701" t="s">
        <v>19710</v>
      </c>
      <c r="H9701">
        <v>5.1490460461970002</v>
      </c>
      <c r="I9701">
        <v>52.70358323496</v>
      </c>
      <c r="J9701" t="s">
        <v>65386</v>
      </c>
    </row>
    <row r="9702" spans="1:10" x14ac:dyDescent="0.25">
      <c r="A9702" t="s">
        <v>19703</v>
      </c>
      <c r="B9702" t="s">
        <v>19704</v>
      </c>
      <c r="C9702" t="s">
        <v>19705</v>
      </c>
      <c r="D9702" t="s">
        <v>19545</v>
      </c>
      <c r="E9702" t="s">
        <v>13</v>
      </c>
      <c r="F9702">
        <v>4380</v>
      </c>
      <c r="G9702" t="s">
        <v>19706</v>
      </c>
      <c r="H9702">
        <v>5.1345203946859996</v>
      </c>
      <c r="I9702">
        <v>52.704486488854997</v>
      </c>
      <c r="J9702" t="s">
        <v>65387</v>
      </c>
    </row>
    <row r="9703" spans="1:10" x14ac:dyDescent="0.25">
      <c r="A9703" t="s">
        <v>19699</v>
      </c>
      <c r="B9703" t="s">
        <v>19700</v>
      </c>
      <c r="C9703" t="s">
        <v>19701</v>
      </c>
      <c r="D9703" t="s">
        <v>19545</v>
      </c>
      <c r="E9703" t="s">
        <v>13</v>
      </c>
      <c r="F9703">
        <v>4379</v>
      </c>
      <c r="G9703" t="s">
        <v>19702</v>
      </c>
      <c r="H9703">
        <v>5.1007550970000004</v>
      </c>
      <c r="I9703">
        <v>52.708333867126001</v>
      </c>
      <c r="J9703" t="s">
        <v>65388</v>
      </c>
    </row>
    <row r="9704" spans="1:10" x14ac:dyDescent="0.25">
      <c r="A9704" t="s">
        <v>19695</v>
      </c>
      <c r="B9704" t="s">
        <v>19696</v>
      </c>
      <c r="C9704" t="s">
        <v>19697</v>
      </c>
      <c r="D9704" t="s">
        <v>19545</v>
      </c>
      <c r="E9704" t="s">
        <v>13</v>
      </c>
      <c r="F9704">
        <v>4378</v>
      </c>
      <c r="G9704" t="s">
        <v>19698</v>
      </c>
      <c r="H9704">
        <v>5.0884366318699996</v>
      </c>
      <c r="I9704">
        <v>52.727869413439002</v>
      </c>
      <c r="J9704" t="s">
        <v>65389</v>
      </c>
    </row>
    <row r="9705" spans="1:10" x14ac:dyDescent="0.25">
      <c r="A9705" t="s">
        <v>19691</v>
      </c>
      <c r="B9705" t="s">
        <v>19692</v>
      </c>
      <c r="C9705" t="s">
        <v>19693</v>
      </c>
      <c r="D9705" t="s">
        <v>19545</v>
      </c>
      <c r="E9705" t="s">
        <v>13</v>
      </c>
      <c r="F9705">
        <v>4377</v>
      </c>
      <c r="G9705" t="s">
        <v>19694</v>
      </c>
      <c r="H9705">
        <v>5.0871661955149996</v>
      </c>
      <c r="I9705">
        <v>52.724738728196002</v>
      </c>
      <c r="J9705" t="s">
        <v>65390</v>
      </c>
    </row>
    <row r="9706" spans="1:10" x14ac:dyDescent="0.25">
      <c r="A9706" t="s">
        <v>19687</v>
      </c>
      <c r="B9706" t="s">
        <v>19688</v>
      </c>
      <c r="C9706" t="s">
        <v>19689</v>
      </c>
      <c r="D9706" t="s">
        <v>19545</v>
      </c>
      <c r="E9706" t="s">
        <v>13</v>
      </c>
      <c r="F9706">
        <v>4376</v>
      </c>
      <c r="G9706" t="s">
        <v>19690</v>
      </c>
      <c r="H9706">
        <v>5.0596087050360001</v>
      </c>
      <c r="I9706">
        <v>52.714461275776998</v>
      </c>
      <c r="J9706" t="s">
        <v>65391</v>
      </c>
    </row>
    <row r="9707" spans="1:10" x14ac:dyDescent="0.25">
      <c r="A9707" t="s">
        <v>19683</v>
      </c>
      <c r="B9707" t="s">
        <v>19684</v>
      </c>
      <c r="C9707" t="s">
        <v>19685</v>
      </c>
      <c r="D9707" t="s">
        <v>19545</v>
      </c>
      <c r="E9707" t="s">
        <v>13</v>
      </c>
      <c r="F9707">
        <v>4375</v>
      </c>
      <c r="G9707" t="s">
        <v>19686</v>
      </c>
      <c r="H9707">
        <v>5.0758440267670002</v>
      </c>
      <c r="I9707">
        <v>52.718507417321</v>
      </c>
      <c r="J9707" t="s">
        <v>65392</v>
      </c>
    </row>
    <row r="9708" spans="1:10" x14ac:dyDescent="0.25">
      <c r="A9708" t="s">
        <v>19679</v>
      </c>
      <c r="B9708" t="s">
        <v>19680</v>
      </c>
      <c r="C9708" t="s">
        <v>19681</v>
      </c>
      <c r="D9708" t="s">
        <v>19545</v>
      </c>
      <c r="E9708" t="s">
        <v>13</v>
      </c>
      <c r="F9708">
        <v>4374</v>
      </c>
      <c r="G9708" t="s">
        <v>19682</v>
      </c>
      <c r="H9708">
        <v>5.0646693320190002</v>
      </c>
      <c r="I9708">
        <v>52.691652445251002</v>
      </c>
      <c r="J9708" t="s">
        <v>65393</v>
      </c>
    </row>
    <row r="9709" spans="1:10" x14ac:dyDescent="0.25">
      <c r="A9709" t="s">
        <v>19675</v>
      </c>
      <c r="B9709" t="s">
        <v>19676</v>
      </c>
      <c r="C9709" t="s">
        <v>19677</v>
      </c>
      <c r="D9709" t="s">
        <v>19545</v>
      </c>
      <c r="E9709" t="s">
        <v>13</v>
      </c>
      <c r="F9709">
        <v>4373</v>
      </c>
      <c r="G9709" t="s">
        <v>19678</v>
      </c>
      <c r="H9709">
        <v>5.036167039155</v>
      </c>
      <c r="I9709">
        <v>52.689805766924003</v>
      </c>
      <c r="J9709" t="s">
        <v>65394</v>
      </c>
    </row>
    <row r="9710" spans="1:10" x14ac:dyDescent="0.25">
      <c r="A9710" t="s">
        <v>19671</v>
      </c>
      <c r="B9710" t="s">
        <v>19672</v>
      </c>
      <c r="C9710" t="s">
        <v>19673</v>
      </c>
      <c r="D9710" t="s">
        <v>19545</v>
      </c>
      <c r="E9710" t="s">
        <v>13</v>
      </c>
      <c r="F9710">
        <v>4372</v>
      </c>
      <c r="G9710" t="s">
        <v>19674</v>
      </c>
      <c r="H9710">
        <v>5.0580548001630001</v>
      </c>
      <c r="I9710">
        <v>52.691651474756</v>
      </c>
      <c r="J9710" t="s">
        <v>65395</v>
      </c>
    </row>
    <row r="9711" spans="1:10" x14ac:dyDescent="0.25">
      <c r="A9711" t="s">
        <v>19667</v>
      </c>
      <c r="B9711" t="s">
        <v>19668</v>
      </c>
      <c r="C9711" t="s">
        <v>19669</v>
      </c>
      <c r="D9711" t="s">
        <v>19545</v>
      </c>
      <c r="E9711" t="s">
        <v>13</v>
      </c>
      <c r="F9711">
        <v>4371</v>
      </c>
      <c r="G9711" t="s">
        <v>19670</v>
      </c>
      <c r="H9711">
        <v>5.0618329444150003</v>
      </c>
      <c r="I9711">
        <v>52.678493646778001</v>
      </c>
      <c r="J9711" t="s">
        <v>65396</v>
      </c>
    </row>
    <row r="9712" spans="1:10" x14ac:dyDescent="0.25">
      <c r="A9712" t="s">
        <v>19663</v>
      </c>
      <c r="B9712" t="s">
        <v>19664</v>
      </c>
      <c r="C9712" t="s">
        <v>19665</v>
      </c>
      <c r="D9712" t="s">
        <v>19545</v>
      </c>
      <c r="E9712" t="s">
        <v>13</v>
      </c>
      <c r="F9712">
        <v>4370</v>
      </c>
      <c r="G9712" t="s">
        <v>19666</v>
      </c>
      <c r="H9712">
        <v>5.056521741569</v>
      </c>
      <c r="I9712">
        <v>52.674786708229</v>
      </c>
      <c r="J9712" t="s">
        <v>65397</v>
      </c>
    </row>
    <row r="9713" spans="1:10" x14ac:dyDescent="0.25">
      <c r="A9713" t="s">
        <v>19659</v>
      </c>
      <c r="B9713" t="s">
        <v>19660</v>
      </c>
      <c r="C9713" t="s">
        <v>19661</v>
      </c>
      <c r="D9713" t="s">
        <v>19545</v>
      </c>
      <c r="E9713" t="s">
        <v>13</v>
      </c>
      <c r="F9713">
        <v>4369</v>
      </c>
      <c r="G9713" t="s">
        <v>19662</v>
      </c>
      <c r="H9713">
        <v>5.0110930573430004</v>
      </c>
      <c r="I9713">
        <v>52.682761165052</v>
      </c>
      <c r="J9713" t="s">
        <v>65398</v>
      </c>
    </row>
    <row r="9714" spans="1:10" x14ac:dyDescent="0.25">
      <c r="A9714" t="s">
        <v>19655</v>
      </c>
      <c r="B9714" t="s">
        <v>19656</v>
      </c>
      <c r="C9714" t="s">
        <v>19657</v>
      </c>
      <c r="D9714" t="s">
        <v>19545</v>
      </c>
      <c r="E9714" t="s">
        <v>13</v>
      </c>
      <c r="F9714">
        <v>4368</v>
      </c>
      <c r="G9714" t="s">
        <v>19658</v>
      </c>
      <c r="H9714">
        <v>4.9865234916579997</v>
      </c>
      <c r="I9714">
        <v>52.690712674029001</v>
      </c>
      <c r="J9714" t="s">
        <v>65399</v>
      </c>
    </row>
    <row r="9715" spans="1:10" x14ac:dyDescent="0.25">
      <c r="A9715" t="s">
        <v>19651</v>
      </c>
      <c r="B9715" t="s">
        <v>19652</v>
      </c>
      <c r="C9715" t="s">
        <v>19653</v>
      </c>
      <c r="D9715" t="s">
        <v>19545</v>
      </c>
      <c r="E9715" t="s">
        <v>13</v>
      </c>
      <c r="F9715">
        <v>4367</v>
      </c>
      <c r="G9715" t="s">
        <v>19654</v>
      </c>
      <c r="H9715">
        <v>5.0316561934979998</v>
      </c>
      <c r="I9715">
        <v>52.690316412062003</v>
      </c>
      <c r="J9715" t="s">
        <v>65400</v>
      </c>
    </row>
    <row r="9716" spans="1:10" x14ac:dyDescent="0.25">
      <c r="A9716" t="s">
        <v>19647</v>
      </c>
      <c r="B9716" t="s">
        <v>19648</v>
      </c>
      <c r="C9716" t="s">
        <v>19649</v>
      </c>
      <c r="D9716" t="s">
        <v>19545</v>
      </c>
      <c r="E9716" t="s">
        <v>13</v>
      </c>
      <c r="F9716">
        <v>4366</v>
      </c>
      <c r="G9716" t="s">
        <v>19650</v>
      </c>
      <c r="H9716">
        <v>5.0393285919909996</v>
      </c>
      <c r="I9716">
        <v>52.684576108439003</v>
      </c>
      <c r="J9716" t="s">
        <v>65401</v>
      </c>
    </row>
    <row r="9717" spans="1:10" x14ac:dyDescent="0.25">
      <c r="A9717" t="s">
        <v>19643</v>
      </c>
      <c r="B9717" t="s">
        <v>19644</v>
      </c>
      <c r="C9717" t="s">
        <v>19645</v>
      </c>
      <c r="D9717" t="s">
        <v>19545</v>
      </c>
      <c r="E9717" t="s">
        <v>13</v>
      </c>
      <c r="F9717">
        <v>4365</v>
      </c>
      <c r="G9717" t="s">
        <v>19646</v>
      </c>
      <c r="H9717">
        <v>5.0235907206599997</v>
      </c>
      <c r="I9717">
        <v>52.689619593974001</v>
      </c>
      <c r="J9717" t="s">
        <v>65402</v>
      </c>
    </row>
    <row r="9718" spans="1:10" x14ac:dyDescent="0.25">
      <c r="A9718" t="s">
        <v>19639</v>
      </c>
      <c r="B9718" t="s">
        <v>19640</v>
      </c>
      <c r="C9718" t="s">
        <v>19641</v>
      </c>
      <c r="D9718" t="s">
        <v>19545</v>
      </c>
      <c r="E9718" t="s">
        <v>13</v>
      </c>
      <c r="F9718">
        <v>4364</v>
      </c>
      <c r="G9718" t="s">
        <v>19642</v>
      </c>
      <c r="H9718">
        <v>5.0139694658599998</v>
      </c>
      <c r="I9718">
        <v>52.686506818395998</v>
      </c>
      <c r="J9718" t="s">
        <v>65403</v>
      </c>
    </row>
    <row r="9719" spans="1:10" x14ac:dyDescent="0.25">
      <c r="A9719" t="s">
        <v>19635</v>
      </c>
      <c r="B9719" t="s">
        <v>19636</v>
      </c>
      <c r="C9719" t="s">
        <v>19637</v>
      </c>
      <c r="D9719" t="s">
        <v>19545</v>
      </c>
      <c r="E9719" t="s">
        <v>13</v>
      </c>
      <c r="F9719">
        <v>4363</v>
      </c>
      <c r="G9719" t="s">
        <v>19638</v>
      </c>
      <c r="H9719">
        <v>5.0207736294440002</v>
      </c>
      <c r="I9719">
        <v>52.677832761300998</v>
      </c>
      <c r="J9719" t="s">
        <v>65404</v>
      </c>
    </row>
    <row r="9720" spans="1:10" x14ac:dyDescent="0.25">
      <c r="A9720" t="s">
        <v>19631</v>
      </c>
      <c r="B9720" t="s">
        <v>19632</v>
      </c>
      <c r="C9720" t="s">
        <v>19633</v>
      </c>
      <c r="D9720" t="s">
        <v>19545</v>
      </c>
      <c r="E9720" t="s">
        <v>13</v>
      </c>
      <c r="F9720">
        <v>4362</v>
      </c>
      <c r="G9720" t="s">
        <v>19634</v>
      </c>
      <c r="H9720">
        <v>5.0188662318719999</v>
      </c>
      <c r="I9720">
        <v>52.682354688956003</v>
      </c>
      <c r="J9720" t="s">
        <v>65405</v>
      </c>
    </row>
    <row r="9721" spans="1:10" x14ac:dyDescent="0.25">
      <c r="A9721" t="s">
        <v>19627</v>
      </c>
      <c r="B9721" t="s">
        <v>19628</v>
      </c>
      <c r="C9721" t="s">
        <v>19629</v>
      </c>
      <c r="D9721" t="s">
        <v>19545</v>
      </c>
      <c r="E9721" t="s">
        <v>13</v>
      </c>
      <c r="F9721">
        <v>4361</v>
      </c>
      <c r="G9721" t="s">
        <v>19630</v>
      </c>
      <c r="H9721">
        <v>5.0251884824859996</v>
      </c>
      <c r="I9721">
        <v>52.684602851167</v>
      </c>
      <c r="J9721" t="s">
        <v>65406</v>
      </c>
    </row>
    <row r="9722" spans="1:10" x14ac:dyDescent="0.25">
      <c r="A9722" t="s">
        <v>19623</v>
      </c>
      <c r="B9722" t="s">
        <v>19624</v>
      </c>
      <c r="C9722" t="s">
        <v>19625</v>
      </c>
      <c r="D9722" t="s">
        <v>19545</v>
      </c>
      <c r="E9722" t="s">
        <v>13</v>
      </c>
      <c r="F9722">
        <v>4360</v>
      </c>
      <c r="G9722" t="s">
        <v>19626</v>
      </c>
      <c r="H9722">
        <v>5.0356628670920003</v>
      </c>
      <c r="I9722">
        <v>52.704725404550999</v>
      </c>
      <c r="J9722" t="s">
        <v>65407</v>
      </c>
    </row>
    <row r="9723" spans="1:10" x14ac:dyDescent="0.25">
      <c r="A9723" t="s">
        <v>19619</v>
      </c>
      <c r="B9723" t="s">
        <v>19620</v>
      </c>
      <c r="C9723" t="s">
        <v>19621</v>
      </c>
      <c r="D9723" t="s">
        <v>19545</v>
      </c>
      <c r="E9723" t="s">
        <v>13</v>
      </c>
      <c r="F9723">
        <v>4359</v>
      </c>
      <c r="G9723" t="s">
        <v>19622</v>
      </c>
      <c r="H9723">
        <v>5.0122241682300004</v>
      </c>
      <c r="I9723">
        <v>52.702845161452998</v>
      </c>
      <c r="J9723" t="s">
        <v>65408</v>
      </c>
    </row>
    <row r="9724" spans="1:10" x14ac:dyDescent="0.25">
      <c r="A9724" t="s">
        <v>19615</v>
      </c>
      <c r="B9724" t="s">
        <v>19616</v>
      </c>
      <c r="C9724" t="s">
        <v>19617</v>
      </c>
      <c r="D9724" t="s">
        <v>19545</v>
      </c>
      <c r="E9724" t="s">
        <v>13</v>
      </c>
      <c r="F9724">
        <v>4358</v>
      </c>
      <c r="G9724" t="s">
        <v>19618</v>
      </c>
      <c r="H9724">
        <v>4.9997027007510004</v>
      </c>
      <c r="I9724">
        <v>52.710136700550002</v>
      </c>
      <c r="J9724" t="s">
        <v>65409</v>
      </c>
    </row>
    <row r="9725" spans="1:10" x14ac:dyDescent="0.25">
      <c r="A9725" t="s">
        <v>19611</v>
      </c>
      <c r="B9725" t="s">
        <v>19612</v>
      </c>
      <c r="C9725" t="s">
        <v>19613</v>
      </c>
      <c r="D9725" t="s">
        <v>19545</v>
      </c>
      <c r="E9725" t="s">
        <v>13</v>
      </c>
      <c r="F9725">
        <v>4357</v>
      </c>
      <c r="G9725" t="s">
        <v>19614</v>
      </c>
      <c r="H9725">
        <v>5.0089488041669998</v>
      </c>
      <c r="I9725">
        <v>52.703447815951002</v>
      </c>
      <c r="J9725" t="s">
        <v>65410</v>
      </c>
    </row>
    <row r="9726" spans="1:10" x14ac:dyDescent="0.25">
      <c r="A9726" t="s">
        <v>19607</v>
      </c>
      <c r="B9726" t="s">
        <v>19608</v>
      </c>
      <c r="C9726" t="s">
        <v>19609</v>
      </c>
      <c r="D9726" t="s">
        <v>19545</v>
      </c>
      <c r="E9726" t="s">
        <v>13</v>
      </c>
      <c r="F9726">
        <v>4356</v>
      </c>
      <c r="G9726" t="s">
        <v>19610</v>
      </c>
      <c r="H9726">
        <v>5.0179039479040002</v>
      </c>
      <c r="I9726">
        <v>52.732096963171998</v>
      </c>
      <c r="J9726" t="s">
        <v>65411</v>
      </c>
    </row>
    <row r="9727" spans="1:10" x14ac:dyDescent="0.25">
      <c r="A9727" t="s">
        <v>19603</v>
      </c>
      <c r="B9727" t="s">
        <v>19604</v>
      </c>
      <c r="C9727" t="s">
        <v>19605</v>
      </c>
      <c r="D9727" t="s">
        <v>19545</v>
      </c>
      <c r="E9727" t="s">
        <v>13</v>
      </c>
      <c r="F9727">
        <v>4355</v>
      </c>
      <c r="G9727" t="s">
        <v>19606</v>
      </c>
      <c r="H9727">
        <v>5.0169756342019998</v>
      </c>
      <c r="I9727">
        <v>52.731130546140001</v>
      </c>
      <c r="J9727" t="s">
        <v>65412</v>
      </c>
    </row>
    <row r="9728" spans="1:10" x14ac:dyDescent="0.25">
      <c r="A9728" t="s">
        <v>19599</v>
      </c>
      <c r="B9728" t="s">
        <v>19600</v>
      </c>
      <c r="C9728" t="s">
        <v>19601</v>
      </c>
      <c r="D9728" t="s">
        <v>19545</v>
      </c>
      <c r="E9728" t="s">
        <v>13</v>
      </c>
      <c r="F9728">
        <v>4354</v>
      </c>
      <c r="G9728" t="s">
        <v>19602</v>
      </c>
      <c r="H9728">
        <v>5.0170211126690001</v>
      </c>
      <c r="I9728">
        <v>52.746421476946999</v>
      </c>
      <c r="J9728" t="s">
        <v>65413</v>
      </c>
    </row>
    <row r="9729" spans="1:10" x14ac:dyDescent="0.25">
      <c r="A9729" t="s">
        <v>19595</v>
      </c>
      <c r="B9729" t="s">
        <v>19596</v>
      </c>
      <c r="C9729" t="s">
        <v>19597</v>
      </c>
      <c r="D9729" t="s">
        <v>19545</v>
      </c>
      <c r="E9729" t="s">
        <v>13</v>
      </c>
      <c r="F9729">
        <v>4353</v>
      </c>
      <c r="G9729" t="s">
        <v>19598</v>
      </c>
      <c r="H9729">
        <v>5.0484175601360004</v>
      </c>
      <c r="I9729">
        <v>52.739536836359001</v>
      </c>
      <c r="J9729" t="s">
        <v>65414</v>
      </c>
    </row>
    <row r="9730" spans="1:10" x14ac:dyDescent="0.25">
      <c r="A9730" t="s">
        <v>19591</v>
      </c>
      <c r="B9730" t="s">
        <v>19592</v>
      </c>
      <c r="C9730" t="s">
        <v>19593</v>
      </c>
      <c r="D9730" t="s">
        <v>19545</v>
      </c>
      <c r="E9730" t="s">
        <v>13</v>
      </c>
      <c r="F9730">
        <v>4352</v>
      </c>
      <c r="G9730" t="s">
        <v>19594</v>
      </c>
      <c r="H9730">
        <v>5.0576578247909998</v>
      </c>
      <c r="I9730">
        <v>52.742685002628001</v>
      </c>
      <c r="J9730" t="s">
        <v>65415</v>
      </c>
    </row>
    <row r="9731" spans="1:10" x14ac:dyDescent="0.25">
      <c r="A9731" t="s">
        <v>19587</v>
      </c>
      <c r="B9731" t="s">
        <v>19588</v>
      </c>
      <c r="C9731" t="s">
        <v>19589</v>
      </c>
      <c r="D9731" t="s">
        <v>19545</v>
      </c>
      <c r="E9731" t="s">
        <v>13</v>
      </c>
      <c r="F9731">
        <v>4351</v>
      </c>
      <c r="G9731" t="s">
        <v>19590</v>
      </c>
      <c r="H9731">
        <v>5.0761076000739997</v>
      </c>
      <c r="I9731">
        <v>52.756786218723001</v>
      </c>
      <c r="J9731" t="s">
        <v>65416</v>
      </c>
    </row>
    <row r="9732" spans="1:10" x14ac:dyDescent="0.25">
      <c r="A9732" t="s">
        <v>19583</v>
      </c>
      <c r="B9732" t="s">
        <v>19584</v>
      </c>
      <c r="C9732" t="s">
        <v>19585</v>
      </c>
      <c r="D9732" t="s">
        <v>19545</v>
      </c>
      <c r="E9732" t="s">
        <v>13</v>
      </c>
      <c r="F9732">
        <v>4350</v>
      </c>
      <c r="G9732" t="s">
        <v>19586</v>
      </c>
      <c r="H9732">
        <v>5.0766675468429998</v>
      </c>
      <c r="I9732">
        <v>52.759502938333</v>
      </c>
      <c r="J9732" t="s">
        <v>65417</v>
      </c>
    </row>
    <row r="9733" spans="1:10" x14ac:dyDescent="0.25">
      <c r="A9733" t="s">
        <v>19579</v>
      </c>
      <c r="B9733" t="s">
        <v>19580</v>
      </c>
      <c r="C9733" t="s">
        <v>19581</v>
      </c>
      <c r="D9733" t="s">
        <v>19545</v>
      </c>
      <c r="E9733" t="s">
        <v>13</v>
      </c>
      <c r="F9733">
        <v>4349</v>
      </c>
      <c r="G9733" t="s">
        <v>19582</v>
      </c>
      <c r="H9733">
        <v>5.0974183288989998</v>
      </c>
      <c r="I9733">
        <v>52.748333641537997</v>
      </c>
      <c r="J9733" t="s">
        <v>65418</v>
      </c>
    </row>
    <row r="9734" spans="1:10" x14ac:dyDescent="0.25">
      <c r="A9734" t="s">
        <v>19575</v>
      </c>
      <c r="B9734" t="s">
        <v>19576</v>
      </c>
      <c r="C9734" t="s">
        <v>19577</v>
      </c>
      <c r="D9734" t="s">
        <v>19545</v>
      </c>
      <c r="E9734" t="s">
        <v>13</v>
      </c>
      <c r="F9734">
        <v>4348</v>
      </c>
      <c r="G9734" t="s">
        <v>19578</v>
      </c>
      <c r="H9734">
        <v>5.1154961372840004</v>
      </c>
      <c r="I9734">
        <v>52.762335835842002</v>
      </c>
      <c r="J9734" t="s">
        <v>65419</v>
      </c>
    </row>
    <row r="9735" spans="1:10" x14ac:dyDescent="0.25">
      <c r="A9735" t="s">
        <v>19571</v>
      </c>
      <c r="B9735" t="s">
        <v>19572</v>
      </c>
      <c r="C9735" t="s">
        <v>19573</v>
      </c>
      <c r="D9735" t="s">
        <v>19545</v>
      </c>
      <c r="E9735" t="s">
        <v>13</v>
      </c>
      <c r="F9735">
        <v>4347</v>
      </c>
      <c r="G9735" t="s">
        <v>19574</v>
      </c>
      <c r="H9735">
        <v>5.1184230630609999</v>
      </c>
      <c r="I9735">
        <v>52.764908964816001</v>
      </c>
      <c r="J9735" t="s">
        <v>65420</v>
      </c>
    </row>
    <row r="9736" spans="1:10" x14ac:dyDescent="0.25">
      <c r="A9736" t="s">
        <v>19567</v>
      </c>
      <c r="B9736" t="s">
        <v>19568</v>
      </c>
      <c r="C9736" t="s">
        <v>19569</v>
      </c>
      <c r="D9736" t="s">
        <v>19545</v>
      </c>
      <c r="E9736" t="s">
        <v>13</v>
      </c>
      <c r="F9736">
        <v>4346</v>
      </c>
      <c r="G9736" t="s">
        <v>19570</v>
      </c>
      <c r="H9736">
        <v>5.092680818362</v>
      </c>
      <c r="I9736">
        <v>52.765453989500998</v>
      </c>
      <c r="J9736" t="s">
        <v>65421</v>
      </c>
    </row>
    <row r="9737" spans="1:10" x14ac:dyDescent="0.25">
      <c r="A9737" t="s">
        <v>19563</v>
      </c>
      <c r="B9737" t="s">
        <v>19564</v>
      </c>
      <c r="C9737" t="s">
        <v>19565</v>
      </c>
      <c r="D9737" t="s">
        <v>19545</v>
      </c>
      <c r="E9737" t="s">
        <v>13</v>
      </c>
      <c r="F9737">
        <v>4345</v>
      </c>
      <c r="G9737" t="s">
        <v>19566</v>
      </c>
      <c r="H9737">
        <v>5.0994237463490002</v>
      </c>
      <c r="I9737">
        <v>52.759152379881002</v>
      </c>
      <c r="J9737" t="s">
        <v>65422</v>
      </c>
    </row>
    <row r="9738" spans="1:10" x14ac:dyDescent="0.25">
      <c r="A9738" t="s">
        <v>19559</v>
      </c>
      <c r="B9738" t="s">
        <v>19560</v>
      </c>
      <c r="C9738" t="s">
        <v>19561</v>
      </c>
      <c r="D9738" t="s">
        <v>19545</v>
      </c>
      <c r="E9738" t="s">
        <v>13</v>
      </c>
      <c r="F9738">
        <v>4344</v>
      </c>
      <c r="G9738" t="s">
        <v>19562</v>
      </c>
      <c r="H9738">
        <v>5.1048942647739999</v>
      </c>
      <c r="I9738">
        <v>52.762807047377997</v>
      </c>
      <c r="J9738" t="s">
        <v>65423</v>
      </c>
    </row>
    <row r="9739" spans="1:10" x14ac:dyDescent="0.25">
      <c r="A9739" t="s">
        <v>19555</v>
      </c>
      <c r="B9739" t="s">
        <v>19556</v>
      </c>
      <c r="C9739" t="s">
        <v>19557</v>
      </c>
      <c r="D9739" t="s">
        <v>19545</v>
      </c>
      <c r="E9739" t="s">
        <v>13</v>
      </c>
      <c r="F9739">
        <v>4343</v>
      </c>
      <c r="G9739" t="s">
        <v>19558</v>
      </c>
      <c r="H9739">
        <v>5.1086692188380001</v>
      </c>
      <c r="I9739">
        <v>52.764853580783999</v>
      </c>
      <c r="J9739" t="s">
        <v>65424</v>
      </c>
    </row>
    <row r="9740" spans="1:10" x14ac:dyDescent="0.25">
      <c r="A9740" t="s">
        <v>19551</v>
      </c>
      <c r="B9740" t="s">
        <v>19552</v>
      </c>
      <c r="C9740" t="s">
        <v>19553</v>
      </c>
      <c r="D9740" t="s">
        <v>19545</v>
      </c>
      <c r="E9740" t="s">
        <v>13</v>
      </c>
      <c r="F9740">
        <v>4342</v>
      </c>
      <c r="G9740" t="s">
        <v>19554</v>
      </c>
      <c r="H9740">
        <v>5.1134039461440004</v>
      </c>
      <c r="I9740">
        <v>52.767381593762003</v>
      </c>
      <c r="J9740" t="s">
        <v>65425</v>
      </c>
    </row>
    <row r="9741" spans="1:10" x14ac:dyDescent="0.25">
      <c r="A9741" t="s">
        <v>19547</v>
      </c>
      <c r="B9741" t="s">
        <v>19548</v>
      </c>
      <c r="C9741" t="s">
        <v>19549</v>
      </c>
      <c r="D9741" t="s">
        <v>19545</v>
      </c>
      <c r="E9741" t="s">
        <v>13</v>
      </c>
      <c r="F9741">
        <v>4341</v>
      </c>
      <c r="G9741" t="s">
        <v>19550</v>
      </c>
      <c r="H9741">
        <v>5.0988472122479997</v>
      </c>
      <c r="I9741">
        <v>52.769651514636003</v>
      </c>
      <c r="J9741" t="s">
        <v>65426</v>
      </c>
    </row>
    <row r="9742" spans="1:10" x14ac:dyDescent="0.25">
      <c r="A9742" t="s">
        <v>19542</v>
      </c>
      <c r="B9742" t="s">
        <v>19543</v>
      </c>
      <c r="C9742" t="s">
        <v>19544</v>
      </c>
      <c r="D9742" t="s">
        <v>19545</v>
      </c>
      <c r="E9742" t="s">
        <v>13</v>
      </c>
      <c r="F9742">
        <v>4340</v>
      </c>
      <c r="G9742" t="s">
        <v>19546</v>
      </c>
      <c r="H9742">
        <v>5.1070244311390001</v>
      </c>
      <c r="I9742">
        <v>52.771552656026003</v>
      </c>
      <c r="J9742" t="s">
        <v>65427</v>
      </c>
    </row>
    <row r="9743" spans="1:10" x14ac:dyDescent="0.25">
      <c r="A9743" t="s">
        <v>19538</v>
      </c>
      <c r="B9743" t="s">
        <v>19539</v>
      </c>
      <c r="C9743" t="s">
        <v>19540</v>
      </c>
      <c r="D9743" t="s">
        <v>19504</v>
      </c>
      <c r="E9743" t="s">
        <v>13</v>
      </c>
      <c r="F9743">
        <v>4339</v>
      </c>
      <c r="G9743" t="s">
        <v>19541</v>
      </c>
      <c r="H9743">
        <v>5.2214814751030003</v>
      </c>
      <c r="I9743">
        <v>52.265911679425002</v>
      </c>
      <c r="J9743" t="s">
        <v>65428</v>
      </c>
    </row>
    <row r="9744" spans="1:10" x14ac:dyDescent="0.25">
      <c r="A9744" t="s">
        <v>19534</v>
      </c>
      <c r="B9744" t="s">
        <v>19535</v>
      </c>
      <c r="C9744" t="s">
        <v>19536</v>
      </c>
      <c r="D9744" t="s">
        <v>19504</v>
      </c>
      <c r="E9744" t="s">
        <v>13</v>
      </c>
      <c r="F9744">
        <v>4338</v>
      </c>
      <c r="G9744" t="s">
        <v>19537</v>
      </c>
      <c r="H9744">
        <v>5.2351612715959996</v>
      </c>
      <c r="I9744">
        <v>52.250889411300001</v>
      </c>
      <c r="J9744" t="s">
        <v>65429</v>
      </c>
    </row>
    <row r="9745" spans="1:10" x14ac:dyDescent="0.25">
      <c r="A9745" t="s">
        <v>19530</v>
      </c>
      <c r="B9745" t="s">
        <v>19531</v>
      </c>
      <c r="C9745" t="s">
        <v>19532</v>
      </c>
      <c r="D9745" t="s">
        <v>19504</v>
      </c>
      <c r="E9745" t="s">
        <v>13</v>
      </c>
      <c r="F9745">
        <v>4337</v>
      </c>
      <c r="G9745" t="s">
        <v>19533</v>
      </c>
      <c r="H9745">
        <v>5.2135480536419996</v>
      </c>
      <c r="I9745">
        <v>52.259018628610001</v>
      </c>
      <c r="J9745" t="s">
        <v>65430</v>
      </c>
    </row>
    <row r="9746" spans="1:10" x14ac:dyDescent="0.25">
      <c r="A9746" t="s">
        <v>19526</v>
      </c>
      <c r="B9746" t="s">
        <v>19527</v>
      </c>
      <c r="C9746" t="s">
        <v>19528</v>
      </c>
      <c r="D9746" t="s">
        <v>19504</v>
      </c>
      <c r="E9746" t="s">
        <v>13</v>
      </c>
      <c r="F9746">
        <v>4336</v>
      </c>
      <c r="G9746" t="s">
        <v>19529</v>
      </c>
      <c r="H9746">
        <v>5.2142643585170001</v>
      </c>
      <c r="I9746">
        <v>52.244878348025999</v>
      </c>
      <c r="J9746" t="s">
        <v>65431</v>
      </c>
    </row>
    <row r="9747" spans="1:10" x14ac:dyDescent="0.25">
      <c r="A9747" t="s">
        <v>19522</v>
      </c>
      <c r="B9747" t="s">
        <v>19523</v>
      </c>
      <c r="C9747" t="s">
        <v>19524</v>
      </c>
      <c r="D9747" t="s">
        <v>19504</v>
      </c>
      <c r="E9747" t="s">
        <v>13</v>
      </c>
      <c r="F9747">
        <v>4335</v>
      </c>
      <c r="G9747" t="s">
        <v>19525</v>
      </c>
      <c r="H9747">
        <v>5.2072384955480002</v>
      </c>
      <c r="I9747">
        <v>52.254962596184001</v>
      </c>
      <c r="J9747" t="s">
        <v>65432</v>
      </c>
    </row>
    <row r="9748" spans="1:10" x14ac:dyDescent="0.25">
      <c r="A9748" t="s">
        <v>19518</v>
      </c>
      <c r="B9748" t="s">
        <v>19519</v>
      </c>
      <c r="C9748" t="s">
        <v>19520</v>
      </c>
      <c r="D9748" t="s">
        <v>19504</v>
      </c>
      <c r="E9748" t="s">
        <v>13</v>
      </c>
      <c r="F9748">
        <v>4334</v>
      </c>
      <c r="G9748" t="s">
        <v>19521</v>
      </c>
      <c r="H9748">
        <v>5.2353686827830002</v>
      </c>
      <c r="I9748">
        <v>52.245602485214</v>
      </c>
      <c r="J9748" t="s">
        <v>65433</v>
      </c>
    </row>
    <row r="9749" spans="1:10" x14ac:dyDescent="0.25">
      <c r="A9749" t="s">
        <v>19514</v>
      </c>
      <c r="B9749" t="s">
        <v>19515</v>
      </c>
      <c r="C9749" t="s">
        <v>19516</v>
      </c>
      <c r="D9749" t="s">
        <v>19504</v>
      </c>
      <c r="E9749" t="s">
        <v>13</v>
      </c>
      <c r="F9749">
        <v>4333</v>
      </c>
      <c r="G9749" t="s">
        <v>19517</v>
      </c>
      <c r="H9749">
        <v>5.2215220536539997</v>
      </c>
      <c r="I9749">
        <v>52.248581617089997</v>
      </c>
      <c r="J9749" t="s">
        <v>65434</v>
      </c>
    </row>
    <row r="9750" spans="1:10" x14ac:dyDescent="0.25">
      <c r="A9750" t="s">
        <v>19510</v>
      </c>
      <c r="B9750" t="s">
        <v>19511</v>
      </c>
      <c r="C9750" t="s">
        <v>19512</v>
      </c>
      <c r="D9750" t="s">
        <v>19504</v>
      </c>
      <c r="E9750" t="s">
        <v>13</v>
      </c>
      <c r="F9750">
        <v>4332</v>
      </c>
      <c r="G9750" t="s">
        <v>19513</v>
      </c>
      <c r="H9750">
        <v>5.2347227090089996</v>
      </c>
      <c r="I9750">
        <v>52.258865330825998</v>
      </c>
      <c r="J9750" t="s">
        <v>65435</v>
      </c>
    </row>
    <row r="9751" spans="1:10" x14ac:dyDescent="0.25">
      <c r="A9751" t="s">
        <v>19506</v>
      </c>
      <c r="B9751" t="s">
        <v>19507</v>
      </c>
      <c r="C9751" t="s">
        <v>19508</v>
      </c>
      <c r="D9751" t="s">
        <v>19504</v>
      </c>
      <c r="E9751" t="s">
        <v>13</v>
      </c>
      <c r="F9751">
        <v>4331</v>
      </c>
      <c r="G9751" t="s">
        <v>19509</v>
      </c>
      <c r="H9751">
        <v>5.2120964609630001</v>
      </c>
      <c r="I9751">
        <v>52.238703178671003</v>
      </c>
      <c r="J9751" t="s">
        <v>65436</v>
      </c>
    </row>
    <row r="9752" spans="1:10" x14ac:dyDescent="0.25">
      <c r="A9752" t="s">
        <v>19501</v>
      </c>
      <c r="B9752" t="s">
        <v>19502</v>
      </c>
      <c r="C9752" t="s">
        <v>19503</v>
      </c>
      <c r="D9752" t="s">
        <v>19504</v>
      </c>
      <c r="E9752" t="s">
        <v>13</v>
      </c>
      <c r="F9752">
        <v>4330</v>
      </c>
      <c r="G9752" t="s">
        <v>19505</v>
      </c>
      <c r="H9752">
        <v>5.2246268319269999</v>
      </c>
      <c r="I9752">
        <v>52.257124644690997</v>
      </c>
      <c r="J9752" t="s">
        <v>65437</v>
      </c>
    </row>
    <row r="9753" spans="1:10" x14ac:dyDescent="0.25">
      <c r="A9753" t="s">
        <v>19497</v>
      </c>
      <c r="B9753" t="s">
        <v>19498</v>
      </c>
      <c r="C9753" t="s">
        <v>19499</v>
      </c>
      <c r="D9753" t="s">
        <v>19475</v>
      </c>
      <c r="E9753" t="s">
        <v>13</v>
      </c>
      <c r="F9753">
        <v>4329</v>
      </c>
      <c r="G9753" t="s">
        <v>19500</v>
      </c>
      <c r="H9753">
        <v>4.7533018368119997</v>
      </c>
      <c r="I9753">
        <v>52.688732633897999</v>
      </c>
      <c r="J9753" t="s">
        <v>65438</v>
      </c>
    </row>
    <row r="9754" spans="1:10" x14ac:dyDescent="0.25">
      <c r="A9754" t="s">
        <v>19493</v>
      </c>
      <c r="B9754" t="s">
        <v>19494</v>
      </c>
      <c r="C9754" t="s">
        <v>19495</v>
      </c>
      <c r="D9754" t="s">
        <v>19475</v>
      </c>
      <c r="E9754" t="s">
        <v>13</v>
      </c>
      <c r="F9754">
        <v>4328</v>
      </c>
      <c r="G9754" t="s">
        <v>19496</v>
      </c>
      <c r="H9754">
        <v>4.7860497125650001</v>
      </c>
      <c r="I9754">
        <v>52.662363205382</v>
      </c>
      <c r="J9754" t="s">
        <v>65439</v>
      </c>
    </row>
    <row r="9755" spans="1:10" x14ac:dyDescent="0.25">
      <c r="A9755" t="s">
        <v>19489</v>
      </c>
      <c r="B9755" t="s">
        <v>19490</v>
      </c>
      <c r="C9755" t="s">
        <v>19491</v>
      </c>
      <c r="D9755" t="s">
        <v>19475</v>
      </c>
      <c r="E9755" t="s">
        <v>13</v>
      </c>
      <c r="F9755">
        <v>4327</v>
      </c>
      <c r="G9755" t="s">
        <v>19492</v>
      </c>
      <c r="H9755">
        <v>4.8246247119310004</v>
      </c>
      <c r="I9755">
        <v>52.713931207530003</v>
      </c>
      <c r="J9755" t="s">
        <v>65440</v>
      </c>
    </row>
    <row r="9756" spans="1:10" x14ac:dyDescent="0.25">
      <c r="A9756" t="s">
        <v>19485</v>
      </c>
      <c r="B9756" t="s">
        <v>19486</v>
      </c>
      <c r="C9756" t="s">
        <v>19487</v>
      </c>
      <c r="D9756" t="s">
        <v>19475</v>
      </c>
      <c r="E9756" t="s">
        <v>13</v>
      </c>
      <c r="F9756">
        <v>4326</v>
      </c>
      <c r="G9756" t="s">
        <v>19488</v>
      </c>
      <c r="H9756">
        <v>4.8040861976629996</v>
      </c>
      <c r="I9756">
        <v>52.677880268906002</v>
      </c>
      <c r="J9756" t="s">
        <v>65441</v>
      </c>
    </row>
    <row r="9757" spans="1:10" x14ac:dyDescent="0.25">
      <c r="A9757" t="s">
        <v>19481</v>
      </c>
      <c r="B9757" t="s">
        <v>19482</v>
      </c>
      <c r="C9757" t="s">
        <v>19483</v>
      </c>
      <c r="D9757" t="s">
        <v>19475</v>
      </c>
      <c r="E9757" t="s">
        <v>13</v>
      </c>
      <c r="F9757">
        <v>4325</v>
      </c>
      <c r="G9757" t="s">
        <v>19484</v>
      </c>
      <c r="H9757">
        <v>4.7986615890859996</v>
      </c>
      <c r="I9757">
        <v>52.689362530879002</v>
      </c>
      <c r="J9757" t="s">
        <v>65442</v>
      </c>
    </row>
    <row r="9758" spans="1:10" x14ac:dyDescent="0.25">
      <c r="A9758" t="s">
        <v>19477</v>
      </c>
      <c r="B9758" t="s">
        <v>19478</v>
      </c>
      <c r="C9758" t="s">
        <v>19479</v>
      </c>
      <c r="D9758" t="s">
        <v>19475</v>
      </c>
      <c r="E9758" t="s">
        <v>13</v>
      </c>
      <c r="F9758">
        <v>4324</v>
      </c>
      <c r="G9758" t="s">
        <v>19480</v>
      </c>
      <c r="H9758">
        <v>4.7966149976820001</v>
      </c>
      <c r="I9758">
        <v>52.699926269545003</v>
      </c>
      <c r="J9758" t="s">
        <v>65443</v>
      </c>
    </row>
    <row r="9759" spans="1:10" x14ac:dyDescent="0.25">
      <c r="A9759" t="s">
        <v>19472</v>
      </c>
      <c r="B9759" t="s">
        <v>19473</v>
      </c>
      <c r="C9759" t="s">
        <v>19474</v>
      </c>
      <c r="D9759" t="s">
        <v>19475</v>
      </c>
      <c r="E9759" t="s">
        <v>13</v>
      </c>
      <c r="F9759">
        <v>4323</v>
      </c>
      <c r="G9759" t="s">
        <v>19476</v>
      </c>
      <c r="H9759">
        <v>4.78742835118</v>
      </c>
      <c r="I9759">
        <v>52.712808946723001</v>
      </c>
      <c r="J9759" t="s">
        <v>65444</v>
      </c>
    </row>
    <row r="9760" spans="1:10" x14ac:dyDescent="0.25">
      <c r="A9760" t="s">
        <v>19468</v>
      </c>
      <c r="B9760" t="s">
        <v>19469</v>
      </c>
      <c r="C9760" t="s">
        <v>19470</v>
      </c>
      <c r="D9760" t="s">
        <v>19446</v>
      </c>
      <c r="E9760" t="s">
        <v>13</v>
      </c>
      <c r="F9760">
        <v>4322</v>
      </c>
      <c r="G9760" t="s">
        <v>19471</v>
      </c>
      <c r="H9760">
        <v>4.9223586164439999</v>
      </c>
      <c r="I9760">
        <v>52.460092204680997</v>
      </c>
      <c r="J9760" t="s">
        <v>65445</v>
      </c>
    </row>
    <row r="9761" spans="1:10" x14ac:dyDescent="0.25">
      <c r="A9761" t="s">
        <v>19464</v>
      </c>
      <c r="B9761" t="s">
        <v>19465</v>
      </c>
      <c r="C9761" t="s">
        <v>19466</v>
      </c>
      <c r="D9761" t="s">
        <v>19446</v>
      </c>
      <c r="E9761" t="s">
        <v>13</v>
      </c>
      <c r="F9761">
        <v>4321</v>
      </c>
      <c r="G9761" t="s">
        <v>19467</v>
      </c>
      <c r="H9761">
        <v>4.9295760881620003</v>
      </c>
      <c r="I9761">
        <v>52.481924962973999</v>
      </c>
      <c r="J9761" t="s">
        <v>65446</v>
      </c>
    </row>
    <row r="9762" spans="1:10" x14ac:dyDescent="0.25">
      <c r="A9762" t="s">
        <v>19460</v>
      </c>
      <c r="B9762" t="s">
        <v>19461</v>
      </c>
      <c r="C9762" t="s">
        <v>19462</v>
      </c>
      <c r="D9762" t="s">
        <v>19446</v>
      </c>
      <c r="E9762" t="s">
        <v>13</v>
      </c>
      <c r="F9762">
        <v>4320</v>
      </c>
      <c r="G9762" t="s">
        <v>19463</v>
      </c>
      <c r="H9762">
        <v>4.9406600788609998</v>
      </c>
      <c r="I9762">
        <v>52.434552471998998</v>
      </c>
      <c r="J9762" t="s">
        <v>65447</v>
      </c>
    </row>
    <row r="9763" spans="1:10" x14ac:dyDescent="0.25">
      <c r="A9763" t="s">
        <v>19456</v>
      </c>
      <c r="B9763" t="s">
        <v>19457</v>
      </c>
      <c r="C9763" t="s">
        <v>19458</v>
      </c>
      <c r="D9763" t="s">
        <v>19446</v>
      </c>
      <c r="E9763" t="s">
        <v>13</v>
      </c>
      <c r="F9763">
        <v>4319</v>
      </c>
      <c r="G9763" t="s">
        <v>19459</v>
      </c>
      <c r="H9763">
        <v>4.9053303003949997</v>
      </c>
      <c r="I9763">
        <v>52.427036951407999</v>
      </c>
      <c r="J9763" t="s">
        <v>65448</v>
      </c>
    </row>
    <row r="9764" spans="1:10" x14ac:dyDescent="0.25">
      <c r="A9764" t="s">
        <v>19452</v>
      </c>
      <c r="B9764" t="s">
        <v>19453</v>
      </c>
      <c r="C9764" t="s">
        <v>19454</v>
      </c>
      <c r="D9764" t="s">
        <v>19446</v>
      </c>
      <c r="E9764" t="s">
        <v>13</v>
      </c>
      <c r="F9764">
        <v>4318</v>
      </c>
      <c r="G9764" t="s">
        <v>19455</v>
      </c>
      <c r="H9764">
        <v>4.9168961012979997</v>
      </c>
      <c r="I9764">
        <v>52.427093038636997</v>
      </c>
      <c r="J9764" t="s">
        <v>65449</v>
      </c>
    </row>
    <row r="9765" spans="1:10" x14ac:dyDescent="0.25">
      <c r="A9765" t="s">
        <v>19448</v>
      </c>
      <c r="B9765" t="s">
        <v>19449</v>
      </c>
      <c r="C9765" t="s">
        <v>19450</v>
      </c>
      <c r="D9765" t="s">
        <v>19446</v>
      </c>
      <c r="E9765" t="s">
        <v>13</v>
      </c>
      <c r="F9765">
        <v>4317</v>
      </c>
      <c r="G9765" t="s">
        <v>19451</v>
      </c>
      <c r="H9765">
        <v>4.9216747408819996</v>
      </c>
      <c r="I9765">
        <v>52.433960188019</v>
      </c>
      <c r="J9765" t="s">
        <v>65450</v>
      </c>
    </row>
    <row r="9766" spans="1:10" x14ac:dyDescent="0.25">
      <c r="A9766" t="s">
        <v>19443</v>
      </c>
      <c r="B9766" t="s">
        <v>19444</v>
      </c>
      <c r="C9766" t="s">
        <v>19445</v>
      </c>
      <c r="D9766" t="s">
        <v>19446</v>
      </c>
      <c r="E9766" t="s">
        <v>13</v>
      </c>
      <c r="F9766">
        <v>4316</v>
      </c>
      <c r="G9766" t="s">
        <v>19447</v>
      </c>
      <c r="H9766">
        <v>4.9199168900229999</v>
      </c>
      <c r="I9766">
        <v>52.429100310566</v>
      </c>
      <c r="J9766" t="s">
        <v>65451</v>
      </c>
    </row>
    <row r="9767" spans="1:10" x14ac:dyDescent="0.25">
      <c r="A9767" t="s">
        <v>19439</v>
      </c>
      <c r="B9767" t="s">
        <v>19440</v>
      </c>
      <c r="C9767" t="s">
        <v>19441</v>
      </c>
      <c r="D9767" t="s">
        <v>19326</v>
      </c>
      <c r="E9767" t="s">
        <v>13</v>
      </c>
      <c r="F9767">
        <v>4315</v>
      </c>
      <c r="G9767" t="s">
        <v>19442</v>
      </c>
      <c r="H9767">
        <v>5.2785141568169998</v>
      </c>
      <c r="I9767">
        <v>52.300819940608001</v>
      </c>
      <c r="J9767" t="s">
        <v>65452</v>
      </c>
    </row>
    <row r="9768" spans="1:10" x14ac:dyDescent="0.25">
      <c r="A9768" t="s">
        <v>19435</v>
      </c>
      <c r="B9768" t="s">
        <v>19436</v>
      </c>
      <c r="C9768" t="s">
        <v>19437</v>
      </c>
      <c r="D9768" t="s">
        <v>19326</v>
      </c>
      <c r="E9768" t="s">
        <v>13</v>
      </c>
      <c r="F9768">
        <v>4314</v>
      </c>
      <c r="G9768" t="s">
        <v>19438</v>
      </c>
      <c r="H9768">
        <v>5.2806291238709999</v>
      </c>
      <c r="I9768">
        <v>52.296921369457998</v>
      </c>
      <c r="J9768" t="s">
        <v>65453</v>
      </c>
    </row>
    <row r="9769" spans="1:10" x14ac:dyDescent="0.25">
      <c r="A9769" t="s">
        <v>19431</v>
      </c>
      <c r="B9769" t="s">
        <v>19432</v>
      </c>
      <c r="C9769" t="s">
        <v>19433</v>
      </c>
      <c r="D9769" t="s">
        <v>19326</v>
      </c>
      <c r="E9769" t="s">
        <v>13</v>
      </c>
      <c r="F9769">
        <v>4313</v>
      </c>
      <c r="G9769" t="s">
        <v>19434</v>
      </c>
      <c r="H9769">
        <v>5.271198610601</v>
      </c>
      <c r="I9769">
        <v>52.294855315424002</v>
      </c>
      <c r="J9769" t="s">
        <v>65454</v>
      </c>
    </row>
    <row r="9770" spans="1:10" x14ac:dyDescent="0.25">
      <c r="A9770" t="s">
        <v>19427</v>
      </c>
      <c r="B9770" t="s">
        <v>19428</v>
      </c>
      <c r="C9770" t="s">
        <v>19429</v>
      </c>
      <c r="D9770" t="s">
        <v>19326</v>
      </c>
      <c r="E9770" t="s">
        <v>13</v>
      </c>
      <c r="F9770">
        <v>4312</v>
      </c>
      <c r="G9770" t="s">
        <v>19430</v>
      </c>
      <c r="H9770">
        <v>5.2675379922590002</v>
      </c>
      <c r="I9770">
        <v>52.296919460791997</v>
      </c>
      <c r="J9770" t="s">
        <v>65455</v>
      </c>
    </row>
    <row r="9771" spans="1:10" x14ac:dyDescent="0.25">
      <c r="A9771" t="s">
        <v>19423</v>
      </c>
      <c r="B9771" t="s">
        <v>19424</v>
      </c>
      <c r="C9771" t="s">
        <v>19425</v>
      </c>
      <c r="D9771" t="s">
        <v>19326</v>
      </c>
      <c r="E9771" t="s">
        <v>13</v>
      </c>
      <c r="F9771">
        <v>4311</v>
      </c>
      <c r="G9771" t="s">
        <v>19426</v>
      </c>
      <c r="H9771">
        <v>5.2711623938710002</v>
      </c>
      <c r="I9771">
        <v>52.301774728486997</v>
      </c>
      <c r="J9771" t="s">
        <v>65456</v>
      </c>
    </row>
    <row r="9772" spans="1:10" x14ac:dyDescent="0.25">
      <c r="A9772" t="s">
        <v>19419</v>
      </c>
      <c r="B9772" t="s">
        <v>19420</v>
      </c>
      <c r="C9772" t="s">
        <v>19421</v>
      </c>
      <c r="D9772" t="s">
        <v>19326</v>
      </c>
      <c r="E9772" t="s">
        <v>13</v>
      </c>
      <c r="F9772">
        <v>4310</v>
      </c>
      <c r="G9772" t="s">
        <v>19422</v>
      </c>
      <c r="H9772">
        <v>5.2622246126589998</v>
      </c>
      <c r="I9772">
        <v>52.289084624978003</v>
      </c>
      <c r="J9772" t="s">
        <v>65457</v>
      </c>
    </row>
    <row r="9773" spans="1:10" x14ac:dyDescent="0.25">
      <c r="A9773" t="s">
        <v>19415</v>
      </c>
      <c r="B9773" t="s">
        <v>19416</v>
      </c>
      <c r="C9773" t="s">
        <v>19417</v>
      </c>
      <c r="D9773" t="s">
        <v>19326</v>
      </c>
      <c r="E9773" t="s">
        <v>13</v>
      </c>
      <c r="F9773">
        <v>4309</v>
      </c>
      <c r="G9773" t="s">
        <v>19418</v>
      </c>
      <c r="H9773">
        <v>5.2646920787580003</v>
      </c>
      <c r="I9773">
        <v>52.291852490394</v>
      </c>
      <c r="J9773" t="s">
        <v>65458</v>
      </c>
    </row>
    <row r="9774" spans="1:10" x14ac:dyDescent="0.25">
      <c r="A9774" t="s">
        <v>19411</v>
      </c>
      <c r="B9774" t="s">
        <v>19412</v>
      </c>
      <c r="C9774" t="s">
        <v>19413</v>
      </c>
      <c r="D9774" t="s">
        <v>19326</v>
      </c>
      <c r="E9774" t="s">
        <v>13</v>
      </c>
      <c r="F9774">
        <v>4308</v>
      </c>
      <c r="G9774" t="s">
        <v>19414</v>
      </c>
      <c r="H9774">
        <v>5.2609768312660004</v>
      </c>
      <c r="I9774">
        <v>52.30316593341</v>
      </c>
      <c r="J9774" t="s">
        <v>65459</v>
      </c>
    </row>
    <row r="9775" spans="1:10" x14ac:dyDescent="0.25">
      <c r="A9775" t="s">
        <v>19407</v>
      </c>
      <c r="B9775" t="s">
        <v>19408</v>
      </c>
      <c r="C9775" t="s">
        <v>19409</v>
      </c>
      <c r="D9775" t="s">
        <v>19326</v>
      </c>
      <c r="E9775" t="s">
        <v>13</v>
      </c>
      <c r="F9775">
        <v>4307</v>
      </c>
      <c r="G9775" t="s">
        <v>19410</v>
      </c>
      <c r="H9775">
        <v>5.2603297657869996</v>
      </c>
      <c r="I9775">
        <v>52.297847358574998</v>
      </c>
      <c r="J9775" t="s">
        <v>65460</v>
      </c>
    </row>
    <row r="9776" spans="1:10" x14ac:dyDescent="0.25">
      <c r="A9776" t="s">
        <v>19403</v>
      </c>
      <c r="B9776" t="s">
        <v>19404</v>
      </c>
      <c r="C9776" t="s">
        <v>19405</v>
      </c>
      <c r="D9776" t="s">
        <v>19326</v>
      </c>
      <c r="E9776" t="s">
        <v>13</v>
      </c>
      <c r="F9776">
        <v>4306</v>
      </c>
      <c r="G9776" t="s">
        <v>19406</v>
      </c>
      <c r="H9776">
        <v>5.2510356146120003</v>
      </c>
      <c r="I9776">
        <v>52.301680011206997</v>
      </c>
      <c r="J9776" t="s">
        <v>65461</v>
      </c>
    </row>
    <row r="9777" spans="1:10" x14ac:dyDescent="0.25">
      <c r="A9777" t="s">
        <v>19399</v>
      </c>
      <c r="B9777" t="s">
        <v>19400</v>
      </c>
      <c r="C9777" t="s">
        <v>19401</v>
      </c>
      <c r="D9777" t="s">
        <v>19326</v>
      </c>
      <c r="E9777" t="s">
        <v>13</v>
      </c>
      <c r="F9777">
        <v>4305</v>
      </c>
      <c r="G9777" t="s">
        <v>19402</v>
      </c>
      <c r="H9777">
        <v>5.2543424580550004</v>
      </c>
      <c r="I9777">
        <v>52.290716410857002</v>
      </c>
      <c r="J9777" t="s">
        <v>65462</v>
      </c>
    </row>
    <row r="9778" spans="1:10" x14ac:dyDescent="0.25">
      <c r="A9778" t="s">
        <v>19395</v>
      </c>
      <c r="B9778" t="s">
        <v>19396</v>
      </c>
      <c r="C9778" t="s">
        <v>19397</v>
      </c>
      <c r="D9778" t="s">
        <v>19326</v>
      </c>
      <c r="E9778" t="s">
        <v>13</v>
      </c>
      <c r="F9778">
        <v>4304</v>
      </c>
      <c r="G9778" t="s">
        <v>19398</v>
      </c>
      <c r="H9778">
        <v>5.2464329029050001</v>
      </c>
      <c r="I9778">
        <v>52.289674692185997</v>
      </c>
      <c r="J9778" t="s">
        <v>65463</v>
      </c>
    </row>
    <row r="9779" spans="1:10" x14ac:dyDescent="0.25">
      <c r="A9779" t="s">
        <v>19391</v>
      </c>
      <c r="B9779" t="s">
        <v>19392</v>
      </c>
      <c r="C9779" t="s">
        <v>19393</v>
      </c>
      <c r="D9779" t="s">
        <v>19326</v>
      </c>
      <c r="E9779" t="s">
        <v>13</v>
      </c>
      <c r="F9779">
        <v>4303</v>
      </c>
      <c r="G9779" t="s">
        <v>19394</v>
      </c>
      <c r="H9779">
        <v>5.2467329882999998</v>
      </c>
      <c r="I9779">
        <v>52.295926591795997</v>
      </c>
      <c r="J9779" t="s">
        <v>65464</v>
      </c>
    </row>
    <row r="9780" spans="1:10" x14ac:dyDescent="0.25">
      <c r="A9780" t="s">
        <v>19387</v>
      </c>
      <c r="B9780" t="s">
        <v>19388</v>
      </c>
      <c r="C9780" t="s">
        <v>19389</v>
      </c>
      <c r="D9780" t="s">
        <v>19326</v>
      </c>
      <c r="E9780" t="s">
        <v>13</v>
      </c>
      <c r="F9780">
        <v>4302</v>
      </c>
      <c r="G9780" t="s">
        <v>19390</v>
      </c>
      <c r="H9780">
        <v>5.2421842101609997</v>
      </c>
      <c r="I9780">
        <v>52.304178041358</v>
      </c>
      <c r="J9780" t="s">
        <v>65465</v>
      </c>
    </row>
    <row r="9781" spans="1:10" x14ac:dyDescent="0.25">
      <c r="A9781" t="s">
        <v>19383</v>
      </c>
      <c r="B9781" t="s">
        <v>19384</v>
      </c>
      <c r="C9781" t="s">
        <v>19385</v>
      </c>
      <c r="D9781" t="s">
        <v>19326</v>
      </c>
      <c r="E9781" t="s">
        <v>13</v>
      </c>
      <c r="F9781">
        <v>4301</v>
      </c>
      <c r="G9781" t="s">
        <v>19386</v>
      </c>
      <c r="H9781">
        <v>5.2356639594840004</v>
      </c>
      <c r="I9781">
        <v>52.308942873287997</v>
      </c>
      <c r="J9781" t="s">
        <v>65466</v>
      </c>
    </row>
    <row r="9782" spans="1:10" x14ac:dyDescent="0.25">
      <c r="A9782" t="s">
        <v>19379</v>
      </c>
      <c r="B9782" t="s">
        <v>19380</v>
      </c>
      <c r="C9782" t="s">
        <v>19381</v>
      </c>
      <c r="D9782" t="s">
        <v>19326</v>
      </c>
      <c r="E9782" t="s">
        <v>13</v>
      </c>
      <c r="F9782">
        <v>4300</v>
      </c>
      <c r="G9782" t="s">
        <v>19382</v>
      </c>
      <c r="H9782">
        <v>5.2504347917079999</v>
      </c>
      <c r="I9782">
        <v>52.309609951269998</v>
      </c>
      <c r="J9782" t="s">
        <v>65467</v>
      </c>
    </row>
    <row r="9783" spans="1:10" x14ac:dyDescent="0.25">
      <c r="A9783" t="s">
        <v>19375</v>
      </c>
      <c r="B9783" t="s">
        <v>19376</v>
      </c>
      <c r="C9783" t="s">
        <v>19377</v>
      </c>
      <c r="D9783" t="s">
        <v>19326</v>
      </c>
      <c r="E9783" t="s">
        <v>13</v>
      </c>
      <c r="F9783">
        <v>4299</v>
      </c>
      <c r="G9783" t="s">
        <v>19378</v>
      </c>
      <c r="H9783">
        <v>5.2297688177969999</v>
      </c>
      <c r="I9783">
        <v>52.290633205987</v>
      </c>
      <c r="J9783" t="s">
        <v>65468</v>
      </c>
    </row>
    <row r="9784" spans="1:10" x14ac:dyDescent="0.25">
      <c r="A9784" t="s">
        <v>19371</v>
      </c>
      <c r="B9784" t="s">
        <v>19372</v>
      </c>
      <c r="C9784" t="s">
        <v>19373</v>
      </c>
      <c r="D9784" t="s">
        <v>19326</v>
      </c>
      <c r="E9784" t="s">
        <v>13</v>
      </c>
      <c r="F9784">
        <v>4298</v>
      </c>
      <c r="G9784" t="s">
        <v>19374</v>
      </c>
      <c r="H9784">
        <v>5.2213080965319998</v>
      </c>
      <c r="I9784">
        <v>52.292689504462999</v>
      </c>
      <c r="J9784" t="s">
        <v>65469</v>
      </c>
    </row>
    <row r="9785" spans="1:10" x14ac:dyDescent="0.25">
      <c r="A9785" t="s">
        <v>19367</v>
      </c>
      <c r="B9785" t="s">
        <v>19368</v>
      </c>
      <c r="C9785" t="s">
        <v>19369</v>
      </c>
      <c r="D9785" t="s">
        <v>19326</v>
      </c>
      <c r="E9785" t="s">
        <v>13</v>
      </c>
      <c r="F9785">
        <v>4297</v>
      </c>
      <c r="G9785" t="s">
        <v>19370</v>
      </c>
      <c r="H9785">
        <v>5.2382544639819999</v>
      </c>
      <c r="I9785">
        <v>52.282340452692999</v>
      </c>
      <c r="J9785" t="s">
        <v>65470</v>
      </c>
    </row>
    <row r="9786" spans="1:10" x14ac:dyDescent="0.25">
      <c r="A9786" t="s">
        <v>19363</v>
      </c>
      <c r="B9786" t="s">
        <v>19364</v>
      </c>
      <c r="C9786" t="s">
        <v>19365</v>
      </c>
      <c r="D9786" t="s">
        <v>19326</v>
      </c>
      <c r="E9786" t="s">
        <v>13</v>
      </c>
      <c r="F9786">
        <v>4296</v>
      </c>
      <c r="G9786" t="s">
        <v>19366</v>
      </c>
      <c r="H9786">
        <v>5.2434716223109996</v>
      </c>
      <c r="I9786">
        <v>52.284816788473996</v>
      </c>
      <c r="J9786" t="s">
        <v>65471</v>
      </c>
    </row>
    <row r="9787" spans="1:10" x14ac:dyDescent="0.25">
      <c r="A9787" t="s">
        <v>19359</v>
      </c>
      <c r="B9787" t="s">
        <v>19360</v>
      </c>
      <c r="C9787" t="s">
        <v>19361</v>
      </c>
      <c r="D9787" t="s">
        <v>19326</v>
      </c>
      <c r="E9787" t="s">
        <v>13</v>
      </c>
      <c r="F9787">
        <v>4295</v>
      </c>
      <c r="G9787" t="s">
        <v>19362</v>
      </c>
      <c r="H9787">
        <v>5.2227845748439998</v>
      </c>
      <c r="I9787">
        <v>52.279985503281999</v>
      </c>
      <c r="J9787" t="s">
        <v>65472</v>
      </c>
    </row>
    <row r="9788" spans="1:10" x14ac:dyDescent="0.25">
      <c r="A9788" t="s">
        <v>19355</v>
      </c>
      <c r="B9788" t="s">
        <v>19356</v>
      </c>
      <c r="C9788" t="s">
        <v>19357</v>
      </c>
      <c r="D9788" t="s">
        <v>19326</v>
      </c>
      <c r="E9788" t="s">
        <v>13</v>
      </c>
      <c r="F9788">
        <v>4294</v>
      </c>
      <c r="G9788" t="s">
        <v>19358</v>
      </c>
      <c r="H9788">
        <v>5.2280861537070002</v>
      </c>
      <c r="I9788">
        <v>52.285096090343004</v>
      </c>
      <c r="J9788" t="s">
        <v>65473</v>
      </c>
    </row>
    <row r="9789" spans="1:10" x14ac:dyDescent="0.25">
      <c r="A9789" t="s">
        <v>19351</v>
      </c>
      <c r="B9789" t="s">
        <v>19352</v>
      </c>
      <c r="C9789" t="s">
        <v>19353</v>
      </c>
      <c r="D9789" t="s">
        <v>19326</v>
      </c>
      <c r="E9789" t="s">
        <v>13</v>
      </c>
      <c r="F9789">
        <v>4293</v>
      </c>
      <c r="G9789" t="s">
        <v>19354</v>
      </c>
      <c r="H9789">
        <v>5.2127596064940001</v>
      </c>
      <c r="I9789">
        <v>52.288387030989</v>
      </c>
      <c r="J9789" t="s">
        <v>65474</v>
      </c>
    </row>
    <row r="9790" spans="1:10" x14ac:dyDescent="0.25">
      <c r="A9790" t="s">
        <v>19347</v>
      </c>
      <c r="B9790" t="s">
        <v>19348</v>
      </c>
      <c r="C9790" t="s">
        <v>19349</v>
      </c>
      <c r="D9790" t="s">
        <v>19326</v>
      </c>
      <c r="E9790" t="s">
        <v>13</v>
      </c>
      <c r="F9790">
        <v>4292</v>
      </c>
      <c r="G9790" t="s">
        <v>19350</v>
      </c>
      <c r="H9790">
        <v>5.208901604886</v>
      </c>
      <c r="I9790">
        <v>52.296197721763001</v>
      </c>
      <c r="J9790" t="s">
        <v>65475</v>
      </c>
    </row>
    <row r="9791" spans="1:10" x14ac:dyDescent="0.25">
      <c r="A9791" t="s">
        <v>19344</v>
      </c>
      <c r="B9791" t="s">
        <v>19345</v>
      </c>
      <c r="C9791" t="s">
        <v>16920</v>
      </c>
      <c r="D9791" t="s">
        <v>19326</v>
      </c>
      <c r="E9791" t="s">
        <v>13</v>
      </c>
      <c r="F9791">
        <v>4291</v>
      </c>
      <c r="G9791" t="s">
        <v>19346</v>
      </c>
      <c r="H9791">
        <v>5.1986744527419999</v>
      </c>
      <c r="I9791">
        <v>52.275376753636998</v>
      </c>
      <c r="J9791" t="s">
        <v>65476</v>
      </c>
    </row>
    <row r="9792" spans="1:10" x14ac:dyDescent="0.25">
      <c r="A9792" t="s">
        <v>19340</v>
      </c>
      <c r="B9792" t="s">
        <v>19341</v>
      </c>
      <c r="C9792" t="s">
        <v>19342</v>
      </c>
      <c r="D9792" t="s">
        <v>19326</v>
      </c>
      <c r="E9792" t="s">
        <v>13</v>
      </c>
      <c r="F9792">
        <v>4290</v>
      </c>
      <c r="G9792" t="s">
        <v>19343</v>
      </c>
      <c r="H9792">
        <v>5.2038369814780001</v>
      </c>
      <c r="I9792">
        <v>52.283765817951</v>
      </c>
      <c r="J9792" t="s">
        <v>65477</v>
      </c>
    </row>
    <row r="9793" spans="1:10" x14ac:dyDescent="0.25">
      <c r="A9793" t="s">
        <v>19336</v>
      </c>
      <c r="B9793" t="s">
        <v>19337</v>
      </c>
      <c r="C9793" t="s">
        <v>19338</v>
      </c>
      <c r="D9793" t="s">
        <v>19326</v>
      </c>
      <c r="E9793" t="s">
        <v>13</v>
      </c>
      <c r="F9793">
        <v>4289</v>
      </c>
      <c r="G9793" t="s">
        <v>19339</v>
      </c>
      <c r="H9793">
        <v>5.1982766971089998</v>
      </c>
      <c r="I9793">
        <v>52.293625790470998</v>
      </c>
      <c r="J9793" t="s">
        <v>65478</v>
      </c>
    </row>
    <row r="9794" spans="1:10" x14ac:dyDescent="0.25">
      <c r="A9794" t="s">
        <v>19332</v>
      </c>
      <c r="B9794" t="s">
        <v>19333</v>
      </c>
      <c r="C9794" t="s">
        <v>19334</v>
      </c>
      <c r="D9794" t="s">
        <v>19326</v>
      </c>
      <c r="E9794" t="s">
        <v>13</v>
      </c>
      <c r="F9794">
        <v>4288</v>
      </c>
      <c r="G9794" t="s">
        <v>19335</v>
      </c>
      <c r="H9794">
        <v>5.2219786715790004</v>
      </c>
      <c r="I9794">
        <v>52.296692193360997</v>
      </c>
      <c r="J9794" t="s">
        <v>65479</v>
      </c>
    </row>
    <row r="9795" spans="1:10" x14ac:dyDescent="0.25">
      <c r="A9795" t="s">
        <v>19328</v>
      </c>
      <c r="B9795" t="s">
        <v>19329</v>
      </c>
      <c r="C9795" t="s">
        <v>19330</v>
      </c>
      <c r="D9795" t="s">
        <v>19326</v>
      </c>
      <c r="E9795" t="s">
        <v>13</v>
      </c>
      <c r="F9795">
        <v>4287</v>
      </c>
      <c r="G9795" t="s">
        <v>19331</v>
      </c>
      <c r="H9795">
        <v>5.2402926408430002</v>
      </c>
      <c r="I9795">
        <v>52.293422547558997</v>
      </c>
      <c r="J9795" t="s">
        <v>65480</v>
      </c>
    </row>
    <row r="9796" spans="1:10" x14ac:dyDescent="0.25">
      <c r="A9796" t="s">
        <v>19324</v>
      </c>
      <c r="B9796" t="s">
        <v>19325</v>
      </c>
      <c r="C9796" t="s">
        <v>18510</v>
      </c>
      <c r="D9796" t="s">
        <v>19326</v>
      </c>
      <c r="E9796" t="s">
        <v>13</v>
      </c>
      <c r="F9796">
        <v>4286</v>
      </c>
      <c r="G9796" t="s">
        <v>19327</v>
      </c>
      <c r="H9796">
        <v>5.2330330697259999</v>
      </c>
      <c r="I9796">
        <v>52.300282969868</v>
      </c>
      <c r="J9796" t="s">
        <v>65481</v>
      </c>
    </row>
    <row r="9797" spans="1:10" x14ac:dyDescent="0.25">
      <c r="A9797" t="s">
        <v>19320</v>
      </c>
      <c r="B9797" t="s">
        <v>19321</v>
      </c>
      <c r="C9797" t="s">
        <v>19322</v>
      </c>
      <c r="D9797" t="s">
        <v>19030</v>
      </c>
      <c r="E9797" t="s">
        <v>13</v>
      </c>
      <c r="F9797">
        <v>4285</v>
      </c>
      <c r="G9797" t="s">
        <v>19323</v>
      </c>
      <c r="H9797">
        <v>5.075920609612</v>
      </c>
      <c r="I9797">
        <v>52.678624293912002</v>
      </c>
      <c r="J9797" t="s">
        <v>65482</v>
      </c>
    </row>
    <row r="9798" spans="1:10" x14ac:dyDescent="0.25">
      <c r="A9798" t="s">
        <v>19316</v>
      </c>
      <c r="B9798" t="s">
        <v>19317</v>
      </c>
      <c r="C9798" t="s">
        <v>19318</v>
      </c>
      <c r="D9798" t="s">
        <v>19030</v>
      </c>
      <c r="E9798" t="s">
        <v>13</v>
      </c>
      <c r="F9798">
        <v>4284</v>
      </c>
      <c r="G9798" t="s">
        <v>19319</v>
      </c>
      <c r="H9798">
        <v>5.0974066779829998</v>
      </c>
      <c r="I9798">
        <v>52.666579948284003</v>
      </c>
      <c r="J9798" t="s">
        <v>65483</v>
      </c>
    </row>
    <row r="9799" spans="1:10" x14ac:dyDescent="0.25">
      <c r="A9799" t="s">
        <v>19312</v>
      </c>
      <c r="B9799" t="s">
        <v>19313</v>
      </c>
      <c r="C9799" t="s">
        <v>19314</v>
      </c>
      <c r="D9799" t="s">
        <v>19030</v>
      </c>
      <c r="E9799" t="s">
        <v>13</v>
      </c>
      <c r="F9799">
        <v>4283</v>
      </c>
      <c r="G9799" t="s">
        <v>19315</v>
      </c>
      <c r="H9799">
        <v>5.0918389940919999</v>
      </c>
      <c r="I9799">
        <v>52.665864779347999</v>
      </c>
      <c r="J9799" t="s">
        <v>65484</v>
      </c>
    </row>
    <row r="9800" spans="1:10" x14ac:dyDescent="0.25">
      <c r="A9800" t="s">
        <v>19308</v>
      </c>
      <c r="B9800" t="s">
        <v>19309</v>
      </c>
      <c r="C9800" t="s">
        <v>19310</v>
      </c>
      <c r="D9800" t="s">
        <v>19030</v>
      </c>
      <c r="E9800" t="s">
        <v>13</v>
      </c>
      <c r="F9800">
        <v>4282</v>
      </c>
      <c r="G9800" t="s">
        <v>19311</v>
      </c>
      <c r="H9800">
        <v>5.0939345075810003</v>
      </c>
      <c r="I9800">
        <v>52.671892246593004</v>
      </c>
      <c r="J9800" t="s">
        <v>65485</v>
      </c>
    </row>
    <row r="9801" spans="1:10" x14ac:dyDescent="0.25">
      <c r="A9801" t="s">
        <v>19304</v>
      </c>
      <c r="B9801" t="s">
        <v>19305</v>
      </c>
      <c r="C9801" t="s">
        <v>19306</v>
      </c>
      <c r="D9801" t="s">
        <v>19030</v>
      </c>
      <c r="E9801" t="s">
        <v>13</v>
      </c>
      <c r="F9801">
        <v>4281</v>
      </c>
      <c r="G9801" t="s">
        <v>19307</v>
      </c>
      <c r="H9801">
        <v>5.0865192304860001</v>
      </c>
      <c r="I9801">
        <v>52.669576281105002</v>
      </c>
      <c r="J9801" t="s">
        <v>65486</v>
      </c>
    </row>
    <row r="9802" spans="1:10" x14ac:dyDescent="0.25">
      <c r="A9802" t="s">
        <v>19300</v>
      </c>
      <c r="B9802" t="s">
        <v>19301</v>
      </c>
      <c r="C9802" t="s">
        <v>19302</v>
      </c>
      <c r="D9802" t="s">
        <v>19030</v>
      </c>
      <c r="E9802" t="s">
        <v>13</v>
      </c>
      <c r="F9802">
        <v>4280</v>
      </c>
      <c r="G9802" t="s">
        <v>19303</v>
      </c>
      <c r="H9802">
        <v>5.089798018752</v>
      </c>
      <c r="I9802">
        <v>52.676556106511001</v>
      </c>
      <c r="J9802" t="s">
        <v>65487</v>
      </c>
    </row>
    <row r="9803" spans="1:10" x14ac:dyDescent="0.25">
      <c r="A9803" t="s">
        <v>19296</v>
      </c>
      <c r="B9803" t="s">
        <v>19297</v>
      </c>
      <c r="C9803" t="s">
        <v>19298</v>
      </c>
      <c r="D9803" t="s">
        <v>19030</v>
      </c>
      <c r="E9803" t="s">
        <v>13</v>
      </c>
      <c r="F9803">
        <v>4279</v>
      </c>
      <c r="G9803" t="s">
        <v>19299</v>
      </c>
      <c r="H9803">
        <v>5.0833595687780004</v>
      </c>
      <c r="I9803">
        <v>52.674326781311002</v>
      </c>
      <c r="J9803" t="s">
        <v>65488</v>
      </c>
    </row>
    <row r="9804" spans="1:10" x14ac:dyDescent="0.25">
      <c r="A9804" t="s">
        <v>19292</v>
      </c>
      <c r="B9804" t="s">
        <v>19293</v>
      </c>
      <c r="C9804" t="s">
        <v>19294</v>
      </c>
      <c r="D9804" t="s">
        <v>19030</v>
      </c>
      <c r="E9804" t="s">
        <v>13</v>
      </c>
      <c r="F9804">
        <v>4278</v>
      </c>
      <c r="G9804" t="s">
        <v>19295</v>
      </c>
      <c r="H9804">
        <v>5.1006366742380003</v>
      </c>
      <c r="I9804">
        <v>52.638303117634997</v>
      </c>
      <c r="J9804" t="s">
        <v>65489</v>
      </c>
    </row>
    <row r="9805" spans="1:10" x14ac:dyDescent="0.25">
      <c r="A9805" t="s">
        <v>19288</v>
      </c>
      <c r="B9805" t="s">
        <v>19289</v>
      </c>
      <c r="C9805" t="s">
        <v>19290</v>
      </c>
      <c r="D9805" t="s">
        <v>19030</v>
      </c>
      <c r="E9805" t="s">
        <v>13</v>
      </c>
      <c r="F9805">
        <v>4277</v>
      </c>
      <c r="G9805" t="s">
        <v>19291</v>
      </c>
      <c r="H9805">
        <v>5.0971764134740001</v>
      </c>
      <c r="I9805">
        <v>52.643338052535</v>
      </c>
      <c r="J9805" t="s">
        <v>65490</v>
      </c>
    </row>
    <row r="9806" spans="1:10" x14ac:dyDescent="0.25">
      <c r="A9806" t="s">
        <v>19284</v>
      </c>
      <c r="B9806" t="s">
        <v>19285</v>
      </c>
      <c r="C9806" t="s">
        <v>19286</v>
      </c>
      <c r="D9806" t="s">
        <v>19030</v>
      </c>
      <c r="E9806" t="s">
        <v>13</v>
      </c>
      <c r="F9806">
        <v>4276</v>
      </c>
      <c r="G9806" t="s">
        <v>19287</v>
      </c>
      <c r="H9806">
        <v>5.0873134705550003</v>
      </c>
      <c r="I9806">
        <v>52.642226952004002</v>
      </c>
      <c r="J9806" t="s">
        <v>65491</v>
      </c>
    </row>
    <row r="9807" spans="1:10" x14ac:dyDescent="0.25">
      <c r="A9807" t="s">
        <v>19280</v>
      </c>
      <c r="B9807" t="s">
        <v>19281</v>
      </c>
      <c r="C9807" t="s">
        <v>19282</v>
      </c>
      <c r="D9807" t="s">
        <v>19030</v>
      </c>
      <c r="E9807" t="s">
        <v>13</v>
      </c>
      <c r="F9807">
        <v>4275</v>
      </c>
      <c r="G9807" t="s">
        <v>19283</v>
      </c>
      <c r="H9807">
        <v>5.1050778832840003</v>
      </c>
      <c r="I9807">
        <v>52.661660709316003</v>
      </c>
      <c r="J9807" t="s">
        <v>65492</v>
      </c>
    </row>
    <row r="9808" spans="1:10" x14ac:dyDescent="0.25">
      <c r="A9808" t="s">
        <v>19276</v>
      </c>
      <c r="B9808" t="s">
        <v>19277</v>
      </c>
      <c r="C9808" t="s">
        <v>19278</v>
      </c>
      <c r="D9808" t="s">
        <v>19030</v>
      </c>
      <c r="E9808" t="s">
        <v>13</v>
      </c>
      <c r="F9808">
        <v>4274</v>
      </c>
      <c r="G9808" t="s">
        <v>19279</v>
      </c>
      <c r="H9808">
        <v>5.0992868708029997</v>
      </c>
      <c r="I9808">
        <v>52.659179021188997</v>
      </c>
      <c r="J9808" t="s">
        <v>65493</v>
      </c>
    </row>
    <row r="9809" spans="1:10" x14ac:dyDescent="0.25">
      <c r="A9809" t="s">
        <v>19272</v>
      </c>
      <c r="B9809" t="s">
        <v>19273</v>
      </c>
      <c r="C9809" t="s">
        <v>19274</v>
      </c>
      <c r="D9809" t="s">
        <v>19030</v>
      </c>
      <c r="E9809" t="s">
        <v>13</v>
      </c>
      <c r="F9809">
        <v>4273</v>
      </c>
      <c r="G9809" t="s">
        <v>19275</v>
      </c>
      <c r="H9809">
        <v>5.1034547463809998</v>
      </c>
      <c r="I9809">
        <v>52.656559541890999</v>
      </c>
      <c r="J9809" t="s">
        <v>65494</v>
      </c>
    </row>
    <row r="9810" spans="1:10" x14ac:dyDescent="0.25">
      <c r="A9810" t="s">
        <v>19268</v>
      </c>
      <c r="B9810" t="s">
        <v>19269</v>
      </c>
      <c r="C9810" t="s">
        <v>19270</v>
      </c>
      <c r="D9810" t="s">
        <v>19030</v>
      </c>
      <c r="E9810" t="s">
        <v>13</v>
      </c>
      <c r="F9810">
        <v>4272</v>
      </c>
      <c r="G9810" t="s">
        <v>19271</v>
      </c>
      <c r="H9810">
        <v>5.109802604795</v>
      </c>
      <c r="I9810">
        <v>52.652173945694003</v>
      </c>
      <c r="J9810" t="s">
        <v>65495</v>
      </c>
    </row>
    <row r="9811" spans="1:10" x14ac:dyDescent="0.25">
      <c r="A9811" t="s">
        <v>19264</v>
      </c>
      <c r="B9811" t="s">
        <v>19265</v>
      </c>
      <c r="C9811" t="s">
        <v>19266</v>
      </c>
      <c r="D9811" t="s">
        <v>19030</v>
      </c>
      <c r="E9811" t="s">
        <v>13</v>
      </c>
      <c r="F9811">
        <v>4271</v>
      </c>
      <c r="G9811" t="s">
        <v>19267</v>
      </c>
      <c r="H9811">
        <v>5.0999111442269998</v>
      </c>
      <c r="I9811">
        <v>52.649538601186997</v>
      </c>
      <c r="J9811" t="s">
        <v>65496</v>
      </c>
    </row>
    <row r="9812" spans="1:10" x14ac:dyDescent="0.25">
      <c r="A9812" t="s">
        <v>19260</v>
      </c>
      <c r="B9812" t="s">
        <v>19261</v>
      </c>
      <c r="C9812" t="s">
        <v>19262</v>
      </c>
      <c r="D9812" t="s">
        <v>19030</v>
      </c>
      <c r="E9812" t="s">
        <v>13</v>
      </c>
      <c r="F9812">
        <v>4270</v>
      </c>
      <c r="G9812" t="s">
        <v>19263</v>
      </c>
      <c r="H9812">
        <v>5.0898819394450001</v>
      </c>
      <c r="I9812">
        <v>52.646948096655997</v>
      </c>
      <c r="J9812" t="s">
        <v>65497</v>
      </c>
    </row>
    <row r="9813" spans="1:10" x14ac:dyDescent="0.25">
      <c r="A9813" t="s">
        <v>19256</v>
      </c>
      <c r="B9813" t="s">
        <v>19257</v>
      </c>
      <c r="C9813" t="s">
        <v>19258</v>
      </c>
      <c r="D9813" t="s">
        <v>19030</v>
      </c>
      <c r="E9813" t="s">
        <v>13</v>
      </c>
      <c r="F9813">
        <v>4269</v>
      </c>
      <c r="G9813" t="s">
        <v>19259</v>
      </c>
      <c r="H9813">
        <v>5.0932846410290002</v>
      </c>
      <c r="I9813">
        <v>52.652685257342</v>
      </c>
      <c r="J9813" t="s">
        <v>65498</v>
      </c>
    </row>
    <row r="9814" spans="1:10" x14ac:dyDescent="0.25">
      <c r="A9814" t="s">
        <v>19252</v>
      </c>
      <c r="B9814" t="s">
        <v>19253</v>
      </c>
      <c r="C9814" t="s">
        <v>19254</v>
      </c>
      <c r="D9814" t="s">
        <v>19030</v>
      </c>
      <c r="E9814" t="s">
        <v>13</v>
      </c>
      <c r="F9814">
        <v>4268</v>
      </c>
      <c r="G9814" t="s">
        <v>19255</v>
      </c>
      <c r="H9814">
        <v>5.0919714728730003</v>
      </c>
      <c r="I9814">
        <v>52.655972875452001</v>
      </c>
      <c r="J9814" t="s">
        <v>65499</v>
      </c>
    </row>
    <row r="9815" spans="1:10" x14ac:dyDescent="0.25">
      <c r="A9815" t="s">
        <v>19248</v>
      </c>
      <c r="B9815" t="s">
        <v>19249</v>
      </c>
      <c r="C9815" t="s">
        <v>19250</v>
      </c>
      <c r="D9815" t="s">
        <v>19030</v>
      </c>
      <c r="E9815" t="s">
        <v>13</v>
      </c>
      <c r="F9815">
        <v>4267</v>
      </c>
      <c r="G9815" t="s">
        <v>19251</v>
      </c>
      <c r="H9815">
        <v>5.0863116692529999</v>
      </c>
      <c r="I9815">
        <v>52.652911711195998</v>
      </c>
      <c r="J9815" t="s">
        <v>65500</v>
      </c>
    </row>
    <row r="9816" spans="1:10" x14ac:dyDescent="0.25">
      <c r="A9816" t="s">
        <v>19244</v>
      </c>
      <c r="B9816" t="s">
        <v>19245</v>
      </c>
      <c r="C9816" t="s">
        <v>19246</v>
      </c>
      <c r="D9816" t="s">
        <v>19030</v>
      </c>
      <c r="E9816" t="s">
        <v>13</v>
      </c>
      <c r="F9816">
        <v>4266</v>
      </c>
      <c r="G9816" t="s">
        <v>19247</v>
      </c>
      <c r="H9816">
        <v>5.0834057049589996</v>
      </c>
      <c r="I9816">
        <v>52.649176216504003</v>
      </c>
      <c r="J9816" t="s">
        <v>65501</v>
      </c>
    </row>
    <row r="9817" spans="1:10" x14ac:dyDescent="0.25">
      <c r="A9817" t="s">
        <v>19240</v>
      </c>
      <c r="B9817" t="s">
        <v>19241</v>
      </c>
      <c r="C9817" t="s">
        <v>19242</v>
      </c>
      <c r="D9817" t="s">
        <v>19030</v>
      </c>
      <c r="E9817" t="s">
        <v>13</v>
      </c>
      <c r="F9817">
        <v>4265</v>
      </c>
      <c r="G9817" t="s">
        <v>19243</v>
      </c>
      <c r="H9817">
        <v>5.0895910996999998</v>
      </c>
      <c r="I9817">
        <v>52.657322401500998</v>
      </c>
      <c r="J9817" t="s">
        <v>65502</v>
      </c>
    </row>
    <row r="9818" spans="1:10" x14ac:dyDescent="0.25">
      <c r="A9818" t="s">
        <v>19236</v>
      </c>
      <c r="B9818" t="s">
        <v>19237</v>
      </c>
      <c r="C9818" t="s">
        <v>19238</v>
      </c>
      <c r="D9818" t="s">
        <v>19030</v>
      </c>
      <c r="E9818" t="s">
        <v>13</v>
      </c>
      <c r="F9818">
        <v>4264</v>
      </c>
      <c r="G9818" t="s">
        <v>19239</v>
      </c>
      <c r="H9818">
        <v>5.0844780884340004</v>
      </c>
      <c r="I9818">
        <v>52.654133308242002</v>
      </c>
      <c r="J9818" t="s">
        <v>65503</v>
      </c>
    </row>
    <row r="9819" spans="1:10" x14ac:dyDescent="0.25">
      <c r="A9819" t="s">
        <v>19232</v>
      </c>
      <c r="B9819" t="s">
        <v>19233</v>
      </c>
      <c r="C9819" t="s">
        <v>19234</v>
      </c>
      <c r="D9819" t="s">
        <v>19030</v>
      </c>
      <c r="E9819" t="s">
        <v>13</v>
      </c>
      <c r="F9819">
        <v>4263</v>
      </c>
      <c r="G9819" t="s">
        <v>19235</v>
      </c>
      <c r="H9819">
        <v>5.0812724408039998</v>
      </c>
      <c r="I9819">
        <v>52.655200305831997</v>
      </c>
      <c r="J9819" t="s">
        <v>65504</v>
      </c>
    </row>
    <row r="9820" spans="1:10" x14ac:dyDescent="0.25">
      <c r="A9820" t="s">
        <v>19228</v>
      </c>
      <c r="B9820" t="s">
        <v>19229</v>
      </c>
      <c r="C9820" t="s">
        <v>19230</v>
      </c>
      <c r="D9820" t="s">
        <v>19030</v>
      </c>
      <c r="E9820" t="s">
        <v>13</v>
      </c>
      <c r="F9820">
        <v>4262</v>
      </c>
      <c r="G9820" t="s">
        <v>19231</v>
      </c>
      <c r="H9820">
        <v>5.0770601563320001</v>
      </c>
      <c r="I9820">
        <v>52.652326283337999</v>
      </c>
      <c r="J9820" t="s">
        <v>65505</v>
      </c>
    </row>
    <row r="9821" spans="1:10" x14ac:dyDescent="0.25">
      <c r="A9821" t="s">
        <v>19224</v>
      </c>
      <c r="B9821" t="s">
        <v>19225</v>
      </c>
      <c r="C9821" t="s">
        <v>19226</v>
      </c>
      <c r="D9821" t="s">
        <v>19030</v>
      </c>
      <c r="E9821" t="s">
        <v>13</v>
      </c>
      <c r="F9821">
        <v>4261</v>
      </c>
      <c r="G9821" t="s">
        <v>19227</v>
      </c>
      <c r="H9821">
        <v>5.0862844550770001</v>
      </c>
      <c r="I9821">
        <v>52.662495271051</v>
      </c>
      <c r="J9821" t="s">
        <v>65506</v>
      </c>
    </row>
    <row r="9822" spans="1:10" x14ac:dyDescent="0.25">
      <c r="A9822" t="s">
        <v>19220</v>
      </c>
      <c r="B9822" t="s">
        <v>19221</v>
      </c>
      <c r="C9822" t="s">
        <v>19222</v>
      </c>
      <c r="D9822" t="s">
        <v>19030</v>
      </c>
      <c r="E9822" t="s">
        <v>13</v>
      </c>
      <c r="F9822">
        <v>4260</v>
      </c>
      <c r="G9822" t="s">
        <v>19223</v>
      </c>
      <c r="H9822">
        <v>5.076945996599</v>
      </c>
      <c r="I9822">
        <v>52.660857478215</v>
      </c>
      <c r="J9822" t="s">
        <v>65507</v>
      </c>
    </row>
    <row r="9823" spans="1:10" x14ac:dyDescent="0.25">
      <c r="A9823" t="s">
        <v>19216</v>
      </c>
      <c r="B9823" t="s">
        <v>19217</v>
      </c>
      <c r="C9823" t="s">
        <v>19218</v>
      </c>
      <c r="D9823" t="s">
        <v>19030</v>
      </c>
      <c r="E9823" t="s">
        <v>13</v>
      </c>
      <c r="F9823">
        <v>4259</v>
      </c>
      <c r="G9823" t="s">
        <v>19219</v>
      </c>
      <c r="H9823">
        <v>5.0972326562920003</v>
      </c>
      <c r="I9823">
        <v>52.661926834881001</v>
      </c>
      <c r="J9823" t="s">
        <v>65508</v>
      </c>
    </row>
    <row r="9824" spans="1:10" x14ac:dyDescent="0.25">
      <c r="A9824" t="s">
        <v>19212</v>
      </c>
      <c r="B9824" t="s">
        <v>19213</v>
      </c>
      <c r="C9824" t="s">
        <v>19214</v>
      </c>
      <c r="D9824" t="s">
        <v>19030</v>
      </c>
      <c r="E9824" t="s">
        <v>13</v>
      </c>
      <c r="F9824">
        <v>4258</v>
      </c>
      <c r="G9824" t="s">
        <v>19215</v>
      </c>
      <c r="H9824">
        <v>5.0889536757369997</v>
      </c>
      <c r="I9824">
        <v>52.659586939012001</v>
      </c>
      <c r="J9824" t="s">
        <v>65509</v>
      </c>
    </row>
    <row r="9825" spans="1:10" x14ac:dyDescent="0.25">
      <c r="A9825" t="s">
        <v>19208</v>
      </c>
      <c r="B9825" t="s">
        <v>19209</v>
      </c>
      <c r="C9825" t="s">
        <v>19210</v>
      </c>
      <c r="D9825" t="s">
        <v>19030</v>
      </c>
      <c r="E9825" t="s">
        <v>13</v>
      </c>
      <c r="F9825">
        <v>4257</v>
      </c>
      <c r="G9825" t="s">
        <v>19211</v>
      </c>
      <c r="H9825">
        <v>5.0806205397650004</v>
      </c>
      <c r="I9825">
        <v>52.657655231301</v>
      </c>
      <c r="J9825" t="s">
        <v>65510</v>
      </c>
    </row>
    <row r="9826" spans="1:10" x14ac:dyDescent="0.25">
      <c r="A9826" t="s">
        <v>19204</v>
      </c>
      <c r="B9826" t="s">
        <v>19205</v>
      </c>
      <c r="C9826" t="s">
        <v>19206</v>
      </c>
      <c r="D9826" t="s">
        <v>19030</v>
      </c>
      <c r="E9826" t="s">
        <v>13</v>
      </c>
      <c r="F9826">
        <v>4256</v>
      </c>
      <c r="G9826" t="s">
        <v>19207</v>
      </c>
      <c r="H9826">
        <v>5.0761887624039996</v>
      </c>
      <c r="I9826">
        <v>52.672355455522002</v>
      </c>
      <c r="J9826" t="s">
        <v>65511</v>
      </c>
    </row>
    <row r="9827" spans="1:10" x14ac:dyDescent="0.25">
      <c r="A9827" t="s">
        <v>19200</v>
      </c>
      <c r="B9827" t="s">
        <v>19201</v>
      </c>
      <c r="C9827" t="s">
        <v>19202</v>
      </c>
      <c r="D9827" t="s">
        <v>19030</v>
      </c>
      <c r="E9827" t="s">
        <v>13</v>
      </c>
      <c r="F9827">
        <v>4255</v>
      </c>
      <c r="G9827" t="s">
        <v>19203</v>
      </c>
      <c r="H9827">
        <v>5.0695625359990002</v>
      </c>
      <c r="I9827">
        <v>52.670555444430001</v>
      </c>
      <c r="J9827" t="s">
        <v>65512</v>
      </c>
    </row>
    <row r="9828" spans="1:10" x14ac:dyDescent="0.25">
      <c r="A9828" t="s">
        <v>19196</v>
      </c>
      <c r="B9828" t="s">
        <v>19197</v>
      </c>
      <c r="C9828" t="s">
        <v>19198</v>
      </c>
      <c r="D9828" t="s">
        <v>19030</v>
      </c>
      <c r="E9828" t="s">
        <v>13</v>
      </c>
      <c r="F9828">
        <v>4254</v>
      </c>
      <c r="G9828" t="s">
        <v>19199</v>
      </c>
      <c r="H9828">
        <v>5.0615180156399999</v>
      </c>
      <c r="I9828">
        <v>52.669264952832002</v>
      </c>
      <c r="J9828" t="s">
        <v>65513</v>
      </c>
    </row>
    <row r="9829" spans="1:10" x14ac:dyDescent="0.25">
      <c r="A9829" t="s">
        <v>19192</v>
      </c>
      <c r="B9829" t="s">
        <v>19193</v>
      </c>
      <c r="C9829" t="s">
        <v>19194</v>
      </c>
      <c r="D9829" t="s">
        <v>19030</v>
      </c>
      <c r="E9829" t="s">
        <v>13</v>
      </c>
      <c r="F9829">
        <v>4253</v>
      </c>
      <c r="G9829" t="s">
        <v>19195</v>
      </c>
      <c r="H9829">
        <v>5.0802928518400003</v>
      </c>
      <c r="I9829">
        <v>52.667266255952001</v>
      </c>
      <c r="J9829" t="s">
        <v>65514</v>
      </c>
    </row>
    <row r="9830" spans="1:10" x14ac:dyDescent="0.25">
      <c r="A9830" t="s">
        <v>19188</v>
      </c>
      <c r="B9830" t="s">
        <v>19189</v>
      </c>
      <c r="C9830" t="s">
        <v>19190</v>
      </c>
      <c r="D9830" t="s">
        <v>19030</v>
      </c>
      <c r="E9830" t="s">
        <v>13</v>
      </c>
      <c r="F9830">
        <v>4252</v>
      </c>
      <c r="G9830" t="s">
        <v>19191</v>
      </c>
      <c r="H9830">
        <v>5.071306384703</v>
      </c>
      <c r="I9830">
        <v>52.664309626321</v>
      </c>
      <c r="J9830" t="s">
        <v>65515</v>
      </c>
    </row>
    <row r="9831" spans="1:10" x14ac:dyDescent="0.25">
      <c r="A9831" t="s">
        <v>19184</v>
      </c>
      <c r="B9831" t="s">
        <v>19185</v>
      </c>
      <c r="C9831" t="s">
        <v>19186</v>
      </c>
      <c r="D9831" t="s">
        <v>19030</v>
      </c>
      <c r="E9831" t="s">
        <v>13</v>
      </c>
      <c r="F9831">
        <v>4251</v>
      </c>
      <c r="G9831" t="s">
        <v>19187</v>
      </c>
      <c r="H9831">
        <v>5.0637746957590002</v>
      </c>
      <c r="I9831">
        <v>52.661963722346002</v>
      </c>
      <c r="J9831" t="s">
        <v>65516</v>
      </c>
    </row>
    <row r="9832" spans="1:10" x14ac:dyDescent="0.25">
      <c r="A9832" t="s">
        <v>19180</v>
      </c>
      <c r="B9832" t="s">
        <v>19181</v>
      </c>
      <c r="C9832" t="s">
        <v>19182</v>
      </c>
      <c r="D9832" t="s">
        <v>19030</v>
      </c>
      <c r="E9832" t="s">
        <v>13</v>
      </c>
      <c r="F9832">
        <v>4250</v>
      </c>
      <c r="G9832" t="s">
        <v>19183</v>
      </c>
      <c r="H9832">
        <v>5.0647868743939997</v>
      </c>
      <c r="I9832">
        <v>52.65545469517</v>
      </c>
      <c r="J9832" t="s">
        <v>65517</v>
      </c>
    </row>
    <row r="9833" spans="1:10" x14ac:dyDescent="0.25">
      <c r="A9833" t="s">
        <v>19176</v>
      </c>
      <c r="B9833" t="s">
        <v>19177</v>
      </c>
      <c r="C9833" t="s">
        <v>19178</v>
      </c>
      <c r="D9833" t="s">
        <v>19030</v>
      </c>
      <c r="E9833" t="s">
        <v>13</v>
      </c>
      <c r="F9833">
        <v>4249</v>
      </c>
      <c r="G9833" t="s">
        <v>19179</v>
      </c>
      <c r="H9833">
        <v>5.0704193949779999</v>
      </c>
      <c r="I9833">
        <v>52.656884223562002</v>
      </c>
      <c r="J9833" t="s">
        <v>65518</v>
      </c>
    </row>
    <row r="9834" spans="1:10" x14ac:dyDescent="0.25">
      <c r="A9834" t="s">
        <v>19172</v>
      </c>
      <c r="B9834" t="s">
        <v>19173</v>
      </c>
      <c r="C9834" t="s">
        <v>19174</v>
      </c>
      <c r="D9834" t="s">
        <v>19030</v>
      </c>
      <c r="E9834" t="s">
        <v>13</v>
      </c>
      <c r="F9834">
        <v>4248</v>
      </c>
      <c r="G9834" t="s">
        <v>19175</v>
      </c>
      <c r="H9834">
        <v>5.0383547207810002</v>
      </c>
      <c r="I9834">
        <v>52.667093399533002</v>
      </c>
      <c r="J9834" t="s">
        <v>65519</v>
      </c>
    </row>
    <row r="9835" spans="1:10" x14ac:dyDescent="0.25">
      <c r="A9835" t="s">
        <v>19168</v>
      </c>
      <c r="B9835" t="s">
        <v>19169</v>
      </c>
      <c r="C9835" t="s">
        <v>19170</v>
      </c>
      <c r="D9835" t="s">
        <v>19030</v>
      </c>
      <c r="E9835" t="s">
        <v>13</v>
      </c>
      <c r="F9835">
        <v>4247</v>
      </c>
      <c r="G9835" t="s">
        <v>19171</v>
      </c>
      <c r="H9835">
        <v>5.0427033122280003</v>
      </c>
      <c r="I9835">
        <v>52.665917332522</v>
      </c>
      <c r="J9835" t="s">
        <v>65520</v>
      </c>
    </row>
    <row r="9836" spans="1:10" x14ac:dyDescent="0.25">
      <c r="A9836" t="s">
        <v>19164</v>
      </c>
      <c r="B9836" t="s">
        <v>19165</v>
      </c>
      <c r="C9836" t="s">
        <v>19166</v>
      </c>
      <c r="D9836" t="s">
        <v>19030</v>
      </c>
      <c r="E9836" t="s">
        <v>13</v>
      </c>
      <c r="F9836">
        <v>4246</v>
      </c>
      <c r="G9836" t="s">
        <v>19167</v>
      </c>
      <c r="H9836">
        <v>5.0482036704500004</v>
      </c>
      <c r="I9836">
        <v>52.667593094758999</v>
      </c>
      <c r="J9836" t="s">
        <v>65521</v>
      </c>
    </row>
    <row r="9837" spans="1:10" x14ac:dyDescent="0.25">
      <c r="A9837" t="s">
        <v>19160</v>
      </c>
      <c r="B9837" t="s">
        <v>19161</v>
      </c>
      <c r="C9837" t="s">
        <v>19162</v>
      </c>
      <c r="D9837" t="s">
        <v>19030</v>
      </c>
      <c r="E9837" t="s">
        <v>13</v>
      </c>
      <c r="F9837">
        <v>4245</v>
      </c>
      <c r="G9837" t="s">
        <v>19163</v>
      </c>
      <c r="H9837">
        <v>5.0396602211649997</v>
      </c>
      <c r="I9837">
        <v>52.659919337300003</v>
      </c>
      <c r="J9837" t="s">
        <v>65522</v>
      </c>
    </row>
    <row r="9838" spans="1:10" x14ac:dyDescent="0.25">
      <c r="A9838" t="s">
        <v>19156</v>
      </c>
      <c r="B9838" t="s">
        <v>19157</v>
      </c>
      <c r="C9838" t="s">
        <v>19158</v>
      </c>
      <c r="D9838" t="s">
        <v>19030</v>
      </c>
      <c r="E9838" t="s">
        <v>13</v>
      </c>
      <c r="F9838">
        <v>4244</v>
      </c>
      <c r="G9838" t="s">
        <v>19159</v>
      </c>
      <c r="H9838">
        <v>5.0472179814629996</v>
      </c>
      <c r="I9838">
        <v>52.661974602150003</v>
      </c>
      <c r="J9838" t="s">
        <v>65523</v>
      </c>
    </row>
    <row r="9839" spans="1:10" x14ac:dyDescent="0.25">
      <c r="A9839" t="s">
        <v>19152</v>
      </c>
      <c r="B9839" t="s">
        <v>19153</v>
      </c>
      <c r="C9839" t="s">
        <v>19154</v>
      </c>
      <c r="D9839" t="s">
        <v>19030</v>
      </c>
      <c r="E9839" t="s">
        <v>13</v>
      </c>
      <c r="F9839">
        <v>4243</v>
      </c>
      <c r="G9839" t="s">
        <v>19155</v>
      </c>
      <c r="H9839">
        <v>5.0549151977650002</v>
      </c>
      <c r="I9839">
        <v>52.667225398576001</v>
      </c>
      <c r="J9839" t="s">
        <v>65524</v>
      </c>
    </row>
    <row r="9840" spans="1:10" x14ac:dyDescent="0.25">
      <c r="A9840" t="s">
        <v>19148</v>
      </c>
      <c r="B9840" t="s">
        <v>19149</v>
      </c>
      <c r="C9840" t="s">
        <v>19150</v>
      </c>
      <c r="D9840" t="s">
        <v>19030</v>
      </c>
      <c r="E9840" t="s">
        <v>13</v>
      </c>
      <c r="F9840">
        <v>4242</v>
      </c>
      <c r="G9840" t="s">
        <v>19151</v>
      </c>
      <c r="H9840">
        <v>5.0476571624839996</v>
      </c>
      <c r="I9840">
        <v>52.659211258996997</v>
      </c>
      <c r="J9840" t="s">
        <v>65525</v>
      </c>
    </row>
    <row r="9841" spans="1:10" x14ac:dyDescent="0.25">
      <c r="A9841" t="s">
        <v>19144</v>
      </c>
      <c r="B9841" t="s">
        <v>19145</v>
      </c>
      <c r="C9841" t="s">
        <v>19146</v>
      </c>
      <c r="D9841" t="s">
        <v>19030</v>
      </c>
      <c r="E9841" t="s">
        <v>13</v>
      </c>
      <c r="F9841">
        <v>4241</v>
      </c>
      <c r="G9841" t="s">
        <v>19147</v>
      </c>
      <c r="H9841">
        <v>5.0519141714520002</v>
      </c>
      <c r="I9841">
        <v>52.657903826088003</v>
      </c>
      <c r="J9841" t="s">
        <v>65526</v>
      </c>
    </row>
    <row r="9842" spans="1:10" x14ac:dyDescent="0.25">
      <c r="A9842" t="s">
        <v>19140</v>
      </c>
      <c r="B9842" t="s">
        <v>19141</v>
      </c>
      <c r="C9842" t="s">
        <v>19142</v>
      </c>
      <c r="D9842" t="s">
        <v>19030</v>
      </c>
      <c r="E9842" t="s">
        <v>13</v>
      </c>
      <c r="F9842">
        <v>4240</v>
      </c>
      <c r="G9842" t="s">
        <v>19143</v>
      </c>
      <c r="H9842">
        <v>5.0593490970469999</v>
      </c>
      <c r="I9842">
        <v>52.660084568453001</v>
      </c>
      <c r="J9842" t="s">
        <v>65527</v>
      </c>
    </row>
    <row r="9843" spans="1:10" x14ac:dyDescent="0.25">
      <c r="A9843" t="s">
        <v>19136</v>
      </c>
      <c r="B9843" t="s">
        <v>19137</v>
      </c>
      <c r="C9843" t="s">
        <v>19138</v>
      </c>
      <c r="D9843" t="s">
        <v>19030</v>
      </c>
      <c r="E9843" t="s">
        <v>13</v>
      </c>
      <c r="F9843">
        <v>4239</v>
      </c>
      <c r="G9843" t="s">
        <v>19139</v>
      </c>
      <c r="H9843">
        <v>5.0411158213940004</v>
      </c>
      <c r="I9843">
        <v>52.654075701781998</v>
      </c>
      <c r="J9843" t="s">
        <v>65528</v>
      </c>
    </row>
    <row r="9844" spans="1:10" x14ac:dyDescent="0.25">
      <c r="A9844" t="s">
        <v>19132</v>
      </c>
      <c r="B9844" t="s">
        <v>19133</v>
      </c>
      <c r="C9844" t="s">
        <v>19134</v>
      </c>
      <c r="D9844" t="s">
        <v>19030</v>
      </c>
      <c r="E9844" t="s">
        <v>13</v>
      </c>
      <c r="F9844">
        <v>4238</v>
      </c>
      <c r="G9844" t="s">
        <v>19135</v>
      </c>
      <c r="H9844">
        <v>5.048389677776</v>
      </c>
      <c r="I9844">
        <v>52.653456410596</v>
      </c>
      <c r="J9844" t="s">
        <v>65529</v>
      </c>
    </row>
    <row r="9845" spans="1:10" x14ac:dyDescent="0.25">
      <c r="A9845" t="s">
        <v>19128</v>
      </c>
      <c r="B9845" t="s">
        <v>19129</v>
      </c>
      <c r="C9845" t="s">
        <v>19130</v>
      </c>
      <c r="D9845" t="s">
        <v>19030</v>
      </c>
      <c r="E9845" t="s">
        <v>13</v>
      </c>
      <c r="F9845">
        <v>4237</v>
      </c>
      <c r="G9845" t="s">
        <v>19131</v>
      </c>
      <c r="H9845">
        <v>5.0561140825480004</v>
      </c>
      <c r="I9845">
        <v>52.655089513128999</v>
      </c>
      <c r="J9845" t="s">
        <v>65530</v>
      </c>
    </row>
    <row r="9846" spans="1:10" x14ac:dyDescent="0.25">
      <c r="A9846" t="s">
        <v>19124</v>
      </c>
      <c r="B9846" t="s">
        <v>19125</v>
      </c>
      <c r="C9846" t="s">
        <v>19126</v>
      </c>
      <c r="D9846" t="s">
        <v>19030</v>
      </c>
      <c r="E9846" t="s">
        <v>13</v>
      </c>
      <c r="F9846">
        <v>4236</v>
      </c>
      <c r="G9846" t="s">
        <v>19127</v>
      </c>
      <c r="H9846">
        <v>5.0423288342249997</v>
      </c>
      <c r="I9846">
        <v>52.649063335481998</v>
      </c>
      <c r="J9846" t="s">
        <v>65531</v>
      </c>
    </row>
    <row r="9847" spans="1:10" x14ac:dyDescent="0.25">
      <c r="A9847" t="s">
        <v>19120</v>
      </c>
      <c r="B9847" t="s">
        <v>19121</v>
      </c>
      <c r="C9847" t="s">
        <v>19122</v>
      </c>
      <c r="D9847" t="s">
        <v>19030</v>
      </c>
      <c r="E9847" t="s">
        <v>13</v>
      </c>
      <c r="F9847">
        <v>4235</v>
      </c>
      <c r="G9847" t="s">
        <v>19123</v>
      </c>
      <c r="H9847">
        <v>5.0502728578739999</v>
      </c>
      <c r="I9847">
        <v>52.650072452144002</v>
      </c>
      <c r="J9847" t="s">
        <v>65532</v>
      </c>
    </row>
    <row r="9848" spans="1:10" x14ac:dyDescent="0.25">
      <c r="A9848" t="s">
        <v>19116</v>
      </c>
      <c r="B9848" t="s">
        <v>19117</v>
      </c>
      <c r="C9848" t="s">
        <v>19118</v>
      </c>
      <c r="D9848" t="s">
        <v>19030</v>
      </c>
      <c r="E9848" t="s">
        <v>13</v>
      </c>
      <c r="F9848">
        <v>4234</v>
      </c>
      <c r="G9848" t="s">
        <v>19119</v>
      </c>
      <c r="H9848">
        <v>5.0587089188540002</v>
      </c>
      <c r="I9848">
        <v>52.652540244915002</v>
      </c>
      <c r="J9848" t="s">
        <v>65533</v>
      </c>
    </row>
    <row r="9849" spans="1:10" x14ac:dyDescent="0.25">
      <c r="A9849" t="s">
        <v>19112</v>
      </c>
      <c r="B9849" t="s">
        <v>19113</v>
      </c>
      <c r="C9849" t="s">
        <v>19114</v>
      </c>
      <c r="D9849" t="s">
        <v>19030</v>
      </c>
      <c r="E9849" t="s">
        <v>13</v>
      </c>
      <c r="F9849">
        <v>4233</v>
      </c>
      <c r="G9849" t="s">
        <v>19115</v>
      </c>
      <c r="H9849">
        <v>5.0183552360999997</v>
      </c>
      <c r="I9849">
        <v>52.633652461453003</v>
      </c>
      <c r="J9849" t="s">
        <v>65534</v>
      </c>
    </row>
    <row r="9850" spans="1:10" x14ac:dyDescent="0.25">
      <c r="A9850" t="s">
        <v>19108</v>
      </c>
      <c r="B9850" t="s">
        <v>19109</v>
      </c>
      <c r="C9850" t="s">
        <v>19110</v>
      </c>
      <c r="D9850" t="s">
        <v>19030</v>
      </c>
      <c r="E9850" t="s">
        <v>13</v>
      </c>
      <c r="F9850">
        <v>4232</v>
      </c>
      <c r="G9850" t="s">
        <v>19111</v>
      </c>
      <c r="H9850">
        <v>5.0247020731519996</v>
      </c>
      <c r="I9850">
        <v>52.637273423982997</v>
      </c>
      <c r="J9850" t="s">
        <v>65535</v>
      </c>
    </row>
    <row r="9851" spans="1:10" x14ac:dyDescent="0.25">
      <c r="A9851" t="s">
        <v>19104</v>
      </c>
      <c r="B9851" t="s">
        <v>19105</v>
      </c>
      <c r="C9851" t="s">
        <v>19106</v>
      </c>
      <c r="D9851" t="s">
        <v>19030</v>
      </c>
      <c r="E9851" t="s">
        <v>13</v>
      </c>
      <c r="F9851">
        <v>4231</v>
      </c>
      <c r="G9851" t="s">
        <v>19107</v>
      </c>
      <c r="H9851">
        <v>5.031812541561</v>
      </c>
      <c r="I9851">
        <v>52.637038654127998</v>
      </c>
      <c r="J9851" t="s">
        <v>65536</v>
      </c>
    </row>
    <row r="9852" spans="1:10" x14ac:dyDescent="0.25">
      <c r="A9852" t="s">
        <v>19100</v>
      </c>
      <c r="B9852" t="s">
        <v>19101</v>
      </c>
      <c r="C9852" t="s">
        <v>19102</v>
      </c>
      <c r="D9852" t="s">
        <v>19030</v>
      </c>
      <c r="E9852" t="s">
        <v>13</v>
      </c>
      <c r="F9852">
        <v>4230</v>
      </c>
      <c r="G9852" t="s">
        <v>19103</v>
      </c>
      <c r="H9852">
        <v>5.0304944264160003</v>
      </c>
      <c r="I9852">
        <v>52.639844596456001</v>
      </c>
      <c r="J9852" t="s">
        <v>65537</v>
      </c>
    </row>
    <row r="9853" spans="1:10" x14ac:dyDescent="0.25">
      <c r="A9853" t="s">
        <v>19096</v>
      </c>
      <c r="B9853" t="s">
        <v>19097</v>
      </c>
      <c r="C9853" t="s">
        <v>19098</v>
      </c>
      <c r="D9853" t="s">
        <v>19030</v>
      </c>
      <c r="E9853" t="s">
        <v>13</v>
      </c>
      <c r="F9853">
        <v>4229</v>
      </c>
      <c r="G9853" t="s">
        <v>19099</v>
      </c>
      <c r="H9853">
        <v>5.0368869810180001</v>
      </c>
      <c r="I9853">
        <v>52.637986526414998</v>
      </c>
      <c r="J9853" t="s">
        <v>65538</v>
      </c>
    </row>
    <row r="9854" spans="1:10" x14ac:dyDescent="0.25">
      <c r="A9854" t="s">
        <v>19092</v>
      </c>
      <c r="B9854" t="s">
        <v>19093</v>
      </c>
      <c r="C9854" t="s">
        <v>19094</v>
      </c>
      <c r="D9854" t="s">
        <v>19030</v>
      </c>
      <c r="E9854" t="s">
        <v>13</v>
      </c>
      <c r="F9854">
        <v>4228</v>
      </c>
      <c r="G9854" t="s">
        <v>19095</v>
      </c>
      <c r="H9854">
        <v>5.0344908716920003</v>
      </c>
      <c r="I9854">
        <v>52.640860633636997</v>
      </c>
      <c r="J9854" t="s">
        <v>65539</v>
      </c>
    </row>
    <row r="9855" spans="1:10" x14ac:dyDescent="0.25">
      <c r="A9855" t="s">
        <v>19088</v>
      </c>
      <c r="B9855" t="s">
        <v>19089</v>
      </c>
      <c r="C9855" t="s">
        <v>19090</v>
      </c>
      <c r="D9855" t="s">
        <v>19030</v>
      </c>
      <c r="E9855" t="s">
        <v>13</v>
      </c>
      <c r="F9855">
        <v>4227</v>
      </c>
      <c r="G9855" t="s">
        <v>19091</v>
      </c>
      <c r="H9855">
        <v>5.0337325288420001</v>
      </c>
      <c r="I9855">
        <v>52.643597475645002</v>
      </c>
      <c r="J9855" t="s">
        <v>65540</v>
      </c>
    </row>
    <row r="9856" spans="1:10" x14ac:dyDescent="0.25">
      <c r="A9856" t="s">
        <v>19084</v>
      </c>
      <c r="B9856" t="s">
        <v>19085</v>
      </c>
      <c r="C9856" t="s">
        <v>19086</v>
      </c>
      <c r="D9856" t="s">
        <v>19030</v>
      </c>
      <c r="E9856" t="s">
        <v>13</v>
      </c>
      <c r="F9856">
        <v>4226</v>
      </c>
      <c r="G9856" t="s">
        <v>19087</v>
      </c>
      <c r="H9856">
        <v>5.0425714843679996</v>
      </c>
      <c r="I9856">
        <v>52.643024991806001</v>
      </c>
      <c r="J9856" t="s">
        <v>65541</v>
      </c>
    </row>
    <row r="9857" spans="1:10" x14ac:dyDescent="0.25">
      <c r="A9857" t="s">
        <v>19080</v>
      </c>
      <c r="B9857" t="s">
        <v>19081</v>
      </c>
      <c r="C9857" t="s">
        <v>19082</v>
      </c>
      <c r="D9857" t="s">
        <v>19030</v>
      </c>
      <c r="E9857" t="s">
        <v>13</v>
      </c>
      <c r="F9857">
        <v>4225</v>
      </c>
      <c r="G9857" t="s">
        <v>19083</v>
      </c>
      <c r="H9857">
        <v>5.044758219187</v>
      </c>
      <c r="I9857">
        <v>52.641217272074996</v>
      </c>
      <c r="J9857" t="s">
        <v>65542</v>
      </c>
    </row>
    <row r="9858" spans="1:10" x14ac:dyDescent="0.25">
      <c r="A9858" t="s">
        <v>19076</v>
      </c>
      <c r="B9858" t="s">
        <v>19077</v>
      </c>
      <c r="C9858" t="s">
        <v>19078</v>
      </c>
      <c r="D9858" t="s">
        <v>19030</v>
      </c>
      <c r="E9858" t="s">
        <v>13</v>
      </c>
      <c r="F9858">
        <v>4224</v>
      </c>
      <c r="G9858" t="s">
        <v>19079</v>
      </c>
      <c r="H9858">
        <v>5.0416658953709996</v>
      </c>
      <c r="I9858">
        <v>52.645947423111998</v>
      </c>
      <c r="J9858" t="s">
        <v>65543</v>
      </c>
    </row>
    <row r="9859" spans="1:10" x14ac:dyDescent="0.25">
      <c r="A9859" t="s">
        <v>19072</v>
      </c>
      <c r="B9859" t="s">
        <v>19073</v>
      </c>
      <c r="C9859" t="s">
        <v>19074</v>
      </c>
      <c r="D9859" t="s">
        <v>19030</v>
      </c>
      <c r="E9859" t="s">
        <v>13</v>
      </c>
      <c r="F9859">
        <v>4223</v>
      </c>
      <c r="G9859" t="s">
        <v>19075</v>
      </c>
      <c r="H9859">
        <v>5.0532730344410002</v>
      </c>
      <c r="I9859">
        <v>52.647082520380998</v>
      </c>
      <c r="J9859" t="s">
        <v>65544</v>
      </c>
    </row>
    <row r="9860" spans="1:10" x14ac:dyDescent="0.25">
      <c r="A9860" t="s">
        <v>19068</v>
      </c>
      <c r="B9860" t="s">
        <v>19069</v>
      </c>
      <c r="C9860" t="s">
        <v>19070</v>
      </c>
      <c r="D9860" t="s">
        <v>19030</v>
      </c>
      <c r="E9860" t="s">
        <v>13</v>
      </c>
      <c r="F9860">
        <v>4222</v>
      </c>
      <c r="G9860" t="s">
        <v>19071</v>
      </c>
      <c r="H9860">
        <v>5.063097209136</v>
      </c>
      <c r="I9860">
        <v>52.647057279452</v>
      </c>
      <c r="J9860" t="s">
        <v>65545</v>
      </c>
    </row>
    <row r="9861" spans="1:10" x14ac:dyDescent="0.25">
      <c r="A9861" t="s">
        <v>19064</v>
      </c>
      <c r="B9861" t="s">
        <v>19065</v>
      </c>
      <c r="C9861" t="s">
        <v>19066</v>
      </c>
      <c r="D9861" t="s">
        <v>19030</v>
      </c>
      <c r="E9861" t="s">
        <v>13</v>
      </c>
      <c r="F9861">
        <v>4221</v>
      </c>
      <c r="G9861" t="s">
        <v>19067</v>
      </c>
      <c r="H9861">
        <v>5.0612626679390003</v>
      </c>
      <c r="I9861">
        <v>52.649926002660997</v>
      </c>
      <c r="J9861" t="s">
        <v>65546</v>
      </c>
    </row>
    <row r="9862" spans="1:10" x14ac:dyDescent="0.25">
      <c r="A9862" t="s">
        <v>19060</v>
      </c>
      <c r="B9862" t="s">
        <v>19061</v>
      </c>
      <c r="C9862" t="s">
        <v>19062</v>
      </c>
      <c r="D9862" t="s">
        <v>19030</v>
      </c>
      <c r="E9862" t="s">
        <v>13</v>
      </c>
      <c r="F9862">
        <v>4220</v>
      </c>
      <c r="G9862" t="s">
        <v>19063</v>
      </c>
      <c r="H9862">
        <v>5.0708062194209997</v>
      </c>
      <c r="I9862">
        <v>52.650338047559003</v>
      </c>
      <c r="J9862" t="s">
        <v>65547</v>
      </c>
    </row>
    <row r="9863" spans="1:10" x14ac:dyDescent="0.25">
      <c r="A9863" t="s">
        <v>19056</v>
      </c>
      <c r="B9863" t="s">
        <v>19057</v>
      </c>
      <c r="C9863" t="s">
        <v>19058</v>
      </c>
      <c r="D9863" t="s">
        <v>19030</v>
      </c>
      <c r="E9863" t="s">
        <v>13</v>
      </c>
      <c r="F9863">
        <v>4219</v>
      </c>
      <c r="G9863" t="s">
        <v>19059</v>
      </c>
      <c r="H9863">
        <v>5.0642670978959998</v>
      </c>
      <c r="I9863">
        <v>52.644765122343998</v>
      </c>
      <c r="J9863" t="s">
        <v>65548</v>
      </c>
    </row>
    <row r="9864" spans="1:10" x14ac:dyDescent="0.25">
      <c r="A9864" t="s">
        <v>19052</v>
      </c>
      <c r="B9864" t="s">
        <v>19053</v>
      </c>
      <c r="C9864" t="s">
        <v>19054</v>
      </c>
      <c r="D9864" t="s">
        <v>19030</v>
      </c>
      <c r="E9864" t="s">
        <v>13</v>
      </c>
      <c r="F9864">
        <v>4218</v>
      </c>
      <c r="G9864" t="s">
        <v>19055</v>
      </c>
      <c r="H9864">
        <v>5.0732761478919999</v>
      </c>
      <c r="I9864">
        <v>52.642536299587</v>
      </c>
      <c r="J9864" t="s">
        <v>65549</v>
      </c>
    </row>
    <row r="9865" spans="1:10" x14ac:dyDescent="0.25">
      <c r="A9865" t="s">
        <v>19048</v>
      </c>
      <c r="B9865" t="s">
        <v>19049</v>
      </c>
      <c r="C9865" t="s">
        <v>19050</v>
      </c>
      <c r="D9865" t="s">
        <v>19030</v>
      </c>
      <c r="E9865" t="s">
        <v>13</v>
      </c>
      <c r="F9865">
        <v>4217</v>
      </c>
      <c r="G9865" t="s">
        <v>19051</v>
      </c>
      <c r="H9865">
        <v>5.0731366093580004</v>
      </c>
      <c r="I9865">
        <v>52.645840482634</v>
      </c>
      <c r="J9865" t="s">
        <v>65550</v>
      </c>
    </row>
    <row r="9866" spans="1:10" x14ac:dyDescent="0.25">
      <c r="A9866" t="s">
        <v>19044</v>
      </c>
      <c r="B9866" t="s">
        <v>19045</v>
      </c>
      <c r="C9866" t="s">
        <v>19046</v>
      </c>
      <c r="D9866" t="s">
        <v>19030</v>
      </c>
      <c r="E9866" t="s">
        <v>13</v>
      </c>
      <c r="F9866">
        <v>4216</v>
      </c>
      <c r="G9866" t="s">
        <v>19047</v>
      </c>
      <c r="H9866">
        <v>5.0798843820749999</v>
      </c>
      <c r="I9866">
        <v>52.645399298245003</v>
      </c>
      <c r="J9866" t="s">
        <v>65551</v>
      </c>
    </row>
    <row r="9867" spans="1:10" x14ac:dyDescent="0.25">
      <c r="A9867" t="s">
        <v>19040</v>
      </c>
      <c r="B9867" t="s">
        <v>19041</v>
      </c>
      <c r="C9867" t="s">
        <v>19042</v>
      </c>
      <c r="D9867" t="s">
        <v>19030</v>
      </c>
      <c r="E9867" t="s">
        <v>13</v>
      </c>
      <c r="F9867">
        <v>4215</v>
      </c>
      <c r="G9867" t="s">
        <v>19043</v>
      </c>
      <c r="H9867">
        <v>5.0564620676849996</v>
      </c>
      <c r="I9867">
        <v>52.643567979170001</v>
      </c>
      <c r="J9867" t="s">
        <v>65552</v>
      </c>
    </row>
    <row r="9868" spans="1:10" x14ac:dyDescent="0.25">
      <c r="A9868" t="s">
        <v>19036</v>
      </c>
      <c r="B9868" t="s">
        <v>19037</v>
      </c>
      <c r="C9868" t="s">
        <v>19038</v>
      </c>
      <c r="D9868" t="s">
        <v>19030</v>
      </c>
      <c r="E9868" t="s">
        <v>13</v>
      </c>
      <c r="F9868">
        <v>4214</v>
      </c>
      <c r="G9868" t="s">
        <v>19039</v>
      </c>
      <c r="H9868">
        <v>5.0570684872190004</v>
      </c>
      <c r="I9868">
        <v>52.640659669436999</v>
      </c>
      <c r="J9868" t="s">
        <v>65553</v>
      </c>
    </row>
    <row r="9869" spans="1:10" x14ac:dyDescent="0.25">
      <c r="A9869" t="s">
        <v>19032</v>
      </c>
      <c r="B9869" t="s">
        <v>19033</v>
      </c>
      <c r="C9869" t="s">
        <v>19034</v>
      </c>
      <c r="D9869" t="s">
        <v>19030</v>
      </c>
      <c r="E9869" t="s">
        <v>13</v>
      </c>
      <c r="F9869">
        <v>4213</v>
      </c>
      <c r="G9869" t="s">
        <v>19035</v>
      </c>
      <c r="H9869">
        <v>5.060995806128</v>
      </c>
      <c r="I9869">
        <v>52.637734813862998</v>
      </c>
      <c r="J9869" t="s">
        <v>65554</v>
      </c>
    </row>
    <row r="9870" spans="1:10" x14ac:dyDescent="0.25">
      <c r="A9870" t="s">
        <v>19027</v>
      </c>
      <c r="B9870" t="s">
        <v>19028</v>
      </c>
      <c r="C9870" t="s">
        <v>19029</v>
      </c>
      <c r="D9870" t="s">
        <v>19030</v>
      </c>
      <c r="E9870" t="s">
        <v>13</v>
      </c>
      <c r="F9870">
        <v>4212</v>
      </c>
      <c r="G9870" t="s">
        <v>19031</v>
      </c>
      <c r="H9870">
        <v>5.0685821134570004</v>
      </c>
      <c r="I9870">
        <v>52.638836979402001</v>
      </c>
      <c r="J9870" t="s">
        <v>65555</v>
      </c>
    </row>
    <row r="9871" spans="1:10" x14ac:dyDescent="0.25">
      <c r="A9871" t="s">
        <v>19023</v>
      </c>
      <c r="B9871" t="s">
        <v>19024</v>
      </c>
      <c r="C9871" t="s">
        <v>19025</v>
      </c>
      <c r="D9871" t="s">
        <v>18859</v>
      </c>
      <c r="E9871" t="s">
        <v>13</v>
      </c>
      <c r="F9871">
        <v>4211</v>
      </c>
      <c r="G9871" t="s">
        <v>19026</v>
      </c>
      <c r="H9871">
        <v>5.1229328998639998</v>
      </c>
      <c r="I9871">
        <v>52.274801430556998</v>
      </c>
      <c r="J9871" t="s">
        <v>65556</v>
      </c>
    </row>
    <row r="9872" spans="1:10" x14ac:dyDescent="0.25">
      <c r="A9872" t="s">
        <v>19019</v>
      </c>
      <c r="B9872" t="s">
        <v>19020</v>
      </c>
      <c r="C9872" t="s">
        <v>19021</v>
      </c>
      <c r="D9872" t="s">
        <v>18859</v>
      </c>
      <c r="E9872" t="s">
        <v>13</v>
      </c>
      <c r="F9872">
        <v>4210</v>
      </c>
      <c r="G9872" t="s">
        <v>19022</v>
      </c>
      <c r="H9872">
        <v>5.1483335729380002</v>
      </c>
      <c r="I9872">
        <v>52.228872151112</v>
      </c>
      <c r="J9872" t="s">
        <v>65557</v>
      </c>
    </row>
    <row r="9873" spans="1:10" x14ac:dyDescent="0.25">
      <c r="A9873" t="s">
        <v>19015</v>
      </c>
      <c r="B9873" t="s">
        <v>19016</v>
      </c>
      <c r="C9873" t="s">
        <v>19017</v>
      </c>
      <c r="D9873" t="s">
        <v>18859</v>
      </c>
      <c r="E9873" t="s">
        <v>13</v>
      </c>
      <c r="F9873">
        <v>4209</v>
      </c>
      <c r="G9873" t="s">
        <v>19018</v>
      </c>
      <c r="H9873">
        <v>5.1546081987269998</v>
      </c>
      <c r="I9873">
        <v>52.192065159442002</v>
      </c>
      <c r="J9873" t="s">
        <v>65558</v>
      </c>
    </row>
    <row r="9874" spans="1:10" x14ac:dyDescent="0.25">
      <c r="A9874" t="s">
        <v>19011</v>
      </c>
      <c r="B9874" t="s">
        <v>19012</v>
      </c>
      <c r="C9874" t="s">
        <v>19013</v>
      </c>
      <c r="D9874" t="s">
        <v>18859</v>
      </c>
      <c r="E9874" t="s">
        <v>13</v>
      </c>
      <c r="F9874">
        <v>4208</v>
      </c>
      <c r="G9874" t="s">
        <v>19014</v>
      </c>
      <c r="H9874">
        <v>5.1788587579770002</v>
      </c>
      <c r="I9874">
        <v>52.188431355490998</v>
      </c>
      <c r="J9874" t="s">
        <v>65559</v>
      </c>
    </row>
    <row r="9875" spans="1:10" x14ac:dyDescent="0.25">
      <c r="A9875" t="s">
        <v>19007</v>
      </c>
      <c r="B9875" t="s">
        <v>19008</v>
      </c>
      <c r="C9875" t="s">
        <v>19009</v>
      </c>
      <c r="D9875" t="s">
        <v>18859</v>
      </c>
      <c r="E9875" t="s">
        <v>13</v>
      </c>
      <c r="F9875">
        <v>4207</v>
      </c>
      <c r="G9875" t="s">
        <v>19010</v>
      </c>
      <c r="H9875">
        <v>5.19849909656</v>
      </c>
      <c r="I9875">
        <v>52.199044019981002</v>
      </c>
      <c r="J9875" t="s">
        <v>65560</v>
      </c>
    </row>
    <row r="9876" spans="1:10" x14ac:dyDescent="0.25">
      <c r="A9876" t="s">
        <v>19003</v>
      </c>
      <c r="B9876" t="s">
        <v>19004</v>
      </c>
      <c r="C9876" t="s">
        <v>19005</v>
      </c>
      <c r="D9876" t="s">
        <v>18859</v>
      </c>
      <c r="E9876" t="s">
        <v>13</v>
      </c>
      <c r="F9876">
        <v>4206</v>
      </c>
      <c r="G9876" t="s">
        <v>19006</v>
      </c>
      <c r="H9876">
        <v>5.2068610825060002</v>
      </c>
      <c r="I9876">
        <v>52.224652400083997</v>
      </c>
      <c r="J9876" t="s">
        <v>65561</v>
      </c>
    </row>
    <row r="9877" spans="1:10" x14ac:dyDescent="0.25">
      <c r="A9877" t="s">
        <v>18999</v>
      </c>
      <c r="B9877" t="s">
        <v>19000</v>
      </c>
      <c r="C9877" t="s">
        <v>19001</v>
      </c>
      <c r="D9877" t="s">
        <v>18859</v>
      </c>
      <c r="E9877" t="s">
        <v>13</v>
      </c>
      <c r="F9877">
        <v>4205</v>
      </c>
      <c r="G9877" t="s">
        <v>19002</v>
      </c>
      <c r="H9877">
        <v>5.1695264943600003</v>
      </c>
      <c r="I9877">
        <v>52.251930331060997</v>
      </c>
      <c r="J9877" t="s">
        <v>65562</v>
      </c>
    </row>
    <row r="9878" spans="1:10" x14ac:dyDescent="0.25">
      <c r="A9878" t="s">
        <v>18995</v>
      </c>
      <c r="B9878" t="s">
        <v>18996</v>
      </c>
      <c r="C9878" t="s">
        <v>18997</v>
      </c>
      <c r="D9878" t="s">
        <v>18859</v>
      </c>
      <c r="E9878" t="s">
        <v>13</v>
      </c>
      <c r="F9878">
        <v>4204</v>
      </c>
      <c r="G9878" t="s">
        <v>18998</v>
      </c>
      <c r="H9878">
        <v>5.1368492977980003</v>
      </c>
      <c r="I9878">
        <v>52.269599380368</v>
      </c>
      <c r="J9878" t="s">
        <v>65563</v>
      </c>
    </row>
    <row r="9879" spans="1:10" x14ac:dyDescent="0.25">
      <c r="A9879" t="s">
        <v>18991</v>
      </c>
      <c r="B9879" t="s">
        <v>18992</v>
      </c>
      <c r="C9879" t="s">
        <v>18993</v>
      </c>
      <c r="D9879" t="s">
        <v>18859</v>
      </c>
      <c r="E9879" t="s">
        <v>13</v>
      </c>
      <c r="F9879">
        <v>4203</v>
      </c>
      <c r="G9879" t="s">
        <v>18994</v>
      </c>
      <c r="H9879">
        <v>5.19907197635</v>
      </c>
      <c r="I9879">
        <v>52.265448613518998</v>
      </c>
      <c r="J9879" t="s">
        <v>65564</v>
      </c>
    </row>
    <row r="9880" spans="1:10" x14ac:dyDescent="0.25">
      <c r="A9880" t="s">
        <v>18988</v>
      </c>
      <c r="B9880" t="s">
        <v>18989</v>
      </c>
      <c r="C9880" t="s">
        <v>4740</v>
      </c>
      <c r="D9880" t="s">
        <v>18859</v>
      </c>
      <c r="E9880" t="s">
        <v>13</v>
      </c>
      <c r="F9880">
        <v>4202</v>
      </c>
      <c r="G9880" t="s">
        <v>18990</v>
      </c>
      <c r="H9880">
        <v>5.180271040269</v>
      </c>
      <c r="I9880">
        <v>52.239640224505003</v>
      </c>
      <c r="J9880" t="s">
        <v>65565</v>
      </c>
    </row>
    <row r="9881" spans="1:10" x14ac:dyDescent="0.25">
      <c r="A9881" t="s">
        <v>18984</v>
      </c>
      <c r="B9881" t="s">
        <v>18985</v>
      </c>
      <c r="C9881" t="s">
        <v>18986</v>
      </c>
      <c r="D9881" t="s">
        <v>18859</v>
      </c>
      <c r="E9881" t="s">
        <v>13</v>
      </c>
      <c r="F9881">
        <v>4201</v>
      </c>
      <c r="G9881" t="s">
        <v>18987</v>
      </c>
      <c r="H9881">
        <v>5.1913713681170002</v>
      </c>
      <c r="I9881">
        <v>52.236652837906</v>
      </c>
      <c r="J9881" t="s">
        <v>65566</v>
      </c>
    </row>
    <row r="9882" spans="1:10" x14ac:dyDescent="0.25">
      <c r="A9882" t="s">
        <v>18980</v>
      </c>
      <c r="B9882" t="s">
        <v>18981</v>
      </c>
      <c r="C9882" t="s">
        <v>18982</v>
      </c>
      <c r="D9882" t="s">
        <v>18859</v>
      </c>
      <c r="E9882" t="s">
        <v>13</v>
      </c>
      <c r="F9882">
        <v>4200</v>
      </c>
      <c r="G9882" t="s">
        <v>18983</v>
      </c>
      <c r="H9882">
        <v>5.1823611236860003</v>
      </c>
      <c r="I9882">
        <v>52.233861277118002</v>
      </c>
      <c r="J9882" t="s">
        <v>65567</v>
      </c>
    </row>
    <row r="9883" spans="1:10" x14ac:dyDescent="0.25">
      <c r="A9883" t="s">
        <v>18976</v>
      </c>
      <c r="B9883" t="s">
        <v>18977</v>
      </c>
      <c r="C9883" t="s">
        <v>18978</v>
      </c>
      <c r="D9883" t="s">
        <v>18859</v>
      </c>
      <c r="E9883" t="s">
        <v>13</v>
      </c>
      <c r="F9883">
        <v>4199</v>
      </c>
      <c r="G9883" t="s">
        <v>18979</v>
      </c>
      <c r="H9883">
        <v>5.2044258161280004</v>
      </c>
      <c r="I9883">
        <v>52.223488639315001</v>
      </c>
      <c r="J9883" t="s">
        <v>65568</v>
      </c>
    </row>
    <row r="9884" spans="1:10" x14ac:dyDescent="0.25">
      <c r="A9884" t="s">
        <v>18972</v>
      </c>
      <c r="B9884" t="s">
        <v>18973</v>
      </c>
      <c r="C9884" t="s">
        <v>18974</v>
      </c>
      <c r="D9884" t="s">
        <v>18859</v>
      </c>
      <c r="E9884" t="s">
        <v>13</v>
      </c>
      <c r="F9884">
        <v>4198</v>
      </c>
      <c r="G9884" t="s">
        <v>18975</v>
      </c>
      <c r="H9884">
        <v>5.197926940606</v>
      </c>
      <c r="I9884">
        <v>52.231934423435</v>
      </c>
      <c r="J9884" t="s">
        <v>65569</v>
      </c>
    </row>
    <row r="9885" spans="1:10" x14ac:dyDescent="0.25">
      <c r="A9885" t="s">
        <v>18968</v>
      </c>
      <c r="B9885" t="s">
        <v>18969</v>
      </c>
      <c r="C9885" t="s">
        <v>18970</v>
      </c>
      <c r="D9885" t="s">
        <v>18859</v>
      </c>
      <c r="E9885" t="s">
        <v>13</v>
      </c>
      <c r="F9885">
        <v>4197</v>
      </c>
      <c r="G9885" t="s">
        <v>18971</v>
      </c>
      <c r="H9885">
        <v>5.1975984634790002</v>
      </c>
      <c r="I9885">
        <v>52.224026211536</v>
      </c>
      <c r="J9885" t="s">
        <v>65570</v>
      </c>
    </row>
    <row r="9886" spans="1:10" x14ac:dyDescent="0.25">
      <c r="A9886" t="s">
        <v>18964</v>
      </c>
      <c r="B9886" t="s">
        <v>18965</v>
      </c>
      <c r="C9886" t="s">
        <v>18966</v>
      </c>
      <c r="D9886" t="s">
        <v>18859</v>
      </c>
      <c r="E9886" t="s">
        <v>13</v>
      </c>
      <c r="F9886">
        <v>4196</v>
      </c>
      <c r="G9886" t="s">
        <v>18967</v>
      </c>
      <c r="H9886">
        <v>5.1886117939050003</v>
      </c>
      <c r="I9886">
        <v>52.224472869876003</v>
      </c>
      <c r="J9886" t="s">
        <v>65571</v>
      </c>
    </row>
    <row r="9887" spans="1:10" x14ac:dyDescent="0.25">
      <c r="A9887" t="s">
        <v>18960</v>
      </c>
      <c r="B9887" t="s">
        <v>18961</v>
      </c>
      <c r="C9887" t="s">
        <v>18962</v>
      </c>
      <c r="D9887" t="s">
        <v>18859</v>
      </c>
      <c r="E9887" t="s">
        <v>13</v>
      </c>
      <c r="F9887">
        <v>4195</v>
      </c>
      <c r="G9887" t="s">
        <v>18963</v>
      </c>
      <c r="H9887">
        <v>5.1888670969100001</v>
      </c>
      <c r="I9887">
        <v>52.229190422247001</v>
      </c>
      <c r="J9887" t="s">
        <v>65572</v>
      </c>
    </row>
    <row r="9888" spans="1:10" x14ac:dyDescent="0.25">
      <c r="A9888" t="s">
        <v>18956</v>
      </c>
      <c r="B9888" t="s">
        <v>18957</v>
      </c>
      <c r="C9888" t="s">
        <v>18958</v>
      </c>
      <c r="D9888" t="s">
        <v>18859</v>
      </c>
      <c r="E9888" t="s">
        <v>13</v>
      </c>
      <c r="F9888">
        <v>4194</v>
      </c>
      <c r="G9888" t="s">
        <v>18959</v>
      </c>
      <c r="H9888">
        <v>5.183891129219</v>
      </c>
      <c r="I9888">
        <v>52.230597577707996</v>
      </c>
      <c r="J9888" t="s">
        <v>65573</v>
      </c>
    </row>
    <row r="9889" spans="1:10" x14ac:dyDescent="0.25">
      <c r="A9889" t="s">
        <v>18952</v>
      </c>
      <c r="B9889" t="s">
        <v>18953</v>
      </c>
      <c r="C9889" t="s">
        <v>18954</v>
      </c>
      <c r="D9889" t="s">
        <v>18859</v>
      </c>
      <c r="E9889" t="s">
        <v>13</v>
      </c>
      <c r="F9889">
        <v>4193</v>
      </c>
      <c r="G9889" t="s">
        <v>18955</v>
      </c>
      <c r="H9889">
        <v>5.152798737186</v>
      </c>
      <c r="I9889">
        <v>52.186010917315997</v>
      </c>
      <c r="J9889" t="s">
        <v>65574</v>
      </c>
    </row>
    <row r="9890" spans="1:10" x14ac:dyDescent="0.25">
      <c r="A9890" t="s">
        <v>18948</v>
      </c>
      <c r="B9890" t="s">
        <v>18949</v>
      </c>
      <c r="C9890" t="s">
        <v>18950</v>
      </c>
      <c r="D9890" t="s">
        <v>18859</v>
      </c>
      <c r="E9890" t="s">
        <v>13</v>
      </c>
      <c r="F9890">
        <v>4192</v>
      </c>
      <c r="G9890" t="s">
        <v>18951</v>
      </c>
      <c r="H9890">
        <v>5.1945473929350001</v>
      </c>
      <c r="I9890">
        <v>52.217640667859001</v>
      </c>
      <c r="J9890" t="s">
        <v>65575</v>
      </c>
    </row>
    <row r="9891" spans="1:10" x14ac:dyDescent="0.25">
      <c r="A9891" t="s">
        <v>18944</v>
      </c>
      <c r="B9891" t="s">
        <v>18945</v>
      </c>
      <c r="C9891" t="s">
        <v>18946</v>
      </c>
      <c r="D9891" t="s">
        <v>18859</v>
      </c>
      <c r="E9891" t="s">
        <v>13</v>
      </c>
      <c r="F9891">
        <v>4191</v>
      </c>
      <c r="G9891" t="s">
        <v>18947</v>
      </c>
      <c r="H9891">
        <v>5.1997829803369999</v>
      </c>
      <c r="I9891">
        <v>52.209920657944998</v>
      </c>
      <c r="J9891" t="s">
        <v>65576</v>
      </c>
    </row>
    <row r="9892" spans="1:10" x14ac:dyDescent="0.25">
      <c r="A9892" t="s">
        <v>18940</v>
      </c>
      <c r="B9892" t="s">
        <v>18941</v>
      </c>
      <c r="C9892" t="s">
        <v>18942</v>
      </c>
      <c r="D9892" t="s">
        <v>18859</v>
      </c>
      <c r="E9892" t="s">
        <v>13</v>
      </c>
      <c r="F9892">
        <v>4190</v>
      </c>
      <c r="G9892" t="s">
        <v>18943</v>
      </c>
      <c r="H9892">
        <v>5.1906507681320004</v>
      </c>
      <c r="I9892">
        <v>52.214225381928003</v>
      </c>
      <c r="J9892" t="s">
        <v>65577</v>
      </c>
    </row>
    <row r="9893" spans="1:10" x14ac:dyDescent="0.25">
      <c r="A9893" t="s">
        <v>18936</v>
      </c>
      <c r="B9893" t="s">
        <v>18937</v>
      </c>
      <c r="C9893" t="s">
        <v>18938</v>
      </c>
      <c r="D9893" t="s">
        <v>18859</v>
      </c>
      <c r="E9893" t="s">
        <v>13</v>
      </c>
      <c r="F9893">
        <v>4189</v>
      </c>
      <c r="G9893" t="s">
        <v>18939</v>
      </c>
      <c r="H9893">
        <v>5.1763423253480001</v>
      </c>
      <c r="I9893">
        <v>52.205906664540002</v>
      </c>
      <c r="J9893" t="s">
        <v>65578</v>
      </c>
    </row>
    <row r="9894" spans="1:10" x14ac:dyDescent="0.25">
      <c r="A9894" t="s">
        <v>18932</v>
      </c>
      <c r="B9894" t="s">
        <v>18933</v>
      </c>
      <c r="C9894" t="s">
        <v>18934</v>
      </c>
      <c r="D9894" t="s">
        <v>18859</v>
      </c>
      <c r="E9894" t="s">
        <v>13</v>
      </c>
      <c r="F9894">
        <v>4188</v>
      </c>
      <c r="G9894" t="s">
        <v>18935</v>
      </c>
      <c r="H9894">
        <v>5.1809767631180002</v>
      </c>
      <c r="I9894">
        <v>52.215323059954002</v>
      </c>
      <c r="J9894" t="s">
        <v>65579</v>
      </c>
    </row>
    <row r="9895" spans="1:10" x14ac:dyDescent="0.25">
      <c r="A9895" t="s">
        <v>18928</v>
      </c>
      <c r="B9895" t="s">
        <v>18929</v>
      </c>
      <c r="C9895" t="s">
        <v>18930</v>
      </c>
      <c r="D9895" t="s">
        <v>18859</v>
      </c>
      <c r="E9895" t="s">
        <v>13</v>
      </c>
      <c r="F9895">
        <v>4187</v>
      </c>
      <c r="G9895" t="s">
        <v>18931</v>
      </c>
      <c r="H9895">
        <v>5.1539959292889996</v>
      </c>
      <c r="I9895">
        <v>52.210609544804001</v>
      </c>
      <c r="J9895" t="s">
        <v>65580</v>
      </c>
    </row>
    <row r="9896" spans="1:10" x14ac:dyDescent="0.25">
      <c r="A9896" t="s">
        <v>18925</v>
      </c>
      <c r="B9896" t="s">
        <v>18926</v>
      </c>
      <c r="C9896" t="s">
        <v>2963</v>
      </c>
      <c r="D9896" t="s">
        <v>18859</v>
      </c>
      <c r="E9896" t="s">
        <v>13</v>
      </c>
      <c r="F9896">
        <v>4186</v>
      </c>
      <c r="G9896" t="s">
        <v>18927</v>
      </c>
      <c r="H9896">
        <v>5.1586731993089998</v>
      </c>
      <c r="I9896">
        <v>52.214786890812</v>
      </c>
      <c r="J9896" t="s">
        <v>65581</v>
      </c>
    </row>
    <row r="9897" spans="1:10" x14ac:dyDescent="0.25">
      <c r="A9897" t="s">
        <v>18921</v>
      </c>
      <c r="B9897" t="s">
        <v>18922</v>
      </c>
      <c r="C9897" t="s">
        <v>18923</v>
      </c>
      <c r="D9897" t="s">
        <v>18859</v>
      </c>
      <c r="E9897" t="s">
        <v>13</v>
      </c>
      <c r="F9897">
        <v>4185</v>
      </c>
      <c r="G9897" t="s">
        <v>18924</v>
      </c>
      <c r="H9897">
        <v>5.1611277566749996</v>
      </c>
      <c r="I9897">
        <v>52.218507193123003</v>
      </c>
      <c r="J9897" t="s">
        <v>65582</v>
      </c>
    </row>
    <row r="9898" spans="1:10" x14ac:dyDescent="0.25">
      <c r="A9898" t="s">
        <v>18917</v>
      </c>
      <c r="B9898" t="s">
        <v>18918</v>
      </c>
      <c r="C9898" t="s">
        <v>18919</v>
      </c>
      <c r="D9898" t="s">
        <v>18859</v>
      </c>
      <c r="E9898" t="s">
        <v>13</v>
      </c>
      <c r="F9898">
        <v>4184</v>
      </c>
      <c r="G9898" t="s">
        <v>18920</v>
      </c>
      <c r="H9898">
        <v>5.1684202479729997</v>
      </c>
      <c r="I9898">
        <v>52.211461615044001</v>
      </c>
      <c r="J9898" t="s">
        <v>65583</v>
      </c>
    </row>
    <row r="9899" spans="1:10" x14ac:dyDescent="0.25">
      <c r="A9899" t="s">
        <v>18913</v>
      </c>
      <c r="B9899" t="s">
        <v>18914</v>
      </c>
      <c r="C9899" t="s">
        <v>18915</v>
      </c>
      <c r="D9899" t="s">
        <v>18859</v>
      </c>
      <c r="E9899" t="s">
        <v>13</v>
      </c>
      <c r="F9899">
        <v>4183</v>
      </c>
      <c r="G9899" t="s">
        <v>18916</v>
      </c>
      <c r="H9899">
        <v>5.1708219246739997</v>
      </c>
      <c r="I9899">
        <v>52.217733696757001</v>
      </c>
      <c r="J9899" t="s">
        <v>65584</v>
      </c>
    </row>
    <row r="9900" spans="1:10" x14ac:dyDescent="0.25">
      <c r="A9900" t="s">
        <v>18909</v>
      </c>
      <c r="B9900" t="s">
        <v>18910</v>
      </c>
      <c r="C9900" t="s">
        <v>18911</v>
      </c>
      <c r="D9900" t="s">
        <v>18859</v>
      </c>
      <c r="E9900" t="s">
        <v>13</v>
      </c>
      <c r="F9900">
        <v>4182</v>
      </c>
      <c r="G9900" t="s">
        <v>18912</v>
      </c>
      <c r="H9900">
        <v>5.1386747390299998</v>
      </c>
      <c r="I9900">
        <v>52.216126020217999</v>
      </c>
      <c r="J9900" t="s">
        <v>65585</v>
      </c>
    </row>
    <row r="9901" spans="1:10" x14ac:dyDescent="0.25">
      <c r="A9901" t="s">
        <v>18905</v>
      </c>
      <c r="B9901" t="s">
        <v>18906</v>
      </c>
      <c r="C9901" t="s">
        <v>18907</v>
      </c>
      <c r="D9901" t="s">
        <v>18859</v>
      </c>
      <c r="E9901" t="s">
        <v>13</v>
      </c>
      <c r="F9901">
        <v>4181</v>
      </c>
      <c r="G9901" t="s">
        <v>18908</v>
      </c>
      <c r="H9901">
        <v>5.1505870157649998</v>
      </c>
      <c r="I9901">
        <v>52.218130079186999</v>
      </c>
      <c r="J9901" t="s">
        <v>65586</v>
      </c>
    </row>
    <row r="9902" spans="1:10" x14ac:dyDescent="0.25">
      <c r="A9902" t="s">
        <v>18901</v>
      </c>
      <c r="B9902" t="s">
        <v>18902</v>
      </c>
      <c r="C9902" t="s">
        <v>18903</v>
      </c>
      <c r="D9902" t="s">
        <v>18859</v>
      </c>
      <c r="E9902" t="s">
        <v>13</v>
      </c>
      <c r="F9902">
        <v>4180</v>
      </c>
      <c r="G9902" t="s">
        <v>18904</v>
      </c>
      <c r="H9902">
        <v>5.1539790589759997</v>
      </c>
      <c r="I9902">
        <v>52.221293635569999</v>
      </c>
      <c r="J9902" t="s">
        <v>65587</v>
      </c>
    </row>
    <row r="9903" spans="1:10" x14ac:dyDescent="0.25">
      <c r="A9903" t="s">
        <v>18897</v>
      </c>
      <c r="B9903" t="s">
        <v>18898</v>
      </c>
      <c r="C9903" t="s">
        <v>18899</v>
      </c>
      <c r="D9903" t="s">
        <v>18859</v>
      </c>
      <c r="E9903" t="s">
        <v>13</v>
      </c>
      <c r="F9903">
        <v>4179</v>
      </c>
      <c r="G9903" t="s">
        <v>18900</v>
      </c>
      <c r="H9903">
        <v>5.1387110174429997</v>
      </c>
      <c r="I9903">
        <v>52.222348198756997</v>
      </c>
      <c r="J9903" t="s">
        <v>65588</v>
      </c>
    </row>
    <row r="9904" spans="1:10" x14ac:dyDescent="0.25">
      <c r="A9904" t="s">
        <v>18893</v>
      </c>
      <c r="B9904" t="s">
        <v>18894</v>
      </c>
      <c r="C9904" t="s">
        <v>18895</v>
      </c>
      <c r="D9904" t="s">
        <v>18859</v>
      </c>
      <c r="E9904" t="s">
        <v>13</v>
      </c>
      <c r="F9904">
        <v>4178</v>
      </c>
      <c r="G9904" t="s">
        <v>18896</v>
      </c>
      <c r="H9904">
        <v>5.1695968684939997</v>
      </c>
      <c r="I9904">
        <v>52.240194550661997</v>
      </c>
      <c r="J9904" t="s">
        <v>65589</v>
      </c>
    </row>
    <row r="9905" spans="1:10" x14ac:dyDescent="0.25">
      <c r="A9905" t="s">
        <v>18889</v>
      </c>
      <c r="B9905" t="s">
        <v>18890</v>
      </c>
      <c r="C9905" t="s">
        <v>18891</v>
      </c>
      <c r="D9905" t="s">
        <v>18859</v>
      </c>
      <c r="E9905" t="s">
        <v>13</v>
      </c>
      <c r="F9905">
        <v>4177</v>
      </c>
      <c r="G9905" t="s">
        <v>18892</v>
      </c>
      <c r="H9905">
        <v>5.1644127726109996</v>
      </c>
      <c r="I9905">
        <v>52.237552772447998</v>
      </c>
      <c r="J9905" t="s">
        <v>65590</v>
      </c>
    </row>
    <row r="9906" spans="1:10" x14ac:dyDescent="0.25">
      <c r="A9906" t="s">
        <v>18885</v>
      </c>
      <c r="B9906" t="s">
        <v>18886</v>
      </c>
      <c r="C9906" t="s">
        <v>18887</v>
      </c>
      <c r="D9906" t="s">
        <v>18859</v>
      </c>
      <c r="E9906" t="s">
        <v>13</v>
      </c>
      <c r="F9906">
        <v>4176</v>
      </c>
      <c r="G9906" t="s">
        <v>18888</v>
      </c>
      <c r="H9906">
        <v>5.1522886967629997</v>
      </c>
      <c r="I9906">
        <v>52.237116239803001</v>
      </c>
      <c r="J9906" t="s">
        <v>65591</v>
      </c>
    </row>
    <row r="9907" spans="1:10" x14ac:dyDescent="0.25">
      <c r="A9907" t="s">
        <v>18881</v>
      </c>
      <c r="B9907" t="s">
        <v>18882</v>
      </c>
      <c r="C9907" t="s">
        <v>18883</v>
      </c>
      <c r="D9907" t="s">
        <v>18859</v>
      </c>
      <c r="E9907" t="s">
        <v>13</v>
      </c>
      <c r="F9907">
        <v>4175</v>
      </c>
      <c r="G9907" t="s">
        <v>18884</v>
      </c>
      <c r="H9907">
        <v>5.1647132325170002</v>
      </c>
      <c r="I9907">
        <v>52.231459104763999</v>
      </c>
      <c r="J9907" t="s">
        <v>65592</v>
      </c>
    </row>
    <row r="9908" spans="1:10" x14ac:dyDescent="0.25">
      <c r="A9908" t="s">
        <v>18877</v>
      </c>
      <c r="B9908" t="s">
        <v>18878</v>
      </c>
      <c r="C9908" t="s">
        <v>18879</v>
      </c>
      <c r="D9908" t="s">
        <v>18859</v>
      </c>
      <c r="E9908" t="s">
        <v>13</v>
      </c>
      <c r="F9908">
        <v>4174</v>
      </c>
      <c r="G9908" t="s">
        <v>18880</v>
      </c>
      <c r="H9908">
        <v>5.1721502564830004</v>
      </c>
      <c r="I9908">
        <v>52.230823351140998</v>
      </c>
      <c r="J9908" t="s">
        <v>65593</v>
      </c>
    </row>
    <row r="9909" spans="1:10" x14ac:dyDescent="0.25">
      <c r="A9909" t="s">
        <v>18873</v>
      </c>
      <c r="B9909" t="s">
        <v>18874</v>
      </c>
      <c r="C9909" t="s">
        <v>18875</v>
      </c>
      <c r="D9909" t="s">
        <v>18859</v>
      </c>
      <c r="E9909" t="s">
        <v>13</v>
      </c>
      <c r="F9909">
        <v>4173</v>
      </c>
      <c r="G9909" t="s">
        <v>18876</v>
      </c>
      <c r="H9909">
        <v>5.161024668914</v>
      </c>
      <c r="I9909">
        <v>52.225654866330999</v>
      </c>
      <c r="J9909" t="s">
        <v>65594</v>
      </c>
    </row>
    <row r="9910" spans="1:10" x14ac:dyDescent="0.25">
      <c r="A9910" t="s">
        <v>18869</v>
      </c>
      <c r="B9910" t="s">
        <v>18870</v>
      </c>
      <c r="C9910" t="s">
        <v>18871</v>
      </c>
      <c r="D9910" t="s">
        <v>18859</v>
      </c>
      <c r="E9910" t="s">
        <v>13</v>
      </c>
      <c r="F9910">
        <v>4172</v>
      </c>
      <c r="G9910" t="s">
        <v>18872</v>
      </c>
      <c r="H9910">
        <v>5.176559113573</v>
      </c>
      <c r="I9910">
        <v>52.228052992313998</v>
      </c>
      <c r="J9910" t="s">
        <v>65595</v>
      </c>
    </row>
    <row r="9911" spans="1:10" x14ac:dyDescent="0.25">
      <c r="A9911" t="s">
        <v>18865</v>
      </c>
      <c r="B9911" t="s">
        <v>18866</v>
      </c>
      <c r="C9911" t="s">
        <v>18867</v>
      </c>
      <c r="D9911" t="s">
        <v>18859</v>
      </c>
      <c r="E9911" t="s">
        <v>13</v>
      </c>
      <c r="F9911">
        <v>4171</v>
      </c>
      <c r="G9911" t="s">
        <v>18868</v>
      </c>
      <c r="H9911">
        <v>5.1820160610750001</v>
      </c>
      <c r="I9911">
        <v>52.222196496073998</v>
      </c>
      <c r="J9911" t="s">
        <v>65596</v>
      </c>
    </row>
    <row r="9912" spans="1:10" x14ac:dyDescent="0.25">
      <c r="A9912" t="s">
        <v>18861</v>
      </c>
      <c r="B9912" t="s">
        <v>18862</v>
      </c>
      <c r="C9912" t="s">
        <v>18863</v>
      </c>
      <c r="D9912" t="s">
        <v>18859</v>
      </c>
      <c r="E9912" t="s">
        <v>13</v>
      </c>
      <c r="F9912">
        <v>4170</v>
      </c>
      <c r="G9912" t="s">
        <v>18864</v>
      </c>
      <c r="H9912">
        <v>5.1689677343850002</v>
      </c>
      <c r="I9912">
        <v>52.221172751653</v>
      </c>
      <c r="J9912" t="s">
        <v>65597</v>
      </c>
    </row>
    <row r="9913" spans="1:10" x14ac:dyDescent="0.25">
      <c r="A9913" t="s">
        <v>18857</v>
      </c>
      <c r="B9913" t="s">
        <v>18858</v>
      </c>
      <c r="C9913" t="s">
        <v>129</v>
      </c>
      <c r="D9913" t="s">
        <v>18859</v>
      </c>
      <c r="E9913" t="s">
        <v>13</v>
      </c>
      <c r="F9913">
        <v>4169</v>
      </c>
      <c r="G9913" t="s">
        <v>18860</v>
      </c>
      <c r="H9913">
        <v>5.176051616334</v>
      </c>
      <c r="I9913">
        <v>52.223210608643001</v>
      </c>
      <c r="J9913" t="s">
        <v>65598</v>
      </c>
    </row>
    <row r="9914" spans="1:10" x14ac:dyDescent="0.25">
      <c r="A9914" t="s">
        <v>18853</v>
      </c>
      <c r="B9914" t="s">
        <v>18854</v>
      </c>
      <c r="C9914" t="s">
        <v>18855</v>
      </c>
      <c r="D9914" t="s">
        <v>18605</v>
      </c>
      <c r="E9914" t="s">
        <v>13</v>
      </c>
      <c r="F9914">
        <v>4168</v>
      </c>
      <c r="G9914" t="s">
        <v>18856</v>
      </c>
      <c r="H9914">
        <v>4.7608056598030002</v>
      </c>
      <c r="I9914">
        <v>52.882352467295</v>
      </c>
      <c r="J9914" t="s">
        <v>65599</v>
      </c>
    </row>
    <row r="9915" spans="1:10" x14ac:dyDescent="0.25">
      <c r="A9915" t="s">
        <v>18849</v>
      </c>
      <c r="B9915" t="s">
        <v>18850</v>
      </c>
      <c r="C9915" t="s">
        <v>18851</v>
      </c>
      <c r="D9915" t="s">
        <v>18605</v>
      </c>
      <c r="E9915" t="s">
        <v>13</v>
      </c>
      <c r="F9915">
        <v>4167</v>
      </c>
      <c r="G9915" t="s">
        <v>18852</v>
      </c>
      <c r="H9915">
        <v>4.7309546967770002</v>
      </c>
      <c r="I9915">
        <v>52.884023483264002</v>
      </c>
      <c r="J9915" t="s">
        <v>65600</v>
      </c>
    </row>
    <row r="9916" spans="1:10" x14ac:dyDescent="0.25">
      <c r="A9916" t="s">
        <v>18845</v>
      </c>
      <c r="B9916" t="s">
        <v>18846</v>
      </c>
      <c r="C9916" t="s">
        <v>18847</v>
      </c>
      <c r="D9916" t="s">
        <v>18605</v>
      </c>
      <c r="E9916" t="s">
        <v>13</v>
      </c>
      <c r="F9916">
        <v>4166</v>
      </c>
      <c r="G9916" t="s">
        <v>18848</v>
      </c>
      <c r="H9916">
        <v>4.7395742641569996</v>
      </c>
      <c r="I9916">
        <v>52.883445216795998</v>
      </c>
      <c r="J9916" t="s">
        <v>65601</v>
      </c>
    </row>
    <row r="9917" spans="1:10" x14ac:dyDescent="0.25">
      <c r="A9917" t="s">
        <v>18841</v>
      </c>
      <c r="B9917" t="s">
        <v>18842</v>
      </c>
      <c r="C9917" t="s">
        <v>18843</v>
      </c>
      <c r="D9917" t="s">
        <v>18605</v>
      </c>
      <c r="E9917" t="s">
        <v>13</v>
      </c>
      <c r="F9917">
        <v>4165</v>
      </c>
      <c r="G9917" t="s">
        <v>18844</v>
      </c>
      <c r="H9917">
        <v>4.7471338922199999</v>
      </c>
      <c r="I9917">
        <v>52.883329958342003</v>
      </c>
      <c r="J9917" t="s">
        <v>65602</v>
      </c>
    </row>
    <row r="9918" spans="1:10" x14ac:dyDescent="0.25">
      <c r="A9918" t="s">
        <v>18837</v>
      </c>
      <c r="B9918" t="s">
        <v>18838</v>
      </c>
      <c r="C9918" t="s">
        <v>18839</v>
      </c>
      <c r="D9918" t="s">
        <v>18605</v>
      </c>
      <c r="E9918" t="s">
        <v>13</v>
      </c>
      <c r="F9918">
        <v>4164</v>
      </c>
      <c r="G9918" t="s">
        <v>18840</v>
      </c>
      <c r="H9918">
        <v>4.7336436529809998</v>
      </c>
      <c r="I9918">
        <v>52.888374683666001</v>
      </c>
      <c r="J9918" t="s">
        <v>65603</v>
      </c>
    </row>
    <row r="9919" spans="1:10" x14ac:dyDescent="0.25">
      <c r="A9919" t="s">
        <v>18833</v>
      </c>
      <c r="B9919" t="s">
        <v>18834</v>
      </c>
      <c r="C9919" t="s">
        <v>18835</v>
      </c>
      <c r="D9919" t="s">
        <v>18605</v>
      </c>
      <c r="E9919" t="s">
        <v>13</v>
      </c>
      <c r="F9919">
        <v>4163</v>
      </c>
      <c r="G9919" t="s">
        <v>18836</v>
      </c>
      <c r="H9919">
        <v>4.7408654762440001</v>
      </c>
      <c r="I9919">
        <v>52.88907776365</v>
      </c>
      <c r="J9919" t="s">
        <v>65604</v>
      </c>
    </row>
    <row r="9920" spans="1:10" x14ac:dyDescent="0.25">
      <c r="A9920" t="s">
        <v>18829</v>
      </c>
      <c r="B9920" t="s">
        <v>18830</v>
      </c>
      <c r="C9920" t="s">
        <v>18831</v>
      </c>
      <c r="D9920" t="s">
        <v>18605</v>
      </c>
      <c r="E9920" t="s">
        <v>13</v>
      </c>
      <c r="F9920">
        <v>4162</v>
      </c>
      <c r="G9920" t="s">
        <v>18832</v>
      </c>
      <c r="H9920">
        <v>4.7489051126520003</v>
      </c>
      <c r="I9920">
        <v>52.888896834461001</v>
      </c>
      <c r="J9920" t="s">
        <v>65605</v>
      </c>
    </row>
    <row r="9921" spans="1:10" x14ac:dyDescent="0.25">
      <c r="A9921" t="s">
        <v>18825</v>
      </c>
      <c r="B9921" t="s">
        <v>18826</v>
      </c>
      <c r="C9921" t="s">
        <v>18827</v>
      </c>
      <c r="D9921" t="s">
        <v>18605</v>
      </c>
      <c r="E9921" t="s">
        <v>13</v>
      </c>
      <c r="F9921">
        <v>4161</v>
      </c>
      <c r="G9921" t="s">
        <v>18828</v>
      </c>
      <c r="H9921">
        <v>4.7382052611930003</v>
      </c>
      <c r="I9921">
        <v>52.895330020254001</v>
      </c>
      <c r="J9921" t="s">
        <v>65606</v>
      </c>
    </row>
    <row r="9922" spans="1:10" x14ac:dyDescent="0.25">
      <c r="A9922" t="s">
        <v>18821</v>
      </c>
      <c r="B9922" t="s">
        <v>18822</v>
      </c>
      <c r="C9922" t="s">
        <v>18823</v>
      </c>
      <c r="D9922" t="s">
        <v>18605</v>
      </c>
      <c r="E9922" t="s">
        <v>13</v>
      </c>
      <c r="F9922">
        <v>4160</v>
      </c>
      <c r="G9922" t="s">
        <v>18824</v>
      </c>
      <c r="H9922">
        <v>4.7450359425490003</v>
      </c>
      <c r="I9922">
        <v>52.895115554428997</v>
      </c>
      <c r="J9922" t="s">
        <v>65607</v>
      </c>
    </row>
    <row r="9923" spans="1:10" x14ac:dyDescent="0.25">
      <c r="A9923" t="s">
        <v>18817</v>
      </c>
      <c r="B9923" t="s">
        <v>18818</v>
      </c>
      <c r="C9923" t="s">
        <v>18819</v>
      </c>
      <c r="D9923" t="s">
        <v>18605</v>
      </c>
      <c r="E9923" t="s">
        <v>13</v>
      </c>
      <c r="F9923">
        <v>4159</v>
      </c>
      <c r="G9923" t="s">
        <v>18820</v>
      </c>
      <c r="H9923">
        <v>4.7470168700049999</v>
      </c>
      <c r="I9923">
        <v>52.904937046905999</v>
      </c>
      <c r="J9923" t="s">
        <v>65608</v>
      </c>
    </row>
    <row r="9924" spans="1:10" x14ac:dyDescent="0.25">
      <c r="A9924" t="s">
        <v>18813</v>
      </c>
      <c r="B9924" t="s">
        <v>18814</v>
      </c>
      <c r="C9924" t="s">
        <v>18815</v>
      </c>
      <c r="D9924" t="s">
        <v>18605</v>
      </c>
      <c r="E9924" t="s">
        <v>13</v>
      </c>
      <c r="F9924">
        <v>4158</v>
      </c>
      <c r="G9924" t="s">
        <v>18816</v>
      </c>
      <c r="H9924">
        <v>4.7215412456869998</v>
      </c>
      <c r="I9924">
        <v>52.892241952201999</v>
      </c>
      <c r="J9924" t="s">
        <v>65609</v>
      </c>
    </row>
    <row r="9925" spans="1:10" x14ac:dyDescent="0.25">
      <c r="A9925" t="s">
        <v>18809</v>
      </c>
      <c r="B9925" t="s">
        <v>18810</v>
      </c>
      <c r="C9925" t="s">
        <v>18811</v>
      </c>
      <c r="D9925" t="s">
        <v>18605</v>
      </c>
      <c r="E9925" t="s">
        <v>13</v>
      </c>
      <c r="F9925">
        <v>4157</v>
      </c>
      <c r="G9925" t="s">
        <v>18812</v>
      </c>
      <c r="H9925">
        <v>4.7247938727210004</v>
      </c>
      <c r="I9925">
        <v>52.907805911014002</v>
      </c>
      <c r="J9925" t="s">
        <v>65610</v>
      </c>
    </row>
    <row r="9926" spans="1:10" x14ac:dyDescent="0.25">
      <c r="A9926" t="s">
        <v>18805</v>
      </c>
      <c r="B9926" t="s">
        <v>18806</v>
      </c>
      <c r="C9926" t="s">
        <v>18807</v>
      </c>
      <c r="D9926" t="s">
        <v>18605</v>
      </c>
      <c r="E9926" t="s">
        <v>13</v>
      </c>
      <c r="F9926">
        <v>4156</v>
      </c>
      <c r="G9926" t="s">
        <v>18808</v>
      </c>
      <c r="H9926">
        <v>4.7259880165960002</v>
      </c>
      <c r="I9926">
        <v>52.924434786966003</v>
      </c>
      <c r="J9926" t="s">
        <v>65611</v>
      </c>
    </row>
    <row r="9927" spans="1:10" x14ac:dyDescent="0.25">
      <c r="A9927" t="s">
        <v>18801</v>
      </c>
      <c r="B9927" t="s">
        <v>18802</v>
      </c>
      <c r="C9927" t="s">
        <v>18803</v>
      </c>
      <c r="D9927" t="s">
        <v>18605</v>
      </c>
      <c r="E9927" t="s">
        <v>13</v>
      </c>
      <c r="F9927">
        <v>4155</v>
      </c>
      <c r="G9927" t="s">
        <v>18804</v>
      </c>
      <c r="H9927">
        <v>4.7827679508700003</v>
      </c>
      <c r="I9927">
        <v>52.923765531401003</v>
      </c>
      <c r="J9927" t="s">
        <v>65612</v>
      </c>
    </row>
    <row r="9928" spans="1:10" x14ac:dyDescent="0.25">
      <c r="A9928" t="s">
        <v>18797</v>
      </c>
      <c r="B9928" t="s">
        <v>18798</v>
      </c>
      <c r="C9928" t="s">
        <v>18799</v>
      </c>
      <c r="D9928" t="s">
        <v>18605</v>
      </c>
      <c r="E9928" t="s">
        <v>13</v>
      </c>
      <c r="F9928">
        <v>4154</v>
      </c>
      <c r="G9928" t="s">
        <v>18800</v>
      </c>
      <c r="H9928">
        <v>4.7678314029540001</v>
      </c>
      <c r="I9928">
        <v>52.889477291189998</v>
      </c>
      <c r="J9928" t="s">
        <v>65613</v>
      </c>
    </row>
    <row r="9929" spans="1:10" x14ac:dyDescent="0.25">
      <c r="A9929" t="s">
        <v>18793</v>
      </c>
      <c r="B9929" t="s">
        <v>18794</v>
      </c>
      <c r="C9929" t="s">
        <v>18795</v>
      </c>
      <c r="D9929" t="s">
        <v>18605</v>
      </c>
      <c r="E9929" t="s">
        <v>13</v>
      </c>
      <c r="F9929">
        <v>4153</v>
      </c>
      <c r="G9929" t="s">
        <v>18796</v>
      </c>
      <c r="H9929">
        <v>4.7693914147610004</v>
      </c>
      <c r="I9929">
        <v>52.903924464161001</v>
      </c>
      <c r="J9929" t="s">
        <v>65614</v>
      </c>
    </row>
    <row r="9930" spans="1:10" x14ac:dyDescent="0.25">
      <c r="A9930" t="s">
        <v>18789</v>
      </c>
      <c r="B9930" t="s">
        <v>18790</v>
      </c>
      <c r="C9930" t="s">
        <v>18791</v>
      </c>
      <c r="D9930" t="s">
        <v>18605</v>
      </c>
      <c r="E9930" t="s">
        <v>13</v>
      </c>
      <c r="F9930">
        <v>4152</v>
      </c>
      <c r="G9930" t="s">
        <v>18792</v>
      </c>
      <c r="H9930">
        <v>4.7537173741889998</v>
      </c>
      <c r="I9930">
        <v>52.920050235706</v>
      </c>
      <c r="J9930" t="s">
        <v>65615</v>
      </c>
    </row>
    <row r="9931" spans="1:10" x14ac:dyDescent="0.25">
      <c r="A9931" t="s">
        <v>18785</v>
      </c>
      <c r="B9931" t="s">
        <v>18786</v>
      </c>
      <c r="C9931" t="s">
        <v>18787</v>
      </c>
      <c r="D9931" t="s">
        <v>18605</v>
      </c>
      <c r="E9931" t="s">
        <v>13</v>
      </c>
      <c r="F9931">
        <v>4151</v>
      </c>
      <c r="G9931" t="s">
        <v>18788</v>
      </c>
      <c r="H9931">
        <v>4.7848107839639997</v>
      </c>
      <c r="I9931">
        <v>52.909916672549002</v>
      </c>
      <c r="J9931" t="s">
        <v>65616</v>
      </c>
    </row>
    <row r="9932" spans="1:10" x14ac:dyDescent="0.25">
      <c r="A9932" t="s">
        <v>18781</v>
      </c>
      <c r="B9932" t="s">
        <v>18782</v>
      </c>
      <c r="C9932" t="s">
        <v>18783</v>
      </c>
      <c r="D9932" t="s">
        <v>18605</v>
      </c>
      <c r="E9932" t="s">
        <v>13</v>
      </c>
      <c r="F9932">
        <v>4150</v>
      </c>
      <c r="G9932" t="s">
        <v>18784</v>
      </c>
      <c r="H9932">
        <v>4.7806235313879997</v>
      </c>
      <c r="I9932">
        <v>52.919740407158997</v>
      </c>
      <c r="J9932" t="s">
        <v>65617</v>
      </c>
    </row>
    <row r="9933" spans="1:10" x14ac:dyDescent="0.25">
      <c r="A9933" t="s">
        <v>18777</v>
      </c>
      <c r="B9933" t="s">
        <v>18778</v>
      </c>
      <c r="C9933" t="s">
        <v>18779</v>
      </c>
      <c r="D9933" t="s">
        <v>18605</v>
      </c>
      <c r="E9933" t="s">
        <v>13</v>
      </c>
      <c r="F9933">
        <v>4149</v>
      </c>
      <c r="G9933" t="s">
        <v>18780</v>
      </c>
      <c r="H9933">
        <v>4.796770973968</v>
      </c>
      <c r="I9933">
        <v>52.92161010929</v>
      </c>
      <c r="J9933" t="s">
        <v>65618</v>
      </c>
    </row>
    <row r="9934" spans="1:10" x14ac:dyDescent="0.25">
      <c r="A9934" t="s">
        <v>18773</v>
      </c>
      <c r="B9934" t="s">
        <v>18774</v>
      </c>
      <c r="C9934" t="s">
        <v>18775</v>
      </c>
      <c r="D9934" t="s">
        <v>18605</v>
      </c>
      <c r="E9934" t="s">
        <v>13</v>
      </c>
      <c r="F9934">
        <v>4148</v>
      </c>
      <c r="G9934" t="s">
        <v>18776</v>
      </c>
      <c r="H9934">
        <v>4.7579352772480004</v>
      </c>
      <c r="I9934">
        <v>52.894738598811998</v>
      </c>
      <c r="J9934" t="s">
        <v>65619</v>
      </c>
    </row>
    <row r="9935" spans="1:10" x14ac:dyDescent="0.25">
      <c r="A9935" t="s">
        <v>18769</v>
      </c>
      <c r="B9935" t="s">
        <v>18770</v>
      </c>
      <c r="C9935" t="s">
        <v>18771</v>
      </c>
      <c r="D9935" t="s">
        <v>18605</v>
      </c>
      <c r="E9935" t="s">
        <v>13</v>
      </c>
      <c r="F9935">
        <v>4147</v>
      </c>
      <c r="G9935" t="s">
        <v>18772</v>
      </c>
      <c r="H9935">
        <v>4.7827078111650003</v>
      </c>
      <c r="I9935">
        <v>52.931683219530001</v>
      </c>
      <c r="J9935" t="s">
        <v>65620</v>
      </c>
    </row>
    <row r="9936" spans="1:10" x14ac:dyDescent="0.25">
      <c r="A9936" t="s">
        <v>18765</v>
      </c>
      <c r="B9936" t="s">
        <v>18766</v>
      </c>
      <c r="C9936" t="s">
        <v>18767</v>
      </c>
      <c r="D9936" t="s">
        <v>18605</v>
      </c>
      <c r="E9936" t="s">
        <v>13</v>
      </c>
      <c r="F9936">
        <v>4146</v>
      </c>
      <c r="G9936" t="s">
        <v>18768</v>
      </c>
      <c r="H9936">
        <v>4.7757941187900004</v>
      </c>
      <c r="I9936">
        <v>52.930846009188997</v>
      </c>
      <c r="J9936" t="s">
        <v>65621</v>
      </c>
    </row>
    <row r="9937" spans="1:10" x14ac:dyDescent="0.25">
      <c r="A9937" t="s">
        <v>18761</v>
      </c>
      <c r="B9937" t="s">
        <v>18762</v>
      </c>
      <c r="C9937" t="s">
        <v>18763</v>
      </c>
      <c r="D9937" t="s">
        <v>18605</v>
      </c>
      <c r="E9937" t="s">
        <v>13</v>
      </c>
      <c r="F9937">
        <v>4145</v>
      </c>
      <c r="G9937" t="s">
        <v>18764</v>
      </c>
      <c r="H9937">
        <v>4.7691404883780004</v>
      </c>
      <c r="I9937">
        <v>52.93015890054</v>
      </c>
      <c r="J9937" t="s">
        <v>65622</v>
      </c>
    </row>
    <row r="9938" spans="1:10" x14ac:dyDescent="0.25">
      <c r="A9938" t="s">
        <v>18757</v>
      </c>
      <c r="B9938" t="s">
        <v>18758</v>
      </c>
      <c r="C9938" t="s">
        <v>18759</v>
      </c>
      <c r="D9938" t="s">
        <v>18605</v>
      </c>
      <c r="E9938" t="s">
        <v>13</v>
      </c>
      <c r="F9938">
        <v>4144</v>
      </c>
      <c r="G9938" t="s">
        <v>18760</v>
      </c>
      <c r="H9938">
        <v>4.7736821512520002</v>
      </c>
      <c r="I9938">
        <v>52.935921178386003</v>
      </c>
      <c r="J9938" t="s">
        <v>65623</v>
      </c>
    </row>
    <row r="9939" spans="1:10" x14ac:dyDescent="0.25">
      <c r="A9939" t="s">
        <v>18753</v>
      </c>
      <c r="B9939" t="s">
        <v>18754</v>
      </c>
      <c r="C9939" t="s">
        <v>18755</v>
      </c>
      <c r="D9939" t="s">
        <v>18605</v>
      </c>
      <c r="E9939" t="s">
        <v>13</v>
      </c>
      <c r="F9939">
        <v>4143</v>
      </c>
      <c r="G9939" t="s">
        <v>18756</v>
      </c>
      <c r="H9939">
        <v>4.7665923732440003</v>
      </c>
      <c r="I9939">
        <v>52.934733586164</v>
      </c>
      <c r="J9939" t="s">
        <v>65624</v>
      </c>
    </row>
    <row r="9940" spans="1:10" x14ac:dyDescent="0.25">
      <c r="A9940" t="s">
        <v>18749</v>
      </c>
      <c r="B9940" t="s">
        <v>18750</v>
      </c>
      <c r="C9940" t="s">
        <v>18751</v>
      </c>
      <c r="D9940" t="s">
        <v>18605</v>
      </c>
      <c r="E9940" t="s">
        <v>13</v>
      </c>
      <c r="F9940">
        <v>4142</v>
      </c>
      <c r="G9940" t="s">
        <v>18752</v>
      </c>
      <c r="H9940">
        <v>4.7822648655859998</v>
      </c>
      <c r="I9940">
        <v>52.939060775199998</v>
      </c>
      <c r="J9940" t="s">
        <v>65625</v>
      </c>
    </row>
    <row r="9941" spans="1:10" x14ac:dyDescent="0.25">
      <c r="A9941" t="s">
        <v>18745</v>
      </c>
      <c r="B9941" t="s">
        <v>18746</v>
      </c>
      <c r="C9941" t="s">
        <v>18747</v>
      </c>
      <c r="D9941" t="s">
        <v>18605</v>
      </c>
      <c r="E9941" t="s">
        <v>13</v>
      </c>
      <c r="F9941">
        <v>4141</v>
      </c>
      <c r="G9941" t="s">
        <v>18748</v>
      </c>
      <c r="H9941">
        <v>4.774078736031</v>
      </c>
      <c r="I9941">
        <v>52.940548894743003</v>
      </c>
      <c r="J9941" t="s">
        <v>65626</v>
      </c>
    </row>
    <row r="9942" spans="1:10" x14ac:dyDescent="0.25">
      <c r="A9942" t="s">
        <v>18741</v>
      </c>
      <c r="B9942" t="s">
        <v>18742</v>
      </c>
      <c r="C9942" t="s">
        <v>18743</v>
      </c>
      <c r="D9942" t="s">
        <v>18605</v>
      </c>
      <c r="E9942" t="s">
        <v>13</v>
      </c>
      <c r="F9942">
        <v>4140</v>
      </c>
      <c r="G9942" t="s">
        <v>18744</v>
      </c>
      <c r="H9942">
        <v>4.7657214473179996</v>
      </c>
      <c r="I9942">
        <v>52.939181944655999</v>
      </c>
      <c r="J9942" t="s">
        <v>65627</v>
      </c>
    </row>
    <row r="9943" spans="1:10" x14ac:dyDescent="0.25">
      <c r="A9943" t="s">
        <v>18737</v>
      </c>
      <c r="B9943" t="s">
        <v>18738</v>
      </c>
      <c r="C9943" t="s">
        <v>18739</v>
      </c>
      <c r="D9943" t="s">
        <v>18605</v>
      </c>
      <c r="E9943" t="s">
        <v>13</v>
      </c>
      <c r="F9943">
        <v>4139</v>
      </c>
      <c r="G9943" t="s">
        <v>18740</v>
      </c>
      <c r="H9943">
        <v>4.7808123913619998</v>
      </c>
      <c r="I9943">
        <v>52.945692223559</v>
      </c>
      <c r="J9943" t="s">
        <v>65628</v>
      </c>
    </row>
    <row r="9944" spans="1:10" x14ac:dyDescent="0.25">
      <c r="A9944" t="s">
        <v>18733</v>
      </c>
      <c r="B9944" t="s">
        <v>18734</v>
      </c>
      <c r="C9944" t="s">
        <v>18735</v>
      </c>
      <c r="D9944" t="s">
        <v>18605</v>
      </c>
      <c r="E9944" t="s">
        <v>13</v>
      </c>
      <c r="F9944">
        <v>4138</v>
      </c>
      <c r="G9944" t="s">
        <v>18736</v>
      </c>
      <c r="H9944">
        <v>4.7693143274800001</v>
      </c>
      <c r="I9944">
        <v>52.945031229209</v>
      </c>
      <c r="J9944" t="s">
        <v>65629</v>
      </c>
    </row>
    <row r="9945" spans="1:10" x14ac:dyDescent="0.25">
      <c r="A9945" t="s">
        <v>18729</v>
      </c>
      <c r="B9945" t="s">
        <v>18730</v>
      </c>
      <c r="C9945" t="s">
        <v>18731</v>
      </c>
      <c r="D9945" t="s">
        <v>18605</v>
      </c>
      <c r="E9945" t="s">
        <v>13</v>
      </c>
      <c r="F9945">
        <v>4137</v>
      </c>
      <c r="G9945" t="s">
        <v>18732</v>
      </c>
      <c r="H9945">
        <v>4.755668825521</v>
      </c>
      <c r="I9945">
        <v>52.934737298045</v>
      </c>
      <c r="J9945" t="s">
        <v>65630</v>
      </c>
    </row>
    <row r="9946" spans="1:10" x14ac:dyDescent="0.25">
      <c r="A9946" t="s">
        <v>18725</v>
      </c>
      <c r="B9946" t="s">
        <v>18726</v>
      </c>
      <c r="C9946" t="s">
        <v>18727</v>
      </c>
      <c r="D9946" t="s">
        <v>18605</v>
      </c>
      <c r="E9946" t="s">
        <v>13</v>
      </c>
      <c r="F9946">
        <v>4136</v>
      </c>
      <c r="G9946" t="s">
        <v>18728</v>
      </c>
      <c r="H9946">
        <v>4.7433363856239996</v>
      </c>
      <c r="I9946">
        <v>52.930837264345001</v>
      </c>
      <c r="J9946" t="s">
        <v>65631</v>
      </c>
    </row>
    <row r="9947" spans="1:10" x14ac:dyDescent="0.25">
      <c r="A9947" t="s">
        <v>18721</v>
      </c>
      <c r="B9947" t="s">
        <v>18722</v>
      </c>
      <c r="C9947" t="s">
        <v>18723</v>
      </c>
      <c r="D9947" t="s">
        <v>18605</v>
      </c>
      <c r="E9947" t="s">
        <v>13</v>
      </c>
      <c r="F9947">
        <v>4135</v>
      </c>
      <c r="G9947" t="s">
        <v>18724</v>
      </c>
      <c r="H9947">
        <v>4.7418068015939996</v>
      </c>
      <c r="I9947">
        <v>52.936243344250002</v>
      </c>
      <c r="J9947" t="s">
        <v>65632</v>
      </c>
    </row>
    <row r="9948" spans="1:10" x14ac:dyDescent="0.25">
      <c r="A9948" t="s">
        <v>18717</v>
      </c>
      <c r="B9948" t="s">
        <v>18718</v>
      </c>
      <c r="C9948" t="s">
        <v>18719</v>
      </c>
      <c r="D9948" t="s">
        <v>18605</v>
      </c>
      <c r="E9948" t="s">
        <v>13</v>
      </c>
      <c r="F9948">
        <v>4134</v>
      </c>
      <c r="G9948" t="s">
        <v>18720</v>
      </c>
      <c r="H9948">
        <v>4.7463176829410001</v>
      </c>
      <c r="I9948">
        <v>52.939664640148003</v>
      </c>
      <c r="J9948" t="s">
        <v>65633</v>
      </c>
    </row>
    <row r="9949" spans="1:10" x14ac:dyDescent="0.25">
      <c r="A9949" t="s">
        <v>18713</v>
      </c>
      <c r="B9949" t="s">
        <v>18714</v>
      </c>
      <c r="C9949" t="s">
        <v>18715</v>
      </c>
      <c r="D9949" t="s">
        <v>18605</v>
      </c>
      <c r="E9949" t="s">
        <v>13</v>
      </c>
      <c r="F9949">
        <v>4133</v>
      </c>
      <c r="G9949" t="s">
        <v>18716</v>
      </c>
      <c r="H9949">
        <v>4.7420995679190003</v>
      </c>
      <c r="I9949">
        <v>52.940200369087002</v>
      </c>
      <c r="J9949" t="s">
        <v>65634</v>
      </c>
    </row>
    <row r="9950" spans="1:10" x14ac:dyDescent="0.25">
      <c r="A9950" t="s">
        <v>18710</v>
      </c>
      <c r="B9950" t="s">
        <v>18711</v>
      </c>
      <c r="C9950" t="s">
        <v>2466</v>
      </c>
      <c r="D9950" t="s">
        <v>18605</v>
      </c>
      <c r="E9950" t="s">
        <v>13</v>
      </c>
      <c r="F9950">
        <v>4132</v>
      </c>
      <c r="G9950" t="s">
        <v>18712</v>
      </c>
      <c r="H9950">
        <v>4.7376921167050003</v>
      </c>
      <c r="I9950">
        <v>52.939535912723002</v>
      </c>
      <c r="J9950" t="s">
        <v>65635</v>
      </c>
    </row>
    <row r="9951" spans="1:10" x14ac:dyDescent="0.25">
      <c r="A9951" t="s">
        <v>18706</v>
      </c>
      <c r="B9951" t="s">
        <v>18707</v>
      </c>
      <c r="C9951" t="s">
        <v>18708</v>
      </c>
      <c r="D9951" t="s">
        <v>18605</v>
      </c>
      <c r="E9951" t="s">
        <v>13</v>
      </c>
      <c r="F9951">
        <v>4131</v>
      </c>
      <c r="G9951" t="s">
        <v>18709</v>
      </c>
      <c r="H9951">
        <v>4.7480633041129998</v>
      </c>
      <c r="I9951">
        <v>52.942249824440999</v>
      </c>
      <c r="J9951" t="s">
        <v>65636</v>
      </c>
    </row>
    <row r="9952" spans="1:10" x14ac:dyDescent="0.25">
      <c r="A9952" t="s">
        <v>18702</v>
      </c>
      <c r="B9952" t="s">
        <v>18703</v>
      </c>
      <c r="C9952" t="s">
        <v>18704</v>
      </c>
      <c r="D9952" t="s">
        <v>18605</v>
      </c>
      <c r="E9952" t="s">
        <v>13</v>
      </c>
      <c r="F9952">
        <v>4130</v>
      </c>
      <c r="G9952" t="s">
        <v>18705</v>
      </c>
      <c r="H9952">
        <v>4.7464392330300003</v>
      </c>
      <c r="I9952">
        <v>52.944468904889</v>
      </c>
      <c r="J9952" t="s">
        <v>65637</v>
      </c>
    </row>
    <row r="9953" spans="1:10" x14ac:dyDescent="0.25">
      <c r="A9953" t="s">
        <v>18698</v>
      </c>
      <c r="B9953" t="s">
        <v>18699</v>
      </c>
      <c r="C9953" t="s">
        <v>18700</v>
      </c>
      <c r="D9953" t="s">
        <v>18605</v>
      </c>
      <c r="E9953" t="s">
        <v>13</v>
      </c>
      <c r="F9953">
        <v>4129</v>
      </c>
      <c r="G9953" t="s">
        <v>18701</v>
      </c>
      <c r="H9953">
        <v>4.7413297459720001</v>
      </c>
      <c r="I9953">
        <v>52.945608171453003</v>
      </c>
      <c r="J9953" t="s">
        <v>65638</v>
      </c>
    </row>
    <row r="9954" spans="1:10" x14ac:dyDescent="0.25">
      <c r="A9954" t="s">
        <v>18694</v>
      </c>
      <c r="B9954" t="s">
        <v>18695</v>
      </c>
      <c r="C9954" t="s">
        <v>18696</v>
      </c>
      <c r="D9954" t="s">
        <v>18605</v>
      </c>
      <c r="E9954" t="s">
        <v>13</v>
      </c>
      <c r="F9954">
        <v>4128</v>
      </c>
      <c r="G9954" t="s">
        <v>18697</v>
      </c>
      <c r="H9954">
        <v>4.7487131230569997</v>
      </c>
      <c r="I9954">
        <v>52.949083361562003</v>
      </c>
      <c r="J9954" t="s">
        <v>65639</v>
      </c>
    </row>
    <row r="9955" spans="1:10" x14ac:dyDescent="0.25">
      <c r="A9955" t="s">
        <v>18690</v>
      </c>
      <c r="B9955" t="s">
        <v>18691</v>
      </c>
      <c r="C9955" t="s">
        <v>18692</v>
      </c>
      <c r="D9955" t="s">
        <v>18605</v>
      </c>
      <c r="E9955" t="s">
        <v>13</v>
      </c>
      <c r="F9955">
        <v>4127</v>
      </c>
      <c r="G9955" t="s">
        <v>18693</v>
      </c>
      <c r="H9955">
        <v>4.7234335732339998</v>
      </c>
      <c r="I9955">
        <v>52.935884168841</v>
      </c>
      <c r="J9955" t="s">
        <v>65640</v>
      </c>
    </row>
    <row r="9956" spans="1:10" x14ac:dyDescent="0.25">
      <c r="A9956" t="s">
        <v>18686</v>
      </c>
      <c r="B9956" t="s">
        <v>18687</v>
      </c>
      <c r="C9956" t="s">
        <v>18688</v>
      </c>
      <c r="D9956" t="s">
        <v>18605</v>
      </c>
      <c r="E9956" t="s">
        <v>13</v>
      </c>
      <c r="F9956">
        <v>4126</v>
      </c>
      <c r="G9956" t="s">
        <v>18689</v>
      </c>
      <c r="H9956">
        <v>4.7316803248120003</v>
      </c>
      <c r="I9956">
        <v>52.941587835307999</v>
      </c>
      <c r="J9956" t="s">
        <v>65641</v>
      </c>
    </row>
    <row r="9957" spans="1:10" x14ac:dyDescent="0.25">
      <c r="A9957" t="s">
        <v>18682</v>
      </c>
      <c r="B9957" t="s">
        <v>18683</v>
      </c>
      <c r="C9957" t="s">
        <v>18684</v>
      </c>
      <c r="D9957" t="s">
        <v>18605</v>
      </c>
      <c r="E9957" t="s">
        <v>13</v>
      </c>
      <c r="F9957">
        <v>4125</v>
      </c>
      <c r="G9957" t="s">
        <v>18685</v>
      </c>
      <c r="H9957">
        <v>4.7360781803289997</v>
      </c>
      <c r="I9957">
        <v>52.946073168159998</v>
      </c>
      <c r="J9957" t="s">
        <v>65642</v>
      </c>
    </row>
    <row r="9958" spans="1:10" x14ac:dyDescent="0.25">
      <c r="A9958" t="s">
        <v>18678</v>
      </c>
      <c r="B9958" t="s">
        <v>18679</v>
      </c>
      <c r="C9958" t="s">
        <v>18680</v>
      </c>
      <c r="D9958" t="s">
        <v>18605</v>
      </c>
      <c r="E9958" t="s">
        <v>13</v>
      </c>
      <c r="F9958">
        <v>4124</v>
      </c>
      <c r="G9958" t="s">
        <v>18681</v>
      </c>
      <c r="H9958">
        <v>4.7404030057430004</v>
      </c>
      <c r="I9958">
        <v>52.953272695363999</v>
      </c>
      <c r="J9958" t="s">
        <v>65643</v>
      </c>
    </row>
    <row r="9959" spans="1:10" x14ac:dyDescent="0.25">
      <c r="A9959" t="s">
        <v>18674</v>
      </c>
      <c r="B9959" t="s">
        <v>18675</v>
      </c>
      <c r="C9959" t="s">
        <v>18676</v>
      </c>
      <c r="D9959" t="s">
        <v>18605</v>
      </c>
      <c r="E9959" t="s">
        <v>13</v>
      </c>
      <c r="F9959">
        <v>4123</v>
      </c>
      <c r="G9959" t="s">
        <v>18677</v>
      </c>
      <c r="H9959">
        <v>4.725947704398</v>
      </c>
      <c r="I9959">
        <v>52.948900582447003</v>
      </c>
      <c r="J9959" t="s">
        <v>65644</v>
      </c>
    </row>
    <row r="9960" spans="1:10" x14ac:dyDescent="0.25">
      <c r="A9960" t="s">
        <v>18670</v>
      </c>
      <c r="B9960" t="s">
        <v>18671</v>
      </c>
      <c r="C9960" t="s">
        <v>18672</v>
      </c>
      <c r="D9960" t="s">
        <v>18605</v>
      </c>
      <c r="E9960" t="s">
        <v>13</v>
      </c>
      <c r="F9960">
        <v>4122</v>
      </c>
      <c r="G9960" t="s">
        <v>18673</v>
      </c>
      <c r="H9960">
        <v>4.7572174178270004</v>
      </c>
      <c r="I9960">
        <v>52.945553191094</v>
      </c>
      <c r="J9960" t="s">
        <v>65645</v>
      </c>
    </row>
    <row r="9961" spans="1:10" x14ac:dyDescent="0.25">
      <c r="A9961" t="s">
        <v>18666</v>
      </c>
      <c r="B9961" t="s">
        <v>18667</v>
      </c>
      <c r="C9961" t="s">
        <v>18668</v>
      </c>
      <c r="D9961" t="s">
        <v>18605</v>
      </c>
      <c r="E9961" t="s">
        <v>13</v>
      </c>
      <c r="F9961">
        <v>4121</v>
      </c>
      <c r="G9961" t="s">
        <v>18669</v>
      </c>
      <c r="H9961">
        <v>4.7368367891169996</v>
      </c>
      <c r="I9961">
        <v>52.960063075682001</v>
      </c>
      <c r="J9961" t="s">
        <v>65646</v>
      </c>
    </row>
    <row r="9962" spans="1:10" x14ac:dyDescent="0.25">
      <c r="A9962" t="s">
        <v>18663</v>
      </c>
      <c r="B9962" t="s">
        <v>18664</v>
      </c>
      <c r="C9962" t="s">
        <v>13823</v>
      </c>
      <c r="D9962" t="s">
        <v>18605</v>
      </c>
      <c r="E9962" t="s">
        <v>13</v>
      </c>
      <c r="F9962">
        <v>4120</v>
      </c>
      <c r="G9962" t="s">
        <v>18665</v>
      </c>
      <c r="H9962">
        <v>4.7605880347029998</v>
      </c>
      <c r="I9962">
        <v>52.949398737039999</v>
      </c>
      <c r="J9962" t="s">
        <v>65647</v>
      </c>
    </row>
    <row r="9963" spans="1:10" x14ac:dyDescent="0.25">
      <c r="A9963" t="s">
        <v>18659</v>
      </c>
      <c r="B9963" t="s">
        <v>18660</v>
      </c>
      <c r="C9963" t="s">
        <v>18661</v>
      </c>
      <c r="D9963" t="s">
        <v>18605</v>
      </c>
      <c r="E9963" t="s">
        <v>13</v>
      </c>
      <c r="F9963">
        <v>4119</v>
      </c>
      <c r="G9963" t="s">
        <v>18662</v>
      </c>
      <c r="H9963">
        <v>4.7579146115590003</v>
      </c>
      <c r="I9963">
        <v>52.951302054183003</v>
      </c>
      <c r="J9963" t="s">
        <v>65648</v>
      </c>
    </row>
    <row r="9964" spans="1:10" x14ac:dyDescent="0.25">
      <c r="A9964" t="s">
        <v>18656</v>
      </c>
      <c r="B9964" t="s">
        <v>18657</v>
      </c>
      <c r="C9964" t="s">
        <v>17717</v>
      </c>
      <c r="D9964" t="s">
        <v>18605</v>
      </c>
      <c r="E9964" t="s">
        <v>13</v>
      </c>
      <c r="F9964">
        <v>4118</v>
      </c>
      <c r="G9964" t="s">
        <v>18658</v>
      </c>
      <c r="H9964">
        <v>4.7554379251409999</v>
      </c>
      <c r="I9964">
        <v>52.953693670885002</v>
      </c>
      <c r="J9964" t="s">
        <v>65649</v>
      </c>
    </row>
    <row r="9965" spans="1:10" x14ac:dyDescent="0.25">
      <c r="A9965" t="s">
        <v>18652</v>
      </c>
      <c r="B9965" t="s">
        <v>18653</v>
      </c>
      <c r="C9965" t="s">
        <v>18654</v>
      </c>
      <c r="D9965" t="s">
        <v>18605</v>
      </c>
      <c r="E9965" t="s">
        <v>13</v>
      </c>
      <c r="F9965">
        <v>4117</v>
      </c>
      <c r="G9965" t="s">
        <v>18655</v>
      </c>
      <c r="H9965">
        <v>4.7517197248879999</v>
      </c>
      <c r="I9965">
        <v>52.955545275722002</v>
      </c>
      <c r="J9965" t="s">
        <v>65650</v>
      </c>
    </row>
    <row r="9966" spans="1:10" x14ac:dyDescent="0.25">
      <c r="A9966" t="s">
        <v>18648</v>
      </c>
      <c r="B9966" t="s">
        <v>18649</v>
      </c>
      <c r="C9966" t="s">
        <v>18650</v>
      </c>
      <c r="D9966" t="s">
        <v>18605</v>
      </c>
      <c r="E9966" t="s">
        <v>13</v>
      </c>
      <c r="F9966">
        <v>4116</v>
      </c>
      <c r="G9966" t="s">
        <v>18651</v>
      </c>
      <c r="H9966">
        <v>4.7492108663039998</v>
      </c>
      <c r="I9966">
        <v>52.957463596303</v>
      </c>
      <c r="J9966" t="s">
        <v>65651</v>
      </c>
    </row>
    <row r="9967" spans="1:10" x14ac:dyDescent="0.25">
      <c r="A9967" t="s">
        <v>18645</v>
      </c>
      <c r="B9967" t="s">
        <v>18646</v>
      </c>
      <c r="C9967" t="s">
        <v>17427</v>
      </c>
      <c r="D9967" t="s">
        <v>18605</v>
      </c>
      <c r="E9967" t="s">
        <v>13</v>
      </c>
      <c r="F9967">
        <v>4115</v>
      </c>
      <c r="G9967" t="s">
        <v>18647</v>
      </c>
      <c r="H9967">
        <v>4.7567262288040002</v>
      </c>
      <c r="I9967">
        <v>52.960687544007001</v>
      </c>
      <c r="J9967" t="s">
        <v>65652</v>
      </c>
    </row>
    <row r="9968" spans="1:10" x14ac:dyDescent="0.25">
      <c r="A9968" t="s">
        <v>18641</v>
      </c>
      <c r="B9968" t="s">
        <v>18642</v>
      </c>
      <c r="C9968" t="s">
        <v>18643</v>
      </c>
      <c r="D9968" t="s">
        <v>18605</v>
      </c>
      <c r="E9968" t="s">
        <v>13</v>
      </c>
      <c r="F9968">
        <v>4114</v>
      </c>
      <c r="G9968" t="s">
        <v>18644</v>
      </c>
      <c r="H9968">
        <v>4.7484746520119998</v>
      </c>
      <c r="I9968">
        <v>52.962005535941003</v>
      </c>
      <c r="J9968" t="s">
        <v>65653</v>
      </c>
    </row>
    <row r="9969" spans="1:10" x14ac:dyDescent="0.25">
      <c r="A9969" t="s">
        <v>18637</v>
      </c>
      <c r="B9969" t="s">
        <v>18638</v>
      </c>
      <c r="C9969" t="s">
        <v>18639</v>
      </c>
      <c r="D9969" t="s">
        <v>18605</v>
      </c>
      <c r="E9969" t="s">
        <v>13</v>
      </c>
      <c r="F9969">
        <v>4113</v>
      </c>
      <c r="G9969" t="s">
        <v>18640</v>
      </c>
      <c r="H9969">
        <v>4.7728984251739996</v>
      </c>
      <c r="I9969">
        <v>52.950290163219002</v>
      </c>
      <c r="J9969" t="s">
        <v>65654</v>
      </c>
    </row>
    <row r="9970" spans="1:10" x14ac:dyDescent="0.25">
      <c r="A9970" t="s">
        <v>18634</v>
      </c>
      <c r="B9970" t="s">
        <v>18635</v>
      </c>
      <c r="C9970" t="s">
        <v>37</v>
      </c>
      <c r="D9970" t="s">
        <v>18605</v>
      </c>
      <c r="E9970" t="s">
        <v>13</v>
      </c>
      <c r="F9970">
        <v>4112</v>
      </c>
      <c r="G9970" t="s">
        <v>18636</v>
      </c>
      <c r="H9970">
        <v>4.7659678562290004</v>
      </c>
      <c r="I9970">
        <v>52.950809882900003</v>
      </c>
      <c r="J9970" t="s">
        <v>65655</v>
      </c>
    </row>
    <row r="9971" spans="1:10" x14ac:dyDescent="0.25">
      <c r="A9971" t="s">
        <v>18630</v>
      </c>
      <c r="B9971" t="s">
        <v>18631</v>
      </c>
      <c r="C9971" t="s">
        <v>18632</v>
      </c>
      <c r="D9971" t="s">
        <v>18605</v>
      </c>
      <c r="E9971" t="s">
        <v>13</v>
      </c>
      <c r="F9971">
        <v>4111</v>
      </c>
      <c r="G9971" t="s">
        <v>18633</v>
      </c>
      <c r="H9971">
        <v>4.7801417251740004</v>
      </c>
      <c r="I9971">
        <v>52.953529342720003</v>
      </c>
      <c r="J9971" t="s">
        <v>65656</v>
      </c>
    </row>
    <row r="9972" spans="1:10" x14ac:dyDescent="0.25">
      <c r="A9972" t="s">
        <v>18626</v>
      </c>
      <c r="B9972" t="s">
        <v>18627</v>
      </c>
      <c r="C9972" t="s">
        <v>18628</v>
      </c>
      <c r="D9972" t="s">
        <v>18605</v>
      </c>
      <c r="E9972" t="s">
        <v>13</v>
      </c>
      <c r="F9972">
        <v>4110</v>
      </c>
      <c r="G9972" t="s">
        <v>18629</v>
      </c>
      <c r="H9972">
        <v>4.7764101422890004</v>
      </c>
      <c r="I9972">
        <v>52.953415010531998</v>
      </c>
      <c r="J9972" t="s">
        <v>65657</v>
      </c>
    </row>
    <row r="9973" spans="1:10" x14ac:dyDescent="0.25">
      <c r="A9973" t="s">
        <v>18622</v>
      </c>
      <c r="B9973" t="s">
        <v>18623</v>
      </c>
      <c r="C9973" t="s">
        <v>18624</v>
      </c>
      <c r="D9973" t="s">
        <v>18605</v>
      </c>
      <c r="E9973" t="s">
        <v>13</v>
      </c>
      <c r="F9973">
        <v>4109</v>
      </c>
      <c r="G9973" t="s">
        <v>18625</v>
      </c>
      <c r="H9973">
        <v>4.7704428663989997</v>
      </c>
      <c r="I9973">
        <v>52.954374958014</v>
      </c>
      <c r="J9973" t="s">
        <v>65658</v>
      </c>
    </row>
    <row r="9974" spans="1:10" x14ac:dyDescent="0.25">
      <c r="A9974" t="s">
        <v>18618</v>
      </c>
      <c r="B9974" t="s">
        <v>18619</v>
      </c>
      <c r="C9974" t="s">
        <v>18620</v>
      </c>
      <c r="D9974" t="s">
        <v>18605</v>
      </c>
      <c r="E9974" t="s">
        <v>13</v>
      </c>
      <c r="F9974">
        <v>4108</v>
      </c>
      <c r="G9974" t="s">
        <v>18621</v>
      </c>
      <c r="H9974">
        <v>4.7637792141239999</v>
      </c>
      <c r="I9974">
        <v>52.955878755717997</v>
      </c>
      <c r="J9974" t="s">
        <v>65659</v>
      </c>
    </row>
    <row r="9975" spans="1:10" x14ac:dyDescent="0.25">
      <c r="A9975" t="s">
        <v>18614</v>
      </c>
      <c r="B9975" t="s">
        <v>18615</v>
      </c>
      <c r="C9975" t="s">
        <v>18616</v>
      </c>
      <c r="D9975" t="s">
        <v>18605</v>
      </c>
      <c r="E9975" t="s">
        <v>13</v>
      </c>
      <c r="F9975">
        <v>4107</v>
      </c>
      <c r="G9975" t="s">
        <v>18617</v>
      </c>
      <c r="H9975">
        <v>4.7714975625099996</v>
      </c>
      <c r="I9975">
        <v>52.962627220122997</v>
      </c>
      <c r="J9975" t="s">
        <v>65660</v>
      </c>
    </row>
    <row r="9976" spans="1:10" x14ac:dyDescent="0.25">
      <c r="A9976" t="s">
        <v>18611</v>
      </c>
      <c r="B9976" t="s">
        <v>18612</v>
      </c>
      <c r="C9976" t="s">
        <v>129</v>
      </c>
      <c r="D9976" t="s">
        <v>18605</v>
      </c>
      <c r="E9976" t="s">
        <v>13</v>
      </c>
      <c r="F9976">
        <v>4106</v>
      </c>
      <c r="G9976" t="s">
        <v>18613</v>
      </c>
      <c r="H9976">
        <v>4.7630057699839998</v>
      </c>
      <c r="I9976">
        <v>52.959186343707003</v>
      </c>
      <c r="J9976" t="s">
        <v>65661</v>
      </c>
    </row>
    <row r="9977" spans="1:10" x14ac:dyDescent="0.25">
      <c r="A9977" t="s">
        <v>18607</v>
      </c>
      <c r="B9977" t="s">
        <v>18608</v>
      </c>
      <c r="C9977" t="s">
        <v>18609</v>
      </c>
      <c r="D9977" t="s">
        <v>18605</v>
      </c>
      <c r="E9977" t="s">
        <v>13</v>
      </c>
      <c r="F9977">
        <v>4105</v>
      </c>
      <c r="G9977" t="s">
        <v>18610</v>
      </c>
      <c r="H9977">
        <v>4.7633556170210003</v>
      </c>
      <c r="I9977">
        <v>52.962183683931002</v>
      </c>
      <c r="J9977" t="s">
        <v>65662</v>
      </c>
    </row>
    <row r="9978" spans="1:10" x14ac:dyDescent="0.25">
      <c r="A9978" t="s">
        <v>18602</v>
      </c>
      <c r="B9978" t="s">
        <v>18603</v>
      </c>
      <c r="C9978" t="s">
        <v>18604</v>
      </c>
      <c r="D9978" t="s">
        <v>18605</v>
      </c>
      <c r="E9978" t="s">
        <v>13</v>
      </c>
      <c r="F9978">
        <v>4104</v>
      </c>
      <c r="G9978" t="s">
        <v>18606</v>
      </c>
      <c r="H9978">
        <v>4.7933704076349999</v>
      </c>
      <c r="I9978">
        <v>52.951709502065</v>
      </c>
      <c r="J9978" t="s">
        <v>65663</v>
      </c>
    </row>
    <row r="9979" spans="1:10" x14ac:dyDescent="0.25">
      <c r="A9979" t="s">
        <v>18598</v>
      </c>
      <c r="B9979" t="s">
        <v>18599</v>
      </c>
      <c r="C9979" t="s">
        <v>18600</v>
      </c>
      <c r="D9979" t="s">
        <v>18527</v>
      </c>
      <c r="E9979" t="s">
        <v>13</v>
      </c>
      <c r="F9979">
        <v>4103</v>
      </c>
      <c r="G9979" t="s">
        <v>18601</v>
      </c>
      <c r="H9979">
        <v>4.6937407258480004</v>
      </c>
      <c r="I9979">
        <v>52.584553969158002</v>
      </c>
      <c r="J9979" t="s">
        <v>65664</v>
      </c>
    </row>
    <row r="9980" spans="1:10" x14ac:dyDescent="0.25">
      <c r="A9980" t="s">
        <v>18594</v>
      </c>
      <c r="B9980" t="s">
        <v>18595</v>
      </c>
      <c r="C9980" t="s">
        <v>18596</v>
      </c>
      <c r="D9980" t="s">
        <v>18527</v>
      </c>
      <c r="E9980" t="s">
        <v>13</v>
      </c>
      <c r="F9980">
        <v>4102</v>
      </c>
      <c r="G9980" t="s">
        <v>18597</v>
      </c>
      <c r="H9980">
        <v>4.6808896261820001</v>
      </c>
      <c r="I9980">
        <v>52.589262628013998</v>
      </c>
      <c r="J9980" t="s">
        <v>65665</v>
      </c>
    </row>
    <row r="9981" spans="1:10" x14ac:dyDescent="0.25">
      <c r="A9981" t="s">
        <v>18590</v>
      </c>
      <c r="B9981" t="s">
        <v>18591</v>
      </c>
      <c r="C9981" t="s">
        <v>18592</v>
      </c>
      <c r="D9981" t="s">
        <v>18527</v>
      </c>
      <c r="E9981" t="s">
        <v>13</v>
      </c>
      <c r="F9981">
        <v>4101</v>
      </c>
      <c r="G9981" t="s">
        <v>18593</v>
      </c>
      <c r="H9981">
        <v>4.7327610749910001</v>
      </c>
      <c r="I9981">
        <v>52.589516752563</v>
      </c>
      <c r="J9981" t="s">
        <v>65666</v>
      </c>
    </row>
    <row r="9982" spans="1:10" x14ac:dyDescent="0.25">
      <c r="A9982" t="s">
        <v>18587</v>
      </c>
      <c r="B9982" t="s">
        <v>18588</v>
      </c>
      <c r="C9982" t="s">
        <v>18236</v>
      </c>
      <c r="D9982" t="s">
        <v>18527</v>
      </c>
      <c r="E9982" t="s">
        <v>13</v>
      </c>
      <c r="F9982">
        <v>4100</v>
      </c>
      <c r="G9982" t="s">
        <v>18589</v>
      </c>
      <c r="H9982">
        <v>4.7061657284729996</v>
      </c>
      <c r="I9982">
        <v>52.586792547210997</v>
      </c>
      <c r="J9982" t="s">
        <v>65667</v>
      </c>
    </row>
    <row r="9983" spans="1:10" x14ac:dyDescent="0.25">
      <c r="A9983" t="s">
        <v>18583</v>
      </c>
      <c r="B9983" t="s">
        <v>18584</v>
      </c>
      <c r="C9983" t="s">
        <v>18585</v>
      </c>
      <c r="D9983" t="s">
        <v>18527</v>
      </c>
      <c r="E9983" t="s">
        <v>13</v>
      </c>
      <c r="F9983">
        <v>4099</v>
      </c>
      <c r="G9983" t="s">
        <v>18586</v>
      </c>
      <c r="H9983">
        <v>4.7153261148050003</v>
      </c>
      <c r="I9983">
        <v>52.587187221869002</v>
      </c>
      <c r="J9983" t="s">
        <v>65668</v>
      </c>
    </row>
    <row r="9984" spans="1:10" x14ac:dyDescent="0.25">
      <c r="A9984" t="s">
        <v>18579</v>
      </c>
      <c r="B9984" t="s">
        <v>18580</v>
      </c>
      <c r="C9984" t="s">
        <v>18581</v>
      </c>
      <c r="D9984" t="s">
        <v>18527</v>
      </c>
      <c r="E9984" t="s">
        <v>13</v>
      </c>
      <c r="F9984">
        <v>4098</v>
      </c>
      <c r="G9984" t="s">
        <v>18582</v>
      </c>
      <c r="H9984">
        <v>4.7209187103970001</v>
      </c>
      <c r="I9984">
        <v>52.593205922690998</v>
      </c>
      <c r="J9984" t="s">
        <v>65669</v>
      </c>
    </row>
    <row r="9985" spans="1:10" x14ac:dyDescent="0.25">
      <c r="A9985" t="s">
        <v>18575</v>
      </c>
      <c r="B9985" t="s">
        <v>18576</v>
      </c>
      <c r="C9985" t="s">
        <v>18577</v>
      </c>
      <c r="D9985" t="s">
        <v>18527</v>
      </c>
      <c r="E9985" t="s">
        <v>13</v>
      </c>
      <c r="F9985">
        <v>4097</v>
      </c>
      <c r="G9985" t="s">
        <v>18578</v>
      </c>
      <c r="H9985">
        <v>4.7127262578240003</v>
      </c>
      <c r="I9985">
        <v>52.595707592928001</v>
      </c>
      <c r="J9985" t="s">
        <v>65670</v>
      </c>
    </row>
    <row r="9986" spans="1:10" x14ac:dyDescent="0.25">
      <c r="A9986" t="s">
        <v>18571</v>
      </c>
      <c r="B9986" t="s">
        <v>18572</v>
      </c>
      <c r="C9986" t="s">
        <v>18573</v>
      </c>
      <c r="D9986" t="s">
        <v>18527</v>
      </c>
      <c r="E9986" t="s">
        <v>13</v>
      </c>
      <c r="F9986">
        <v>4096</v>
      </c>
      <c r="G9986" t="s">
        <v>18574</v>
      </c>
      <c r="H9986">
        <v>4.6990827483380002</v>
      </c>
      <c r="I9986">
        <v>52.591749268534002</v>
      </c>
      <c r="J9986" t="s">
        <v>65671</v>
      </c>
    </row>
    <row r="9987" spans="1:10" x14ac:dyDescent="0.25">
      <c r="A9987" t="s">
        <v>18567</v>
      </c>
      <c r="B9987" t="s">
        <v>18568</v>
      </c>
      <c r="C9987" t="s">
        <v>18569</v>
      </c>
      <c r="D9987" t="s">
        <v>18527</v>
      </c>
      <c r="E9987" t="s">
        <v>13</v>
      </c>
      <c r="F9987">
        <v>4095</v>
      </c>
      <c r="G9987" t="s">
        <v>18570</v>
      </c>
      <c r="H9987">
        <v>4.6885415805520001</v>
      </c>
      <c r="I9987">
        <v>52.594276294543</v>
      </c>
      <c r="J9987" t="s">
        <v>65672</v>
      </c>
    </row>
    <row r="9988" spans="1:10" x14ac:dyDescent="0.25">
      <c r="A9988" t="s">
        <v>18564</v>
      </c>
      <c r="B9988" t="s">
        <v>18565</v>
      </c>
      <c r="C9988" t="s">
        <v>4721</v>
      </c>
      <c r="D9988" t="s">
        <v>18527</v>
      </c>
      <c r="E9988" t="s">
        <v>13</v>
      </c>
      <c r="F9988">
        <v>4094</v>
      </c>
      <c r="G9988" t="s">
        <v>18566</v>
      </c>
      <c r="H9988">
        <v>4.7030211692890003</v>
      </c>
      <c r="I9988">
        <v>52.597068004863999</v>
      </c>
      <c r="J9988" t="s">
        <v>65673</v>
      </c>
    </row>
    <row r="9989" spans="1:10" x14ac:dyDescent="0.25">
      <c r="A9989" t="s">
        <v>18560</v>
      </c>
      <c r="B9989" t="s">
        <v>18561</v>
      </c>
      <c r="C9989" t="s">
        <v>18562</v>
      </c>
      <c r="D9989" t="s">
        <v>18527</v>
      </c>
      <c r="E9989" t="s">
        <v>13</v>
      </c>
      <c r="F9989">
        <v>4093</v>
      </c>
      <c r="G9989" t="s">
        <v>18563</v>
      </c>
      <c r="H9989">
        <v>4.6962433533240002</v>
      </c>
      <c r="I9989">
        <v>52.599708461299002</v>
      </c>
      <c r="J9989" t="s">
        <v>65674</v>
      </c>
    </row>
    <row r="9990" spans="1:10" x14ac:dyDescent="0.25">
      <c r="A9990" t="s">
        <v>18556</v>
      </c>
      <c r="B9990" t="s">
        <v>18557</v>
      </c>
      <c r="C9990" t="s">
        <v>18558</v>
      </c>
      <c r="D9990" t="s">
        <v>18527</v>
      </c>
      <c r="E9990" t="s">
        <v>13</v>
      </c>
      <c r="F9990">
        <v>4092</v>
      </c>
      <c r="G9990" t="s">
        <v>18559</v>
      </c>
      <c r="H9990">
        <v>4.6879459707660001</v>
      </c>
      <c r="I9990">
        <v>52.599733533258998</v>
      </c>
      <c r="J9990" t="s">
        <v>65675</v>
      </c>
    </row>
    <row r="9991" spans="1:10" x14ac:dyDescent="0.25">
      <c r="A9991" t="s">
        <v>18552</v>
      </c>
      <c r="B9991" t="s">
        <v>18553</v>
      </c>
      <c r="C9991" t="s">
        <v>18554</v>
      </c>
      <c r="D9991" t="s">
        <v>18527</v>
      </c>
      <c r="E9991" t="s">
        <v>13</v>
      </c>
      <c r="F9991">
        <v>4091</v>
      </c>
      <c r="G9991" t="s">
        <v>18555</v>
      </c>
      <c r="H9991">
        <v>4.6817949349510002</v>
      </c>
      <c r="I9991">
        <v>52.602129311135997</v>
      </c>
      <c r="J9991" t="s">
        <v>65676</v>
      </c>
    </row>
    <row r="9992" spans="1:10" x14ac:dyDescent="0.25">
      <c r="A9992" t="s">
        <v>18548</v>
      </c>
      <c r="B9992" t="s">
        <v>18549</v>
      </c>
      <c r="C9992" t="s">
        <v>18550</v>
      </c>
      <c r="D9992" t="s">
        <v>18527</v>
      </c>
      <c r="E9992" t="s">
        <v>13</v>
      </c>
      <c r="F9992">
        <v>4090</v>
      </c>
      <c r="G9992" t="s">
        <v>18551</v>
      </c>
      <c r="H9992">
        <v>4.7177133673369998</v>
      </c>
      <c r="I9992">
        <v>52.597843572481999</v>
      </c>
      <c r="J9992" t="s">
        <v>65677</v>
      </c>
    </row>
    <row r="9993" spans="1:10" x14ac:dyDescent="0.25">
      <c r="A9993" t="s">
        <v>18544</v>
      </c>
      <c r="B9993" t="s">
        <v>18545</v>
      </c>
      <c r="C9993" t="s">
        <v>18546</v>
      </c>
      <c r="D9993" t="s">
        <v>18527</v>
      </c>
      <c r="E9993" t="s">
        <v>13</v>
      </c>
      <c r="F9993">
        <v>4089</v>
      </c>
      <c r="G9993" t="s">
        <v>18547</v>
      </c>
      <c r="H9993">
        <v>4.721004140182</v>
      </c>
      <c r="I9993">
        <v>52.602436696932998</v>
      </c>
      <c r="J9993" t="s">
        <v>65678</v>
      </c>
    </row>
    <row r="9994" spans="1:10" x14ac:dyDescent="0.25">
      <c r="A9994" t="s">
        <v>18540</v>
      </c>
      <c r="B9994" t="s">
        <v>18541</v>
      </c>
      <c r="C9994" t="s">
        <v>18542</v>
      </c>
      <c r="D9994" t="s">
        <v>18527</v>
      </c>
      <c r="E9994" t="s">
        <v>13</v>
      </c>
      <c r="F9994">
        <v>4088</v>
      </c>
      <c r="G9994" t="s">
        <v>18543</v>
      </c>
      <c r="H9994">
        <v>4.706830732777</v>
      </c>
      <c r="I9994">
        <v>52.601213735552001</v>
      </c>
      <c r="J9994" t="s">
        <v>65679</v>
      </c>
    </row>
    <row r="9995" spans="1:10" x14ac:dyDescent="0.25">
      <c r="A9995" t="s">
        <v>18537</v>
      </c>
      <c r="B9995" t="s">
        <v>18538</v>
      </c>
      <c r="C9995" t="s">
        <v>2443</v>
      </c>
      <c r="D9995" t="s">
        <v>18527</v>
      </c>
      <c r="E9995" t="s">
        <v>13</v>
      </c>
      <c r="F9995">
        <v>4087</v>
      </c>
      <c r="G9995" t="s">
        <v>18539</v>
      </c>
      <c r="H9995">
        <v>4.7101975436829999</v>
      </c>
      <c r="I9995">
        <v>52.605256608704998</v>
      </c>
      <c r="J9995" t="s">
        <v>65680</v>
      </c>
    </row>
    <row r="9996" spans="1:10" x14ac:dyDescent="0.25">
      <c r="A9996" t="s">
        <v>18533</v>
      </c>
      <c r="B9996" t="s">
        <v>18534</v>
      </c>
      <c r="C9996" t="s">
        <v>18535</v>
      </c>
      <c r="D9996" t="s">
        <v>18527</v>
      </c>
      <c r="E9996" t="s">
        <v>13</v>
      </c>
      <c r="F9996">
        <v>4086</v>
      </c>
      <c r="G9996" t="s">
        <v>18536</v>
      </c>
      <c r="H9996">
        <v>4.6996273437309997</v>
      </c>
      <c r="I9996">
        <v>52.607715931987002</v>
      </c>
      <c r="J9996" t="s">
        <v>65681</v>
      </c>
    </row>
    <row r="9997" spans="1:10" x14ac:dyDescent="0.25">
      <c r="A9997" t="s">
        <v>18529</v>
      </c>
      <c r="B9997" t="s">
        <v>18530</v>
      </c>
      <c r="C9997" t="s">
        <v>18531</v>
      </c>
      <c r="D9997" t="s">
        <v>18527</v>
      </c>
      <c r="E9997" t="s">
        <v>13</v>
      </c>
      <c r="F9997">
        <v>4085</v>
      </c>
      <c r="G9997" t="s">
        <v>18532</v>
      </c>
      <c r="H9997">
        <v>4.6889673253730004</v>
      </c>
      <c r="I9997">
        <v>52.612673769806001</v>
      </c>
      <c r="J9997" t="s">
        <v>65682</v>
      </c>
    </row>
    <row r="9998" spans="1:10" x14ac:dyDescent="0.25">
      <c r="A9998" t="s">
        <v>18524</v>
      </c>
      <c r="B9998" t="s">
        <v>18525</v>
      </c>
      <c r="C9998" t="s">
        <v>18526</v>
      </c>
      <c r="D9998" t="s">
        <v>18527</v>
      </c>
      <c r="E9998" t="s">
        <v>13</v>
      </c>
      <c r="F9998">
        <v>4084</v>
      </c>
      <c r="G9998" t="s">
        <v>18528</v>
      </c>
      <c r="H9998">
        <v>4.7156128564520001</v>
      </c>
      <c r="I9998">
        <v>52.615015170345998</v>
      </c>
      <c r="J9998" t="s">
        <v>65683</v>
      </c>
    </row>
    <row r="9999" spans="1:10" x14ac:dyDescent="0.25">
      <c r="A9999" t="s">
        <v>18520</v>
      </c>
      <c r="B9999" t="s">
        <v>18521</v>
      </c>
      <c r="C9999" t="s">
        <v>18522</v>
      </c>
      <c r="D9999" t="s">
        <v>18375</v>
      </c>
      <c r="E9999" t="s">
        <v>13</v>
      </c>
      <c r="F9999">
        <v>4083</v>
      </c>
      <c r="G9999" t="s">
        <v>18523</v>
      </c>
      <c r="H9999">
        <v>4.8537056976909998</v>
      </c>
      <c r="I9999">
        <v>52.643016108406002</v>
      </c>
      <c r="J9999" t="s">
        <v>65684</v>
      </c>
    </row>
    <row r="10000" spans="1:10" x14ac:dyDescent="0.25">
      <c r="A10000" t="s">
        <v>18516</v>
      </c>
      <c r="B10000" t="s">
        <v>18517</v>
      </c>
      <c r="C10000" t="s">
        <v>18518</v>
      </c>
      <c r="D10000" t="s">
        <v>18375</v>
      </c>
      <c r="E10000" t="s">
        <v>13</v>
      </c>
      <c r="F10000">
        <v>4082</v>
      </c>
      <c r="G10000" t="s">
        <v>18519</v>
      </c>
      <c r="H10000">
        <v>4.8470760573770004</v>
      </c>
      <c r="I10000">
        <v>52.649881456540001</v>
      </c>
      <c r="J10000" t="s">
        <v>65685</v>
      </c>
    </row>
    <row r="10001" spans="1:10" x14ac:dyDescent="0.25">
      <c r="A10001" t="s">
        <v>18512</v>
      </c>
      <c r="B10001" t="s">
        <v>18513</v>
      </c>
      <c r="C10001" t="s">
        <v>18514</v>
      </c>
      <c r="D10001" t="s">
        <v>18375</v>
      </c>
      <c r="E10001" t="s">
        <v>13</v>
      </c>
      <c r="F10001">
        <v>4081</v>
      </c>
      <c r="G10001" t="s">
        <v>18515</v>
      </c>
      <c r="H10001">
        <v>4.8614806766239997</v>
      </c>
      <c r="I10001">
        <v>52.701611699706</v>
      </c>
      <c r="J10001" t="s">
        <v>65686</v>
      </c>
    </row>
    <row r="10002" spans="1:10" x14ac:dyDescent="0.25">
      <c r="A10002" t="s">
        <v>18508</v>
      </c>
      <c r="B10002" t="s">
        <v>18509</v>
      </c>
      <c r="C10002" t="s">
        <v>18510</v>
      </c>
      <c r="D10002" t="s">
        <v>18375</v>
      </c>
      <c r="E10002" t="s">
        <v>13</v>
      </c>
      <c r="F10002">
        <v>4080</v>
      </c>
      <c r="G10002" t="s">
        <v>18511</v>
      </c>
      <c r="H10002">
        <v>4.8508145459129999</v>
      </c>
      <c r="I10002">
        <v>52.705277792909001</v>
      </c>
      <c r="J10002" t="s">
        <v>65687</v>
      </c>
    </row>
    <row r="10003" spans="1:10" x14ac:dyDescent="0.25">
      <c r="A10003" t="s">
        <v>18504</v>
      </c>
      <c r="B10003" t="s">
        <v>18505</v>
      </c>
      <c r="C10003" t="s">
        <v>18506</v>
      </c>
      <c r="D10003" t="s">
        <v>18375</v>
      </c>
      <c r="E10003" t="s">
        <v>13</v>
      </c>
      <c r="F10003">
        <v>4079</v>
      </c>
      <c r="G10003" t="s">
        <v>18507</v>
      </c>
      <c r="H10003">
        <v>4.80896103145</v>
      </c>
      <c r="I10003">
        <v>52.668074172560999</v>
      </c>
      <c r="J10003" t="s">
        <v>65688</v>
      </c>
    </row>
    <row r="10004" spans="1:10" x14ac:dyDescent="0.25">
      <c r="A10004" t="s">
        <v>18500</v>
      </c>
      <c r="B10004" t="s">
        <v>18501</v>
      </c>
      <c r="C10004" t="s">
        <v>18502</v>
      </c>
      <c r="D10004" t="s">
        <v>18375</v>
      </c>
      <c r="E10004" t="s">
        <v>13</v>
      </c>
      <c r="F10004">
        <v>4078</v>
      </c>
      <c r="G10004" t="s">
        <v>18503</v>
      </c>
      <c r="H10004">
        <v>4.8608971934480003</v>
      </c>
      <c r="I10004">
        <v>52.661833269991</v>
      </c>
      <c r="J10004" t="s">
        <v>65689</v>
      </c>
    </row>
    <row r="10005" spans="1:10" x14ac:dyDescent="0.25">
      <c r="A10005" t="s">
        <v>18496</v>
      </c>
      <c r="B10005" t="s">
        <v>18497</v>
      </c>
      <c r="C10005" t="s">
        <v>18498</v>
      </c>
      <c r="D10005" t="s">
        <v>18375</v>
      </c>
      <c r="E10005" t="s">
        <v>13</v>
      </c>
      <c r="F10005">
        <v>4077</v>
      </c>
      <c r="G10005" t="s">
        <v>18499</v>
      </c>
      <c r="H10005">
        <v>4.8662344728339999</v>
      </c>
      <c r="I10005">
        <v>52.670792357400003</v>
      </c>
      <c r="J10005" t="s">
        <v>65690</v>
      </c>
    </row>
    <row r="10006" spans="1:10" x14ac:dyDescent="0.25">
      <c r="A10006" t="s">
        <v>18492</v>
      </c>
      <c r="B10006" t="s">
        <v>18493</v>
      </c>
      <c r="C10006" t="s">
        <v>18494</v>
      </c>
      <c r="D10006" t="s">
        <v>18375</v>
      </c>
      <c r="E10006" t="s">
        <v>13</v>
      </c>
      <c r="F10006">
        <v>4076</v>
      </c>
      <c r="G10006" t="s">
        <v>18495</v>
      </c>
      <c r="H10006">
        <v>4.8683385853430003</v>
      </c>
      <c r="I10006">
        <v>52.677378474175001</v>
      </c>
      <c r="J10006" t="s">
        <v>65691</v>
      </c>
    </row>
    <row r="10007" spans="1:10" x14ac:dyDescent="0.25">
      <c r="A10007" t="s">
        <v>18488</v>
      </c>
      <c r="B10007" t="s">
        <v>18489</v>
      </c>
      <c r="C10007" t="s">
        <v>18490</v>
      </c>
      <c r="D10007" t="s">
        <v>18375</v>
      </c>
      <c r="E10007" t="s">
        <v>13</v>
      </c>
      <c r="F10007">
        <v>4075</v>
      </c>
      <c r="G10007" t="s">
        <v>18491</v>
      </c>
      <c r="H10007">
        <v>4.8030563143259997</v>
      </c>
      <c r="I10007">
        <v>52.641848011793002</v>
      </c>
      <c r="J10007" t="s">
        <v>65692</v>
      </c>
    </row>
    <row r="10008" spans="1:10" x14ac:dyDescent="0.25">
      <c r="A10008" t="s">
        <v>18484</v>
      </c>
      <c r="B10008" t="s">
        <v>18485</v>
      </c>
      <c r="C10008" t="s">
        <v>18486</v>
      </c>
      <c r="D10008" t="s">
        <v>18375</v>
      </c>
      <c r="E10008" t="s">
        <v>13</v>
      </c>
      <c r="F10008">
        <v>4074</v>
      </c>
      <c r="G10008" t="s">
        <v>18487</v>
      </c>
      <c r="H10008">
        <v>4.8068915129720002</v>
      </c>
      <c r="I10008">
        <v>52.646407957903001</v>
      </c>
      <c r="J10008" t="s">
        <v>65693</v>
      </c>
    </row>
    <row r="10009" spans="1:10" x14ac:dyDescent="0.25">
      <c r="A10009" t="s">
        <v>18480</v>
      </c>
      <c r="B10009" t="s">
        <v>18481</v>
      </c>
      <c r="C10009" t="s">
        <v>18482</v>
      </c>
      <c r="D10009" t="s">
        <v>18375</v>
      </c>
      <c r="E10009" t="s">
        <v>13</v>
      </c>
      <c r="F10009">
        <v>4073</v>
      </c>
      <c r="G10009" t="s">
        <v>18483</v>
      </c>
      <c r="H10009">
        <v>4.8166537794849997</v>
      </c>
      <c r="I10009">
        <v>52.639352695553001</v>
      </c>
      <c r="J10009" t="s">
        <v>65694</v>
      </c>
    </row>
    <row r="10010" spans="1:10" x14ac:dyDescent="0.25">
      <c r="A10010" t="s">
        <v>18476</v>
      </c>
      <c r="B10010" t="s">
        <v>18477</v>
      </c>
      <c r="C10010" t="s">
        <v>18478</v>
      </c>
      <c r="D10010" t="s">
        <v>18375</v>
      </c>
      <c r="E10010" t="s">
        <v>13</v>
      </c>
      <c r="F10010">
        <v>4072</v>
      </c>
      <c r="G10010" t="s">
        <v>18479</v>
      </c>
      <c r="H10010">
        <v>4.8218619118720003</v>
      </c>
      <c r="I10010">
        <v>52.642805788960999</v>
      </c>
      <c r="J10010" t="s">
        <v>65695</v>
      </c>
    </row>
    <row r="10011" spans="1:10" x14ac:dyDescent="0.25">
      <c r="A10011" t="s">
        <v>18472</v>
      </c>
      <c r="B10011" t="s">
        <v>18473</v>
      </c>
      <c r="C10011" t="s">
        <v>18474</v>
      </c>
      <c r="D10011" t="s">
        <v>18375</v>
      </c>
      <c r="E10011" t="s">
        <v>13</v>
      </c>
      <c r="F10011">
        <v>4071</v>
      </c>
      <c r="G10011" t="s">
        <v>18475</v>
      </c>
      <c r="H10011">
        <v>4.8280535480809998</v>
      </c>
      <c r="I10011">
        <v>52.645783283288999</v>
      </c>
      <c r="J10011" t="s">
        <v>65696</v>
      </c>
    </row>
    <row r="10012" spans="1:10" x14ac:dyDescent="0.25">
      <c r="A10012" t="s">
        <v>18468</v>
      </c>
      <c r="B10012" t="s">
        <v>18469</v>
      </c>
      <c r="C10012" t="s">
        <v>18470</v>
      </c>
      <c r="D10012" t="s">
        <v>18375</v>
      </c>
      <c r="E10012" t="s">
        <v>13</v>
      </c>
      <c r="F10012">
        <v>4070</v>
      </c>
      <c r="G10012" t="s">
        <v>18471</v>
      </c>
      <c r="H10012">
        <v>4.8163330600799998</v>
      </c>
      <c r="I10012">
        <v>52.648434252442001</v>
      </c>
      <c r="J10012" t="s">
        <v>65697</v>
      </c>
    </row>
    <row r="10013" spans="1:10" x14ac:dyDescent="0.25">
      <c r="A10013" t="s">
        <v>18464</v>
      </c>
      <c r="B10013" t="s">
        <v>18465</v>
      </c>
      <c r="C10013" t="s">
        <v>18466</v>
      </c>
      <c r="D10013" t="s">
        <v>18375</v>
      </c>
      <c r="E10013" t="s">
        <v>13</v>
      </c>
      <c r="F10013">
        <v>4069</v>
      </c>
      <c r="G10013" t="s">
        <v>18467</v>
      </c>
      <c r="H10013">
        <v>4.820526845791</v>
      </c>
      <c r="I10013">
        <v>52.651051432387</v>
      </c>
      <c r="J10013" t="s">
        <v>65698</v>
      </c>
    </row>
    <row r="10014" spans="1:10" x14ac:dyDescent="0.25">
      <c r="A10014" t="s">
        <v>18460</v>
      </c>
      <c r="B10014" t="s">
        <v>18461</v>
      </c>
      <c r="C10014" t="s">
        <v>18462</v>
      </c>
      <c r="D10014" t="s">
        <v>18375</v>
      </c>
      <c r="E10014" t="s">
        <v>13</v>
      </c>
      <c r="F10014">
        <v>4068</v>
      </c>
      <c r="G10014" t="s">
        <v>18463</v>
      </c>
      <c r="H10014">
        <v>4.8352231541500004</v>
      </c>
      <c r="I10014">
        <v>52.650257949566999</v>
      </c>
      <c r="J10014" t="s">
        <v>65699</v>
      </c>
    </row>
    <row r="10015" spans="1:10" x14ac:dyDescent="0.25">
      <c r="A10015" t="s">
        <v>18456</v>
      </c>
      <c r="B10015" t="s">
        <v>18457</v>
      </c>
      <c r="C10015" t="s">
        <v>18458</v>
      </c>
      <c r="D10015" t="s">
        <v>18375</v>
      </c>
      <c r="E10015" t="s">
        <v>13</v>
      </c>
      <c r="F10015">
        <v>4067</v>
      </c>
      <c r="G10015" t="s">
        <v>18459</v>
      </c>
      <c r="H10015">
        <v>4.8045859000800002</v>
      </c>
      <c r="I10015">
        <v>52.652978503645002</v>
      </c>
      <c r="J10015" t="s">
        <v>65700</v>
      </c>
    </row>
    <row r="10016" spans="1:10" x14ac:dyDescent="0.25">
      <c r="A10016" t="s">
        <v>18452</v>
      </c>
      <c r="B10016" t="s">
        <v>18453</v>
      </c>
      <c r="C10016" t="s">
        <v>18454</v>
      </c>
      <c r="D10016" t="s">
        <v>18375</v>
      </c>
      <c r="E10016" t="s">
        <v>13</v>
      </c>
      <c r="F10016">
        <v>4066</v>
      </c>
      <c r="G10016" t="s">
        <v>18455</v>
      </c>
      <c r="H10016">
        <v>4.8114570186280003</v>
      </c>
      <c r="I10016">
        <v>52.655545413704999</v>
      </c>
      <c r="J10016" t="s">
        <v>65701</v>
      </c>
    </row>
    <row r="10017" spans="1:10" x14ac:dyDescent="0.25">
      <c r="A10017" t="s">
        <v>18448</v>
      </c>
      <c r="B10017" t="s">
        <v>18449</v>
      </c>
      <c r="C10017" t="s">
        <v>18450</v>
      </c>
      <c r="D10017" t="s">
        <v>18375</v>
      </c>
      <c r="E10017" t="s">
        <v>13</v>
      </c>
      <c r="F10017">
        <v>4065</v>
      </c>
      <c r="G10017" t="s">
        <v>18451</v>
      </c>
      <c r="H10017">
        <v>4.7928945591419998</v>
      </c>
      <c r="I10017">
        <v>52.646066676418002</v>
      </c>
      <c r="J10017" t="s">
        <v>65702</v>
      </c>
    </row>
    <row r="10018" spans="1:10" x14ac:dyDescent="0.25">
      <c r="A10018" t="s">
        <v>18444</v>
      </c>
      <c r="B10018" t="s">
        <v>18445</v>
      </c>
      <c r="C10018" t="s">
        <v>18446</v>
      </c>
      <c r="D10018" t="s">
        <v>18375</v>
      </c>
      <c r="E10018" t="s">
        <v>13</v>
      </c>
      <c r="F10018">
        <v>4064</v>
      </c>
      <c r="G10018" t="s">
        <v>18447</v>
      </c>
      <c r="H10018">
        <v>4.8444614732169997</v>
      </c>
      <c r="I10018">
        <v>52.687301073839997</v>
      </c>
      <c r="J10018" t="s">
        <v>65703</v>
      </c>
    </row>
    <row r="10019" spans="1:10" x14ac:dyDescent="0.25">
      <c r="A10019" t="s">
        <v>18440</v>
      </c>
      <c r="B10019" t="s">
        <v>18441</v>
      </c>
      <c r="C10019" t="s">
        <v>18442</v>
      </c>
      <c r="D10019" t="s">
        <v>18375</v>
      </c>
      <c r="E10019" t="s">
        <v>13</v>
      </c>
      <c r="F10019">
        <v>4063</v>
      </c>
      <c r="G10019" t="s">
        <v>18443</v>
      </c>
      <c r="H10019">
        <v>4.8111683843100002</v>
      </c>
      <c r="I10019">
        <v>52.662847982168998</v>
      </c>
      <c r="J10019" t="s">
        <v>65704</v>
      </c>
    </row>
    <row r="10020" spans="1:10" x14ac:dyDescent="0.25">
      <c r="A10020" t="s">
        <v>18436</v>
      </c>
      <c r="B10020" t="s">
        <v>18437</v>
      </c>
      <c r="C10020" t="s">
        <v>18438</v>
      </c>
      <c r="D10020" t="s">
        <v>18375</v>
      </c>
      <c r="E10020" t="s">
        <v>13</v>
      </c>
      <c r="F10020">
        <v>4062</v>
      </c>
      <c r="G10020" t="s">
        <v>18439</v>
      </c>
      <c r="H10020">
        <v>4.8346180397699996</v>
      </c>
      <c r="I10020">
        <v>52.674143559085003</v>
      </c>
      <c r="J10020" t="s">
        <v>65705</v>
      </c>
    </row>
    <row r="10021" spans="1:10" x14ac:dyDescent="0.25">
      <c r="A10021" t="s">
        <v>18432</v>
      </c>
      <c r="B10021" t="s">
        <v>18433</v>
      </c>
      <c r="C10021" t="s">
        <v>18434</v>
      </c>
      <c r="D10021" t="s">
        <v>18375</v>
      </c>
      <c r="E10021" t="s">
        <v>13</v>
      </c>
      <c r="F10021">
        <v>4061</v>
      </c>
      <c r="G10021" t="s">
        <v>18435</v>
      </c>
      <c r="H10021">
        <v>4.8328672281570002</v>
      </c>
      <c r="I10021">
        <v>52.693669518714003</v>
      </c>
      <c r="J10021" t="s">
        <v>65706</v>
      </c>
    </row>
    <row r="10022" spans="1:10" x14ac:dyDescent="0.25">
      <c r="A10022" t="s">
        <v>18428</v>
      </c>
      <c r="B10022" t="s">
        <v>18429</v>
      </c>
      <c r="C10022" t="s">
        <v>18430</v>
      </c>
      <c r="D10022" t="s">
        <v>18375</v>
      </c>
      <c r="E10022" t="s">
        <v>13</v>
      </c>
      <c r="F10022">
        <v>4060</v>
      </c>
      <c r="G10022" t="s">
        <v>18431</v>
      </c>
      <c r="H10022">
        <v>4.8321945201189997</v>
      </c>
      <c r="I10022">
        <v>52.687617551041001</v>
      </c>
      <c r="J10022" t="s">
        <v>65707</v>
      </c>
    </row>
    <row r="10023" spans="1:10" x14ac:dyDescent="0.25">
      <c r="A10023" t="s">
        <v>18424</v>
      </c>
      <c r="B10023" t="s">
        <v>18425</v>
      </c>
      <c r="C10023" t="s">
        <v>18426</v>
      </c>
      <c r="D10023" t="s">
        <v>18375</v>
      </c>
      <c r="E10023" t="s">
        <v>13</v>
      </c>
      <c r="F10023">
        <v>4059</v>
      </c>
      <c r="G10023" t="s">
        <v>18427</v>
      </c>
      <c r="H10023">
        <v>4.8271779665360004</v>
      </c>
      <c r="I10023">
        <v>52.676512114918999</v>
      </c>
      <c r="J10023" t="s">
        <v>65708</v>
      </c>
    </row>
    <row r="10024" spans="1:10" x14ac:dyDescent="0.25">
      <c r="A10024" t="s">
        <v>18421</v>
      </c>
      <c r="B10024" t="s">
        <v>18422</v>
      </c>
      <c r="C10024" t="s">
        <v>13974</v>
      </c>
      <c r="D10024" t="s">
        <v>18375</v>
      </c>
      <c r="E10024" t="s">
        <v>13</v>
      </c>
      <c r="F10024">
        <v>4058</v>
      </c>
      <c r="G10024" t="s">
        <v>18423</v>
      </c>
      <c r="H10024">
        <v>4.8260897349810001</v>
      </c>
      <c r="I10024">
        <v>52.654637114640998</v>
      </c>
      <c r="J10024" t="s">
        <v>65709</v>
      </c>
    </row>
    <row r="10025" spans="1:10" x14ac:dyDescent="0.25">
      <c r="A10025" t="s">
        <v>18418</v>
      </c>
      <c r="B10025" t="s">
        <v>18419</v>
      </c>
      <c r="C10025" t="s">
        <v>12414</v>
      </c>
      <c r="D10025" t="s">
        <v>18375</v>
      </c>
      <c r="E10025" t="s">
        <v>13</v>
      </c>
      <c r="F10025">
        <v>4057</v>
      </c>
      <c r="G10025" t="s">
        <v>18420</v>
      </c>
      <c r="H10025">
        <v>4.8332352980840003</v>
      </c>
      <c r="I10025">
        <v>52.658088732575997</v>
      </c>
      <c r="J10025" t="s">
        <v>65710</v>
      </c>
    </row>
    <row r="10026" spans="1:10" x14ac:dyDescent="0.25">
      <c r="A10026" t="s">
        <v>18415</v>
      </c>
      <c r="B10026" t="s">
        <v>18416</v>
      </c>
      <c r="C10026" t="s">
        <v>3271</v>
      </c>
      <c r="D10026" t="s">
        <v>18375</v>
      </c>
      <c r="E10026" t="s">
        <v>13</v>
      </c>
      <c r="F10026">
        <v>4056</v>
      </c>
      <c r="G10026" t="s">
        <v>18417</v>
      </c>
      <c r="H10026">
        <v>4.824123722505</v>
      </c>
      <c r="I10026">
        <v>52.669213632925</v>
      </c>
      <c r="J10026" t="s">
        <v>65711</v>
      </c>
    </row>
    <row r="10027" spans="1:10" x14ac:dyDescent="0.25">
      <c r="A10027" t="s">
        <v>18412</v>
      </c>
      <c r="B10027" t="s">
        <v>18413</v>
      </c>
      <c r="C10027" t="s">
        <v>14552</v>
      </c>
      <c r="D10027" t="s">
        <v>18375</v>
      </c>
      <c r="E10027" t="s">
        <v>13</v>
      </c>
      <c r="F10027">
        <v>4055</v>
      </c>
      <c r="G10027" t="s">
        <v>18414</v>
      </c>
      <c r="H10027">
        <v>4.827042724419</v>
      </c>
      <c r="I10027">
        <v>52.663456174872003</v>
      </c>
      <c r="J10027" t="s">
        <v>65712</v>
      </c>
    </row>
    <row r="10028" spans="1:10" x14ac:dyDescent="0.25">
      <c r="A10028" t="s">
        <v>18408</v>
      </c>
      <c r="B10028" t="s">
        <v>18409</v>
      </c>
      <c r="C10028" t="s">
        <v>18410</v>
      </c>
      <c r="D10028" t="s">
        <v>18375</v>
      </c>
      <c r="E10028" t="s">
        <v>13</v>
      </c>
      <c r="F10028">
        <v>4054</v>
      </c>
      <c r="G10028" t="s">
        <v>18411</v>
      </c>
      <c r="H10028">
        <v>4.819613707796</v>
      </c>
      <c r="I10028">
        <v>52.660667971392002</v>
      </c>
      <c r="J10028" t="s">
        <v>65713</v>
      </c>
    </row>
    <row r="10029" spans="1:10" x14ac:dyDescent="0.25">
      <c r="A10029" t="s">
        <v>18404</v>
      </c>
      <c r="B10029" t="s">
        <v>18405</v>
      </c>
      <c r="C10029" t="s">
        <v>18406</v>
      </c>
      <c r="D10029" t="s">
        <v>18375</v>
      </c>
      <c r="E10029" t="s">
        <v>13</v>
      </c>
      <c r="F10029">
        <v>4053</v>
      </c>
      <c r="G10029" t="s">
        <v>18407</v>
      </c>
      <c r="H10029">
        <v>4.8459787742199998</v>
      </c>
      <c r="I10029">
        <v>52.675759712775999</v>
      </c>
      <c r="J10029" t="s">
        <v>65714</v>
      </c>
    </row>
    <row r="10030" spans="1:10" x14ac:dyDescent="0.25">
      <c r="A10030" t="s">
        <v>18400</v>
      </c>
      <c r="B10030" t="s">
        <v>18401</v>
      </c>
      <c r="C10030" t="s">
        <v>18402</v>
      </c>
      <c r="D10030" t="s">
        <v>18375</v>
      </c>
      <c r="E10030" t="s">
        <v>13</v>
      </c>
      <c r="F10030">
        <v>4052</v>
      </c>
      <c r="G10030" t="s">
        <v>18403</v>
      </c>
      <c r="H10030">
        <v>4.8436858559999996</v>
      </c>
      <c r="I10030">
        <v>52.671378079241997</v>
      </c>
      <c r="J10030" t="s">
        <v>65715</v>
      </c>
    </row>
    <row r="10031" spans="1:10" x14ac:dyDescent="0.25">
      <c r="A10031" t="s">
        <v>18396</v>
      </c>
      <c r="B10031" t="s">
        <v>18397</v>
      </c>
      <c r="C10031" t="s">
        <v>18398</v>
      </c>
      <c r="D10031" t="s">
        <v>18375</v>
      </c>
      <c r="E10031" t="s">
        <v>13</v>
      </c>
      <c r="F10031">
        <v>4051</v>
      </c>
      <c r="G10031" t="s">
        <v>18399</v>
      </c>
      <c r="H10031">
        <v>4.8505151942060003</v>
      </c>
      <c r="I10031">
        <v>52.657846586921998</v>
      </c>
      <c r="J10031" t="s">
        <v>65716</v>
      </c>
    </row>
    <row r="10032" spans="1:10" x14ac:dyDescent="0.25">
      <c r="A10032" t="s">
        <v>18392</v>
      </c>
      <c r="B10032" t="s">
        <v>18393</v>
      </c>
      <c r="C10032" t="s">
        <v>18394</v>
      </c>
      <c r="D10032" t="s">
        <v>18375</v>
      </c>
      <c r="E10032" t="s">
        <v>13</v>
      </c>
      <c r="F10032">
        <v>4050</v>
      </c>
      <c r="G10032" t="s">
        <v>18395</v>
      </c>
      <c r="H10032">
        <v>4.8479284803980001</v>
      </c>
      <c r="I10032">
        <v>52.666380264513002</v>
      </c>
      <c r="J10032" t="s">
        <v>65717</v>
      </c>
    </row>
    <row r="10033" spans="1:10" x14ac:dyDescent="0.25">
      <c r="A10033" t="s">
        <v>18389</v>
      </c>
      <c r="B10033" t="s">
        <v>18390</v>
      </c>
      <c r="C10033" t="s">
        <v>6548</v>
      </c>
      <c r="D10033" t="s">
        <v>18375</v>
      </c>
      <c r="E10033" t="s">
        <v>13</v>
      </c>
      <c r="F10033">
        <v>4049</v>
      </c>
      <c r="G10033" t="s">
        <v>18391</v>
      </c>
      <c r="H10033">
        <v>4.8410249994579999</v>
      </c>
      <c r="I10033">
        <v>52.661277862836997</v>
      </c>
      <c r="J10033" t="s">
        <v>65718</v>
      </c>
    </row>
    <row r="10034" spans="1:10" x14ac:dyDescent="0.25">
      <c r="A10034" t="s">
        <v>18385</v>
      </c>
      <c r="B10034" t="s">
        <v>18386</v>
      </c>
      <c r="C10034" t="s">
        <v>18387</v>
      </c>
      <c r="D10034" t="s">
        <v>18375</v>
      </c>
      <c r="E10034" t="s">
        <v>13</v>
      </c>
      <c r="F10034">
        <v>4048</v>
      </c>
      <c r="G10034" t="s">
        <v>18388</v>
      </c>
      <c r="H10034">
        <v>4.8340512785580003</v>
      </c>
      <c r="I10034">
        <v>52.671266933064999</v>
      </c>
      <c r="J10034" t="s">
        <v>65719</v>
      </c>
    </row>
    <row r="10035" spans="1:10" x14ac:dyDescent="0.25">
      <c r="A10035" t="s">
        <v>18381</v>
      </c>
      <c r="B10035" t="s">
        <v>18382</v>
      </c>
      <c r="C10035" t="s">
        <v>18383</v>
      </c>
      <c r="D10035" t="s">
        <v>18375</v>
      </c>
      <c r="E10035" t="s">
        <v>13</v>
      </c>
      <c r="F10035">
        <v>4047</v>
      </c>
      <c r="G10035" t="s">
        <v>18384</v>
      </c>
      <c r="H10035">
        <v>4.8552311363529999</v>
      </c>
      <c r="I10035">
        <v>52.672219178089001</v>
      </c>
      <c r="J10035" t="s">
        <v>65720</v>
      </c>
    </row>
    <row r="10036" spans="1:10" x14ac:dyDescent="0.25">
      <c r="A10036" t="s">
        <v>18377</v>
      </c>
      <c r="B10036" t="s">
        <v>18378</v>
      </c>
      <c r="C10036" t="s">
        <v>18379</v>
      </c>
      <c r="D10036" t="s">
        <v>18375</v>
      </c>
      <c r="E10036" t="s">
        <v>13</v>
      </c>
      <c r="F10036">
        <v>4046</v>
      </c>
      <c r="G10036" t="s">
        <v>18380</v>
      </c>
      <c r="H10036">
        <v>4.8553389667909999</v>
      </c>
      <c r="I10036">
        <v>52.677871523809998</v>
      </c>
      <c r="J10036" t="s">
        <v>65721</v>
      </c>
    </row>
    <row r="10037" spans="1:10" x14ac:dyDescent="0.25">
      <c r="A10037" t="s">
        <v>18372</v>
      </c>
      <c r="B10037" t="s">
        <v>18373</v>
      </c>
      <c r="C10037" t="s">
        <v>18374</v>
      </c>
      <c r="D10037" t="s">
        <v>18375</v>
      </c>
      <c r="E10037" t="s">
        <v>13</v>
      </c>
      <c r="F10037">
        <v>4045</v>
      </c>
      <c r="G10037" t="s">
        <v>18376</v>
      </c>
      <c r="H10037">
        <v>4.834698243709</v>
      </c>
      <c r="I10037">
        <v>52.667121919358998</v>
      </c>
      <c r="J10037" t="s">
        <v>65722</v>
      </c>
    </row>
    <row r="10038" spans="1:10" x14ac:dyDescent="0.25">
      <c r="A10038" t="s">
        <v>18368</v>
      </c>
      <c r="B10038" t="s">
        <v>18369</v>
      </c>
      <c r="C10038" t="s">
        <v>18370</v>
      </c>
      <c r="D10038" t="s">
        <v>18320</v>
      </c>
      <c r="E10038" t="s">
        <v>13</v>
      </c>
      <c r="F10038">
        <v>4044</v>
      </c>
      <c r="G10038" t="s">
        <v>18371</v>
      </c>
      <c r="H10038">
        <v>4.6012269431600004</v>
      </c>
      <c r="I10038">
        <v>52.351776464724999</v>
      </c>
      <c r="J10038" t="s">
        <v>65723</v>
      </c>
    </row>
    <row r="10039" spans="1:10" x14ac:dyDescent="0.25">
      <c r="A10039" t="s">
        <v>18364</v>
      </c>
      <c r="B10039" t="s">
        <v>18365</v>
      </c>
      <c r="C10039" t="s">
        <v>18366</v>
      </c>
      <c r="D10039" t="s">
        <v>18320</v>
      </c>
      <c r="E10039" t="s">
        <v>13</v>
      </c>
      <c r="F10039">
        <v>4043</v>
      </c>
      <c r="G10039" t="s">
        <v>18367</v>
      </c>
      <c r="H10039">
        <v>4.5961733083349996</v>
      </c>
      <c r="I10039">
        <v>52.333020703846003</v>
      </c>
      <c r="J10039" t="s">
        <v>65724</v>
      </c>
    </row>
    <row r="10040" spans="1:10" x14ac:dyDescent="0.25">
      <c r="A10040" t="s">
        <v>18360</v>
      </c>
      <c r="B10040" t="s">
        <v>18361</v>
      </c>
      <c r="C10040" t="s">
        <v>18362</v>
      </c>
      <c r="D10040" t="s">
        <v>18320</v>
      </c>
      <c r="E10040" t="s">
        <v>13</v>
      </c>
      <c r="F10040">
        <v>4042</v>
      </c>
      <c r="G10040" t="s">
        <v>18363</v>
      </c>
      <c r="H10040">
        <v>4.6129784342329998</v>
      </c>
      <c r="I10040">
        <v>52.331512602288001</v>
      </c>
      <c r="J10040" t="s">
        <v>65725</v>
      </c>
    </row>
    <row r="10041" spans="1:10" x14ac:dyDescent="0.25">
      <c r="A10041" t="s">
        <v>18356</v>
      </c>
      <c r="B10041" t="s">
        <v>18357</v>
      </c>
      <c r="C10041" t="s">
        <v>18358</v>
      </c>
      <c r="D10041" t="s">
        <v>18320</v>
      </c>
      <c r="E10041" t="s">
        <v>13</v>
      </c>
      <c r="F10041">
        <v>4041</v>
      </c>
      <c r="G10041" t="s">
        <v>18359</v>
      </c>
      <c r="H10041">
        <v>4.6056280308639996</v>
      </c>
      <c r="I10041">
        <v>52.329056036753997</v>
      </c>
      <c r="J10041" t="s">
        <v>65726</v>
      </c>
    </row>
    <row r="10042" spans="1:10" x14ac:dyDescent="0.25">
      <c r="A10042" t="s">
        <v>18353</v>
      </c>
      <c r="B10042" t="s">
        <v>18354</v>
      </c>
      <c r="C10042" t="s">
        <v>17717</v>
      </c>
      <c r="D10042" t="s">
        <v>18320</v>
      </c>
      <c r="E10042" t="s">
        <v>13</v>
      </c>
      <c r="F10042">
        <v>4040</v>
      </c>
      <c r="G10042" t="s">
        <v>18355</v>
      </c>
      <c r="H10042">
        <v>4.6075073432789999</v>
      </c>
      <c r="I10042">
        <v>52.351566706469001</v>
      </c>
      <c r="J10042" t="s">
        <v>65727</v>
      </c>
    </row>
    <row r="10043" spans="1:10" x14ac:dyDescent="0.25">
      <c r="A10043" t="s">
        <v>18349</v>
      </c>
      <c r="B10043" t="s">
        <v>18350</v>
      </c>
      <c r="C10043" t="s">
        <v>18351</v>
      </c>
      <c r="D10043" t="s">
        <v>18320</v>
      </c>
      <c r="E10043" t="s">
        <v>13</v>
      </c>
      <c r="F10043">
        <v>4039</v>
      </c>
      <c r="G10043" t="s">
        <v>18352</v>
      </c>
      <c r="H10043">
        <v>4.6184224346180001</v>
      </c>
      <c r="I10043">
        <v>52.349432185075003</v>
      </c>
      <c r="J10043" t="s">
        <v>65728</v>
      </c>
    </row>
    <row r="10044" spans="1:10" x14ac:dyDescent="0.25">
      <c r="A10044" t="s">
        <v>18345</v>
      </c>
      <c r="B10044" t="s">
        <v>18346</v>
      </c>
      <c r="C10044" t="s">
        <v>18347</v>
      </c>
      <c r="D10044" t="s">
        <v>18320</v>
      </c>
      <c r="E10044" t="s">
        <v>13</v>
      </c>
      <c r="F10044">
        <v>4038</v>
      </c>
      <c r="G10044" t="s">
        <v>18348</v>
      </c>
      <c r="H10044">
        <v>4.6154042747629997</v>
      </c>
      <c r="I10044">
        <v>52.352529607264003</v>
      </c>
      <c r="J10044" t="s">
        <v>65729</v>
      </c>
    </row>
    <row r="10045" spans="1:10" x14ac:dyDescent="0.25">
      <c r="A10045" t="s">
        <v>18342</v>
      </c>
      <c r="B10045" t="s">
        <v>18343</v>
      </c>
      <c r="C10045" t="s">
        <v>49</v>
      </c>
      <c r="D10045" t="s">
        <v>18320</v>
      </c>
      <c r="E10045" t="s">
        <v>13</v>
      </c>
      <c r="F10045">
        <v>4037</v>
      </c>
      <c r="G10045" t="s">
        <v>18344</v>
      </c>
      <c r="H10045">
        <v>4.6024041382160004</v>
      </c>
      <c r="I10045">
        <v>52.343305188944001</v>
      </c>
      <c r="J10045" t="s">
        <v>65730</v>
      </c>
    </row>
    <row r="10046" spans="1:10" x14ac:dyDescent="0.25">
      <c r="A10046" t="s">
        <v>18338</v>
      </c>
      <c r="B10046" t="s">
        <v>18339</v>
      </c>
      <c r="C10046" t="s">
        <v>18340</v>
      </c>
      <c r="D10046" t="s">
        <v>18320</v>
      </c>
      <c r="E10046" t="s">
        <v>13</v>
      </c>
      <c r="F10046">
        <v>4036</v>
      </c>
      <c r="G10046" t="s">
        <v>18341</v>
      </c>
      <c r="H10046">
        <v>4.6320042265429997</v>
      </c>
      <c r="I10046">
        <v>52.353856332044003</v>
      </c>
      <c r="J10046" t="s">
        <v>65731</v>
      </c>
    </row>
    <row r="10047" spans="1:10" x14ac:dyDescent="0.25">
      <c r="A10047" t="s">
        <v>18334</v>
      </c>
      <c r="B10047" t="s">
        <v>18335</v>
      </c>
      <c r="C10047" t="s">
        <v>18336</v>
      </c>
      <c r="D10047" t="s">
        <v>18320</v>
      </c>
      <c r="E10047" t="s">
        <v>13</v>
      </c>
      <c r="F10047">
        <v>4035</v>
      </c>
      <c r="G10047" t="s">
        <v>18337</v>
      </c>
      <c r="H10047">
        <v>4.613002112817</v>
      </c>
      <c r="I10047">
        <v>52.340978638525002</v>
      </c>
      <c r="J10047" t="s">
        <v>65732</v>
      </c>
    </row>
    <row r="10048" spans="1:10" x14ac:dyDescent="0.25">
      <c r="A10048" t="s">
        <v>18330</v>
      </c>
      <c r="B10048" t="s">
        <v>18331</v>
      </c>
      <c r="C10048" t="s">
        <v>18332</v>
      </c>
      <c r="D10048" t="s">
        <v>18320</v>
      </c>
      <c r="E10048" t="s">
        <v>13</v>
      </c>
      <c r="F10048">
        <v>4034</v>
      </c>
      <c r="G10048" t="s">
        <v>18333</v>
      </c>
      <c r="H10048">
        <v>4.6267268719760004</v>
      </c>
      <c r="I10048">
        <v>52.356569026486</v>
      </c>
      <c r="J10048" t="s">
        <v>65733</v>
      </c>
    </row>
    <row r="10049" spans="1:10" x14ac:dyDescent="0.25">
      <c r="A10049" t="s">
        <v>18326</v>
      </c>
      <c r="B10049" t="s">
        <v>18327</v>
      </c>
      <c r="C10049" t="s">
        <v>18328</v>
      </c>
      <c r="D10049" t="s">
        <v>18320</v>
      </c>
      <c r="E10049" t="s">
        <v>13</v>
      </c>
      <c r="F10049">
        <v>4033</v>
      </c>
      <c r="G10049" t="s">
        <v>18329</v>
      </c>
      <c r="H10049">
        <v>4.6108266529710003</v>
      </c>
      <c r="I10049">
        <v>52.358159195302001</v>
      </c>
      <c r="J10049" t="s">
        <v>65734</v>
      </c>
    </row>
    <row r="10050" spans="1:10" x14ac:dyDescent="0.25">
      <c r="A10050" t="s">
        <v>18322</v>
      </c>
      <c r="B10050" t="s">
        <v>18323</v>
      </c>
      <c r="C10050" t="s">
        <v>18324</v>
      </c>
      <c r="D10050" t="s">
        <v>18320</v>
      </c>
      <c r="E10050" t="s">
        <v>13</v>
      </c>
      <c r="F10050">
        <v>4032</v>
      </c>
      <c r="G10050" t="s">
        <v>18325</v>
      </c>
      <c r="H10050">
        <v>4.6300196383890002</v>
      </c>
      <c r="I10050">
        <v>52.34268200604</v>
      </c>
      <c r="J10050" t="s">
        <v>65735</v>
      </c>
    </row>
    <row r="10051" spans="1:10" x14ac:dyDescent="0.25">
      <c r="A10051" t="s">
        <v>18318</v>
      </c>
      <c r="B10051" t="s">
        <v>18319</v>
      </c>
      <c r="C10051" t="s">
        <v>129</v>
      </c>
      <c r="D10051" t="s">
        <v>18320</v>
      </c>
      <c r="E10051" t="s">
        <v>13</v>
      </c>
      <c r="F10051">
        <v>4031</v>
      </c>
      <c r="G10051" t="s">
        <v>18321</v>
      </c>
      <c r="H10051">
        <v>4.621211088461</v>
      </c>
      <c r="I10051">
        <v>52.352085325467002</v>
      </c>
      <c r="J10051" t="s">
        <v>65736</v>
      </c>
    </row>
    <row r="10052" spans="1:10" x14ac:dyDescent="0.25">
      <c r="A10052" t="s">
        <v>18314</v>
      </c>
      <c r="B10052" t="s">
        <v>18315</v>
      </c>
      <c r="C10052" t="s">
        <v>18316</v>
      </c>
      <c r="D10052" t="s">
        <v>18173</v>
      </c>
      <c r="E10052" t="s">
        <v>13</v>
      </c>
      <c r="F10052">
        <v>4030</v>
      </c>
      <c r="G10052" t="s">
        <v>18317</v>
      </c>
      <c r="H10052">
        <v>4.7049632757050004</v>
      </c>
      <c r="I10052">
        <v>52.495300097264</v>
      </c>
      <c r="J10052" t="s">
        <v>65737</v>
      </c>
    </row>
    <row r="10053" spans="1:10" x14ac:dyDescent="0.25">
      <c r="A10053" t="s">
        <v>18310</v>
      </c>
      <c r="B10053" t="s">
        <v>18311</v>
      </c>
      <c r="C10053" t="s">
        <v>18312</v>
      </c>
      <c r="D10053" t="s">
        <v>18173</v>
      </c>
      <c r="E10053" t="s">
        <v>13</v>
      </c>
      <c r="F10053">
        <v>4029</v>
      </c>
      <c r="G10053" t="s">
        <v>18313</v>
      </c>
      <c r="H10053">
        <v>4.6962962800900003</v>
      </c>
      <c r="I10053">
        <v>52.500052923925999</v>
      </c>
      <c r="J10053" t="s">
        <v>65738</v>
      </c>
    </row>
    <row r="10054" spans="1:10" x14ac:dyDescent="0.25">
      <c r="A10054" t="s">
        <v>18306</v>
      </c>
      <c r="B10054" t="s">
        <v>18307</v>
      </c>
      <c r="C10054" t="s">
        <v>18308</v>
      </c>
      <c r="D10054" t="s">
        <v>18173</v>
      </c>
      <c r="E10054" t="s">
        <v>13</v>
      </c>
      <c r="F10054">
        <v>4028</v>
      </c>
      <c r="G10054" t="s">
        <v>18309</v>
      </c>
      <c r="H10054">
        <v>4.6918772030479996</v>
      </c>
      <c r="I10054">
        <v>52.494197632374998</v>
      </c>
      <c r="J10054" t="s">
        <v>65739</v>
      </c>
    </row>
    <row r="10055" spans="1:10" x14ac:dyDescent="0.25">
      <c r="A10055" t="s">
        <v>18302</v>
      </c>
      <c r="B10055" t="s">
        <v>18303</v>
      </c>
      <c r="C10055" t="s">
        <v>18304</v>
      </c>
      <c r="D10055" t="s">
        <v>18173</v>
      </c>
      <c r="E10055" t="s">
        <v>13</v>
      </c>
      <c r="F10055">
        <v>4027</v>
      </c>
      <c r="G10055" t="s">
        <v>18305</v>
      </c>
      <c r="H10055">
        <v>4.6608194234170002</v>
      </c>
      <c r="I10055">
        <v>52.503536459679999</v>
      </c>
      <c r="J10055" t="s">
        <v>65740</v>
      </c>
    </row>
    <row r="10056" spans="1:10" x14ac:dyDescent="0.25">
      <c r="A10056" t="s">
        <v>18298</v>
      </c>
      <c r="B10056" t="s">
        <v>18299</v>
      </c>
      <c r="C10056" t="s">
        <v>18300</v>
      </c>
      <c r="D10056" t="s">
        <v>18173</v>
      </c>
      <c r="E10056" t="s">
        <v>13</v>
      </c>
      <c r="F10056">
        <v>4026</v>
      </c>
      <c r="G10056" t="s">
        <v>18301</v>
      </c>
      <c r="H10056">
        <v>4.6729181887440001</v>
      </c>
      <c r="I10056">
        <v>52.500390570122001</v>
      </c>
      <c r="J10056" t="s">
        <v>65741</v>
      </c>
    </row>
    <row r="10057" spans="1:10" x14ac:dyDescent="0.25">
      <c r="A10057" t="s">
        <v>18294</v>
      </c>
      <c r="B10057" t="s">
        <v>18295</v>
      </c>
      <c r="C10057" t="s">
        <v>18296</v>
      </c>
      <c r="D10057" t="s">
        <v>18173</v>
      </c>
      <c r="E10057" t="s">
        <v>13</v>
      </c>
      <c r="F10057">
        <v>4025</v>
      </c>
      <c r="G10057" t="s">
        <v>18297</v>
      </c>
      <c r="H10057">
        <v>4.6748819090650002</v>
      </c>
      <c r="I10057">
        <v>52.503792952605998</v>
      </c>
      <c r="J10057" t="s">
        <v>65742</v>
      </c>
    </row>
    <row r="10058" spans="1:10" x14ac:dyDescent="0.25">
      <c r="A10058" t="s">
        <v>18290</v>
      </c>
      <c r="B10058" t="s">
        <v>18291</v>
      </c>
      <c r="C10058" t="s">
        <v>18292</v>
      </c>
      <c r="D10058" t="s">
        <v>18173</v>
      </c>
      <c r="E10058" t="s">
        <v>13</v>
      </c>
      <c r="F10058">
        <v>4024</v>
      </c>
      <c r="G10058" t="s">
        <v>18293</v>
      </c>
      <c r="H10058">
        <v>4.6727628824389997</v>
      </c>
      <c r="I10058">
        <v>52.505715326727</v>
      </c>
      <c r="J10058" t="s">
        <v>65743</v>
      </c>
    </row>
    <row r="10059" spans="1:10" x14ac:dyDescent="0.25">
      <c r="A10059" t="s">
        <v>18286</v>
      </c>
      <c r="B10059" t="s">
        <v>18287</v>
      </c>
      <c r="C10059" t="s">
        <v>18288</v>
      </c>
      <c r="D10059" t="s">
        <v>18173</v>
      </c>
      <c r="E10059" t="s">
        <v>13</v>
      </c>
      <c r="F10059">
        <v>4023</v>
      </c>
      <c r="G10059" t="s">
        <v>18289</v>
      </c>
      <c r="H10059">
        <v>4.6818880019710001</v>
      </c>
      <c r="I10059">
        <v>52.508297787154</v>
      </c>
      <c r="J10059" t="s">
        <v>65744</v>
      </c>
    </row>
    <row r="10060" spans="1:10" x14ac:dyDescent="0.25">
      <c r="A10060" t="s">
        <v>18282</v>
      </c>
      <c r="B10060" t="s">
        <v>18283</v>
      </c>
      <c r="C10060" t="s">
        <v>18284</v>
      </c>
      <c r="D10060" t="s">
        <v>18173</v>
      </c>
      <c r="E10060" t="s">
        <v>13</v>
      </c>
      <c r="F10060">
        <v>4022</v>
      </c>
      <c r="G10060" t="s">
        <v>18285</v>
      </c>
      <c r="H10060">
        <v>4.6679589697989998</v>
      </c>
      <c r="I10060">
        <v>52.507134403541002</v>
      </c>
      <c r="J10060" t="s">
        <v>65745</v>
      </c>
    </row>
    <row r="10061" spans="1:10" x14ac:dyDescent="0.25">
      <c r="A10061" t="s">
        <v>18278</v>
      </c>
      <c r="B10061" t="s">
        <v>18279</v>
      </c>
      <c r="C10061" t="s">
        <v>18280</v>
      </c>
      <c r="D10061" t="s">
        <v>18173</v>
      </c>
      <c r="E10061" t="s">
        <v>13</v>
      </c>
      <c r="F10061">
        <v>4021</v>
      </c>
      <c r="G10061" t="s">
        <v>18281</v>
      </c>
      <c r="H10061">
        <v>4.6646458287400003</v>
      </c>
      <c r="I10061">
        <v>52.513012399166001</v>
      </c>
      <c r="J10061" t="s">
        <v>65746</v>
      </c>
    </row>
    <row r="10062" spans="1:10" x14ac:dyDescent="0.25">
      <c r="A10062" t="s">
        <v>18274</v>
      </c>
      <c r="B10062" t="s">
        <v>18275</v>
      </c>
      <c r="C10062" t="s">
        <v>18276</v>
      </c>
      <c r="D10062" t="s">
        <v>18173</v>
      </c>
      <c r="E10062" t="s">
        <v>13</v>
      </c>
      <c r="F10062">
        <v>4020</v>
      </c>
      <c r="G10062" t="s">
        <v>18277</v>
      </c>
      <c r="H10062">
        <v>4.6641313815879997</v>
      </c>
      <c r="I10062">
        <v>52.509858597207</v>
      </c>
      <c r="J10062" t="s">
        <v>65747</v>
      </c>
    </row>
    <row r="10063" spans="1:10" x14ac:dyDescent="0.25">
      <c r="A10063" t="s">
        <v>18270</v>
      </c>
      <c r="B10063" t="s">
        <v>18271</v>
      </c>
      <c r="C10063" t="s">
        <v>18272</v>
      </c>
      <c r="D10063" t="s">
        <v>18173</v>
      </c>
      <c r="E10063" t="s">
        <v>13</v>
      </c>
      <c r="F10063">
        <v>4019</v>
      </c>
      <c r="G10063" t="s">
        <v>18273</v>
      </c>
      <c r="H10063">
        <v>4.6791282539130004</v>
      </c>
      <c r="I10063">
        <v>52.525925229183997</v>
      </c>
      <c r="J10063" t="s">
        <v>65748</v>
      </c>
    </row>
    <row r="10064" spans="1:10" x14ac:dyDescent="0.25">
      <c r="A10064" t="s">
        <v>18266</v>
      </c>
      <c r="B10064" t="s">
        <v>18267</v>
      </c>
      <c r="C10064" t="s">
        <v>18268</v>
      </c>
      <c r="D10064" t="s">
        <v>18173</v>
      </c>
      <c r="E10064" t="s">
        <v>13</v>
      </c>
      <c r="F10064">
        <v>4018</v>
      </c>
      <c r="G10064" t="s">
        <v>18269</v>
      </c>
      <c r="H10064">
        <v>4.7002377219509999</v>
      </c>
      <c r="I10064">
        <v>52.506089801024999</v>
      </c>
      <c r="J10064" t="s">
        <v>65749</v>
      </c>
    </row>
    <row r="10065" spans="1:10" x14ac:dyDescent="0.25">
      <c r="A10065" t="s">
        <v>18262</v>
      </c>
      <c r="B10065" t="s">
        <v>18263</v>
      </c>
      <c r="C10065" t="s">
        <v>18264</v>
      </c>
      <c r="D10065" t="s">
        <v>18173</v>
      </c>
      <c r="E10065" t="s">
        <v>13</v>
      </c>
      <c r="F10065">
        <v>4017</v>
      </c>
      <c r="G10065" t="s">
        <v>18265</v>
      </c>
      <c r="H10065">
        <v>4.6927765085589996</v>
      </c>
      <c r="I10065">
        <v>52.509199171966998</v>
      </c>
      <c r="J10065" t="s">
        <v>65750</v>
      </c>
    </row>
    <row r="10066" spans="1:10" x14ac:dyDescent="0.25">
      <c r="A10066" t="s">
        <v>18258</v>
      </c>
      <c r="B10066" t="s">
        <v>18259</v>
      </c>
      <c r="C10066" t="s">
        <v>18260</v>
      </c>
      <c r="D10066" t="s">
        <v>18173</v>
      </c>
      <c r="E10066" t="s">
        <v>13</v>
      </c>
      <c r="F10066">
        <v>4016</v>
      </c>
      <c r="G10066" t="s">
        <v>18261</v>
      </c>
      <c r="H10066">
        <v>4.6866022464499997</v>
      </c>
      <c r="I10066">
        <v>52.520604913512997</v>
      </c>
      <c r="J10066" t="s">
        <v>65751</v>
      </c>
    </row>
    <row r="10067" spans="1:10" x14ac:dyDescent="0.25">
      <c r="A10067" t="s">
        <v>18254</v>
      </c>
      <c r="B10067" t="s">
        <v>18255</v>
      </c>
      <c r="C10067" t="s">
        <v>18256</v>
      </c>
      <c r="D10067" t="s">
        <v>18173</v>
      </c>
      <c r="E10067" t="s">
        <v>13</v>
      </c>
      <c r="F10067">
        <v>4015</v>
      </c>
      <c r="G10067" t="s">
        <v>18257</v>
      </c>
      <c r="H10067">
        <v>4.6780219513779997</v>
      </c>
      <c r="I10067">
        <v>52.520844788974998</v>
      </c>
      <c r="J10067" t="s">
        <v>65752</v>
      </c>
    </row>
    <row r="10068" spans="1:10" x14ac:dyDescent="0.25">
      <c r="A10068" t="s">
        <v>18250</v>
      </c>
      <c r="B10068" t="s">
        <v>18251</v>
      </c>
      <c r="C10068" t="s">
        <v>18252</v>
      </c>
      <c r="D10068" t="s">
        <v>18173</v>
      </c>
      <c r="E10068" t="s">
        <v>13</v>
      </c>
      <c r="F10068">
        <v>4014</v>
      </c>
      <c r="G10068" t="s">
        <v>18253</v>
      </c>
      <c r="H10068">
        <v>4.687583077098</v>
      </c>
      <c r="I10068">
        <v>52.512885983625999</v>
      </c>
      <c r="J10068" t="s">
        <v>65753</v>
      </c>
    </row>
    <row r="10069" spans="1:10" x14ac:dyDescent="0.25">
      <c r="A10069" t="s">
        <v>18246</v>
      </c>
      <c r="B10069" t="s">
        <v>18247</v>
      </c>
      <c r="C10069" t="s">
        <v>18248</v>
      </c>
      <c r="D10069" t="s">
        <v>18173</v>
      </c>
      <c r="E10069" t="s">
        <v>13</v>
      </c>
      <c r="F10069">
        <v>4013</v>
      </c>
      <c r="G10069" t="s">
        <v>18249</v>
      </c>
      <c r="H10069">
        <v>4.6822769723819997</v>
      </c>
      <c r="I10069">
        <v>52.517587987730003</v>
      </c>
      <c r="J10069" t="s">
        <v>65754</v>
      </c>
    </row>
    <row r="10070" spans="1:10" x14ac:dyDescent="0.25">
      <c r="A10070" t="s">
        <v>18242</v>
      </c>
      <c r="B10070" t="s">
        <v>18243</v>
      </c>
      <c r="C10070" t="s">
        <v>18244</v>
      </c>
      <c r="D10070" t="s">
        <v>18173</v>
      </c>
      <c r="E10070" t="s">
        <v>13</v>
      </c>
      <c r="F10070">
        <v>4012</v>
      </c>
      <c r="G10070" t="s">
        <v>18245</v>
      </c>
      <c r="H10070">
        <v>4.6719131143860002</v>
      </c>
      <c r="I10070">
        <v>52.517698732451997</v>
      </c>
      <c r="J10070" t="s">
        <v>65755</v>
      </c>
    </row>
    <row r="10071" spans="1:10" x14ac:dyDescent="0.25">
      <c r="A10071" t="s">
        <v>18238</v>
      </c>
      <c r="B10071" t="s">
        <v>18239</v>
      </c>
      <c r="C10071" t="s">
        <v>18240</v>
      </c>
      <c r="D10071" t="s">
        <v>18173</v>
      </c>
      <c r="E10071" t="s">
        <v>13</v>
      </c>
      <c r="F10071">
        <v>4011</v>
      </c>
      <c r="G10071" t="s">
        <v>18241</v>
      </c>
      <c r="H10071">
        <v>4.6778733977589999</v>
      </c>
      <c r="I10071">
        <v>52.515576365476001</v>
      </c>
      <c r="J10071" t="s">
        <v>65756</v>
      </c>
    </row>
    <row r="10072" spans="1:10" x14ac:dyDescent="0.25">
      <c r="A10072" t="s">
        <v>18234</v>
      </c>
      <c r="B10072" t="s">
        <v>18235</v>
      </c>
      <c r="C10072" t="s">
        <v>18236</v>
      </c>
      <c r="D10072" t="s">
        <v>18173</v>
      </c>
      <c r="E10072" t="s">
        <v>13</v>
      </c>
      <c r="F10072">
        <v>4010</v>
      </c>
      <c r="G10072" t="s">
        <v>18237</v>
      </c>
      <c r="H10072">
        <v>4.6726492677489997</v>
      </c>
      <c r="I10072">
        <v>52.514823458847999</v>
      </c>
      <c r="J10072" t="s">
        <v>65757</v>
      </c>
    </row>
    <row r="10073" spans="1:10" x14ac:dyDescent="0.25">
      <c r="A10073" t="s">
        <v>18230</v>
      </c>
      <c r="B10073" t="s">
        <v>18231</v>
      </c>
      <c r="C10073" t="s">
        <v>18232</v>
      </c>
      <c r="D10073" t="s">
        <v>18173</v>
      </c>
      <c r="E10073" t="s">
        <v>13</v>
      </c>
      <c r="F10073">
        <v>4009</v>
      </c>
      <c r="G10073" t="s">
        <v>18233</v>
      </c>
      <c r="H10073">
        <v>4.6789027133090002</v>
      </c>
      <c r="I10073">
        <v>52.511289309593998</v>
      </c>
      <c r="J10073" t="s">
        <v>65758</v>
      </c>
    </row>
    <row r="10074" spans="1:10" x14ac:dyDescent="0.25">
      <c r="A10074" t="s">
        <v>18227</v>
      </c>
      <c r="B10074" t="s">
        <v>18228</v>
      </c>
      <c r="C10074" t="s">
        <v>17074</v>
      </c>
      <c r="D10074" t="s">
        <v>18173</v>
      </c>
      <c r="E10074" t="s">
        <v>13</v>
      </c>
      <c r="F10074">
        <v>4008</v>
      </c>
      <c r="G10074" t="s">
        <v>18229</v>
      </c>
      <c r="H10074">
        <v>4.6161481468419998</v>
      </c>
      <c r="I10074">
        <v>52.516019399794999</v>
      </c>
      <c r="J10074" t="s">
        <v>65759</v>
      </c>
    </row>
    <row r="10075" spans="1:10" x14ac:dyDescent="0.25">
      <c r="A10075" t="s">
        <v>18223</v>
      </c>
      <c r="B10075" t="s">
        <v>18224</v>
      </c>
      <c r="C10075" t="s">
        <v>18225</v>
      </c>
      <c r="D10075" t="s">
        <v>18173</v>
      </c>
      <c r="E10075" t="s">
        <v>13</v>
      </c>
      <c r="F10075">
        <v>4007</v>
      </c>
      <c r="G10075" t="s">
        <v>18226</v>
      </c>
      <c r="H10075">
        <v>4.6233600665920003</v>
      </c>
      <c r="I10075">
        <v>52.501173145658001</v>
      </c>
      <c r="J10075" t="s">
        <v>65760</v>
      </c>
    </row>
    <row r="10076" spans="1:10" x14ac:dyDescent="0.25">
      <c r="A10076" t="s">
        <v>18220</v>
      </c>
      <c r="B10076" t="s">
        <v>18221</v>
      </c>
      <c r="C10076" t="s">
        <v>16831</v>
      </c>
      <c r="D10076" t="s">
        <v>18173</v>
      </c>
      <c r="E10076" t="s">
        <v>13</v>
      </c>
      <c r="F10076">
        <v>4006</v>
      </c>
      <c r="G10076" t="s">
        <v>18222</v>
      </c>
      <c r="H10076">
        <v>4.6541233526000001</v>
      </c>
      <c r="I10076">
        <v>52.499273715779999</v>
      </c>
      <c r="J10076" t="s">
        <v>65761</v>
      </c>
    </row>
    <row r="10077" spans="1:10" x14ac:dyDescent="0.25">
      <c r="A10077" t="s">
        <v>18216</v>
      </c>
      <c r="B10077" t="s">
        <v>18217</v>
      </c>
      <c r="C10077" t="s">
        <v>18218</v>
      </c>
      <c r="D10077" t="s">
        <v>18173</v>
      </c>
      <c r="E10077" t="s">
        <v>13</v>
      </c>
      <c r="F10077">
        <v>4005</v>
      </c>
      <c r="G10077" t="s">
        <v>18219</v>
      </c>
      <c r="H10077">
        <v>4.6576504102219998</v>
      </c>
      <c r="I10077">
        <v>52.524720659606999</v>
      </c>
      <c r="J10077" t="s">
        <v>65762</v>
      </c>
    </row>
    <row r="10078" spans="1:10" x14ac:dyDescent="0.25">
      <c r="A10078" t="s">
        <v>18212</v>
      </c>
      <c r="B10078" t="s">
        <v>18213</v>
      </c>
      <c r="C10078" t="s">
        <v>18214</v>
      </c>
      <c r="D10078" t="s">
        <v>18173</v>
      </c>
      <c r="E10078" t="s">
        <v>13</v>
      </c>
      <c r="F10078">
        <v>4004</v>
      </c>
      <c r="G10078" t="s">
        <v>18215</v>
      </c>
      <c r="H10078">
        <v>4.6404333032120002</v>
      </c>
      <c r="I10078">
        <v>52.508529955451998</v>
      </c>
      <c r="J10078" t="s">
        <v>65763</v>
      </c>
    </row>
    <row r="10079" spans="1:10" x14ac:dyDescent="0.25">
      <c r="A10079" t="s">
        <v>18209</v>
      </c>
      <c r="B10079" t="s">
        <v>18210</v>
      </c>
      <c r="C10079" t="s">
        <v>8705</v>
      </c>
      <c r="D10079" t="s">
        <v>18173</v>
      </c>
      <c r="E10079" t="s">
        <v>13</v>
      </c>
      <c r="F10079">
        <v>4003</v>
      </c>
      <c r="G10079" t="s">
        <v>18211</v>
      </c>
      <c r="H10079">
        <v>4.6168789494639997</v>
      </c>
      <c r="I10079">
        <v>52.498325368960003</v>
      </c>
      <c r="J10079" t="s">
        <v>65764</v>
      </c>
    </row>
    <row r="10080" spans="1:10" x14ac:dyDescent="0.25">
      <c r="A10080" t="s">
        <v>18205</v>
      </c>
      <c r="B10080" t="s">
        <v>18206</v>
      </c>
      <c r="C10080" t="s">
        <v>18207</v>
      </c>
      <c r="D10080" t="s">
        <v>18173</v>
      </c>
      <c r="E10080" t="s">
        <v>13</v>
      </c>
      <c r="F10080">
        <v>4002</v>
      </c>
      <c r="G10080" t="s">
        <v>18208</v>
      </c>
      <c r="H10080">
        <v>4.6526917645179999</v>
      </c>
      <c r="I10080">
        <v>52.504930844958999</v>
      </c>
      <c r="J10080" t="s">
        <v>65765</v>
      </c>
    </row>
    <row r="10081" spans="1:10" x14ac:dyDescent="0.25">
      <c r="A10081" t="s">
        <v>18202</v>
      </c>
      <c r="B10081" t="s">
        <v>18203</v>
      </c>
      <c r="C10081" t="s">
        <v>9846</v>
      </c>
      <c r="D10081" t="s">
        <v>18173</v>
      </c>
      <c r="E10081" t="s">
        <v>13</v>
      </c>
      <c r="F10081">
        <v>4001</v>
      </c>
      <c r="G10081" t="s">
        <v>18204</v>
      </c>
      <c r="H10081">
        <v>4.6828578734499997</v>
      </c>
      <c r="I10081">
        <v>52.498005547566002</v>
      </c>
      <c r="J10081" t="s">
        <v>65766</v>
      </c>
    </row>
    <row r="10082" spans="1:10" x14ac:dyDescent="0.25">
      <c r="A10082" t="s">
        <v>18199</v>
      </c>
      <c r="B10082" t="s">
        <v>18200</v>
      </c>
      <c r="C10082" t="s">
        <v>16843</v>
      </c>
      <c r="D10082" t="s">
        <v>18173</v>
      </c>
      <c r="E10082" t="s">
        <v>13</v>
      </c>
      <c r="F10082">
        <v>4000</v>
      </c>
      <c r="G10082" t="s">
        <v>18201</v>
      </c>
      <c r="H10082">
        <v>4.6792892002729998</v>
      </c>
      <c r="I10082">
        <v>52.495438823416997</v>
      </c>
      <c r="J10082" t="s">
        <v>65767</v>
      </c>
    </row>
    <row r="10083" spans="1:10" x14ac:dyDescent="0.25">
      <c r="A10083" t="s">
        <v>18195</v>
      </c>
      <c r="B10083" t="s">
        <v>18196</v>
      </c>
      <c r="C10083" t="s">
        <v>18197</v>
      </c>
      <c r="D10083" t="s">
        <v>18173</v>
      </c>
      <c r="E10083" t="s">
        <v>13</v>
      </c>
      <c r="F10083">
        <v>3999</v>
      </c>
      <c r="G10083" t="s">
        <v>18198</v>
      </c>
      <c r="H10083">
        <v>4.6811003294680003</v>
      </c>
      <c r="I10083">
        <v>52.502314854702</v>
      </c>
      <c r="J10083" t="s">
        <v>65768</v>
      </c>
    </row>
    <row r="10084" spans="1:10" x14ac:dyDescent="0.25">
      <c r="A10084" t="s">
        <v>18191</v>
      </c>
      <c r="B10084" t="s">
        <v>18192</v>
      </c>
      <c r="C10084" t="s">
        <v>18193</v>
      </c>
      <c r="D10084" t="s">
        <v>18173</v>
      </c>
      <c r="E10084" t="s">
        <v>13</v>
      </c>
      <c r="F10084">
        <v>3998</v>
      </c>
      <c r="G10084" t="s">
        <v>18194</v>
      </c>
      <c r="H10084">
        <v>4.6893714358110001</v>
      </c>
      <c r="I10084">
        <v>52.503624590591002</v>
      </c>
      <c r="J10084" t="s">
        <v>65769</v>
      </c>
    </row>
    <row r="10085" spans="1:10" x14ac:dyDescent="0.25">
      <c r="A10085" t="s">
        <v>18187</v>
      </c>
      <c r="B10085" t="s">
        <v>18188</v>
      </c>
      <c r="C10085" t="s">
        <v>18189</v>
      </c>
      <c r="D10085" t="s">
        <v>18173</v>
      </c>
      <c r="E10085" t="s">
        <v>13</v>
      </c>
      <c r="F10085">
        <v>3997</v>
      </c>
      <c r="G10085" t="s">
        <v>18190</v>
      </c>
      <c r="H10085">
        <v>4.6654231793680001</v>
      </c>
      <c r="I10085">
        <v>52.519363728023002</v>
      </c>
      <c r="J10085" t="s">
        <v>65770</v>
      </c>
    </row>
    <row r="10086" spans="1:10" x14ac:dyDescent="0.25">
      <c r="A10086" t="s">
        <v>18183</v>
      </c>
      <c r="B10086" t="s">
        <v>18184</v>
      </c>
      <c r="C10086" t="s">
        <v>18185</v>
      </c>
      <c r="D10086" t="s">
        <v>18173</v>
      </c>
      <c r="E10086" t="s">
        <v>13</v>
      </c>
      <c r="F10086">
        <v>3996</v>
      </c>
      <c r="G10086" t="s">
        <v>18186</v>
      </c>
      <c r="H10086">
        <v>4.653629218771</v>
      </c>
      <c r="I10086">
        <v>52.516918153966003</v>
      </c>
      <c r="J10086" t="s">
        <v>65771</v>
      </c>
    </row>
    <row r="10087" spans="1:10" x14ac:dyDescent="0.25">
      <c r="A10087" t="s">
        <v>18179</v>
      </c>
      <c r="B10087" t="s">
        <v>18180</v>
      </c>
      <c r="C10087" t="s">
        <v>18181</v>
      </c>
      <c r="D10087" t="s">
        <v>18173</v>
      </c>
      <c r="E10087" t="s">
        <v>13</v>
      </c>
      <c r="F10087">
        <v>3995</v>
      </c>
      <c r="G10087" t="s">
        <v>18182</v>
      </c>
      <c r="H10087">
        <v>4.657239867276</v>
      </c>
      <c r="I10087">
        <v>52.511237192743003</v>
      </c>
      <c r="J10087" t="s">
        <v>65772</v>
      </c>
    </row>
    <row r="10088" spans="1:10" x14ac:dyDescent="0.25">
      <c r="A10088" t="s">
        <v>18175</v>
      </c>
      <c r="B10088" t="s">
        <v>18176</v>
      </c>
      <c r="C10088" t="s">
        <v>18177</v>
      </c>
      <c r="D10088" t="s">
        <v>18173</v>
      </c>
      <c r="E10088" t="s">
        <v>13</v>
      </c>
      <c r="F10088">
        <v>3994</v>
      </c>
      <c r="G10088" t="s">
        <v>18178</v>
      </c>
      <c r="H10088">
        <v>4.6725820784360002</v>
      </c>
      <c r="I10088">
        <v>52.508068280659998</v>
      </c>
      <c r="J10088" t="s">
        <v>65773</v>
      </c>
    </row>
    <row r="10089" spans="1:10" x14ac:dyDescent="0.25">
      <c r="A10089" t="s">
        <v>18171</v>
      </c>
      <c r="B10089" t="s">
        <v>18172</v>
      </c>
      <c r="C10089" t="s">
        <v>129</v>
      </c>
      <c r="D10089" t="s">
        <v>18173</v>
      </c>
      <c r="E10089" t="s">
        <v>13</v>
      </c>
      <c r="F10089">
        <v>3993</v>
      </c>
      <c r="G10089" t="s">
        <v>18174</v>
      </c>
      <c r="H10089">
        <v>4.6721532644470001</v>
      </c>
      <c r="I10089">
        <v>52.511095523114001</v>
      </c>
      <c r="J10089" t="s">
        <v>65774</v>
      </c>
    </row>
    <row r="10090" spans="1:10" x14ac:dyDescent="0.25">
      <c r="A10090" t="s">
        <v>18167</v>
      </c>
      <c r="B10090" t="s">
        <v>18168</v>
      </c>
      <c r="C10090" t="s">
        <v>18169</v>
      </c>
      <c r="D10090" t="s">
        <v>17789</v>
      </c>
      <c r="E10090" t="s">
        <v>13</v>
      </c>
      <c r="F10090">
        <v>3992</v>
      </c>
      <c r="G10090" t="s">
        <v>18170</v>
      </c>
      <c r="H10090">
        <v>4.7274872624029998</v>
      </c>
      <c r="I10090">
        <v>52.395043082849</v>
      </c>
      <c r="J10090" t="s">
        <v>65775</v>
      </c>
    </row>
    <row r="10091" spans="1:10" x14ac:dyDescent="0.25">
      <c r="A10091" t="s">
        <v>18163</v>
      </c>
      <c r="B10091" t="s">
        <v>18164</v>
      </c>
      <c r="C10091" t="s">
        <v>18165</v>
      </c>
      <c r="D10091" t="s">
        <v>17789</v>
      </c>
      <c r="E10091" t="s">
        <v>13</v>
      </c>
      <c r="F10091">
        <v>3991</v>
      </c>
      <c r="G10091" t="s">
        <v>18166</v>
      </c>
      <c r="H10091">
        <v>4.7527593263229999</v>
      </c>
      <c r="I10091">
        <v>52.384324750101001</v>
      </c>
      <c r="J10091" t="s">
        <v>65776</v>
      </c>
    </row>
    <row r="10092" spans="1:10" x14ac:dyDescent="0.25">
      <c r="A10092" t="s">
        <v>18159</v>
      </c>
      <c r="B10092" t="s">
        <v>18160</v>
      </c>
      <c r="C10092" t="s">
        <v>18161</v>
      </c>
      <c r="D10092" t="s">
        <v>17789</v>
      </c>
      <c r="E10092" t="s">
        <v>13</v>
      </c>
      <c r="F10092">
        <v>3990</v>
      </c>
      <c r="G10092" t="s">
        <v>18162</v>
      </c>
      <c r="H10092">
        <v>4.6943441541349999</v>
      </c>
      <c r="I10092">
        <v>52.388111560825998</v>
      </c>
      <c r="J10092" t="s">
        <v>65777</v>
      </c>
    </row>
    <row r="10093" spans="1:10" x14ac:dyDescent="0.25">
      <c r="A10093" t="s">
        <v>18155</v>
      </c>
      <c r="B10093" t="s">
        <v>18156</v>
      </c>
      <c r="C10093" t="s">
        <v>18157</v>
      </c>
      <c r="D10093" t="s">
        <v>17789</v>
      </c>
      <c r="E10093" t="s">
        <v>13</v>
      </c>
      <c r="F10093">
        <v>3989</v>
      </c>
      <c r="G10093" t="s">
        <v>18158</v>
      </c>
      <c r="H10093">
        <v>4.6771373134690002</v>
      </c>
      <c r="I10093">
        <v>52.391542651746001</v>
      </c>
      <c r="J10093" t="s">
        <v>65778</v>
      </c>
    </row>
    <row r="10094" spans="1:10" x14ac:dyDescent="0.25">
      <c r="A10094" t="s">
        <v>18151</v>
      </c>
      <c r="B10094" t="s">
        <v>18152</v>
      </c>
      <c r="C10094" t="s">
        <v>18153</v>
      </c>
      <c r="D10094" t="s">
        <v>17789</v>
      </c>
      <c r="E10094" t="s">
        <v>13</v>
      </c>
      <c r="F10094">
        <v>3988</v>
      </c>
      <c r="G10094" t="s">
        <v>18154</v>
      </c>
      <c r="H10094">
        <v>4.6870859163669998</v>
      </c>
      <c r="I10094">
        <v>52.387456593846998</v>
      </c>
      <c r="J10094" t="s">
        <v>65779</v>
      </c>
    </row>
    <row r="10095" spans="1:10" x14ac:dyDescent="0.25">
      <c r="A10095" t="s">
        <v>18147</v>
      </c>
      <c r="B10095" t="s">
        <v>18148</v>
      </c>
      <c r="C10095" t="s">
        <v>18149</v>
      </c>
      <c r="D10095" t="s">
        <v>17789</v>
      </c>
      <c r="E10095" t="s">
        <v>13</v>
      </c>
      <c r="F10095">
        <v>3987</v>
      </c>
      <c r="G10095" t="s">
        <v>18150</v>
      </c>
      <c r="H10095">
        <v>4.6941003401929997</v>
      </c>
      <c r="I10095">
        <v>52.401241845272999</v>
      </c>
      <c r="J10095" t="s">
        <v>65780</v>
      </c>
    </row>
    <row r="10096" spans="1:10" x14ac:dyDescent="0.25">
      <c r="A10096" t="s">
        <v>18143</v>
      </c>
      <c r="B10096" t="s">
        <v>18144</v>
      </c>
      <c r="C10096" t="s">
        <v>18145</v>
      </c>
      <c r="D10096" t="s">
        <v>17789</v>
      </c>
      <c r="E10096" t="s">
        <v>13</v>
      </c>
      <c r="F10096">
        <v>3986</v>
      </c>
      <c r="G10096" t="s">
        <v>18146</v>
      </c>
      <c r="H10096">
        <v>4.7058345933260002</v>
      </c>
      <c r="I10096">
        <v>52.41256754642</v>
      </c>
      <c r="J10096" t="s">
        <v>65781</v>
      </c>
    </row>
    <row r="10097" spans="1:10" x14ac:dyDescent="0.25">
      <c r="A10097" t="s">
        <v>18139</v>
      </c>
      <c r="B10097" t="s">
        <v>18140</v>
      </c>
      <c r="C10097" t="s">
        <v>18141</v>
      </c>
      <c r="D10097" t="s">
        <v>17789</v>
      </c>
      <c r="E10097" t="s">
        <v>13</v>
      </c>
      <c r="F10097">
        <v>3985</v>
      </c>
      <c r="G10097" t="s">
        <v>18142</v>
      </c>
      <c r="H10097">
        <v>4.6865615529770004</v>
      </c>
      <c r="I10097">
        <v>52.412947741152003</v>
      </c>
      <c r="J10097" t="s">
        <v>65782</v>
      </c>
    </row>
    <row r="10098" spans="1:10" x14ac:dyDescent="0.25">
      <c r="A10098" t="s">
        <v>18135</v>
      </c>
      <c r="B10098" t="s">
        <v>18136</v>
      </c>
      <c r="C10098" t="s">
        <v>18137</v>
      </c>
      <c r="D10098" t="s">
        <v>17789</v>
      </c>
      <c r="E10098" t="s">
        <v>13</v>
      </c>
      <c r="F10098">
        <v>3984</v>
      </c>
      <c r="G10098" t="s">
        <v>18138</v>
      </c>
      <c r="H10098">
        <v>4.7606610587339997</v>
      </c>
      <c r="I10098">
        <v>52.311254065535998</v>
      </c>
      <c r="J10098" t="s">
        <v>65783</v>
      </c>
    </row>
    <row r="10099" spans="1:10" x14ac:dyDescent="0.25">
      <c r="A10099" t="s">
        <v>18131</v>
      </c>
      <c r="B10099" t="s">
        <v>18132</v>
      </c>
      <c r="C10099" t="s">
        <v>18133</v>
      </c>
      <c r="D10099" t="s">
        <v>17789</v>
      </c>
      <c r="E10099" t="s">
        <v>13</v>
      </c>
      <c r="F10099">
        <v>3983</v>
      </c>
      <c r="G10099" t="s">
        <v>18134</v>
      </c>
      <c r="H10099">
        <v>4.6877529850619997</v>
      </c>
      <c r="I10099">
        <v>52.375773846336003</v>
      </c>
      <c r="J10099" t="s">
        <v>65784</v>
      </c>
    </row>
    <row r="10100" spans="1:10" x14ac:dyDescent="0.25">
      <c r="A10100" t="s">
        <v>18127</v>
      </c>
      <c r="B10100" t="s">
        <v>18128</v>
      </c>
      <c r="C10100" t="s">
        <v>18129</v>
      </c>
      <c r="D10100" t="s">
        <v>17789</v>
      </c>
      <c r="E10100" t="s">
        <v>13</v>
      </c>
      <c r="F10100">
        <v>3982</v>
      </c>
      <c r="G10100" t="s">
        <v>18130</v>
      </c>
      <c r="H10100">
        <v>4.6918604130370003</v>
      </c>
      <c r="I10100">
        <v>52.356792173995998</v>
      </c>
      <c r="J10100" t="s">
        <v>65785</v>
      </c>
    </row>
    <row r="10101" spans="1:10" x14ac:dyDescent="0.25">
      <c r="A10101" t="s">
        <v>18123</v>
      </c>
      <c r="B10101" t="s">
        <v>18124</v>
      </c>
      <c r="C10101" t="s">
        <v>18125</v>
      </c>
      <c r="D10101" t="s">
        <v>17789</v>
      </c>
      <c r="E10101" t="s">
        <v>13</v>
      </c>
      <c r="F10101">
        <v>3981</v>
      </c>
      <c r="G10101" t="s">
        <v>18126</v>
      </c>
      <c r="H10101">
        <v>4.6750378978439997</v>
      </c>
      <c r="I10101">
        <v>52.346107412575002</v>
      </c>
      <c r="J10101" t="s">
        <v>65786</v>
      </c>
    </row>
    <row r="10102" spans="1:10" x14ac:dyDescent="0.25">
      <c r="A10102" t="s">
        <v>18119</v>
      </c>
      <c r="B10102" t="s">
        <v>18120</v>
      </c>
      <c r="C10102" t="s">
        <v>18121</v>
      </c>
      <c r="D10102" t="s">
        <v>17789</v>
      </c>
      <c r="E10102" t="s">
        <v>13</v>
      </c>
      <c r="F10102">
        <v>3980</v>
      </c>
      <c r="G10102" t="s">
        <v>18122</v>
      </c>
      <c r="H10102">
        <v>4.6784653811580004</v>
      </c>
      <c r="I10102">
        <v>52.350831792805003</v>
      </c>
      <c r="J10102" t="s">
        <v>65787</v>
      </c>
    </row>
    <row r="10103" spans="1:10" x14ac:dyDescent="0.25">
      <c r="A10103" t="s">
        <v>18115</v>
      </c>
      <c r="B10103" t="s">
        <v>18116</v>
      </c>
      <c r="C10103" t="s">
        <v>18117</v>
      </c>
      <c r="D10103" t="s">
        <v>17789</v>
      </c>
      <c r="E10103" t="s">
        <v>13</v>
      </c>
      <c r="F10103">
        <v>3979</v>
      </c>
      <c r="G10103" t="s">
        <v>18118</v>
      </c>
      <c r="H10103">
        <v>4.6467807786259998</v>
      </c>
      <c r="I10103">
        <v>52.334988113983002</v>
      </c>
      <c r="J10103" t="s">
        <v>65788</v>
      </c>
    </row>
    <row r="10104" spans="1:10" x14ac:dyDescent="0.25">
      <c r="A10104" t="s">
        <v>18111</v>
      </c>
      <c r="B10104" t="s">
        <v>18112</v>
      </c>
      <c r="C10104" t="s">
        <v>18113</v>
      </c>
      <c r="D10104" t="s">
        <v>17789</v>
      </c>
      <c r="E10104" t="s">
        <v>13</v>
      </c>
      <c r="F10104">
        <v>3978</v>
      </c>
      <c r="G10104" t="s">
        <v>18114</v>
      </c>
      <c r="H10104">
        <v>4.6584191316070003</v>
      </c>
      <c r="I10104">
        <v>52.334765638752998</v>
      </c>
      <c r="J10104" t="s">
        <v>65789</v>
      </c>
    </row>
    <row r="10105" spans="1:10" x14ac:dyDescent="0.25">
      <c r="A10105" t="s">
        <v>18107</v>
      </c>
      <c r="B10105" t="s">
        <v>18108</v>
      </c>
      <c r="C10105" t="s">
        <v>18109</v>
      </c>
      <c r="D10105" t="s">
        <v>17789</v>
      </c>
      <c r="E10105" t="s">
        <v>13</v>
      </c>
      <c r="F10105">
        <v>3977</v>
      </c>
      <c r="G10105" t="s">
        <v>18110</v>
      </c>
      <c r="H10105">
        <v>4.6362511757449996</v>
      </c>
      <c r="I10105">
        <v>52.333006565368002</v>
      </c>
      <c r="J10105" t="s">
        <v>65790</v>
      </c>
    </row>
    <row r="10106" spans="1:10" x14ac:dyDescent="0.25">
      <c r="A10106" t="s">
        <v>18103</v>
      </c>
      <c r="B10106" t="s">
        <v>18104</v>
      </c>
      <c r="C10106" t="s">
        <v>18105</v>
      </c>
      <c r="D10106" t="s">
        <v>17789</v>
      </c>
      <c r="E10106" t="s">
        <v>13</v>
      </c>
      <c r="F10106">
        <v>3976</v>
      </c>
      <c r="G10106" t="s">
        <v>18106</v>
      </c>
      <c r="H10106">
        <v>4.6233817371269996</v>
      </c>
      <c r="I10106">
        <v>52.315481044560997</v>
      </c>
      <c r="J10106" t="s">
        <v>65791</v>
      </c>
    </row>
    <row r="10107" spans="1:10" x14ac:dyDescent="0.25">
      <c r="A10107" t="s">
        <v>18099</v>
      </c>
      <c r="B10107" t="s">
        <v>18100</v>
      </c>
      <c r="C10107" t="s">
        <v>18101</v>
      </c>
      <c r="D10107" t="s">
        <v>17789</v>
      </c>
      <c r="E10107" t="s">
        <v>13</v>
      </c>
      <c r="F10107">
        <v>3975</v>
      </c>
      <c r="G10107" t="s">
        <v>18102</v>
      </c>
      <c r="H10107">
        <v>4.6160552858230002</v>
      </c>
      <c r="I10107">
        <v>52.314097879590001</v>
      </c>
      <c r="J10107" t="s">
        <v>65792</v>
      </c>
    </row>
    <row r="10108" spans="1:10" x14ac:dyDescent="0.25">
      <c r="A10108" t="s">
        <v>18095</v>
      </c>
      <c r="B10108" t="s">
        <v>18096</v>
      </c>
      <c r="C10108" t="s">
        <v>18097</v>
      </c>
      <c r="D10108" t="s">
        <v>17789</v>
      </c>
      <c r="E10108" t="s">
        <v>13</v>
      </c>
      <c r="F10108">
        <v>3974</v>
      </c>
      <c r="G10108" t="s">
        <v>18098</v>
      </c>
      <c r="H10108">
        <v>4.5953210400389999</v>
      </c>
      <c r="I10108">
        <v>52.285737674301998</v>
      </c>
      <c r="J10108" t="s">
        <v>65793</v>
      </c>
    </row>
    <row r="10109" spans="1:10" x14ac:dyDescent="0.25">
      <c r="A10109" t="s">
        <v>18091</v>
      </c>
      <c r="B10109" t="s">
        <v>18092</v>
      </c>
      <c r="C10109" t="s">
        <v>18093</v>
      </c>
      <c r="D10109" t="s">
        <v>17789</v>
      </c>
      <c r="E10109" t="s">
        <v>13</v>
      </c>
      <c r="F10109">
        <v>3973</v>
      </c>
      <c r="G10109" t="s">
        <v>18094</v>
      </c>
      <c r="H10109">
        <v>4.600412397355</v>
      </c>
      <c r="I10109">
        <v>52.288138912100997</v>
      </c>
      <c r="J10109" t="s">
        <v>65794</v>
      </c>
    </row>
    <row r="10110" spans="1:10" x14ac:dyDescent="0.25">
      <c r="A10110" t="s">
        <v>18087</v>
      </c>
      <c r="B10110" t="s">
        <v>18088</v>
      </c>
      <c r="C10110" t="s">
        <v>18089</v>
      </c>
      <c r="D10110" t="s">
        <v>17789</v>
      </c>
      <c r="E10110" t="s">
        <v>13</v>
      </c>
      <c r="F10110">
        <v>3972</v>
      </c>
      <c r="G10110" t="s">
        <v>18090</v>
      </c>
      <c r="H10110">
        <v>4.5789390916960002</v>
      </c>
      <c r="I10110">
        <v>52.254146645233</v>
      </c>
      <c r="J10110" t="s">
        <v>65795</v>
      </c>
    </row>
    <row r="10111" spans="1:10" x14ac:dyDescent="0.25">
      <c r="A10111" t="s">
        <v>18083</v>
      </c>
      <c r="B10111" t="s">
        <v>18084</v>
      </c>
      <c r="C10111" t="s">
        <v>18085</v>
      </c>
      <c r="D10111" t="s">
        <v>17789</v>
      </c>
      <c r="E10111" t="s">
        <v>13</v>
      </c>
      <c r="F10111">
        <v>3971</v>
      </c>
      <c r="G10111" t="s">
        <v>18086</v>
      </c>
      <c r="H10111">
        <v>4.574626945426</v>
      </c>
      <c r="I10111">
        <v>52.252336000359001</v>
      </c>
      <c r="J10111" t="s">
        <v>65796</v>
      </c>
    </row>
    <row r="10112" spans="1:10" x14ac:dyDescent="0.25">
      <c r="A10112" t="s">
        <v>18079</v>
      </c>
      <c r="B10112" t="s">
        <v>18080</v>
      </c>
      <c r="C10112" t="s">
        <v>18081</v>
      </c>
      <c r="D10112" t="s">
        <v>17789</v>
      </c>
      <c r="E10112" t="s">
        <v>13</v>
      </c>
      <c r="F10112">
        <v>3970</v>
      </c>
      <c r="G10112" t="s">
        <v>18082</v>
      </c>
      <c r="H10112">
        <v>4.5981632054799997</v>
      </c>
      <c r="I10112">
        <v>52.216909712688</v>
      </c>
      <c r="J10112" t="s">
        <v>65797</v>
      </c>
    </row>
    <row r="10113" spans="1:10" x14ac:dyDescent="0.25">
      <c r="A10113" t="s">
        <v>18075</v>
      </c>
      <c r="B10113" t="s">
        <v>18076</v>
      </c>
      <c r="C10113" t="s">
        <v>18077</v>
      </c>
      <c r="D10113" t="s">
        <v>17789</v>
      </c>
      <c r="E10113" t="s">
        <v>13</v>
      </c>
      <c r="F10113">
        <v>3969</v>
      </c>
      <c r="G10113" t="s">
        <v>18078</v>
      </c>
      <c r="H10113">
        <v>4.5595732494889996</v>
      </c>
      <c r="I10113">
        <v>52.223706093187999</v>
      </c>
      <c r="J10113" t="s">
        <v>65798</v>
      </c>
    </row>
    <row r="10114" spans="1:10" x14ac:dyDescent="0.25">
      <c r="A10114" t="s">
        <v>18071</v>
      </c>
      <c r="B10114" t="s">
        <v>18072</v>
      </c>
      <c r="C10114" t="s">
        <v>18073</v>
      </c>
      <c r="D10114" t="s">
        <v>17789</v>
      </c>
      <c r="E10114" t="s">
        <v>13</v>
      </c>
      <c r="F10114">
        <v>3968</v>
      </c>
      <c r="G10114" t="s">
        <v>18074</v>
      </c>
      <c r="H10114">
        <v>4.5971849507559996</v>
      </c>
      <c r="I10114">
        <v>52.229464292533002</v>
      </c>
      <c r="J10114" t="s">
        <v>65799</v>
      </c>
    </row>
    <row r="10115" spans="1:10" x14ac:dyDescent="0.25">
      <c r="A10115" t="s">
        <v>18067</v>
      </c>
      <c r="B10115" t="s">
        <v>18068</v>
      </c>
      <c r="C10115" t="s">
        <v>18069</v>
      </c>
      <c r="D10115" t="s">
        <v>17789</v>
      </c>
      <c r="E10115" t="s">
        <v>13</v>
      </c>
      <c r="F10115">
        <v>3967</v>
      </c>
      <c r="G10115" t="s">
        <v>18070</v>
      </c>
      <c r="H10115">
        <v>4.5894990720289996</v>
      </c>
      <c r="I10115">
        <v>52.235102494391001</v>
      </c>
      <c r="J10115" t="s">
        <v>65800</v>
      </c>
    </row>
    <row r="10116" spans="1:10" x14ac:dyDescent="0.25">
      <c r="A10116" t="s">
        <v>18063</v>
      </c>
      <c r="B10116" t="s">
        <v>18064</v>
      </c>
      <c r="C10116" t="s">
        <v>18065</v>
      </c>
      <c r="D10116" t="s">
        <v>17789</v>
      </c>
      <c r="E10116" t="s">
        <v>13</v>
      </c>
      <c r="F10116">
        <v>3966</v>
      </c>
      <c r="G10116" t="s">
        <v>18066</v>
      </c>
      <c r="H10116">
        <v>4.6435921123219996</v>
      </c>
      <c r="I10116">
        <v>52.225446821429998</v>
      </c>
      <c r="J10116" t="s">
        <v>65801</v>
      </c>
    </row>
    <row r="10117" spans="1:10" x14ac:dyDescent="0.25">
      <c r="A10117" t="s">
        <v>18059</v>
      </c>
      <c r="B10117" t="s">
        <v>18060</v>
      </c>
      <c r="C10117" t="s">
        <v>18061</v>
      </c>
      <c r="D10117" t="s">
        <v>17789</v>
      </c>
      <c r="E10117" t="s">
        <v>13</v>
      </c>
      <c r="F10117">
        <v>3965</v>
      </c>
      <c r="G10117" t="s">
        <v>18062</v>
      </c>
      <c r="H10117">
        <v>4.6640351572269996</v>
      </c>
      <c r="I10117">
        <v>52.235254483319999</v>
      </c>
      <c r="J10117" t="s">
        <v>65802</v>
      </c>
    </row>
    <row r="10118" spans="1:10" x14ac:dyDescent="0.25">
      <c r="A10118" t="s">
        <v>18055</v>
      </c>
      <c r="B10118" t="s">
        <v>18056</v>
      </c>
      <c r="C10118" t="s">
        <v>18057</v>
      </c>
      <c r="D10118" t="s">
        <v>17789</v>
      </c>
      <c r="E10118" t="s">
        <v>13</v>
      </c>
      <c r="F10118">
        <v>3964</v>
      </c>
      <c r="G10118" t="s">
        <v>18058</v>
      </c>
      <c r="H10118">
        <v>4.6770750003519996</v>
      </c>
      <c r="I10118">
        <v>52.241567130550003</v>
      </c>
      <c r="J10118" t="s">
        <v>65803</v>
      </c>
    </row>
    <row r="10119" spans="1:10" x14ac:dyDescent="0.25">
      <c r="A10119" t="s">
        <v>18051</v>
      </c>
      <c r="B10119" t="s">
        <v>18052</v>
      </c>
      <c r="C10119" t="s">
        <v>18053</v>
      </c>
      <c r="D10119" t="s">
        <v>17789</v>
      </c>
      <c r="E10119" t="s">
        <v>13</v>
      </c>
      <c r="F10119">
        <v>3963</v>
      </c>
      <c r="G10119" t="s">
        <v>18054</v>
      </c>
      <c r="H10119">
        <v>4.7008683319209998</v>
      </c>
      <c r="I10119">
        <v>52.259446854392003</v>
      </c>
      <c r="J10119" t="s">
        <v>65804</v>
      </c>
    </row>
    <row r="10120" spans="1:10" x14ac:dyDescent="0.25">
      <c r="A10120" t="s">
        <v>18047</v>
      </c>
      <c r="B10120" t="s">
        <v>18048</v>
      </c>
      <c r="C10120" t="s">
        <v>18049</v>
      </c>
      <c r="D10120" t="s">
        <v>17789</v>
      </c>
      <c r="E10120" t="s">
        <v>13</v>
      </c>
      <c r="F10120">
        <v>3962</v>
      </c>
      <c r="G10120" t="s">
        <v>18050</v>
      </c>
      <c r="H10120">
        <v>4.7125591887659999</v>
      </c>
      <c r="I10120">
        <v>52.254558389850999</v>
      </c>
      <c r="J10120" t="s">
        <v>65805</v>
      </c>
    </row>
    <row r="10121" spans="1:10" x14ac:dyDescent="0.25">
      <c r="A10121" t="s">
        <v>18043</v>
      </c>
      <c r="B10121" t="s">
        <v>18044</v>
      </c>
      <c r="C10121" t="s">
        <v>18045</v>
      </c>
      <c r="D10121" t="s">
        <v>17789</v>
      </c>
      <c r="E10121" t="s">
        <v>13</v>
      </c>
      <c r="F10121">
        <v>3961</v>
      </c>
      <c r="G10121" t="s">
        <v>18046</v>
      </c>
      <c r="H10121">
        <v>4.706654925054</v>
      </c>
      <c r="I10121">
        <v>52.259510354638998</v>
      </c>
      <c r="J10121" t="s">
        <v>65806</v>
      </c>
    </row>
    <row r="10122" spans="1:10" x14ac:dyDescent="0.25">
      <c r="A10122" t="s">
        <v>18039</v>
      </c>
      <c r="B10122" t="s">
        <v>18040</v>
      </c>
      <c r="C10122" t="s">
        <v>18041</v>
      </c>
      <c r="D10122" t="s">
        <v>17789</v>
      </c>
      <c r="E10122" t="s">
        <v>13</v>
      </c>
      <c r="F10122">
        <v>3960</v>
      </c>
      <c r="G10122" t="s">
        <v>18042</v>
      </c>
      <c r="H10122">
        <v>4.7148982664150001</v>
      </c>
      <c r="I10122">
        <v>52.260815060489001</v>
      </c>
      <c r="J10122" t="s">
        <v>65807</v>
      </c>
    </row>
    <row r="10123" spans="1:10" x14ac:dyDescent="0.25">
      <c r="A10123" t="s">
        <v>18035</v>
      </c>
      <c r="B10123" t="s">
        <v>18036</v>
      </c>
      <c r="C10123" t="s">
        <v>18037</v>
      </c>
      <c r="D10123" t="s">
        <v>17789</v>
      </c>
      <c r="E10123" t="s">
        <v>13</v>
      </c>
      <c r="F10123">
        <v>3959</v>
      </c>
      <c r="G10123" t="s">
        <v>18038</v>
      </c>
      <c r="H10123">
        <v>4.7310887947599998</v>
      </c>
      <c r="I10123">
        <v>52.278158149691002</v>
      </c>
      <c r="J10123" t="s">
        <v>65808</v>
      </c>
    </row>
    <row r="10124" spans="1:10" x14ac:dyDescent="0.25">
      <c r="A10124" t="s">
        <v>18031</v>
      </c>
      <c r="B10124" t="s">
        <v>18032</v>
      </c>
      <c r="C10124" t="s">
        <v>18033</v>
      </c>
      <c r="D10124" t="s">
        <v>17789</v>
      </c>
      <c r="E10124" t="s">
        <v>13</v>
      </c>
      <c r="F10124">
        <v>3958</v>
      </c>
      <c r="G10124" t="s">
        <v>18034</v>
      </c>
      <c r="H10124">
        <v>4.7379852839290004</v>
      </c>
      <c r="I10124">
        <v>52.283749743705002</v>
      </c>
      <c r="J10124" t="s">
        <v>65809</v>
      </c>
    </row>
    <row r="10125" spans="1:10" x14ac:dyDescent="0.25">
      <c r="A10125" t="s">
        <v>18027</v>
      </c>
      <c r="B10125" t="s">
        <v>18028</v>
      </c>
      <c r="C10125" t="s">
        <v>18029</v>
      </c>
      <c r="D10125" t="s">
        <v>17789</v>
      </c>
      <c r="E10125" t="s">
        <v>13</v>
      </c>
      <c r="F10125">
        <v>3957</v>
      </c>
      <c r="G10125" t="s">
        <v>18030</v>
      </c>
      <c r="H10125">
        <v>4.748900446875</v>
      </c>
      <c r="I10125">
        <v>52.273290830359002</v>
      </c>
      <c r="J10125" t="s">
        <v>65810</v>
      </c>
    </row>
    <row r="10126" spans="1:10" x14ac:dyDescent="0.25">
      <c r="A10126" t="s">
        <v>18023</v>
      </c>
      <c r="B10126" t="s">
        <v>18024</v>
      </c>
      <c r="C10126" t="s">
        <v>18025</v>
      </c>
      <c r="D10126" t="s">
        <v>17789</v>
      </c>
      <c r="E10126" t="s">
        <v>13</v>
      </c>
      <c r="F10126">
        <v>3956</v>
      </c>
      <c r="G10126" t="s">
        <v>18026</v>
      </c>
      <c r="H10126">
        <v>4.7834409927869999</v>
      </c>
      <c r="I10126">
        <v>52.289738258570999</v>
      </c>
      <c r="J10126" t="s">
        <v>65811</v>
      </c>
    </row>
    <row r="10127" spans="1:10" x14ac:dyDescent="0.25">
      <c r="A10127" t="s">
        <v>18019</v>
      </c>
      <c r="B10127" t="s">
        <v>18020</v>
      </c>
      <c r="C10127" t="s">
        <v>18021</v>
      </c>
      <c r="D10127" t="s">
        <v>17789</v>
      </c>
      <c r="E10127" t="s">
        <v>13</v>
      </c>
      <c r="F10127">
        <v>3955</v>
      </c>
      <c r="G10127" t="s">
        <v>18022</v>
      </c>
      <c r="H10127">
        <v>4.7605582274709999</v>
      </c>
      <c r="I10127">
        <v>52.282000662416003</v>
      </c>
      <c r="J10127" t="s">
        <v>65812</v>
      </c>
    </row>
    <row r="10128" spans="1:10" x14ac:dyDescent="0.25">
      <c r="A10128" t="s">
        <v>18015</v>
      </c>
      <c r="B10128" t="s">
        <v>18016</v>
      </c>
      <c r="C10128" t="s">
        <v>18017</v>
      </c>
      <c r="D10128" t="s">
        <v>17789</v>
      </c>
      <c r="E10128" t="s">
        <v>13</v>
      </c>
      <c r="F10128">
        <v>3954</v>
      </c>
      <c r="G10128" t="s">
        <v>18018</v>
      </c>
      <c r="H10128">
        <v>4.8092267386090004</v>
      </c>
      <c r="I10128">
        <v>52.324473835089996</v>
      </c>
      <c r="J10128" t="s">
        <v>65813</v>
      </c>
    </row>
    <row r="10129" spans="1:10" x14ac:dyDescent="0.25">
      <c r="A10129" t="s">
        <v>18011</v>
      </c>
      <c r="B10129" t="s">
        <v>18012</v>
      </c>
      <c r="C10129" t="s">
        <v>18013</v>
      </c>
      <c r="D10129" t="s">
        <v>17789</v>
      </c>
      <c r="E10129" t="s">
        <v>13</v>
      </c>
      <c r="F10129">
        <v>3953</v>
      </c>
      <c r="G10129" t="s">
        <v>18014</v>
      </c>
      <c r="H10129">
        <v>4.7863362334510002</v>
      </c>
      <c r="I10129">
        <v>52.342545386011999</v>
      </c>
      <c r="J10129" t="s">
        <v>65814</v>
      </c>
    </row>
    <row r="10130" spans="1:10" x14ac:dyDescent="0.25">
      <c r="A10130" t="s">
        <v>18007</v>
      </c>
      <c r="B10130" t="s">
        <v>18008</v>
      </c>
      <c r="C10130" t="s">
        <v>18009</v>
      </c>
      <c r="D10130" t="s">
        <v>17789</v>
      </c>
      <c r="E10130" t="s">
        <v>13</v>
      </c>
      <c r="F10130">
        <v>3952</v>
      </c>
      <c r="G10130" t="s">
        <v>18010</v>
      </c>
      <c r="H10130">
        <v>4.7900604017540003</v>
      </c>
      <c r="I10130">
        <v>52.328336774672003</v>
      </c>
      <c r="J10130" t="s">
        <v>65815</v>
      </c>
    </row>
    <row r="10131" spans="1:10" x14ac:dyDescent="0.25">
      <c r="A10131" t="s">
        <v>18003</v>
      </c>
      <c r="B10131" t="s">
        <v>18004</v>
      </c>
      <c r="C10131" t="s">
        <v>18005</v>
      </c>
      <c r="D10131" t="s">
        <v>17789</v>
      </c>
      <c r="E10131" t="s">
        <v>13</v>
      </c>
      <c r="F10131">
        <v>3951</v>
      </c>
      <c r="G10131" t="s">
        <v>18006</v>
      </c>
      <c r="H10131">
        <v>4.7843890112520002</v>
      </c>
      <c r="I10131">
        <v>52.334167513989001</v>
      </c>
      <c r="J10131" t="s">
        <v>65816</v>
      </c>
    </row>
    <row r="10132" spans="1:10" x14ac:dyDescent="0.25">
      <c r="A10132" t="s">
        <v>17999</v>
      </c>
      <c r="B10132" t="s">
        <v>18000</v>
      </c>
      <c r="C10132" t="s">
        <v>18001</v>
      </c>
      <c r="D10132" t="s">
        <v>17789</v>
      </c>
      <c r="E10132" t="s">
        <v>13</v>
      </c>
      <c r="F10132">
        <v>3950</v>
      </c>
      <c r="G10132" t="s">
        <v>18002</v>
      </c>
      <c r="H10132">
        <v>4.7938382763740002</v>
      </c>
      <c r="I10132">
        <v>52.332507724148002</v>
      </c>
      <c r="J10132" t="s">
        <v>65817</v>
      </c>
    </row>
    <row r="10133" spans="1:10" x14ac:dyDescent="0.25">
      <c r="A10133" t="s">
        <v>17995</v>
      </c>
      <c r="B10133" t="s">
        <v>17996</v>
      </c>
      <c r="C10133" t="s">
        <v>17997</v>
      </c>
      <c r="D10133" t="s">
        <v>17789</v>
      </c>
      <c r="E10133" t="s">
        <v>13</v>
      </c>
      <c r="F10133">
        <v>3949</v>
      </c>
      <c r="G10133" t="s">
        <v>17998</v>
      </c>
      <c r="H10133">
        <v>4.7927671027540004</v>
      </c>
      <c r="I10133">
        <v>52.33658282223</v>
      </c>
      <c r="J10133" t="s">
        <v>65818</v>
      </c>
    </row>
    <row r="10134" spans="1:10" x14ac:dyDescent="0.25">
      <c r="A10134" t="s">
        <v>17991</v>
      </c>
      <c r="B10134" t="s">
        <v>17992</v>
      </c>
      <c r="C10134" t="s">
        <v>17993</v>
      </c>
      <c r="D10134" t="s">
        <v>17789</v>
      </c>
      <c r="E10134" t="s">
        <v>13</v>
      </c>
      <c r="F10134">
        <v>3948</v>
      </c>
      <c r="G10134" t="s">
        <v>17994</v>
      </c>
      <c r="H10134">
        <v>4.7848830640809998</v>
      </c>
      <c r="I10134">
        <v>52.339143117356997</v>
      </c>
      <c r="J10134" t="s">
        <v>65819</v>
      </c>
    </row>
    <row r="10135" spans="1:10" x14ac:dyDescent="0.25">
      <c r="A10135" t="s">
        <v>17987</v>
      </c>
      <c r="B10135" t="s">
        <v>17988</v>
      </c>
      <c r="C10135" t="s">
        <v>17989</v>
      </c>
      <c r="D10135" t="s">
        <v>17789</v>
      </c>
      <c r="E10135" t="s">
        <v>13</v>
      </c>
      <c r="F10135">
        <v>3947</v>
      </c>
      <c r="G10135" t="s">
        <v>17990</v>
      </c>
      <c r="H10135">
        <v>4.778369205553</v>
      </c>
      <c r="I10135">
        <v>52.334712672574</v>
      </c>
      <c r="J10135" t="s">
        <v>65820</v>
      </c>
    </row>
    <row r="10136" spans="1:10" x14ac:dyDescent="0.25">
      <c r="A10136" t="s">
        <v>17983</v>
      </c>
      <c r="B10136" t="s">
        <v>17984</v>
      </c>
      <c r="C10136" t="s">
        <v>17985</v>
      </c>
      <c r="D10136" t="s">
        <v>17789</v>
      </c>
      <c r="E10136" t="s">
        <v>13</v>
      </c>
      <c r="F10136">
        <v>3946</v>
      </c>
      <c r="G10136" t="s">
        <v>17986</v>
      </c>
      <c r="H10136">
        <v>4.7695885443929997</v>
      </c>
      <c r="I10136">
        <v>52.341080460644001</v>
      </c>
      <c r="J10136" t="s">
        <v>65821</v>
      </c>
    </row>
    <row r="10137" spans="1:10" x14ac:dyDescent="0.25">
      <c r="A10137" t="s">
        <v>17979</v>
      </c>
      <c r="B10137" t="s">
        <v>17980</v>
      </c>
      <c r="C10137" t="s">
        <v>17981</v>
      </c>
      <c r="D10137" t="s">
        <v>17789</v>
      </c>
      <c r="E10137" t="s">
        <v>13</v>
      </c>
      <c r="F10137">
        <v>3945</v>
      </c>
      <c r="G10137" t="s">
        <v>17982</v>
      </c>
      <c r="H10137">
        <v>4.7774763709660002</v>
      </c>
      <c r="I10137">
        <v>52.340317186448999</v>
      </c>
      <c r="J10137" t="s">
        <v>65822</v>
      </c>
    </row>
    <row r="10138" spans="1:10" x14ac:dyDescent="0.25">
      <c r="A10138" t="s">
        <v>17975</v>
      </c>
      <c r="B10138" t="s">
        <v>17976</v>
      </c>
      <c r="C10138" t="s">
        <v>17977</v>
      </c>
      <c r="D10138" t="s">
        <v>17789</v>
      </c>
      <c r="E10138" t="s">
        <v>13</v>
      </c>
      <c r="F10138">
        <v>3944</v>
      </c>
      <c r="G10138" t="s">
        <v>17978</v>
      </c>
      <c r="H10138">
        <v>4.7782703218189999</v>
      </c>
      <c r="I10138">
        <v>52.344195156863002</v>
      </c>
      <c r="J10138" t="s">
        <v>65823</v>
      </c>
    </row>
    <row r="10139" spans="1:10" x14ac:dyDescent="0.25">
      <c r="A10139" t="s">
        <v>17971</v>
      </c>
      <c r="B10139" t="s">
        <v>17972</v>
      </c>
      <c r="C10139" t="s">
        <v>17973</v>
      </c>
      <c r="D10139" t="s">
        <v>17789</v>
      </c>
      <c r="E10139" t="s">
        <v>13</v>
      </c>
      <c r="F10139">
        <v>3943</v>
      </c>
      <c r="G10139" t="s">
        <v>17974</v>
      </c>
      <c r="H10139">
        <v>4.7626919261319998</v>
      </c>
      <c r="I10139">
        <v>52.328640265865999</v>
      </c>
      <c r="J10139" t="s">
        <v>65824</v>
      </c>
    </row>
    <row r="10140" spans="1:10" x14ac:dyDescent="0.25">
      <c r="A10140" t="s">
        <v>17967</v>
      </c>
      <c r="B10140" t="s">
        <v>17968</v>
      </c>
      <c r="C10140" t="s">
        <v>17969</v>
      </c>
      <c r="D10140" t="s">
        <v>17789</v>
      </c>
      <c r="E10140" t="s">
        <v>13</v>
      </c>
      <c r="F10140">
        <v>3942</v>
      </c>
      <c r="G10140" t="s">
        <v>17970</v>
      </c>
      <c r="H10140">
        <v>4.7239550923670004</v>
      </c>
      <c r="I10140">
        <v>52.352853665067002</v>
      </c>
      <c r="J10140" t="s">
        <v>65825</v>
      </c>
    </row>
    <row r="10141" spans="1:10" x14ac:dyDescent="0.25">
      <c r="A10141" t="s">
        <v>17963</v>
      </c>
      <c r="B10141" t="s">
        <v>17964</v>
      </c>
      <c r="C10141" t="s">
        <v>17965</v>
      </c>
      <c r="D10141" t="s">
        <v>17789</v>
      </c>
      <c r="E10141" t="s">
        <v>13</v>
      </c>
      <c r="F10141">
        <v>3941</v>
      </c>
      <c r="G10141" t="s">
        <v>17966</v>
      </c>
      <c r="H10141">
        <v>4.7565005350699998</v>
      </c>
      <c r="I10141">
        <v>52.353792482586996</v>
      </c>
      <c r="J10141" t="s">
        <v>65826</v>
      </c>
    </row>
    <row r="10142" spans="1:10" x14ac:dyDescent="0.25">
      <c r="A10142" t="s">
        <v>17959</v>
      </c>
      <c r="B10142" t="s">
        <v>17960</v>
      </c>
      <c r="C10142" t="s">
        <v>17961</v>
      </c>
      <c r="D10142" t="s">
        <v>17789</v>
      </c>
      <c r="E10142" t="s">
        <v>13</v>
      </c>
      <c r="F10142">
        <v>3940</v>
      </c>
      <c r="G10142" t="s">
        <v>17962</v>
      </c>
      <c r="H10142">
        <v>4.7422445131710003</v>
      </c>
      <c r="I10142">
        <v>52.343329711197001</v>
      </c>
      <c r="J10142" t="s">
        <v>65827</v>
      </c>
    </row>
    <row r="10143" spans="1:10" x14ac:dyDescent="0.25">
      <c r="A10143" t="s">
        <v>17955</v>
      </c>
      <c r="B10143" t="s">
        <v>17956</v>
      </c>
      <c r="C10143" t="s">
        <v>17957</v>
      </c>
      <c r="D10143" t="s">
        <v>17789</v>
      </c>
      <c r="E10143" t="s">
        <v>13</v>
      </c>
      <c r="F10143">
        <v>3939</v>
      </c>
      <c r="G10143" t="s">
        <v>17958</v>
      </c>
      <c r="H10143">
        <v>4.7300670512809999</v>
      </c>
      <c r="I10143">
        <v>52.371746675761003</v>
      </c>
      <c r="J10143" t="s">
        <v>65828</v>
      </c>
    </row>
    <row r="10144" spans="1:10" x14ac:dyDescent="0.25">
      <c r="A10144" t="s">
        <v>17951</v>
      </c>
      <c r="B10144" t="s">
        <v>17952</v>
      </c>
      <c r="C10144" t="s">
        <v>17953</v>
      </c>
      <c r="D10144" t="s">
        <v>17789</v>
      </c>
      <c r="E10144" t="s">
        <v>13</v>
      </c>
      <c r="F10144">
        <v>3938</v>
      </c>
      <c r="G10144" t="s">
        <v>17954</v>
      </c>
      <c r="H10144">
        <v>4.7421823593569998</v>
      </c>
      <c r="I10144">
        <v>52.38122060021</v>
      </c>
      <c r="J10144" t="s">
        <v>65829</v>
      </c>
    </row>
    <row r="10145" spans="1:10" x14ac:dyDescent="0.25">
      <c r="A10145" t="s">
        <v>17947</v>
      </c>
      <c r="B10145" t="s">
        <v>17948</v>
      </c>
      <c r="C10145" t="s">
        <v>17949</v>
      </c>
      <c r="D10145" t="s">
        <v>17789</v>
      </c>
      <c r="E10145" t="s">
        <v>13</v>
      </c>
      <c r="F10145">
        <v>3937</v>
      </c>
      <c r="G10145" t="s">
        <v>17950</v>
      </c>
      <c r="H10145">
        <v>4.74612084367</v>
      </c>
      <c r="I10145">
        <v>52.380625089344001</v>
      </c>
      <c r="J10145" t="s">
        <v>65830</v>
      </c>
    </row>
    <row r="10146" spans="1:10" x14ac:dyDescent="0.25">
      <c r="A10146" t="s">
        <v>17943</v>
      </c>
      <c r="B10146" t="s">
        <v>17944</v>
      </c>
      <c r="C10146" t="s">
        <v>17945</v>
      </c>
      <c r="D10146" t="s">
        <v>17789</v>
      </c>
      <c r="E10146" t="s">
        <v>13</v>
      </c>
      <c r="F10146">
        <v>3936</v>
      </c>
      <c r="G10146" t="s">
        <v>17946</v>
      </c>
      <c r="H10146">
        <v>4.7509510630509997</v>
      </c>
      <c r="I10146">
        <v>52.377913415275003</v>
      </c>
      <c r="J10146" t="s">
        <v>65831</v>
      </c>
    </row>
    <row r="10147" spans="1:10" x14ac:dyDescent="0.25">
      <c r="A10147" t="s">
        <v>17939</v>
      </c>
      <c r="B10147" t="s">
        <v>17940</v>
      </c>
      <c r="C10147" t="s">
        <v>17941</v>
      </c>
      <c r="D10147" t="s">
        <v>17789</v>
      </c>
      <c r="E10147" t="s">
        <v>13</v>
      </c>
      <c r="F10147">
        <v>3935</v>
      </c>
      <c r="G10147" t="s">
        <v>17942</v>
      </c>
      <c r="H10147">
        <v>4.7530340235360002</v>
      </c>
      <c r="I10147">
        <v>52.373001943090003</v>
      </c>
      <c r="J10147" t="s">
        <v>65832</v>
      </c>
    </row>
    <row r="10148" spans="1:10" x14ac:dyDescent="0.25">
      <c r="A10148" t="s">
        <v>17935</v>
      </c>
      <c r="B10148" t="s">
        <v>17936</v>
      </c>
      <c r="C10148" t="s">
        <v>17937</v>
      </c>
      <c r="D10148" t="s">
        <v>17789</v>
      </c>
      <c r="E10148" t="s">
        <v>13</v>
      </c>
      <c r="F10148">
        <v>3934</v>
      </c>
      <c r="G10148" t="s">
        <v>17938</v>
      </c>
      <c r="H10148">
        <v>4.7471365135169998</v>
      </c>
      <c r="I10148">
        <v>52.375270365641001</v>
      </c>
      <c r="J10148" t="s">
        <v>65833</v>
      </c>
    </row>
    <row r="10149" spans="1:10" x14ac:dyDescent="0.25">
      <c r="A10149" t="s">
        <v>17931</v>
      </c>
      <c r="B10149" t="s">
        <v>17932</v>
      </c>
      <c r="C10149" t="s">
        <v>17933</v>
      </c>
      <c r="D10149" t="s">
        <v>17789</v>
      </c>
      <c r="E10149" t="s">
        <v>13</v>
      </c>
      <c r="F10149">
        <v>3933</v>
      </c>
      <c r="G10149" t="s">
        <v>17934</v>
      </c>
      <c r="H10149">
        <v>4.7420280794489997</v>
      </c>
      <c r="I10149">
        <v>52.378316542790998</v>
      </c>
      <c r="J10149" t="s">
        <v>65834</v>
      </c>
    </row>
    <row r="10150" spans="1:10" x14ac:dyDescent="0.25">
      <c r="A10150" t="s">
        <v>17927</v>
      </c>
      <c r="B10150" t="s">
        <v>17928</v>
      </c>
      <c r="C10150" t="s">
        <v>17929</v>
      </c>
      <c r="D10150" t="s">
        <v>17789</v>
      </c>
      <c r="E10150" t="s">
        <v>13</v>
      </c>
      <c r="F10150">
        <v>3932</v>
      </c>
      <c r="G10150" t="s">
        <v>17930</v>
      </c>
      <c r="H10150">
        <v>4.7308330038130002</v>
      </c>
      <c r="I10150">
        <v>52.381555139465</v>
      </c>
      <c r="J10150" t="s">
        <v>65835</v>
      </c>
    </row>
    <row r="10151" spans="1:10" x14ac:dyDescent="0.25">
      <c r="A10151" t="s">
        <v>17923</v>
      </c>
      <c r="B10151" t="s">
        <v>17924</v>
      </c>
      <c r="C10151" t="s">
        <v>17925</v>
      </c>
      <c r="D10151" t="s">
        <v>17789</v>
      </c>
      <c r="E10151" t="s">
        <v>13</v>
      </c>
      <c r="F10151">
        <v>3931</v>
      </c>
      <c r="G10151" t="s">
        <v>17926</v>
      </c>
      <c r="H10151">
        <v>4.6490941185330001</v>
      </c>
      <c r="I10151">
        <v>52.254146832064002</v>
      </c>
      <c r="J10151" t="s">
        <v>65836</v>
      </c>
    </row>
    <row r="10152" spans="1:10" x14ac:dyDescent="0.25">
      <c r="A10152" t="s">
        <v>17919</v>
      </c>
      <c r="B10152" t="s">
        <v>17920</v>
      </c>
      <c r="C10152" t="s">
        <v>17921</v>
      </c>
      <c r="D10152" t="s">
        <v>17789</v>
      </c>
      <c r="E10152" t="s">
        <v>13</v>
      </c>
      <c r="F10152">
        <v>3930</v>
      </c>
      <c r="G10152" t="s">
        <v>17922</v>
      </c>
      <c r="H10152">
        <v>4.6375228705450002</v>
      </c>
      <c r="I10152">
        <v>52.263026514041997</v>
      </c>
      <c r="J10152" t="s">
        <v>65837</v>
      </c>
    </row>
    <row r="10153" spans="1:10" x14ac:dyDescent="0.25">
      <c r="A10153" t="s">
        <v>17915</v>
      </c>
      <c r="B10153" t="s">
        <v>17916</v>
      </c>
      <c r="C10153" t="s">
        <v>17917</v>
      </c>
      <c r="D10153" t="s">
        <v>17789</v>
      </c>
      <c r="E10153" t="s">
        <v>13</v>
      </c>
      <c r="F10153">
        <v>3929</v>
      </c>
      <c r="G10153" t="s">
        <v>17918</v>
      </c>
      <c r="H10153">
        <v>4.6282374769160004</v>
      </c>
      <c r="I10153">
        <v>52.254488449626997</v>
      </c>
      <c r="J10153" t="s">
        <v>65838</v>
      </c>
    </row>
    <row r="10154" spans="1:10" x14ac:dyDescent="0.25">
      <c r="A10154" t="s">
        <v>17911</v>
      </c>
      <c r="B10154" t="s">
        <v>17912</v>
      </c>
      <c r="C10154" t="s">
        <v>17913</v>
      </c>
      <c r="D10154" t="s">
        <v>17789</v>
      </c>
      <c r="E10154" t="s">
        <v>13</v>
      </c>
      <c r="F10154">
        <v>3928</v>
      </c>
      <c r="G10154" t="s">
        <v>17914</v>
      </c>
      <c r="H10154">
        <v>4.6113122464050003</v>
      </c>
      <c r="I10154">
        <v>52.269676693595002</v>
      </c>
      <c r="J10154" t="s">
        <v>65839</v>
      </c>
    </row>
    <row r="10155" spans="1:10" x14ac:dyDescent="0.25">
      <c r="A10155" t="s">
        <v>17907</v>
      </c>
      <c r="B10155" t="s">
        <v>17908</v>
      </c>
      <c r="C10155" t="s">
        <v>17909</v>
      </c>
      <c r="D10155" t="s">
        <v>17789</v>
      </c>
      <c r="E10155" t="s">
        <v>13</v>
      </c>
      <c r="F10155">
        <v>3927</v>
      </c>
      <c r="G10155" t="s">
        <v>17910</v>
      </c>
      <c r="H10155">
        <v>4.6229578795790003</v>
      </c>
      <c r="I10155">
        <v>52.277837340814003</v>
      </c>
      <c r="J10155" t="s">
        <v>65840</v>
      </c>
    </row>
    <row r="10156" spans="1:10" x14ac:dyDescent="0.25">
      <c r="A10156" t="s">
        <v>17903</v>
      </c>
      <c r="B10156" t="s">
        <v>17904</v>
      </c>
      <c r="C10156" t="s">
        <v>17905</v>
      </c>
      <c r="D10156" t="s">
        <v>17789</v>
      </c>
      <c r="E10156" t="s">
        <v>13</v>
      </c>
      <c r="F10156">
        <v>3926</v>
      </c>
      <c r="G10156" t="s">
        <v>17906</v>
      </c>
      <c r="H10156">
        <v>4.6196611132780001</v>
      </c>
      <c r="I10156">
        <v>52.261568533244997</v>
      </c>
      <c r="J10156" t="s">
        <v>65841</v>
      </c>
    </row>
    <row r="10157" spans="1:10" x14ac:dyDescent="0.25">
      <c r="A10157" t="s">
        <v>17899</v>
      </c>
      <c r="B10157" t="s">
        <v>17900</v>
      </c>
      <c r="C10157" t="s">
        <v>17901</v>
      </c>
      <c r="D10157" t="s">
        <v>17789</v>
      </c>
      <c r="E10157" t="s">
        <v>13</v>
      </c>
      <c r="F10157">
        <v>3925</v>
      </c>
      <c r="G10157" t="s">
        <v>17902</v>
      </c>
      <c r="H10157">
        <v>4.6362959727590001</v>
      </c>
      <c r="I10157">
        <v>52.259278819952002</v>
      </c>
      <c r="J10157" t="s">
        <v>65842</v>
      </c>
    </row>
    <row r="10158" spans="1:10" x14ac:dyDescent="0.25">
      <c r="A10158" t="s">
        <v>17895</v>
      </c>
      <c r="B10158" t="s">
        <v>17896</v>
      </c>
      <c r="C10158" t="s">
        <v>17897</v>
      </c>
      <c r="D10158" t="s">
        <v>17789</v>
      </c>
      <c r="E10158" t="s">
        <v>13</v>
      </c>
      <c r="F10158">
        <v>3924</v>
      </c>
      <c r="G10158" t="s">
        <v>17898</v>
      </c>
      <c r="H10158">
        <v>4.6255050078639997</v>
      </c>
      <c r="I10158">
        <v>52.265711057589002</v>
      </c>
      <c r="J10158" t="s">
        <v>65843</v>
      </c>
    </row>
    <row r="10159" spans="1:10" x14ac:dyDescent="0.25">
      <c r="A10159" t="s">
        <v>17891</v>
      </c>
      <c r="B10159" t="s">
        <v>17892</v>
      </c>
      <c r="C10159" t="s">
        <v>17893</v>
      </c>
      <c r="D10159" t="s">
        <v>17789</v>
      </c>
      <c r="E10159" t="s">
        <v>13</v>
      </c>
      <c r="F10159">
        <v>3923</v>
      </c>
      <c r="G10159" t="s">
        <v>17894</v>
      </c>
      <c r="H10159">
        <v>4.6365320885549997</v>
      </c>
      <c r="I10159">
        <v>52.273469927807</v>
      </c>
      <c r="J10159" t="s">
        <v>65844</v>
      </c>
    </row>
    <row r="10160" spans="1:10" x14ac:dyDescent="0.25">
      <c r="A10160" t="s">
        <v>17887</v>
      </c>
      <c r="B10160" t="s">
        <v>17888</v>
      </c>
      <c r="C10160" t="s">
        <v>17889</v>
      </c>
      <c r="D10160" t="s">
        <v>17789</v>
      </c>
      <c r="E10160" t="s">
        <v>13</v>
      </c>
      <c r="F10160">
        <v>3922</v>
      </c>
      <c r="G10160" t="s">
        <v>17890</v>
      </c>
      <c r="H10160">
        <v>4.6308902695030003</v>
      </c>
      <c r="I10160">
        <v>52.269373382109002</v>
      </c>
      <c r="J10160" t="s">
        <v>65845</v>
      </c>
    </row>
    <row r="10161" spans="1:10" x14ac:dyDescent="0.25">
      <c r="A10161" t="s">
        <v>17883</v>
      </c>
      <c r="B10161" t="s">
        <v>17884</v>
      </c>
      <c r="C10161" t="s">
        <v>17885</v>
      </c>
      <c r="D10161" t="s">
        <v>17789</v>
      </c>
      <c r="E10161" t="s">
        <v>13</v>
      </c>
      <c r="F10161">
        <v>3921</v>
      </c>
      <c r="G10161" t="s">
        <v>17886</v>
      </c>
      <c r="H10161">
        <v>4.6456139662479998</v>
      </c>
      <c r="I10161">
        <v>52.265664973127997</v>
      </c>
      <c r="J10161" t="s">
        <v>65846</v>
      </c>
    </row>
    <row r="10162" spans="1:10" x14ac:dyDescent="0.25">
      <c r="A10162" t="s">
        <v>17879</v>
      </c>
      <c r="B10162" t="s">
        <v>17880</v>
      </c>
      <c r="C10162" t="s">
        <v>17881</v>
      </c>
      <c r="D10162" t="s">
        <v>17789</v>
      </c>
      <c r="E10162" t="s">
        <v>13</v>
      </c>
      <c r="F10162">
        <v>3920</v>
      </c>
      <c r="G10162" t="s">
        <v>17882</v>
      </c>
      <c r="H10162">
        <v>4.6264236098979996</v>
      </c>
      <c r="I10162">
        <v>52.299988222400998</v>
      </c>
      <c r="J10162" t="s">
        <v>65847</v>
      </c>
    </row>
    <row r="10163" spans="1:10" x14ac:dyDescent="0.25">
      <c r="A10163" t="s">
        <v>17875</v>
      </c>
      <c r="B10163" t="s">
        <v>17876</v>
      </c>
      <c r="C10163" t="s">
        <v>17877</v>
      </c>
      <c r="D10163" t="s">
        <v>17789</v>
      </c>
      <c r="E10163" t="s">
        <v>13</v>
      </c>
      <c r="F10163">
        <v>3919</v>
      </c>
      <c r="G10163" t="s">
        <v>17878</v>
      </c>
      <c r="H10163">
        <v>4.6736014667300001</v>
      </c>
      <c r="I10163">
        <v>52.286345394081003</v>
      </c>
      <c r="J10163" t="s">
        <v>65848</v>
      </c>
    </row>
    <row r="10164" spans="1:10" x14ac:dyDescent="0.25">
      <c r="A10164" t="s">
        <v>17871</v>
      </c>
      <c r="B10164" t="s">
        <v>17872</v>
      </c>
      <c r="C10164" t="s">
        <v>17873</v>
      </c>
      <c r="D10164" t="s">
        <v>17789</v>
      </c>
      <c r="E10164" t="s">
        <v>13</v>
      </c>
      <c r="F10164">
        <v>3918</v>
      </c>
      <c r="G10164" t="s">
        <v>17874</v>
      </c>
      <c r="H10164">
        <v>4.7112361651320001</v>
      </c>
      <c r="I10164">
        <v>52.289000299305002</v>
      </c>
      <c r="J10164" t="s">
        <v>65849</v>
      </c>
    </row>
    <row r="10165" spans="1:10" x14ac:dyDescent="0.25">
      <c r="A10165" t="s">
        <v>17867</v>
      </c>
      <c r="B10165" t="s">
        <v>17868</v>
      </c>
      <c r="C10165" t="s">
        <v>17869</v>
      </c>
      <c r="D10165" t="s">
        <v>17789</v>
      </c>
      <c r="E10165" t="s">
        <v>13</v>
      </c>
      <c r="F10165">
        <v>3917</v>
      </c>
      <c r="G10165" t="s">
        <v>17870</v>
      </c>
      <c r="H10165">
        <v>4.6836763780600004</v>
      </c>
      <c r="I10165">
        <v>52.292233003842</v>
      </c>
      <c r="J10165" t="s">
        <v>65850</v>
      </c>
    </row>
    <row r="10166" spans="1:10" x14ac:dyDescent="0.25">
      <c r="A10166" t="s">
        <v>17863</v>
      </c>
      <c r="B10166" t="s">
        <v>17864</v>
      </c>
      <c r="C10166" t="s">
        <v>17865</v>
      </c>
      <c r="D10166" t="s">
        <v>17789</v>
      </c>
      <c r="E10166" t="s">
        <v>13</v>
      </c>
      <c r="F10166">
        <v>3916</v>
      </c>
      <c r="G10166" t="s">
        <v>17866</v>
      </c>
      <c r="H10166">
        <v>4.7243354818179997</v>
      </c>
      <c r="I10166">
        <v>52.293859784501002</v>
      </c>
      <c r="J10166" t="s">
        <v>65851</v>
      </c>
    </row>
    <row r="10167" spans="1:10" x14ac:dyDescent="0.25">
      <c r="A10167" t="s">
        <v>17859</v>
      </c>
      <c r="B10167" t="s">
        <v>17860</v>
      </c>
      <c r="C10167" t="s">
        <v>17861</v>
      </c>
      <c r="D10167" t="s">
        <v>17789</v>
      </c>
      <c r="E10167" t="s">
        <v>13</v>
      </c>
      <c r="F10167">
        <v>3915</v>
      </c>
      <c r="G10167" t="s">
        <v>17862</v>
      </c>
      <c r="H10167">
        <v>4.7011016604420002</v>
      </c>
      <c r="I10167">
        <v>52.320892367709</v>
      </c>
      <c r="J10167" t="s">
        <v>65852</v>
      </c>
    </row>
    <row r="10168" spans="1:10" x14ac:dyDescent="0.25">
      <c r="A10168" t="s">
        <v>17855</v>
      </c>
      <c r="B10168" t="s">
        <v>17856</v>
      </c>
      <c r="C10168" t="s">
        <v>17857</v>
      </c>
      <c r="D10168" t="s">
        <v>17789</v>
      </c>
      <c r="E10168" t="s">
        <v>13</v>
      </c>
      <c r="F10168">
        <v>3914</v>
      </c>
      <c r="G10168" t="s">
        <v>17858</v>
      </c>
      <c r="H10168">
        <v>4.6938805622029998</v>
      </c>
      <c r="I10168">
        <v>52.278714250199002</v>
      </c>
      <c r="J10168" t="s">
        <v>65853</v>
      </c>
    </row>
    <row r="10169" spans="1:10" x14ac:dyDescent="0.25">
      <c r="A10169" t="s">
        <v>17851</v>
      </c>
      <c r="B10169" t="s">
        <v>17852</v>
      </c>
      <c r="C10169" t="s">
        <v>17853</v>
      </c>
      <c r="D10169" t="s">
        <v>17789</v>
      </c>
      <c r="E10169" t="s">
        <v>13</v>
      </c>
      <c r="F10169">
        <v>3913</v>
      </c>
      <c r="G10169" t="s">
        <v>17854</v>
      </c>
      <c r="H10169">
        <v>4.6551043186890002</v>
      </c>
      <c r="I10169">
        <v>52.293001583405001</v>
      </c>
      <c r="J10169" t="s">
        <v>65854</v>
      </c>
    </row>
    <row r="10170" spans="1:10" x14ac:dyDescent="0.25">
      <c r="A10170" t="s">
        <v>17847</v>
      </c>
      <c r="B10170" t="s">
        <v>17848</v>
      </c>
      <c r="C10170" t="s">
        <v>17849</v>
      </c>
      <c r="D10170" t="s">
        <v>17789</v>
      </c>
      <c r="E10170" t="s">
        <v>13</v>
      </c>
      <c r="F10170">
        <v>3912</v>
      </c>
      <c r="G10170" t="s">
        <v>17850</v>
      </c>
      <c r="H10170">
        <v>4.6412881563379997</v>
      </c>
      <c r="I10170">
        <v>52.304096029351001</v>
      </c>
      <c r="J10170" t="s">
        <v>65855</v>
      </c>
    </row>
    <row r="10171" spans="1:10" x14ac:dyDescent="0.25">
      <c r="A10171" t="s">
        <v>17843</v>
      </c>
      <c r="B10171" t="s">
        <v>17844</v>
      </c>
      <c r="C10171" t="s">
        <v>17845</v>
      </c>
      <c r="D10171" t="s">
        <v>17789</v>
      </c>
      <c r="E10171" t="s">
        <v>13</v>
      </c>
      <c r="F10171">
        <v>3911</v>
      </c>
      <c r="G10171" t="s">
        <v>17846</v>
      </c>
      <c r="H10171">
        <v>4.6405770835569999</v>
      </c>
      <c r="I10171">
        <v>52.314553805468996</v>
      </c>
      <c r="J10171" t="s">
        <v>65856</v>
      </c>
    </row>
    <row r="10172" spans="1:10" x14ac:dyDescent="0.25">
      <c r="A10172" t="s">
        <v>17839</v>
      </c>
      <c r="B10172" t="s">
        <v>17840</v>
      </c>
      <c r="C10172" t="s">
        <v>17841</v>
      </c>
      <c r="D10172" t="s">
        <v>17789</v>
      </c>
      <c r="E10172" t="s">
        <v>13</v>
      </c>
      <c r="F10172">
        <v>3910</v>
      </c>
      <c r="G10172" t="s">
        <v>17842</v>
      </c>
      <c r="H10172">
        <v>4.6764781872589998</v>
      </c>
      <c r="I10172">
        <v>52.318826091695001</v>
      </c>
      <c r="J10172" t="s">
        <v>65857</v>
      </c>
    </row>
    <row r="10173" spans="1:10" x14ac:dyDescent="0.25">
      <c r="A10173" t="s">
        <v>17835</v>
      </c>
      <c r="B10173" t="s">
        <v>17836</v>
      </c>
      <c r="C10173" t="s">
        <v>17837</v>
      </c>
      <c r="D10173" t="s">
        <v>17789</v>
      </c>
      <c r="E10173" t="s">
        <v>13</v>
      </c>
      <c r="F10173">
        <v>3909</v>
      </c>
      <c r="G10173" t="s">
        <v>17838</v>
      </c>
      <c r="H10173">
        <v>4.6694021537020003</v>
      </c>
      <c r="I10173">
        <v>52.296709550369997</v>
      </c>
      <c r="J10173" t="s">
        <v>65858</v>
      </c>
    </row>
    <row r="10174" spans="1:10" x14ac:dyDescent="0.25">
      <c r="A10174" t="s">
        <v>17831</v>
      </c>
      <c r="B10174" t="s">
        <v>17832</v>
      </c>
      <c r="C10174" t="s">
        <v>17833</v>
      </c>
      <c r="D10174" t="s">
        <v>17789</v>
      </c>
      <c r="E10174" t="s">
        <v>13</v>
      </c>
      <c r="F10174">
        <v>3908</v>
      </c>
      <c r="G10174" t="s">
        <v>17834</v>
      </c>
      <c r="H10174">
        <v>4.6588886655649997</v>
      </c>
      <c r="I10174">
        <v>52.302645531983003</v>
      </c>
      <c r="J10174" t="s">
        <v>65859</v>
      </c>
    </row>
    <row r="10175" spans="1:10" x14ac:dyDescent="0.25">
      <c r="A10175" t="s">
        <v>17827</v>
      </c>
      <c r="B10175" t="s">
        <v>17828</v>
      </c>
      <c r="C10175" t="s">
        <v>17829</v>
      </c>
      <c r="D10175" t="s">
        <v>17789</v>
      </c>
      <c r="E10175" t="s">
        <v>13</v>
      </c>
      <c r="F10175">
        <v>3907</v>
      </c>
      <c r="G10175" t="s">
        <v>17830</v>
      </c>
      <c r="H10175">
        <v>4.6520163216380004</v>
      </c>
      <c r="I10175">
        <v>52.312512727220998</v>
      </c>
      <c r="J10175" t="s">
        <v>65860</v>
      </c>
    </row>
    <row r="10176" spans="1:10" x14ac:dyDescent="0.25">
      <c r="A10176" t="s">
        <v>17823</v>
      </c>
      <c r="B10176" t="s">
        <v>17824</v>
      </c>
      <c r="C10176" t="s">
        <v>17825</v>
      </c>
      <c r="D10176" t="s">
        <v>17789</v>
      </c>
      <c r="E10176" t="s">
        <v>13</v>
      </c>
      <c r="F10176">
        <v>3906</v>
      </c>
      <c r="G10176" t="s">
        <v>17826</v>
      </c>
      <c r="H10176">
        <v>4.6611892060039999</v>
      </c>
      <c r="I10176">
        <v>52.318043590583997</v>
      </c>
      <c r="J10176" t="s">
        <v>65861</v>
      </c>
    </row>
    <row r="10177" spans="1:10" x14ac:dyDescent="0.25">
      <c r="A10177" t="s">
        <v>17819</v>
      </c>
      <c r="B10177" t="s">
        <v>17820</v>
      </c>
      <c r="C10177" t="s">
        <v>17821</v>
      </c>
      <c r="D10177" t="s">
        <v>17789</v>
      </c>
      <c r="E10177" t="s">
        <v>13</v>
      </c>
      <c r="F10177">
        <v>3905</v>
      </c>
      <c r="G10177" t="s">
        <v>17822</v>
      </c>
      <c r="H10177">
        <v>4.6744505710409996</v>
      </c>
      <c r="I10177">
        <v>52.310366999868997</v>
      </c>
      <c r="J10177" t="s">
        <v>65862</v>
      </c>
    </row>
    <row r="10178" spans="1:10" x14ac:dyDescent="0.25">
      <c r="A10178" t="s">
        <v>17815</v>
      </c>
      <c r="B10178" t="s">
        <v>17816</v>
      </c>
      <c r="C10178" t="s">
        <v>17817</v>
      </c>
      <c r="D10178" t="s">
        <v>17789</v>
      </c>
      <c r="E10178" t="s">
        <v>13</v>
      </c>
      <c r="F10178">
        <v>3904</v>
      </c>
      <c r="G10178" t="s">
        <v>17818</v>
      </c>
      <c r="H10178">
        <v>4.6671379995509996</v>
      </c>
      <c r="I10178">
        <v>52.311975246126003</v>
      </c>
      <c r="J10178" t="s">
        <v>65863</v>
      </c>
    </row>
    <row r="10179" spans="1:10" x14ac:dyDescent="0.25">
      <c r="A10179" t="s">
        <v>17811</v>
      </c>
      <c r="B10179" t="s">
        <v>17812</v>
      </c>
      <c r="C10179" t="s">
        <v>17813</v>
      </c>
      <c r="D10179" t="s">
        <v>17789</v>
      </c>
      <c r="E10179" t="s">
        <v>13</v>
      </c>
      <c r="F10179">
        <v>3903</v>
      </c>
      <c r="G10179" t="s">
        <v>17814</v>
      </c>
      <c r="H10179">
        <v>4.6808974526449996</v>
      </c>
      <c r="I10179">
        <v>52.302530206701</v>
      </c>
      <c r="J10179" t="s">
        <v>65864</v>
      </c>
    </row>
    <row r="10180" spans="1:10" x14ac:dyDescent="0.25">
      <c r="A10180" t="s">
        <v>17807</v>
      </c>
      <c r="B10180" t="s">
        <v>17808</v>
      </c>
      <c r="C10180" t="s">
        <v>17809</v>
      </c>
      <c r="D10180" t="s">
        <v>17789</v>
      </c>
      <c r="E10180" t="s">
        <v>13</v>
      </c>
      <c r="F10180">
        <v>3902</v>
      </c>
      <c r="G10180" t="s">
        <v>17810</v>
      </c>
      <c r="H10180">
        <v>4.676413896643</v>
      </c>
      <c r="I10180">
        <v>52.305372850075997</v>
      </c>
      <c r="J10180" t="s">
        <v>65865</v>
      </c>
    </row>
    <row r="10181" spans="1:10" x14ac:dyDescent="0.25">
      <c r="A10181" t="s">
        <v>17803</v>
      </c>
      <c r="B10181" t="s">
        <v>17804</v>
      </c>
      <c r="C10181" t="s">
        <v>17805</v>
      </c>
      <c r="D10181" t="s">
        <v>17789</v>
      </c>
      <c r="E10181" t="s">
        <v>13</v>
      </c>
      <c r="F10181">
        <v>3901</v>
      </c>
      <c r="G10181" t="s">
        <v>17806</v>
      </c>
      <c r="H10181">
        <v>4.6910738796739997</v>
      </c>
      <c r="I10181">
        <v>52.312298821277999</v>
      </c>
      <c r="J10181" t="s">
        <v>65866</v>
      </c>
    </row>
    <row r="10182" spans="1:10" x14ac:dyDescent="0.25">
      <c r="A10182" t="s">
        <v>17799</v>
      </c>
      <c r="B10182" t="s">
        <v>17800</v>
      </c>
      <c r="C10182" t="s">
        <v>17801</v>
      </c>
      <c r="D10182" t="s">
        <v>17789</v>
      </c>
      <c r="E10182" t="s">
        <v>13</v>
      </c>
      <c r="F10182">
        <v>3900</v>
      </c>
      <c r="G10182" t="s">
        <v>17802</v>
      </c>
      <c r="H10182">
        <v>4.7044308222469997</v>
      </c>
      <c r="I10182">
        <v>52.304843349038002</v>
      </c>
      <c r="J10182" t="s">
        <v>65867</v>
      </c>
    </row>
    <row r="10183" spans="1:10" x14ac:dyDescent="0.25">
      <c r="A10183" t="s">
        <v>17795</v>
      </c>
      <c r="B10183" t="s">
        <v>17796</v>
      </c>
      <c r="C10183" t="s">
        <v>17797</v>
      </c>
      <c r="D10183" t="s">
        <v>17789</v>
      </c>
      <c r="E10183" t="s">
        <v>13</v>
      </c>
      <c r="F10183">
        <v>3899</v>
      </c>
      <c r="G10183" t="s">
        <v>17798</v>
      </c>
      <c r="H10183">
        <v>4.6885822087660003</v>
      </c>
      <c r="I10183">
        <v>52.296119906295999</v>
      </c>
      <c r="J10183" t="s">
        <v>65868</v>
      </c>
    </row>
    <row r="10184" spans="1:10" x14ac:dyDescent="0.25">
      <c r="A10184" t="s">
        <v>17791</v>
      </c>
      <c r="B10184" t="s">
        <v>17792</v>
      </c>
      <c r="C10184" t="s">
        <v>17793</v>
      </c>
      <c r="D10184" t="s">
        <v>17789</v>
      </c>
      <c r="E10184" t="s">
        <v>13</v>
      </c>
      <c r="F10184">
        <v>3898</v>
      </c>
      <c r="G10184" t="s">
        <v>17794</v>
      </c>
      <c r="H10184">
        <v>4.6967513755960004</v>
      </c>
      <c r="I10184">
        <v>52.299069345238998</v>
      </c>
      <c r="J10184" t="s">
        <v>65869</v>
      </c>
    </row>
    <row r="10185" spans="1:10" x14ac:dyDescent="0.25">
      <c r="A10185" t="s">
        <v>17786</v>
      </c>
      <c r="B10185" t="s">
        <v>17787</v>
      </c>
      <c r="C10185" t="s">
        <v>17788</v>
      </c>
      <c r="D10185" t="s">
        <v>17789</v>
      </c>
      <c r="E10185" t="s">
        <v>13</v>
      </c>
      <c r="F10185">
        <v>3897</v>
      </c>
      <c r="G10185" t="s">
        <v>17790</v>
      </c>
      <c r="H10185">
        <v>4.686757575833</v>
      </c>
      <c r="I10185">
        <v>52.305495852874998</v>
      </c>
      <c r="J10185" t="s">
        <v>65870</v>
      </c>
    </row>
    <row r="10186" spans="1:10" x14ac:dyDescent="0.25">
      <c r="A10186" t="s">
        <v>17782</v>
      </c>
      <c r="B10186" t="s">
        <v>17783</v>
      </c>
      <c r="C10186" t="s">
        <v>17784</v>
      </c>
      <c r="D10186" t="s">
        <v>17358</v>
      </c>
      <c r="E10186" t="s">
        <v>13</v>
      </c>
      <c r="F10186">
        <v>3896</v>
      </c>
      <c r="G10186" t="s">
        <v>17785</v>
      </c>
      <c r="H10186">
        <v>4.6646336862120004</v>
      </c>
      <c r="I10186">
        <v>52.349319898056997</v>
      </c>
      <c r="J10186" t="s">
        <v>65871</v>
      </c>
    </row>
    <row r="10187" spans="1:10" x14ac:dyDescent="0.25">
      <c r="A10187" t="s">
        <v>17778</v>
      </c>
      <c r="B10187" t="s">
        <v>17779</v>
      </c>
      <c r="C10187" t="s">
        <v>17780</v>
      </c>
      <c r="D10187" t="s">
        <v>17358</v>
      </c>
      <c r="E10187" t="s">
        <v>13</v>
      </c>
      <c r="F10187">
        <v>3895</v>
      </c>
      <c r="G10187" t="s">
        <v>17781</v>
      </c>
      <c r="H10187">
        <v>4.6621611122450002</v>
      </c>
      <c r="I10187">
        <v>52.352895190890003</v>
      </c>
      <c r="J10187" t="s">
        <v>65872</v>
      </c>
    </row>
    <row r="10188" spans="1:10" x14ac:dyDescent="0.25">
      <c r="A10188" t="s">
        <v>17774</v>
      </c>
      <c r="B10188" t="s">
        <v>17775</v>
      </c>
      <c r="C10188" t="s">
        <v>17776</v>
      </c>
      <c r="D10188" t="s">
        <v>17358</v>
      </c>
      <c r="E10188" t="s">
        <v>13</v>
      </c>
      <c r="F10188">
        <v>3894</v>
      </c>
      <c r="G10188" t="s">
        <v>17777</v>
      </c>
      <c r="H10188">
        <v>4.6606121224279997</v>
      </c>
      <c r="I10188">
        <v>52.356009413191998</v>
      </c>
      <c r="J10188" t="s">
        <v>65873</v>
      </c>
    </row>
    <row r="10189" spans="1:10" x14ac:dyDescent="0.25">
      <c r="A10189" t="s">
        <v>17770</v>
      </c>
      <c r="B10189" t="s">
        <v>17771</v>
      </c>
      <c r="C10189" t="s">
        <v>17772</v>
      </c>
      <c r="D10189" t="s">
        <v>17358</v>
      </c>
      <c r="E10189" t="s">
        <v>13</v>
      </c>
      <c r="F10189">
        <v>3893</v>
      </c>
      <c r="G10189" t="s">
        <v>17773</v>
      </c>
      <c r="H10189">
        <v>4.6722091060970001</v>
      </c>
      <c r="I10189">
        <v>52.355890787073001</v>
      </c>
      <c r="J10189" t="s">
        <v>65874</v>
      </c>
    </row>
    <row r="10190" spans="1:10" x14ac:dyDescent="0.25">
      <c r="A10190" t="s">
        <v>17766</v>
      </c>
      <c r="B10190" t="s">
        <v>17767</v>
      </c>
      <c r="C10190" t="s">
        <v>17768</v>
      </c>
      <c r="D10190" t="s">
        <v>17358</v>
      </c>
      <c r="E10190" t="s">
        <v>13</v>
      </c>
      <c r="F10190">
        <v>3892</v>
      </c>
      <c r="G10190" t="s">
        <v>17769</v>
      </c>
      <c r="H10190">
        <v>4.6667966053700001</v>
      </c>
      <c r="I10190">
        <v>52.356461396158998</v>
      </c>
      <c r="J10190" t="s">
        <v>65875</v>
      </c>
    </row>
    <row r="10191" spans="1:10" x14ac:dyDescent="0.25">
      <c r="A10191" t="s">
        <v>17762</v>
      </c>
      <c r="B10191" t="s">
        <v>17763</v>
      </c>
      <c r="C10191" t="s">
        <v>17764</v>
      </c>
      <c r="D10191" t="s">
        <v>17358</v>
      </c>
      <c r="E10191" t="s">
        <v>13</v>
      </c>
      <c r="F10191">
        <v>3891</v>
      </c>
      <c r="G10191" t="s">
        <v>17765</v>
      </c>
      <c r="H10191">
        <v>4.6610583075300003</v>
      </c>
      <c r="I10191">
        <v>52.358992920068999</v>
      </c>
      <c r="J10191" t="s">
        <v>65876</v>
      </c>
    </row>
    <row r="10192" spans="1:10" x14ac:dyDescent="0.25">
      <c r="A10192" t="s">
        <v>17758</v>
      </c>
      <c r="B10192" t="s">
        <v>17759</v>
      </c>
      <c r="C10192" t="s">
        <v>17760</v>
      </c>
      <c r="D10192" t="s">
        <v>17358</v>
      </c>
      <c r="E10192" t="s">
        <v>13</v>
      </c>
      <c r="F10192">
        <v>3890</v>
      </c>
      <c r="G10192" t="s">
        <v>17761</v>
      </c>
      <c r="H10192">
        <v>4.6549301226470003</v>
      </c>
      <c r="I10192">
        <v>52.358550110777998</v>
      </c>
      <c r="J10192" t="s">
        <v>65877</v>
      </c>
    </row>
    <row r="10193" spans="1:10" x14ac:dyDescent="0.25">
      <c r="A10193" t="s">
        <v>17754</v>
      </c>
      <c r="B10193" t="s">
        <v>17755</v>
      </c>
      <c r="C10193" t="s">
        <v>17756</v>
      </c>
      <c r="D10193" t="s">
        <v>17358</v>
      </c>
      <c r="E10193" t="s">
        <v>13</v>
      </c>
      <c r="F10193">
        <v>3889</v>
      </c>
      <c r="G10193" t="s">
        <v>17757</v>
      </c>
      <c r="H10193">
        <v>4.6546257888740001</v>
      </c>
      <c r="I10193">
        <v>52.344962493257</v>
      </c>
      <c r="J10193" t="s">
        <v>65878</v>
      </c>
    </row>
    <row r="10194" spans="1:10" x14ac:dyDescent="0.25">
      <c r="A10194" t="s">
        <v>17750</v>
      </c>
      <c r="B10194" t="s">
        <v>17751</v>
      </c>
      <c r="C10194" t="s">
        <v>17752</v>
      </c>
      <c r="D10194" t="s">
        <v>17358</v>
      </c>
      <c r="E10194" t="s">
        <v>13</v>
      </c>
      <c r="F10194">
        <v>3888</v>
      </c>
      <c r="G10194" t="s">
        <v>17753</v>
      </c>
      <c r="H10194">
        <v>4.6527467119860004</v>
      </c>
      <c r="I10194">
        <v>52.347795994301002</v>
      </c>
      <c r="J10194" t="s">
        <v>65879</v>
      </c>
    </row>
    <row r="10195" spans="1:10" x14ac:dyDescent="0.25">
      <c r="A10195" t="s">
        <v>17747</v>
      </c>
      <c r="B10195" t="s">
        <v>17748</v>
      </c>
      <c r="C10195" t="s">
        <v>4809</v>
      </c>
      <c r="D10195" t="s">
        <v>17358</v>
      </c>
      <c r="E10195" t="s">
        <v>13</v>
      </c>
      <c r="F10195">
        <v>3887</v>
      </c>
      <c r="G10195" t="s">
        <v>17749</v>
      </c>
      <c r="H10195">
        <v>4.6524602513889999</v>
      </c>
      <c r="I10195">
        <v>52.351019120141999</v>
      </c>
      <c r="J10195" t="s">
        <v>65880</v>
      </c>
    </row>
    <row r="10196" spans="1:10" x14ac:dyDescent="0.25">
      <c r="A10196" t="s">
        <v>17743</v>
      </c>
      <c r="B10196" t="s">
        <v>17744</v>
      </c>
      <c r="C10196" t="s">
        <v>17745</v>
      </c>
      <c r="D10196" t="s">
        <v>17358</v>
      </c>
      <c r="E10196" t="s">
        <v>13</v>
      </c>
      <c r="F10196">
        <v>3886</v>
      </c>
      <c r="G10196" t="s">
        <v>17746</v>
      </c>
      <c r="H10196">
        <v>4.6567470480609998</v>
      </c>
      <c r="I10196">
        <v>52.352435398456997</v>
      </c>
      <c r="J10196" t="s">
        <v>65881</v>
      </c>
    </row>
    <row r="10197" spans="1:10" x14ac:dyDescent="0.25">
      <c r="A10197" t="s">
        <v>17739</v>
      </c>
      <c r="B10197" t="s">
        <v>17740</v>
      </c>
      <c r="C10197" t="s">
        <v>17741</v>
      </c>
      <c r="D10197" t="s">
        <v>17358</v>
      </c>
      <c r="E10197" t="s">
        <v>13</v>
      </c>
      <c r="F10197">
        <v>3885</v>
      </c>
      <c r="G10197" t="s">
        <v>17742</v>
      </c>
      <c r="H10197">
        <v>4.6499100531700002</v>
      </c>
      <c r="I10197">
        <v>52.354043225689999</v>
      </c>
      <c r="J10197" t="s">
        <v>65882</v>
      </c>
    </row>
    <row r="10198" spans="1:10" x14ac:dyDescent="0.25">
      <c r="A10198" t="s">
        <v>17735</v>
      </c>
      <c r="B10198" t="s">
        <v>17736</v>
      </c>
      <c r="C10198" t="s">
        <v>17737</v>
      </c>
      <c r="D10198" t="s">
        <v>17358</v>
      </c>
      <c r="E10198" t="s">
        <v>13</v>
      </c>
      <c r="F10198">
        <v>3884</v>
      </c>
      <c r="G10198" t="s">
        <v>17738</v>
      </c>
      <c r="H10198">
        <v>4.6462912269969996</v>
      </c>
      <c r="I10198">
        <v>52.351474065608997</v>
      </c>
      <c r="J10198" t="s">
        <v>65883</v>
      </c>
    </row>
    <row r="10199" spans="1:10" x14ac:dyDescent="0.25">
      <c r="A10199" t="s">
        <v>17731</v>
      </c>
      <c r="B10199" t="s">
        <v>17732</v>
      </c>
      <c r="C10199" t="s">
        <v>17733</v>
      </c>
      <c r="D10199" t="s">
        <v>17358</v>
      </c>
      <c r="E10199" t="s">
        <v>13</v>
      </c>
      <c r="F10199">
        <v>3883</v>
      </c>
      <c r="G10199" t="s">
        <v>17734</v>
      </c>
      <c r="H10199">
        <v>4.643945498191</v>
      </c>
      <c r="I10199">
        <v>52.345865314933</v>
      </c>
      <c r="J10199" t="s">
        <v>65884</v>
      </c>
    </row>
    <row r="10200" spans="1:10" x14ac:dyDescent="0.25">
      <c r="A10200" t="s">
        <v>17727</v>
      </c>
      <c r="B10200" t="s">
        <v>17728</v>
      </c>
      <c r="C10200" t="s">
        <v>17729</v>
      </c>
      <c r="D10200" t="s">
        <v>17358</v>
      </c>
      <c r="E10200" t="s">
        <v>13</v>
      </c>
      <c r="F10200">
        <v>3882</v>
      </c>
      <c r="G10200" t="s">
        <v>17730</v>
      </c>
      <c r="H10200">
        <v>4.6595889254439999</v>
      </c>
      <c r="I10200">
        <v>52.362503492476002</v>
      </c>
      <c r="J10200" t="s">
        <v>65885</v>
      </c>
    </row>
    <row r="10201" spans="1:10" x14ac:dyDescent="0.25">
      <c r="A10201" t="s">
        <v>17723</v>
      </c>
      <c r="B10201" t="s">
        <v>17724</v>
      </c>
      <c r="C10201" t="s">
        <v>17725</v>
      </c>
      <c r="D10201" t="s">
        <v>17358</v>
      </c>
      <c r="E10201" t="s">
        <v>13</v>
      </c>
      <c r="F10201">
        <v>3881</v>
      </c>
      <c r="G10201" t="s">
        <v>17726</v>
      </c>
      <c r="H10201">
        <v>4.6704476284379997</v>
      </c>
      <c r="I10201">
        <v>52.363902865089003</v>
      </c>
      <c r="J10201" t="s">
        <v>65886</v>
      </c>
    </row>
    <row r="10202" spans="1:10" x14ac:dyDescent="0.25">
      <c r="A10202" t="s">
        <v>17719</v>
      </c>
      <c r="B10202" t="s">
        <v>17720</v>
      </c>
      <c r="C10202" t="s">
        <v>17721</v>
      </c>
      <c r="D10202" t="s">
        <v>17358</v>
      </c>
      <c r="E10202" t="s">
        <v>13</v>
      </c>
      <c r="F10202">
        <v>3880</v>
      </c>
      <c r="G10202" t="s">
        <v>17722</v>
      </c>
      <c r="H10202">
        <v>4.6658022356320004</v>
      </c>
      <c r="I10202">
        <v>52.364048852966</v>
      </c>
      <c r="J10202" t="s">
        <v>65887</v>
      </c>
    </row>
    <row r="10203" spans="1:10" x14ac:dyDescent="0.25">
      <c r="A10203" t="s">
        <v>17715</v>
      </c>
      <c r="B10203" t="s">
        <v>17716</v>
      </c>
      <c r="C10203" t="s">
        <v>17717</v>
      </c>
      <c r="D10203" t="s">
        <v>17358</v>
      </c>
      <c r="E10203" t="s">
        <v>13</v>
      </c>
      <c r="F10203">
        <v>3879</v>
      </c>
      <c r="G10203" t="s">
        <v>17718</v>
      </c>
      <c r="H10203">
        <v>4.6592847491690002</v>
      </c>
      <c r="I10203">
        <v>52.366115865528002</v>
      </c>
      <c r="J10203" t="s">
        <v>65888</v>
      </c>
    </row>
    <row r="10204" spans="1:10" x14ac:dyDescent="0.25">
      <c r="A10204" t="s">
        <v>17711</v>
      </c>
      <c r="B10204" t="s">
        <v>17712</v>
      </c>
      <c r="C10204" t="s">
        <v>17713</v>
      </c>
      <c r="D10204" t="s">
        <v>17358</v>
      </c>
      <c r="E10204" t="s">
        <v>13</v>
      </c>
      <c r="F10204">
        <v>3878</v>
      </c>
      <c r="G10204" t="s">
        <v>17714</v>
      </c>
      <c r="H10204">
        <v>4.6629731920150004</v>
      </c>
      <c r="I10204">
        <v>52.369058397720003</v>
      </c>
      <c r="J10204" t="s">
        <v>65889</v>
      </c>
    </row>
    <row r="10205" spans="1:10" x14ac:dyDescent="0.25">
      <c r="A10205" t="s">
        <v>17707</v>
      </c>
      <c r="B10205" t="s">
        <v>17708</v>
      </c>
      <c r="C10205" t="s">
        <v>17709</v>
      </c>
      <c r="D10205" t="s">
        <v>17358</v>
      </c>
      <c r="E10205" t="s">
        <v>13</v>
      </c>
      <c r="F10205">
        <v>3877</v>
      </c>
      <c r="G10205" t="s">
        <v>17710</v>
      </c>
      <c r="H10205">
        <v>4.651127375672</v>
      </c>
      <c r="I10205">
        <v>52.366540478506003</v>
      </c>
      <c r="J10205" t="s">
        <v>65890</v>
      </c>
    </row>
    <row r="10206" spans="1:10" x14ac:dyDescent="0.25">
      <c r="A10206" t="s">
        <v>17703</v>
      </c>
      <c r="B10206" t="s">
        <v>17704</v>
      </c>
      <c r="C10206" t="s">
        <v>17705</v>
      </c>
      <c r="D10206" t="s">
        <v>17358</v>
      </c>
      <c r="E10206" t="s">
        <v>13</v>
      </c>
      <c r="F10206">
        <v>3876</v>
      </c>
      <c r="G10206" t="s">
        <v>17706</v>
      </c>
      <c r="H10206">
        <v>4.6502094831829996</v>
      </c>
      <c r="I10206">
        <v>52.358411341059998</v>
      </c>
      <c r="J10206" t="s">
        <v>65891</v>
      </c>
    </row>
    <row r="10207" spans="1:10" x14ac:dyDescent="0.25">
      <c r="A10207" t="s">
        <v>17699</v>
      </c>
      <c r="B10207" t="s">
        <v>17700</v>
      </c>
      <c r="C10207" t="s">
        <v>17701</v>
      </c>
      <c r="D10207" t="s">
        <v>17358</v>
      </c>
      <c r="E10207" t="s">
        <v>13</v>
      </c>
      <c r="F10207">
        <v>3875</v>
      </c>
      <c r="G10207" t="s">
        <v>17702</v>
      </c>
      <c r="H10207">
        <v>4.6453332158140004</v>
      </c>
      <c r="I10207">
        <v>52.358052024419003</v>
      </c>
      <c r="J10207" t="s">
        <v>65892</v>
      </c>
    </row>
    <row r="10208" spans="1:10" x14ac:dyDescent="0.25">
      <c r="A10208" t="s">
        <v>17696</v>
      </c>
      <c r="B10208" t="s">
        <v>17697</v>
      </c>
      <c r="C10208" t="s">
        <v>15746</v>
      </c>
      <c r="D10208" t="s">
        <v>17358</v>
      </c>
      <c r="E10208" t="s">
        <v>13</v>
      </c>
      <c r="F10208">
        <v>3874</v>
      </c>
      <c r="G10208" t="s">
        <v>17698</v>
      </c>
      <c r="H10208">
        <v>4.6393512294699999</v>
      </c>
      <c r="I10208">
        <v>52.357190131604</v>
      </c>
      <c r="J10208" t="s">
        <v>65893</v>
      </c>
    </row>
    <row r="10209" spans="1:10" x14ac:dyDescent="0.25">
      <c r="A10209" t="s">
        <v>17692</v>
      </c>
      <c r="B10209" t="s">
        <v>17693</v>
      </c>
      <c r="C10209" t="s">
        <v>17694</v>
      </c>
      <c r="D10209" t="s">
        <v>17358</v>
      </c>
      <c r="E10209" t="s">
        <v>13</v>
      </c>
      <c r="F10209">
        <v>3873</v>
      </c>
      <c r="G10209" t="s">
        <v>17695</v>
      </c>
      <c r="H10209">
        <v>4.6463899730099998</v>
      </c>
      <c r="I10209">
        <v>52.362887337639997</v>
      </c>
      <c r="J10209" t="s">
        <v>65894</v>
      </c>
    </row>
    <row r="10210" spans="1:10" x14ac:dyDescent="0.25">
      <c r="A10210" t="s">
        <v>17688</v>
      </c>
      <c r="B10210" t="s">
        <v>17689</v>
      </c>
      <c r="C10210" t="s">
        <v>17690</v>
      </c>
      <c r="D10210" t="s">
        <v>17358</v>
      </c>
      <c r="E10210" t="s">
        <v>13</v>
      </c>
      <c r="F10210">
        <v>3872</v>
      </c>
      <c r="G10210" t="s">
        <v>17691</v>
      </c>
      <c r="H10210">
        <v>4.6394566969030002</v>
      </c>
      <c r="I10210">
        <v>52.362557104993002</v>
      </c>
      <c r="J10210" t="s">
        <v>65895</v>
      </c>
    </row>
    <row r="10211" spans="1:10" x14ac:dyDescent="0.25">
      <c r="A10211" t="s">
        <v>17685</v>
      </c>
      <c r="B10211" t="s">
        <v>17686</v>
      </c>
      <c r="C10211" t="s">
        <v>14681</v>
      </c>
      <c r="D10211" t="s">
        <v>17358</v>
      </c>
      <c r="E10211" t="s">
        <v>13</v>
      </c>
      <c r="F10211">
        <v>3871</v>
      </c>
      <c r="G10211" t="s">
        <v>17687</v>
      </c>
      <c r="H10211">
        <v>4.6452396235800002</v>
      </c>
      <c r="I10211">
        <v>52.366710712155999</v>
      </c>
      <c r="J10211" t="s">
        <v>65896</v>
      </c>
    </row>
    <row r="10212" spans="1:10" x14ac:dyDescent="0.25">
      <c r="A10212" t="s">
        <v>17681</v>
      </c>
      <c r="B10212" t="s">
        <v>17682</v>
      </c>
      <c r="C10212" t="s">
        <v>17683</v>
      </c>
      <c r="D10212" t="s">
        <v>17358</v>
      </c>
      <c r="E10212" t="s">
        <v>13</v>
      </c>
      <c r="F10212">
        <v>3870</v>
      </c>
      <c r="G10212" t="s">
        <v>17684</v>
      </c>
      <c r="H10212">
        <v>4.6392543341629997</v>
      </c>
      <c r="I10212">
        <v>52.367749468584002</v>
      </c>
      <c r="J10212" t="s">
        <v>65897</v>
      </c>
    </row>
    <row r="10213" spans="1:10" x14ac:dyDescent="0.25">
      <c r="A10213" t="s">
        <v>17677</v>
      </c>
      <c r="B10213" t="s">
        <v>17678</v>
      </c>
      <c r="C10213" t="s">
        <v>17679</v>
      </c>
      <c r="D10213" t="s">
        <v>17358</v>
      </c>
      <c r="E10213" t="s">
        <v>13</v>
      </c>
      <c r="F10213">
        <v>3869</v>
      </c>
      <c r="G10213" t="s">
        <v>17680</v>
      </c>
      <c r="H10213">
        <v>4.6772846535110002</v>
      </c>
      <c r="I10213">
        <v>52.414069830429</v>
      </c>
      <c r="J10213" t="s">
        <v>65898</v>
      </c>
    </row>
    <row r="10214" spans="1:10" x14ac:dyDescent="0.25">
      <c r="A10214" t="s">
        <v>17673</v>
      </c>
      <c r="B10214" t="s">
        <v>17674</v>
      </c>
      <c r="C10214" t="s">
        <v>17675</v>
      </c>
      <c r="D10214" t="s">
        <v>17358</v>
      </c>
      <c r="E10214" t="s">
        <v>13</v>
      </c>
      <c r="F10214">
        <v>3868</v>
      </c>
      <c r="G10214" t="s">
        <v>17676</v>
      </c>
      <c r="H10214">
        <v>4.6708873367140002</v>
      </c>
      <c r="I10214">
        <v>52.415883086637002</v>
      </c>
      <c r="J10214" t="s">
        <v>65899</v>
      </c>
    </row>
    <row r="10215" spans="1:10" x14ac:dyDescent="0.25">
      <c r="A10215" t="s">
        <v>17669</v>
      </c>
      <c r="B10215" t="s">
        <v>17670</v>
      </c>
      <c r="C10215" t="s">
        <v>17671</v>
      </c>
      <c r="D10215" t="s">
        <v>17358</v>
      </c>
      <c r="E10215" t="s">
        <v>13</v>
      </c>
      <c r="F10215">
        <v>3867</v>
      </c>
      <c r="G10215" t="s">
        <v>17672</v>
      </c>
      <c r="H10215">
        <v>4.6557981151609997</v>
      </c>
      <c r="I10215">
        <v>52.416028046721998</v>
      </c>
      <c r="J10215" t="s">
        <v>65900</v>
      </c>
    </row>
    <row r="10216" spans="1:10" x14ac:dyDescent="0.25">
      <c r="A10216" t="s">
        <v>17665</v>
      </c>
      <c r="B10216" t="s">
        <v>17666</v>
      </c>
      <c r="C10216" t="s">
        <v>17667</v>
      </c>
      <c r="D10216" t="s">
        <v>17358</v>
      </c>
      <c r="E10216" t="s">
        <v>13</v>
      </c>
      <c r="F10216">
        <v>3866</v>
      </c>
      <c r="G10216" t="s">
        <v>17668</v>
      </c>
      <c r="H10216">
        <v>4.6514572843839996</v>
      </c>
      <c r="I10216">
        <v>52.417520082953999</v>
      </c>
      <c r="J10216" t="s">
        <v>65901</v>
      </c>
    </row>
    <row r="10217" spans="1:10" x14ac:dyDescent="0.25">
      <c r="A10217" t="s">
        <v>17661</v>
      </c>
      <c r="B10217" t="s">
        <v>17662</v>
      </c>
      <c r="C10217" t="s">
        <v>17663</v>
      </c>
      <c r="D10217" t="s">
        <v>17358</v>
      </c>
      <c r="E10217" t="s">
        <v>13</v>
      </c>
      <c r="F10217">
        <v>3865</v>
      </c>
      <c r="G10217" t="s">
        <v>17664</v>
      </c>
      <c r="H10217">
        <v>4.6531549752409997</v>
      </c>
      <c r="I10217">
        <v>52.419572313160003</v>
      </c>
      <c r="J10217" t="s">
        <v>65902</v>
      </c>
    </row>
    <row r="10218" spans="1:10" x14ac:dyDescent="0.25">
      <c r="A10218" t="s">
        <v>17657</v>
      </c>
      <c r="B10218" t="s">
        <v>17658</v>
      </c>
      <c r="C10218" t="s">
        <v>17659</v>
      </c>
      <c r="D10218" t="s">
        <v>17358</v>
      </c>
      <c r="E10218" t="s">
        <v>13</v>
      </c>
      <c r="F10218">
        <v>3864</v>
      </c>
      <c r="G10218" t="s">
        <v>17660</v>
      </c>
      <c r="H10218">
        <v>4.6640275282349997</v>
      </c>
      <c r="I10218">
        <v>52.418920155327001</v>
      </c>
      <c r="J10218" t="s">
        <v>65903</v>
      </c>
    </row>
    <row r="10219" spans="1:10" x14ac:dyDescent="0.25">
      <c r="A10219" t="s">
        <v>17653</v>
      </c>
      <c r="B10219" t="s">
        <v>17654</v>
      </c>
      <c r="C10219" t="s">
        <v>17655</v>
      </c>
      <c r="D10219" t="s">
        <v>17358</v>
      </c>
      <c r="E10219" t="s">
        <v>13</v>
      </c>
      <c r="F10219">
        <v>3863</v>
      </c>
      <c r="G10219" t="s">
        <v>17656</v>
      </c>
      <c r="H10219">
        <v>4.6553257458989998</v>
      </c>
      <c r="I10219">
        <v>52.424212486740998</v>
      </c>
      <c r="J10219" t="s">
        <v>65904</v>
      </c>
    </row>
    <row r="10220" spans="1:10" x14ac:dyDescent="0.25">
      <c r="A10220" t="s">
        <v>17650</v>
      </c>
      <c r="B10220" t="s">
        <v>17651</v>
      </c>
      <c r="C10220" t="s">
        <v>49</v>
      </c>
      <c r="D10220" t="s">
        <v>17358</v>
      </c>
      <c r="E10220" t="s">
        <v>13</v>
      </c>
      <c r="F10220">
        <v>3862</v>
      </c>
      <c r="G10220" t="s">
        <v>17652</v>
      </c>
      <c r="H10220">
        <v>4.6485280979099999</v>
      </c>
      <c r="I10220">
        <v>52.413451611602</v>
      </c>
      <c r="J10220" t="s">
        <v>65905</v>
      </c>
    </row>
    <row r="10221" spans="1:10" x14ac:dyDescent="0.25">
      <c r="A10221" t="s">
        <v>17646</v>
      </c>
      <c r="B10221" t="s">
        <v>17647</v>
      </c>
      <c r="C10221" t="s">
        <v>17648</v>
      </c>
      <c r="D10221" t="s">
        <v>17358</v>
      </c>
      <c r="E10221" t="s">
        <v>13</v>
      </c>
      <c r="F10221">
        <v>3861</v>
      </c>
      <c r="G10221" t="s">
        <v>17649</v>
      </c>
      <c r="H10221">
        <v>4.6434311894129996</v>
      </c>
      <c r="I10221">
        <v>52.415427279802003</v>
      </c>
      <c r="J10221" t="s">
        <v>65906</v>
      </c>
    </row>
    <row r="10222" spans="1:10" x14ac:dyDescent="0.25">
      <c r="A10222" t="s">
        <v>17643</v>
      </c>
      <c r="B10222" t="s">
        <v>17644</v>
      </c>
      <c r="C10222" t="s">
        <v>89</v>
      </c>
      <c r="D10222" t="s">
        <v>17358</v>
      </c>
      <c r="E10222" t="s">
        <v>13</v>
      </c>
      <c r="F10222">
        <v>3860</v>
      </c>
      <c r="G10222" t="s">
        <v>17645</v>
      </c>
      <c r="H10222">
        <v>4.646240008425</v>
      </c>
      <c r="I10222">
        <v>52.418742793029999</v>
      </c>
      <c r="J10222" t="s">
        <v>65907</v>
      </c>
    </row>
    <row r="10223" spans="1:10" x14ac:dyDescent="0.25">
      <c r="A10223" t="s">
        <v>17639</v>
      </c>
      <c r="B10223" t="s">
        <v>17640</v>
      </c>
      <c r="C10223" t="s">
        <v>17641</v>
      </c>
      <c r="D10223" t="s">
        <v>17358</v>
      </c>
      <c r="E10223" t="s">
        <v>13</v>
      </c>
      <c r="F10223">
        <v>3859</v>
      </c>
      <c r="G10223" t="s">
        <v>17642</v>
      </c>
      <c r="H10223">
        <v>4.6621711109700001</v>
      </c>
      <c r="I10223">
        <v>52.409494527226002</v>
      </c>
      <c r="J10223" t="s">
        <v>65908</v>
      </c>
    </row>
    <row r="10224" spans="1:10" x14ac:dyDescent="0.25">
      <c r="A10224" t="s">
        <v>17635</v>
      </c>
      <c r="B10224" t="s">
        <v>17636</v>
      </c>
      <c r="C10224" t="s">
        <v>17637</v>
      </c>
      <c r="D10224" t="s">
        <v>17358</v>
      </c>
      <c r="E10224" t="s">
        <v>13</v>
      </c>
      <c r="F10224">
        <v>3858</v>
      </c>
      <c r="G10224" t="s">
        <v>17638</v>
      </c>
      <c r="H10224">
        <v>4.6548586756969996</v>
      </c>
      <c r="I10224">
        <v>52.408338888046998</v>
      </c>
      <c r="J10224" t="s">
        <v>65909</v>
      </c>
    </row>
    <row r="10225" spans="1:10" x14ac:dyDescent="0.25">
      <c r="A10225" t="s">
        <v>17631</v>
      </c>
      <c r="B10225" t="s">
        <v>17632</v>
      </c>
      <c r="C10225" t="s">
        <v>17633</v>
      </c>
      <c r="D10225" t="s">
        <v>17358</v>
      </c>
      <c r="E10225" t="s">
        <v>13</v>
      </c>
      <c r="F10225">
        <v>3857</v>
      </c>
      <c r="G10225" t="s">
        <v>17634</v>
      </c>
      <c r="H10225">
        <v>4.6533728840149999</v>
      </c>
      <c r="I10225">
        <v>52.411188628036001</v>
      </c>
      <c r="J10225" t="s">
        <v>65910</v>
      </c>
    </row>
    <row r="10226" spans="1:10" x14ac:dyDescent="0.25">
      <c r="A10226" t="s">
        <v>17627</v>
      </c>
      <c r="B10226" t="s">
        <v>17628</v>
      </c>
      <c r="C10226" t="s">
        <v>17629</v>
      </c>
      <c r="D10226" t="s">
        <v>17358</v>
      </c>
      <c r="E10226" t="s">
        <v>13</v>
      </c>
      <c r="F10226">
        <v>3856</v>
      </c>
      <c r="G10226" t="s">
        <v>17630</v>
      </c>
      <c r="H10226">
        <v>4.6531625573589999</v>
      </c>
      <c r="I10226">
        <v>52.414050147106003</v>
      </c>
      <c r="J10226" t="s">
        <v>65911</v>
      </c>
    </row>
    <row r="10227" spans="1:10" x14ac:dyDescent="0.25">
      <c r="A10227" t="s">
        <v>17623</v>
      </c>
      <c r="B10227" t="s">
        <v>17624</v>
      </c>
      <c r="C10227" t="s">
        <v>17625</v>
      </c>
      <c r="D10227" t="s">
        <v>17358</v>
      </c>
      <c r="E10227" t="s">
        <v>13</v>
      </c>
      <c r="F10227">
        <v>3855</v>
      </c>
      <c r="G10227" t="s">
        <v>17626</v>
      </c>
      <c r="H10227">
        <v>4.6369715803910001</v>
      </c>
      <c r="I10227">
        <v>52.404154958931997</v>
      </c>
      <c r="J10227" t="s">
        <v>65912</v>
      </c>
    </row>
    <row r="10228" spans="1:10" x14ac:dyDescent="0.25">
      <c r="A10228" t="s">
        <v>17619</v>
      </c>
      <c r="B10228" t="s">
        <v>17620</v>
      </c>
      <c r="C10228" t="s">
        <v>17621</v>
      </c>
      <c r="D10228" t="s">
        <v>17358</v>
      </c>
      <c r="E10228" t="s">
        <v>13</v>
      </c>
      <c r="F10228">
        <v>3854</v>
      </c>
      <c r="G10228" t="s">
        <v>17622</v>
      </c>
      <c r="H10228">
        <v>4.6453752721020001</v>
      </c>
      <c r="I10228">
        <v>52.403611113206999</v>
      </c>
      <c r="J10228" t="s">
        <v>65913</v>
      </c>
    </row>
    <row r="10229" spans="1:10" x14ac:dyDescent="0.25">
      <c r="A10229" t="s">
        <v>17616</v>
      </c>
      <c r="B10229" t="s">
        <v>17617</v>
      </c>
      <c r="C10229" t="s">
        <v>1264</v>
      </c>
      <c r="D10229" t="s">
        <v>17358</v>
      </c>
      <c r="E10229" t="s">
        <v>13</v>
      </c>
      <c r="F10229">
        <v>3853</v>
      </c>
      <c r="G10229" t="s">
        <v>17618</v>
      </c>
      <c r="H10229">
        <v>4.6424748182590001</v>
      </c>
      <c r="I10229">
        <v>52.404798642185</v>
      </c>
      <c r="J10229" t="s">
        <v>65914</v>
      </c>
    </row>
    <row r="10230" spans="1:10" x14ac:dyDescent="0.25">
      <c r="A10230" t="s">
        <v>17612</v>
      </c>
      <c r="B10230" t="s">
        <v>17613</v>
      </c>
      <c r="C10230" t="s">
        <v>17614</v>
      </c>
      <c r="D10230" t="s">
        <v>17358</v>
      </c>
      <c r="E10230" t="s">
        <v>13</v>
      </c>
      <c r="F10230">
        <v>3852</v>
      </c>
      <c r="G10230" t="s">
        <v>17615</v>
      </c>
      <c r="H10230">
        <v>4.6388787988790003</v>
      </c>
      <c r="I10230">
        <v>52.408348178983999</v>
      </c>
      <c r="J10230" t="s">
        <v>65915</v>
      </c>
    </row>
    <row r="10231" spans="1:10" x14ac:dyDescent="0.25">
      <c r="A10231" t="s">
        <v>17609</v>
      </c>
      <c r="B10231" t="s">
        <v>17610</v>
      </c>
      <c r="C10231" t="s">
        <v>8530</v>
      </c>
      <c r="D10231" t="s">
        <v>17358</v>
      </c>
      <c r="E10231" t="s">
        <v>13</v>
      </c>
      <c r="F10231">
        <v>3851</v>
      </c>
      <c r="G10231" t="s">
        <v>17611</v>
      </c>
      <c r="H10231">
        <v>4.6304689213829997</v>
      </c>
      <c r="I10231">
        <v>52.405248773083997</v>
      </c>
      <c r="J10231" t="s">
        <v>65916</v>
      </c>
    </row>
    <row r="10232" spans="1:10" x14ac:dyDescent="0.25">
      <c r="A10232" t="s">
        <v>17605</v>
      </c>
      <c r="B10232" t="s">
        <v>17606</v>
      </c>
      <c r="C10232" t="s">
        <v>17607</v>
      </c>
      <c r="D10232" t="s">
        <v>17358</v>
      </c>
      <c r="E10232" t="s">
        <v>13</v>
      </c>
      <c r="F10232">
        <v>3850</v>
      </c>
      <c r="G10232" t="s">
        <v>17608</v>
      </c>
      <c r="H10232">
        <v>4.6477243212700001</v>
      </c>
      <c r="I10232">
        <v>52.407040353486998</v>
      </c>
      <c r="J10232" t="s">
        <v>65917</v>
      </c>
    </row>
    <row r="10233" spans="1:10" x14ac:dyDescent="0.25">
      <c r="A10233" t="s">
        <v>17601</v>
      </c>
      <c r="B10233" t="s">
        <v>17602</v>
      </c>
      <c r="C10233" t="s">
        <v>17603</v>
      </c>
      <c r="D10233" t="s">
        <v>17358</v>
      </c>
      <c r="E10233" t="s">
        <v>13</v>
      </c>
      <c r="F10233">
        <v>3849</v>
      </c>
      <c r="G10233" t="s">
        <v>17604</v>
      </c>
      <c r="H10233">
        <v>4.644125070896</v>
      </c>
      <c r="I10233">
        <v>52.411051287340001</v>
      </c>
      <c r="J10233" t="s">
        <v>65918</v>
      </c>
    </row>
    <row r="10234" spans="1:10" x14ac:dyDescent="0.25">
      <c r="A10234" t="s">
        <v>17597</v>
      </c>
      <c r="B10234" t="s">
        <v>17598</v>
      </c>
      <c r="C10234" t="s">
        <v>17599</v>
      </c>
      <c r="D10234" t="s">
        <v>17358</v>
      </c>
      <c r="E10234" t="s">
        <v>13</v>
      </c>
      <c r="F10234">
        <v>3848</v>
      </c>
      <c r="G10234" t="s">
        <v>17600</v>
      </c>
      <c r="H10234">
        <v>4.6299994870040004</v>
      </c>
      <c r="I10234">
        <v>52.390885771084001</v>
      </c>
      <c r="J10234" t="s">
        <v>65919</v>
      </c>
    </row>
    <row r="10235" spans="1:10" x14ac:dyDescent="0.25">
      <c r="A10235" t="s">
        <v>17593</v>
      </c>
      <c r="B10235" t="s">
        <v>17594</v>
      </c>
      <c r="C10235" t="s">
        <v>17595</v>
      </c>
      <c r="D10235" t="s">
        <v>17358</v>
      </c>
      <c r="E10235" t="s">
        <v>13</v>
      </c>
      <c r="F10235">
        <v>3847</v>
      </c>
      <c r="G10235" t="s">
        <v>17596</v>
      </c>
      <c r="H10235">
        <v>4.636627078449</v>
      </c>
      <c r="I10235">
        <v>52.393841493921002</v>
      </c>
      <c r="J10235" t="s">
        <v>65920</v>
      </c>
    </row>
    <row r="10236" spans="1:10" x14ac:dyDescent="0.25">
      <c r="A10236" t="s">
        <v>17589</v>
      </c>
      <c r="B10236" t="s">
        <v>17590</v>
      </c>
      <c r="C10236" t="s">
        <v>17591</v>
      </c>
      <c r="D10236" t="s">
        <v>17358</v>
      </c>
      <c r="E10236" t="s">
        <v>13</v>
      </c>
      <c r="F10236">
        <v>3846</v>
      </c>
      <c r="G10236" t="s">
        <v>17592</v>
      </c>
      <c r="H10236">
        <v>4.6279470150439996</v>
      </c>
      <c r="I10236">
        <v>52.394693088380002</v>
      </c>
      <c r="J10236" t="s">
        <v>65921</v>
      </c>
    </row>
    <row r="10237" spans="1:10" x14ac:dyDescent="0.25">
      <c r="A10237" t="s">
        <v>17585</v>
      </c>
      <c r="B10237" t="s">
        <v>17586</v>
      </c>
      <c r="C10237" t="s">
        <v>17587</v>
      </c>
      <c r="D10237" t="s">
        <v>17358</v>
      </c>
      <c r="E10237" t="s">
        <v>13</v>
      </c>
      <c r="F10237">
        <v>3845</v>
      </c>
      <c r="G10237" t="s">
        <v>17588</v>
      </c>
      <c r="H10237">
        <v>4.6383395452769998</v>
      </c>
      <c r="I10237">
        <v>52.396853986830003</v>
      </c>
      <c r="J10237" t="s">
        <v>65922</v>
      </c>
    </row>
    <row r="10238" spans="1:10" x14ac:dyDescent="0.25">
      <c r="A10238" t="s">
        <v>17581</v>
      </c>
      <c r="B10238" t="s">
        <v>17582</v>
      </c>
      <c r="C10238" t="s">
        <v>17583</v>
      </c>
      <c r="D10238" t="s">
        <v>17358</v>
      </c>
      <c r="E10238" t="s">
        <v>13</v>
      </c>
      <c r="F10238">
        <v>3844</v>
      </c>
      <c r="G10238" t="s">
        <v>17584</v>
      </c>
      <c r="H10238">
        <v>4.6314118912940003</v>
      </c>
      <c r="I10238">
        <v>52.398390633468999</v>
      </c>
      <c r="J10238" t="s">
        <v>65923</v>
      </c>
    </row>
    <row r="10239" spans="1:10" x14ac:dyDescent="0.25">
      <c r="A10239" t="s">
        <v>17577</v>
      </c>
      <c r="B10239" t="s">
        <v>17578</v>
      </c>
      <c r="C10239" t="s">
        <v>17579</v>
      </c>
      <c r="D10239" t="s">
        <v>17358</v>
      </c>
      <c r="E10239" t="s">
        <v>13</v>
      </c>
      <c r="F10239">
        <v>3843</v>
      </c>
      <c r="G10239" t="s">
        <v>17580</v>
      </c>
      <c r="H10239">
        <v>4.6409254942839997</v>
      </c>
      <c r="I10239">
        <v>52.400216317644002</v>
      </c>
      <c r="J10239" t="s">
        <v>65924</v>
      </c>
    </row>
    <row r="10240" spans="1:10" x14ac:dyDescent="0.25">
      <c r="A10240" t="s">
        <v>17573</v>
      </c>
      <c r="B10240" t="s">
        <v>17574</v>
      </c>
      <c r="C10240" t="s">
        <v>17575</v>
      </c>
      <c r="D10240" t="s">
        <v>17358</v>
      </c>
      <c r="E10240" t="s">
        <v>13</v>
      </c>
      <c r="F10240">
        <v>3842</v>
      </c>
      <c r="G10240" t="s">
        <v>17576</v>
      </c>
      <c r="H10240">
        <v>4.6340323280489999</v>
      </c>
      <c r="I10240">
        <v>52.401752111614002</v>
      </c>
      <c r="J10240" t="s">
        <v>65925</v>
      </c>
    </row>
    <row r="10241" spans="1:10" x14ac:dyDescent="0.25">
      <c r="A10241" t="s">
        <v>17569</v>
      </c>
      <c r="B10241" t="s">
        <v>17570</v>
      </c>
      <c r="C10241" t="s">
        <v>17571</v>
      </c>
      <c r="D10241" t="s">
        <v>17358</v>
      </c>
      <c r="E10241" t="s">
        <v>13</v>
      </c>
      <c r="F10241">
        <v>3841</v>
      </c>
      <c r="G10241" t="s">
        <v>17572</v>
      </c>
      <c r="H10241">
        <v>4.6472295240200001</v>
      </c>
      <c r="I10241">
        <v>52.397082164411003</v>
      </c>
      <c r="J10241" t="s">
        <v>65926</v>
      </c>
    </row>
    <row r="10242" spans="1:10" x14ac:dyDescent="0.25">
      <c r="A10242" t="s">
        <v>17565</v>
      </c>
      <c r="B10242" t="s">
        <v>17566</v>
      </c>
      <c r="C10242" t="s">
        <v>17567</v>
      </c>
      <c r="D10242" t="s">
        <v>17358</v>
      </c>
      <c r="E10242" t="s">
        <v>13</v>
      </c>
      <c r="F10242">
        <v>3840</v>
      </c>
      <c r="G10242" t="s">
        <v>17568</v>
      </c>
      <c r="H10242">
        <v>4.6488478778370004</v>
      </c>
      <c r="I10242">
        <v>52.399511211257</v>
      </c>
      <c r="J10242" t="s">
        <v>65927</v>
      </c>
    </row>
    <row r="10243" spans="1:10" x14ac:dyDescent="0.25">
      <c r="A10243" t="s">
        <v>17561</v>
      </c>
      <c r="B10243" t="s">
        <v>17562</v>
      </c>
      <c r="C10243" t="s">
        <v>17563</v>
      </c>
      <c r="D10243" t="s">
        <v>17358</v>
      </c>
      <c r="E10243" t="s">
        <v>13</v>
      </c>
      <c r="F10243">
        <v>3839</v>
      </c>
      <c r="G10243" t="s">
        <v>17564</v>
      </c>
      <c r="H10243">
        <v>4.6501443722709999</v>
      </c>
      <c r="I10243">
        <v>52.401774806336</v>
      </c>
      <c r="J10243" t="s">
        <v>65928</v>
      </c>
    </row>
    <row r="10244" spans="1:10" x14ac:dyDescent="0.25">
      <c r="A10244" t="s">
        <v>17557</v>
      </c>
      <c r="B10244" t="s">
        <v>17558</v>
      </c>
      <c r="C10244" t="s">
        <v>17559</v>
      </c>
      <c r="D10244" t="s">
        <v>17358</v>
      </c>
      <c r="E10244" t="s">
        <v>13</v>
      </c>
      <c r="F10244">
        <v>3838</v>
      </c>
      <c r="G10244" t="s">
        <v>17560</v>
      </c>
      <c r="H10244">
        <v>4.6552462377400001</v>
      </c>
      <c r="I10244">
        <v>52.404073542607001</v>
      </c>
      <c r="J10244" t="s">
        <v>65929</v>
      </c>
    </row>
    <row r="10245" spans="1:10" x14ac:dyDescent="0.25">
      <c r="A10245" t="s">
        <v>17553</v>
      </c>
      <c r="B10245" t="s">
        <v>17554</v>
      </c>
      <c r="C10245" t="s">
        <v>17555</v>
      </c>
      <c r="D10245" t="s">
        <v>17358</v>
      </c>
      <c r="E10245" t="s">
        <v>13</v>
      </c>
      <c r="F10245">
        <v>3837</v>
      </c>
      <c r="G10245" t="s">
        <v>17556</v>
      </c>
      <c r="H10245">
        <v>4.6509356294730004</v>
      </c>
      <c r="I10245">
        <v>52.406195988154998</v>
      </c>
      <c r="J10245" t="s">
        <v>65930</v>
      </c>
    </row>
    <row r="10246" spans="1:10" x14ac:dyDescent="0.25">
      <c r="A10246" t="s">
        <v>17549</v>
      </c>
      <c r="B10246" t="s">
        <v>17550</v>
      </c>
      <c r="C10246" t="s">
        <v>17551</v>
      </c>
      <c r="D10246" t="s">
        <v>17358</v>
      </c>
      <c r="E10246" t="s">
        <v>13</v>
      </c>
      <c r="F10246">
        <v>3836</v>
      </c>
      <c r="G10246" t="s">
        <v>17552</v>
      </c>
      <c r="H10246">
        <v>4.6456507932179996</v>
      </c>
      <c r="I10246">
        <v>52.389059740497999</v>
      </c>
      <c r="J10246" t="s">
        <v>65931</v>
      </c>
    </row>
    <row r="10247" spans="1:10" x14ac:dyDescent="0.25">
      <c r="A10247" t="s">
        <v>17546</v>
      </c>
      <c r="B10247" t="s">
        <v>17547</v>
      </c>
      <c r="C10247" t="s">
        <v>15216</v>
      </c>
      <c r="D10247" t="s">
        <v>17358</v>
      </c>
      <c r="E10247" t="s">
        <v>13</v>
      </c>
      <c r="F10247">
        <v>3835</v>
      </c>
      <c r="G10247" t="s">
        <v>17548</v>
      </c>
      <c r="H10247">
        <v>4.6374790834389996</v>
      </c>
      <c r="I10247">
        <v>52.391155423939999</v>
      </c>
      <c r="J10247" t="s">
        <v>65932</v>
      </c>
    </row>
    <row r="10248" spans="1:10" x14ac:dyDescent="0.25">
      <c r="A10248" t="s">
        <v>17542</v>
      </c>
      <c r="B10248" t="s">
        <v>17543</v>
      </c>
      <c r="C10248" t="s">
        <v>17544</v>
      </c>
      <c r="D10248" t="s">
        <v>17358</v>
      </c>
      <c r="E10248" t="s">
        <v>13</v>
      </c>
      <c r="F10248">
        <v>3834</v>
      </c>
      <c r="G10248" t="s">
        <v>17545</v>
      </c>
      <c r="H10248">
        <v>4.644961058921</v>
      </c>
      <c r="I10248">
        <v>52.391414360032002</v>
      </c>
      <c r="J10248" t="s">
        <v>65933</v>
      </c>
    </row>
    <row r="10249" spans="1:10" x14ac:dyDescent="0.25">
      <c r="A10249" t="s">
        <v>17538</v>
      </c>
      <c r="B10249" t="s">
        <v>17539</v>
      </c>
      <c r="C10249" t="s">
        <v>17540</v>
      </c>
      <c r="D10249" t="s">
        <v>17358</v>
      </c>
      <c r="E10249" t="s">
        <v>13</v>
      </c>
      <c r="F10249">
        <v>3833</v>
      </c>
      <c r="G10249" t="s">
        <v>17541</v>
      </c>
      <c r="H10249">
        <v>4.6480628645430002</v>
      </c>
      <c r="I10249">
        <v>52.393580189005</v>
      </c>
      <c r="J10249" t="s">
        <v>65934</v>
      </c>
    </row>
    <row r="10250" spans="1:10" x14ac:dyDescent="0.25">
      <c r="A10250" t="s">
        <v>17534</v>
      </c>
      <c r="B10250" t="s">
        <v>17535</v>
      </c>
      <c r="C10250" t="s">
        <v>17536</v>
      </c>
      <c r="D10250" t="s">
        <v>17358</v>
      </c>
      <c r="E10250" t="s">
        <v>13</v>
      </c>
      <c r="F10250">
        <v>3832</v>
      </c>
      <c r="G10250" t="s">
        <v>17537</v>
      </c>
      <c r="H10250">
        <v>4.6430873950229996</v>
      </c>
      <c r="I10250">
        <v>52.394393813164001</v>
      </c>
      <c r="J10250" t="s">
        <v>65935</v>
      </c>
    </row>
    <row r="10251" spans="1:10" x14ac:dyDescent="0.25">
      <c r="A10251" t="s">
        <v>17530</v>
      </c>
      <c r="B10251" t="s">
        <v>17531</v>
      </c>
      <c r="C10251" t="s">
        <v>17532</v>
      </c>
      <c r="D10251" t="s">
        <v>17358</v>
      </c>
      <c r="E10251" t="s">
        <v>13</v>
      </c>
      <c r="F10251">
        <v>3831</v>
      </c>
      <c r="G10251" t="s">
        <v>17533</v>
      </c>
      <c r="H10251">
        <v>4.6605346126690002</v>
      </c>
      <c r="I10251">
        <v>52.372176896295002</v>
      </c>
      <c r="J10251" t="s">
        <v>65936</v>
      </c>
    </row>
    <row r="10252" spans="1:10" x14ac:dyDescent="0.25">
      <c r="A10252" t="s">
        <v>17526</v>
      </c>
      <c r="B10252" t="s">
        <v>17527</v>
      </c>
      <c r="C10252" t="s">
        <v>17528</v>
      </c>
      <c r="D10252" t="s">
        <v>17358</v>
      </c>
      <c r="E10252" t="s">
        <v>13</v>
      </c>
      <c r="F10252">
        <v>3830</v>
      </c>
      <c r="G10252" t="s">
        <v>17529</v>
      </c>
      <c r="H10252">
        <v>4.6689417401429996</v>
      </c>
      <c r="I10252">
        <v>52.375497454502998</v>
      </c>
      <c r="J10252" t="s">
        <v>65937</v>
      </c>
    </row>
    <row r="10253" spans="1:10" x14ac:dyDescent="0.25">
      <c r="A10253" t="s">
        <v>17522</v>
      </c>
      <c r="B10253" t="s">
        <v>17523</v>
      </c>
      <c r="C10253" t="s">
        <v>17524</v>
      </c>
      <c r="D10253" t="s">
        <v>17358</v>
      </c>
      <c r="E10253" t="s">
        <v>13</v>
      </c>
      <c r="F10253">
        <v>3829</v>
      </c>
      <c r="G10253" t="s">
        <v>17525</v>
      </c>
      <c r="H10253">
        <v>4.6628269413550001</v>
      </c>
      <c r="I10253">
        <v>52.376275276153002</v>
      </c>
      <c r="J10253" t="s">
        <v>65938</v>
      </c>
    </row>
    <row r="10254" spans="1:10" x14ac:dyDescent="0.25">
      <c r="A10254" t="s">
        <v>17518</v>
      </c>
      <c r="B10254" t="s">
        <v>17519</v>
      </c>
      <c r="C10254" t="s">
        <v>17520</v>
      </c>
      <c r="D10254" t="s">
        <v>17358</v>
      </c>
      <c r="E10254" t="s">
        <v>13</v>
      </c>
      <c r="F10254">
        <v>3828</v>
      </c>
      <c r="G10254" t="s">
        <v>17521</v>
      </c>
      <c r="H10254">
        <v>4.6744660753089997</v>
      </c>
      <c r="I10254">
        <v>52.377452887326001</v>
      </c>
      <c r="J10254" t="s">
        <v>65939</v>
      </c>
    </row>
    <row r="10255" spans="1:10" x14ac:dyDescent="0.25">
      <c r="A10255" t="s">
        <v>17514</v>
      </c>
      <c r="B10255" t="s">
        <v>17515</v>
      </c>
      <c r="C10255" t="s">
        <v>17516</v>
      </c>
      <c r="D10255" t="s">
        <v>17358</v>
      </c>
      <c r="E10255" t="s">
        <v>13</v>
      </c>
      <c r="F10255">
        <v>3827</v>
      </c>
      <c r="G10255" t="s">
        <v>17517</v>
      </c>
      <c r="H10255">
        <v>4.6704403366270002</v>
      </c>
      <c r="I10255">
        <v>52.380028421009001</v>
      </c>
      <c r="J10255" t="s">
        <v>65940</v>
      </c>
    </row>
    <row r="10256" spans="1:10" x14ac:dyDescent="0.25">
      <c r="A10256" t="s">
        <v>17511</v>
      </c>
      <c r="B10256" t="s">
        <v>17512</v>
      </c>
      <c r="C10256" t="s">
        <v>15358</v>
      </c>
      <c r="D10256" t="s">
        <v>17358</v>
      </c>
      <c r="E10256" t="s">
        <v>13</v>
      </c>
      <c r="F10256">
        <v>3826</v>
      </c>
      <c r="G10256" t="s">
        <v>17513</v>
      </c>
      <c r="H10256">
        <v>4.6642763627699999</v>
      </c>
      <c r="I10256">
        <v>52.380264557276</v>
      </c>
      <c r="J10256" t="s">
        <v>65941</v>
      </c>
    </row>
    <row r="10257" spans="1:10" x14ac:dyDescent="0.25">
      <c r="A10257" t="s">
        <v>17507</v>
      </c>
      <c r="B10257" t="s">
        <v>17508</v>
      </c>
      <c r="C10257" t="s">
        <v>17509</v>
      </c>
      <c r="D10257" t="s">
        <v>17358</v>
      </c>
      <c r="E10257" t="s">
        <v>13</v>
      </c>
      <c r="F10257">
        <v>3825</v>
      </c>
      <c r="G10257" t="s">
        <v>17510</v>
      </c>
      <c r="H10257">
        <v>4.6511400248110002</v>
      </c>
      <c r="I10257">
        <v>52.371749286799002</v>
      </c>
      <c r="J10257" t="s">
        <v>65942</v>
      </c>
    </row>
    <row r="10258" spans="1:10" x14ac:dyDescent="0.25">
      <c r="A10258" t="s">
        <v>17503</v>
      </c>
      <c r="B10258" t="s">
        <v>17504</v>
      </c>
      <c r="C10258" t="s">
        <v>17505</v>
      </c>
      <c r="D10258" t="s">
        <v>17358</v>
      </c>
      <c r="E10258" t="s">
        <v>13</v>
      </c>
      <c r="F10258">
        <v>3824</v>
      </c>
      <c r="G10258" t="s">
        <v>17506</v>
      </c>
      <c r="H10258">
        <v>4.6449587091989999</v>
      </c>
      <c r="I10258">
        <v>52.371981075463999</v>
      </c>
      <c r="J10258" t="s">
        <v>65943</v>
      </c>
    </row>
    <row r="10259" spans="1:10" x14ac:dyDescent="0.25">
      <c r="A10259" t="s">
        <v>17499</v>
      </c>
      <c r="B10259" t="s">
        <v>17500</v>
      </c>
      <c r="C10259" t="s">
        <v>17501</v>
      </c>
      <c r="D10259" t="s">
        <v>17358</v>
      </c>
      <c r="E10259" t="s">
        <v>13</v>
      </c>
      <c r="F10259">
        <v>3823</v>
      </c>
      <c r="G10259" t="s">
        <v>17502</v>
      </c>
      <c r="H10259">
        <v>4.6545823749329998</v>
      </c>
      <c r="I10259">
        <v>52.374144590297</v>
      </c>
      <c r="J10259" t="s">
        <v>65944</v>
      </c>
    </row>
    <row r="10260" spans="1:10" x14ac:dyDescent="0.25">
      <c r="A10260" t="s">
        <v>17495</v>
      </c>
      <c r="B10260" t="s">
        <v>17496</v>
      </c>
      <c r="C10260" t="s">
        <v>17497</v>
      </c>
      <c r="D10260" t="s">
        <v>17358</v>
      </c>
      <c r="E10260" t="s">
        <v>13</v>
      </c>
      <c r="F10260">
        <v>3822</v>
      </c>
      <c r="G10260" t="s">
        <v>17498</v>
      </c>
      <c r="H10260">
        <v>4.6470701195900004</v>
      </c>
      <c r="I10260">
        <v>52.375211761647002</v>
      </c>
      <c r="J10260" t="s">
        <v>65945</v>
      </c>
    </row>
    <row r="10261" spans="1:10" x14ac:dyDescent="0.25">
      <c r="A10261" t="s">
        <v>17491</v>
      </c>
      <c r="B10261" t="s">
        <v>17492</v>
      </c>
      <c r="C10261" t="s">
        <v>17493</v>
      </c>
      <c r="D10261" t="s">
        <v>17358</v>
      </c>
      <c r="E10261" t="s">
        <v>13</v>
      </c>
      <c r="F10261">
        <v>3821</v>
      </c>
      <c r="G10261" t="s">
        <v>17494</v>
      </c>
      <c r="H10261">
        <v>4.6559803427970001</v>
      </c>
      <c r="I10261">
        <v>52.377586027054001</v>
      </c>
      <c r="J10261" t="s">
        <v>65946</v>
      </c>
    </row>
    <row r="10262" spans="1:10" x14ac:dyDescent="0.25">
      <c r="A10262" t="s">
        <v>17487</v>
      </c>
      <c r="B10262" t="s">
        <v>17488</v>
      </c>
      <c r="C10262" t="s">
        <v>17489</v>
      </c>
      <c r="D10262" t="s">
        <v>17358</v>
      </c>
      <c r="E10262" t="s">
        <v>13</v>
      </c>
      <c r="F10262">
        <v>3820</v>
      </c>
      <c r="G10262" t="s">
        <v>17490</v>
      </c>
      <c r="H10262">
        <v>4.6584375875950004</v>
      </c>
      <c r="I10262">
        <v>52.38044101621</v>
      </c>
      <c r="J10262" t="s">
        <v>65947</v>
      </c>
    </row>
    <row r="10263" spans="1:10" x14ac:dyDescent="0.25">
      <c r="A10263" t="s">
        <v>17483</v>
      </c>
      <c r="B10263" t="s">
        <v>17484</v>
      </c>
      <c r="C10263" t="s">
        <v>17485</v>
      </c>
      <c r="D10263" t="s">
        <v>17358</v>
      </c>
      <c r="E10263" t="s">
        <v>13</v>
      </c>
      <c r="F10263">
        <v>3819</v>
      </c>
      <c r="G10263" t="s">
        <v>17486</v>
      </c>
      <c r="H10263">
        <v>4.6525224408929997</v>
      </c>
      <c r="I10263">
        <v>52.379462776686999</v>
      </c>
      <c r="J10263" t="s">
        <v>65948</v>
      </c>
    </row>
    <row r="10264" spans="1:10" x14ac:dyDescent="0.25">
      <c r="A10264" t="s">
        <v>17479</v>
      </c>
      <c r="B10264" t="s">
        <v>17480</v>
      </c>
      <c r="C10264" t="s">
        <v>17481</v>
      </c>
      <c r="D10264" t="s">
        <v>17358</v>
      </c>
      <c r="E10264" t="s">
        <v>13</v>
      </c>
      <c r="F10264">
        <v>3818</v>
      </c>
      <c r="G10264" t="s">
        <v>17482</v>
      </c>
      <c r="H10264">
        <v>4.6472179210129996</v>
      </c>
      <c r="I10264">
        <v>52.378613528311</v>
      </c>
      <c r="J10264" t="s">
        <v>65949</v>
      </c>
    </row>
    <row r="10265" spans="1:10" x14ac:dyDescent="0.25">
      <c r="A10265" t="s">
        <v>17475</v>
      </c>
      <c r="B10265" t="s">
        <v>17476</v>
      </c>
      <c r="C10265" t="s">
        <v>17477</v>
      </c>
      <c r="D10265" t="s">
        <v>17358</v>
      </c>
      <c r="E10265" t="s">
        <v>13</v>
      </c>
      <c r="F10265">
        <v>3817</v>
      </c>
      <c r="G10265" t="s">
        <v>17478</v>
      </c>
      <c r="H10265">
        <v>4.6732611685730001</v>
      </c>
      <c r="I10265">
        <v>52.394699430765002</v>
      </c>
      <c r="J10265" t="s">
        <v>65950</v>
      </c>
    </row>
    <row r="10266" spans="1:10" x14ac:dyDescent="0.25">
      <c r="A10266" t="s">
        <v>17471</v>
      </c>
      <c r="B10266" t="s">
        <v>17472</v>
      </c>
      <c r="C10266" t="s">
        <v>17473</v>
      </c>
      <c r="D10266" t="s">
        <v>17358</v>
      </c>
      <c r="E10266" t="s">
        <v>13</v>
      </c>
      <c r="F10266">
        <v>3816</v>
      </c>
      <c r="G10266" t="s">
        <v>17474</v>
      </c>
      <c r="H10266">
        <v>4.6602819238180002</v>
      </c>
      <c r="I10266">
        <v>52.390915495382998</v>
      </c>
      <c r="J10266" t="s">
        <v>65951</v>
      </c>
    </row>
    <row r="10267" spans="1:10" x14ac:dyDescent="0.25">
      <c r="A10267" t="s">
        <v>17467</v>
      </c>
      <c r="B10267" t="s">
        <v>17468</v>
      </c>
      <c r="C10267" t="s">
        <v>17469</v>
      </c>
      <c r="D10267" t="s">
        <v>17358</v>
      </c>
      <c r="E10267" t="s">
        <v>13</v>
      </c>
      <c r="F10267">
        <v>3815</v>
      </c>
      <c r="G10267" t="s">
        <v>17470</v>
      </c>
      <c r="H10267">
        <v>4.6479575611530004</v>
      </c>
      <c r="I10267">
        <v>52.384850535694</v>
      </c>
      <c r="J10267" t="s">
        <v>65952</v>
      </c>
    </row>
    <row r="10268" spans="1:10" x14ac:dyDescent="0.25">
      <c r="A10268" t="s">
        <v>17463</v>
      </c>
      <c r="B10268" t="s">
        <v>17464</v>
      </c>
      <c r="C10268" t="s">
        <v>17465</v>
      </c>
      <c r="D10268" t="s">
        <v>17358</v>
      </c>
      <c r="E10268" t="s">
        <v>13</v>
      </c>
      <c r="F10268">
        <v>3814</v>
      </c>
      <c r="G10268" t="s">
        <v>17466</v>
      </c>
      <c r="H10268">
        <v>4.6061529728049999</v>
      </c>
      <c r="I10268">
        <v>52.370428838152002</v>
      </c>
      <c r="J10268" t="s">
        <v>65953</v>
      </c>
    </row>
    <row r="10269" spans="1:10" x14ac:dyDescent="0.25">
      <c r="A10269" t="s">
        <v>17459</v>
      </c>
      <c r="B10269" t="s">
        <v>17460</v>
      </c>
      <c r="C10269" t="s">
        <v>17461</v>
      </c>
      <c r="D10269" t="s">
        <v>17358</v>
      </c>
      <c r="E10269" t="s">
        <v>13</v>
      </c>
      <c r="F10269">
        <v>3813</v>
      </c>
      <c r="G10269" t="s">
        <v>17462</v>
      </c>
      <c r="H10269">
        <v>4.6052808218820003</v>
      </c>
      <c r="I10269">
        <v>52.375302025552003</v>
      </c>
      <c r="J10269" t="s">
        <v>65954</v>
      </c>
    </row>
    <row r="10270" spans="1:10" x14ac:dyDescent="0.25">
      <c r="A10270" t="s">
        <v>17455</v>
      </c>
      <c r="B10270" t="s">
        <v>17456</v>
      </c>
      <c r="C10270" t="s">
        <v>17457</v>
      </c>
      <c r="D10270" t="s">
        <v>17358</v>
      </c>
      <c r="E10270" t="s">
        <v>13</v>
      </c>
      <c r="F10270">
        <v>3812</v>
      </c>
      <c r="G10270" t="s">
        <v>17458</v>
      </c>
      <c r="H10270">
        <v>4.6089398262670001</v>
      </c>
      <c r="I10270">
        <v>52.379995644940003</v>
      </c>
      <c r="J10270" t="s">
        <v>65955</v>
      </c>
    </row>
    <row r="10271" spans="1:10" x14ac:dyDescent="0.25">
      <c r="A10271" t="s">
        <v>17451</v>
      </c>
      <c r="B10271" t="s">
        <v>17452</v>
      </c>
      <c r="C10271" t="s">
        <v>17453</v>
      </c>
      <c r="D10271" t="s">
        <v>17358</v>
      </c>
      <c r="E10271" t="s">
        <v>13</v>
      </c>
      <c r="F10271">
        <v>3811</v>
      </c>
      <c r="G10271" t="s">
        <v>17454</v>
      </c>
      <c r="H10271">
        <v>4.6057147804329999</v>
      </c>
      <c r="I10271">
        <v>52.382843489385003</v>
      </c>
      <c r="J10271" t="s">
        <v>65956</v>
      </c>
    </row>
    <row r="10272" spans="1:10" x14ac:dyDescent="0.25">
      <c r="A10272" t="s">
        <v>17448</v>
      </c>
      <c r="B10272" t="s">
        <v>17449</v>
      </c>
      <c r="C10272" t="s">
        <v>479</v>
      </c>
      <c r="D10272" t="s">
        <v>17358</v>
      </c>
      <c r="E10272" t="s">
        <v>13</v>
      </c>
      <c r="F10272">
        <v>3810</v>
      </c>
      <c r="G10272" t="s">
        <v>17450</v>
      </c>
      <c r="H10272">
        <v>4.6212443425140002</v>
      </c>
      <c r="I10272">
        <v>52.387194514896997</v>
      </c>
      <c r="J10272" t="s">
        <v>65957</v>
      </c>
    </row>
    <row r="10273" spans="1:10" x14ac:dyDescent="0.25">
      <c r="A10273" t="s">
        <v>17444</v>
      </c>
      <c r="B10273" t="s">
        <v>17445</v>
      </c>
      <c r="C10273" t="s">
        <v>17446</v>
      </c>
      <c r="D10273" t="s">
        <v>17358</v>
      </c>
      <c r="E10273" t="s">
        <v>13</v>
      </c>
      <c r="F10273">
        <v>3809</v>
      </c>
      <c r="G10273" t="s">
        <v>17447</v>
      </c>
      <c r="H10273">
        <v>4.6125422916690004</v>
      </c>
      <c r="I10273">
        <v>52.387155767823998</v>
      </c>
      <c r="J10273" t="s">
        <v>65958</v>
      </c>
    </row>
    <row r="10274" spans="1:10" x14ac:dyDescent="0.25">
      <c r="A10274" t="s">
        <v>17440</v>
      </c>
      <c r="B10274" t="s">
        <v>17441</v>
      </c>
      <c r="C10274" t="s">
        <v>17442</v>
      </c>
      <c r="D10274" t="s">
        <v>17358</v>
      </c>
      <c r="E10274" t="s">
        <v>13</v>
      </c>
      <c r="F10274">
        <v>3808</v>
      </c>
      <c r="G10274" t="s">
        <v>17443</v>
      </c>
      <c r="H10274">
        <v>4.6131598165960002</v>
      </c>
      <c r="I10274">
        <v>52.367774390405998</v>
      </c>
      <c r="J10274" t="s">
        <v>65959</v>
      </c>
    </row>
    <row r="10275" spans="1:10" x14ac:dyDescent="0.25">
      <c r="A10275" t="s">
        <v>17436</v>
      </c>
      <c r="B10275" t="s">
        <v>17437</v>
      </c>
      <c r="C10275" t="s">
        <v>17438</v>
      </c>
      <c r="D10275" t="s">
        <v>17358</v>
      </c>
      <c r="E10275" t="s">
        <v>13</v>
      </c>
      <c r="F10275">
        <v>3807</v>
      </c>
      <c r="G10275" t="s">
        <v>17439</v>
      </c>
      <c r="H10275">
        <v>4.609389429128</v>
      </c>
      <c r="I10275">
        <v>52.367760238483001</v>
      </c>
      <c r="J10275" t="s">
        <v>65960</v>
      </c>
    </row>
    <row r="10276" spans="1:10" x14ac:dyDescent="0.25">
      <c r="A10276" t="s">
        <v>17432</v>
      </c>
      <c r="B10276" t="s">
        <v>17433</v>
      </c>
      <c r="C10276" t="s">
        <v>17434</v>
      </c>
      <c r="D10276" t="s">
        <v>17358</v>
      </c>
      <c r="E10276" t="s">
        <v>13</v>
      </c>
      <c r="F10276">
        <v>3806</v>
      </c>
      <c r="G10276" t="s">
        <v>17435</v>
      </c>
      <c r="H10276">
        <v>4.618308722508</v>
      </c>
      <c r="I10276">
        <v>52.375085144465999</v>
      </c>
      <c r="J10276" t="s">
        <v>65961</v>
      </c>
    </row>
    <row r="10277" spans="1:10" x14ac:dyDescent="0.25">
      <c r="A10277" t="s">
        <v>17429</v>
      </c>
      <c r="B10277" t="s">
        <v>17430</v>
      </c>
      <c r="C10277" t="s">
        <v>1376</v>
      </c>
      <c r="D10277" t="s">
        <v>17358</v>
      </c>
      <c r="E10277" t="s">
        <v>13</v>
      </c>
      <c r="F10277">
        <v>3805</v>
      </c>
      <c r="G10277" t="s">
        <v>17431</v>
      </c>
      <c r="H10277">
        <v>4.6134425492059998</v>
      </c>
      <c r="I10277">
        <v>52.376016781446999</v>
      </c>
      <c r="J10277" t="s">
        <v>65962</v>
      </c>
    </row>
    <row r="10278" spans="1:10" x14ac:dyDescent="0.25">
      <c r="A10278" t="s">
        <v>17425</v>
      </c>
      <c r="B10278" t="s">
        <v>17426</v>
      </c>
      <c r="C10278" t="s">
        <v>17427</v>
      </c>
      <c r="D10278" t="s">
        <v>17358</v>
      </c>
      <c r="E10278" t="s">
        <v>13</v>
      </c>
      <c r="F10278">
        <v>3804</v>
      </c>
      <c r="G10278" t="s">
        <v>17428</v>
      </c>
      <c r="H10278">
        <v>4.6165664709560001</v>
      </c>
      <c r="I10278">
        <v>52.3821407095</v>
      </c>
      <c r="J10278" t="s">
        <v>65963</v>
      </c>
    </row>
    <row r="10279" spans="1:10" x14ac:dyDescent="0.25">
      <c r="A10279" t="s">
        <v>17421</v>
      </c>
      <c r="B10279" t="s">
        <v>17422</v>
      </c>
      <c r="C10279" t="s">
        <v>17423</v>
      </c>
      <c r="D10279" t="s">
        <v>17358</v>
      </c>
      <c r="E10279" t="s">
        <v>13</v>
      </c>
      <c r="F10279">
        <v>3803</v>
      </c>
      <c r="G10279" t="s">
        <v>17424</v>
      </c>
      <c r="H10279">
        <v>4.6247970219769998</v>
      </c>
      <c r="I10279">
        <v>52.380334994327001</v>
      </c>
      <c r="J10279" t="s">
        <v>65964</v>
      </c>
    </row>
    <row r="10280" spans="1:10" x14ac:dyDescent="0.25">
      <c r="A10280" t="s">
        <v>17417</v>
      </c>
      <c r="B10280" t="s">
        <v>17418</v>
      </c>
      <c r="C10280" t="s">
        <v>17419</v>
      </c>
      <c r="D10280" t="s">
        <v>17358</v>
      </c>
      <c r="E10280" t="s">
        <v>13</v>
      </c>
      <c r="F10280">
        <v>3802</v>
      </c>
      <c r="G10280" t="s">
        <v>17420</v>
      </c>
      <c r="H10280">
        <v>4.6207380095449997</v>
      </c>
      <c r="I10280">
        <v>52.381004601950004</v>
      </c>
      <c r="J10280" t="s">
        <v>65965</v>
      </c>
    </row>
    <row r="10281" spans="1:10" x14ac:dyDescent="0.25">
      <c r="A10281" t="s">
        <v>17413</v>
      </c>
      <c r="B10281" t="s">
        <v>17414</v>
      </c>
      <c r="C10281" t="s">
        <v>17415</v>
      </c>
      <c r="D10281" t="s">
        <v>17358</v>
      </c>
      <c r="E10281" t="s">
        <v>13</v>
      </c>
      <c r="F10281">
        <v>3801</v>
      </c>
      <c r="G10281" t="s">
        <v>17416</v>
      </c>
      <c r="H10281">
        <v>4.6247720149170002</v>
      </c>
      <c r="I10281">
        <v>52.383961376123999</v>
      </c>
      <c r="J10281" t="s">
        <v>65966</v>
      </c>
    </row>
    <row r="10282" spans="1:10" x14ac:dyDescent="0.25">
      <c r="A10282" t="s">
        <v>17409</v>
      </c>
      <c r="B10282" t="s">
        <v>17410</v>
      </c>
      <c r="C10282" t="s">
        <v>17411</v>
      </c>
      <c r="D10282" t="s">
        <v>17358</v>
      </c>
      <c r="E10282" t="s">
        <v>13</v>
      </c>
      <c r="F10282">
        <v>3800</v>
      </c>
      <c r="G10282" t="s">
        <v>17412</v>
      </c>
      <c r="H10282">
        <v>4.6282087914090004</v>
      </c>
      <c r="I10282">
        <v>52.386021073715</v>
      </c>
      <c r="J10282" t="s">
        <v>65967</v>
      </c>
    </row>
    <row r="10283" spans="1:10" x14ac:dyDescent="0.25">
      <c r="A10283" t="s">
        <v>17405</v>
      </c>
      <c r="B10283" t="s">
        <v>17406</v>
      </c>
      <c r="C10283" t="s">
        <v>17407</v>
      </c>
      <c r="D10283" t="s">
        <v>17358</v>
      </c>
      <c r="E10283" t="s">
        <v>13</v>
      </c>
      <c r="F10283">
        <v>3799</v>
      </c>
      <c r="G10283" t="s">
        <v>17408</v>
      </c>
      <c r="H10283">
        <v>4.629132390633</v>
      </c>
      <c r="I10283">
        <v>52.363690714657999</v>
      </c>
      <c r="J10283" t="s">
        <v>65968</v>
      </c>
    </row>
    <row r="10284" spans="1:10" x14ac:dyDescent="0.25">
      <c r="A10284" t="s">
        <v>17401</v>
      </c>
      <c r="B10284" t="s">
        <v>17402</v>
      </c>
      <c r="C10284" t="s">
        <v>17403</v>
      </c>
      <c r="D10284" t="s">
        <v>17358</v>
      </c>
      <c r="E10284" t="s">
        <v>13</v>
      </c>
      <c r="F10284">
        <v>3798</v>
      </c>
      <c r="G10284" t="s">
        <v>17404</v>
      </c>
      <c r="H10284">
        <v>4.6262833205509999</v>
      </c>
      <c r="I10284">
        <v>52.367495629589001</v>
      </c>
      <c r="J10284" t="s">
        <v>65969</v>
      </c>
    </row>
    <row r="10285" spans="1:10" x14ac:dyDescent="0.25">
      <c r="A10285" t="s">
        <v>17397</v>
      </c>
      <c r="B10285" t="s">
        <v>17398</v>
      </c>
      <c r="C10285" t="s">
        <v>17399</v>
      </c>
      <c r="D10285" t="s">
        <v>17358</v>
      </c>
      <c r="E10285" t="s">
        <v>13</v>
      </c>
      <c r="F10285">
        <v>3797</v>
      </c>
      <c r="G10285" t="s">
        <v>17400</v>
      </c>
      <c r="H10285">
        <v>4.6169662504759996</v>
      </c>
      <c r="I10285">
        <v>52.366108973875001</v>
      </c>
      <c r="J10285" t="s">
        <v>65970</v>
      </c>
    </row>
    <row r="10286" spans="1:10" x14ac:dyDescent="0.25">
      <c r="A10286" t="s">
        <v>17393</v>
      </c>
      <c r="B10286" t="s">
        <v>17394</v>
      </c>
      <c r="C10286" t="s">
        <v>17395</v>
      </c>
      <c r="D10286" t="s">
        <v>17358</v>
      </c>
      <c r="E10286" t="s">
        <v>13</v>
      </c>
      <c r="F10286">
        <v>3796</v>
      </c>
      <c r="G10286" t="s">
        <v>17396</v>
      </c>
      <c r="H10286">
        <v>4.6382178891950003</v>
      </c>
      <c r="I10286">
        <v>52.373439317915</v>
      </c>
      <c r="J10286" t="s">
        <v>65971</v>
      </c>
    </row>
    <row r="10287" spans="1:10" x14ac:dyDescent="0.25">
      <c r="A10287" t="s">
        <v>17389</v>
      </c>
      <c r="B10287" t="s">
        <v>17390</v>
      </c>
      <c r="C10287" t="s">
        <v>17391</v>
      </c>
      <c r="D10287" t="s">
        <v>17358</v>
      </c>
      <c r="E10287" t="s">
        <v>13</v>
      </c>
      <c r="F10287">
        <v>3795</v>
      </c>
      <c r="G10287" t="s">
        <v>17392</v>
      </c>
      <c r="H10287">
        <v>4.6389714942689997</v>
      </c>
      <c r="I10287">
        <v>52.375522542760002</v>
      </c>
      <c r="J10287" t="s">
        <v>65972</v>
      </c>
    </row>
    <row r="10288" spans="1:10" x14ac:dyDescent="0.25">
      <c r="A10288" t="s">
        <v>17386</v>
      </c>
      <c r="B10288" t="s">
        <v>17387</v>
      </c>
      <c r="C10288" t="s">
        <v>1629</v>
      </c>
      <c r="D10288" t="s">
        <v>17358</v>
      </c>
      <c r="E10288" t="s">
        <v>13</v>
      </c>
      <c r="F10288">
        <v>3794</v>
      </c>
      <c r="G10288" t="s">
        <v>17388</v>
      </c>
      <c r="H10288">
        <v>4.6337379017689999</v>
      </c>
      <c r="I10288">
        <v>52.371754104445003</v>
      </c>
      <c r="J10288" t="s">
        <v>65973</v>
      </c>
    </row>
    <row r="10289" spans="1:10" x14ac:dyDescent="0.25">
      <c r="A10289" t="s">
        <v>17382</v>
      </c>
      <c r="B10289" t="s">
        <v>17383</v>
      </c>
      <c r="C10289" t="s">
        <v>17384</v>
      </c>
      <c r="D10289" t="s">
        <v>17358</v>
      </c>
      <c r="E10289" t="s">
        <v>13</v>
      </c>
      <c r="F10289">
        <v>3793</v>
      </c>
      <c r="G10289" t="s">
        <v>17385</v>
      </c>
      <c r="H10289">
        <v>4.6269883869389998</v>
      </c>
      <c r="I10289">
        <v>52.371361940048999</v>
      </c>
      <c r="J10289" t="s">
        <v>65974</v>
      </c>
    </row>
    <row r="10290" spans="1:10" x14ac:dyDescent="0.25">
      <c r="A10290" t="s">
        <v>17379</v>
      </c>
      <c r="B10290" t="s">
        <v>17380</v>
      </c>
      <c r="C10290" t="s">
        <v>7736</v>
      </c>
      <c r="D10290" t="s">
        <v>17358</v>
      </c>
      <c r="E10290" t="s">
        <v>13</v>
      </c>
      <c r="F10290">
        <v>3792</v>
      </c>
      <c r="G10290" t="s">
        <v>17381</v>
      </c>
      <c r="H10290">
        <v>4.6246453302399999</v>
      </c>
      <c r="I10290">
        <v>52.373995180358001</v>
      </c>
      <c r="J10290" t="s">
        <v>65975</v>
      </c>
    </row>
    <row r="10291" spans="1:10" x14ac:dyDescent="0.25">
      <c r="A10291" t="s">
        <v>17375</v>
      </c>
      <c r="B10291" t="s">
        <v>17376</v>
      </c>
      <c r="C10291" t="s">
        <v>17377</v>
      </c>
      <c r="D10291" t="s">
        <v>17358</v>
      </c>
      <c r="E10291" t="s">
        <v>13</v>
      </c>
      <c r="F10291">
        <v>3791</v>
      </c>
      <c r="G10291" t="s">
        <v>17378</v>
      </c>
      <c r="H10291">
        <v>4.6348726610920004</v>
      </c>
      <c r="I10291">
        <v>52.377263581278001</v>
      </c>
      <c r="J10291" t="s">
        <v>65976</v>
      </c>
    </row>
    <row r="10292" spans="1:10" x14ac:dyDescent="0.25">
      <c r="A10292" t="s">
        <v>17371</v>
      </c>
      <c r="B10292" t="s">
        <v>17372</v>
      </c>
      <c r="C10292" t="s">
        <v>17373</v>
      </c>
      <c r="D10292" t="s">
        <v>17358</v>
      </c>
      <c r="E10292" t="s">
        <v>13</v>
      </c>
      <c r="F10292">
        <v>3790</v>
      </c>
      <c r="G10292" t="s">
        <v>17374</v>
      </c>
      <c r="H10292">
        <v>4.629441102765</v>
      </c>
      <c r="I10292">
        <v>52.379127327832997</v>
      </c>
      <c r="J10292" t="s">
        <v>65977</v>
      </c>
    </row>
    <row r="10293" spans="1:10" x14ac:dyDescent="0.25">
      <c r="A10293" t="s">
        <v>17367</v>
      </c>
      <c r="B10293" t="s">
        <v>17368</v>
      </c>
      <c r="C10293" t="s">
        <v>17369</v>
      </c>
      <c r="D10293" t="s">
        <v>17358</v>
      </c>
      <c r="E10293" t="s">
        <v>13</v>
      </c>
      <c r="F10293">
        <v>3789</v>
      </c>
      <c r="G10293" t="s">
        <v>17370</v>
      </c>
      <c r="H10293">
        <v>4.6429469722240002</v>
      </c>
      <c r="I10293">
        <v>52.379847828483001</v>
      </c>
      <c r="J10293" t="s">
        <v>65978</v>
      </c>
    </row>
    <row r="10294" spans="1:10" x14ac:dyDescent="0.25">
      <c r="A10294" t="s">
        <v>17363</v>
      </c>
      <c r="B10294" t="s">
        <v>17364</v>
      </c>
      <c r="C10294" t="s">
        <v>17365</v>
      </c>
      <c r="D10294" t="s">
        <v>17358</v>
      </c>
      <c r="E10294" t="s">
        <v>13</v>
      </c>
      <c r="F10294">
        <v>3788</v>
      </c>
      <c r="G10294" t="s">
        <v>17366</v>
      </c>
      <c r="H10294">
        <v>4.639556871171</v>
      </c>
      <c r="I10294">
        <v>52.382342610884997</v>
      </c>
      <c r="J10294" t="s">
        <v>65979</v>
      </c>
    </row>
    <row r="10295" spans="1:10" x14ac:dyDescent="0.25">
      <c r="A10295" t="s">
        <v>17360</v>
      </c>
      <c r="B10295" t="s">
        <v>17361</v>
      </c>
      <c r="C10295" t="s">
        <v>2874</v>
      </c>
      <c r="D10295" t="s">
        <v>17358</v>
      </c>
      <c r="E10295" t="s">
        <v>13</v>
      </c>
      <c r="F10295">
        <v>3787</v>
      </c>
      <c r="G10295" t="s">
        <v>17362</v>
      </c>
      <c r="H10295">
        <v>4.6342959313590004</v>
      </c>
      <c r="I10295">
        <v>52.381745804386</v>
      </c>
      <c r="J10295" t="s">
        <v>65980</v>
      </c>
    </row>
    <row r="10296" spans="1:10" x14ac:dyDescent="0.25">
      <c r="A10296" t="s">
        <v>17356</v>
      </c>
      <c r="B10296" t="s">
        <v>17357</v>
      </c>
      <c r="C10296" t="s">
        <v>4780</v>
      </c>
      <c r="D10296" t="s">
        <v>17358</v>
      </c>
      <c r="E10296" t="s">
        <v>13</v>
      </c>
      <c r="F10296">
        <v>3786</v>
      </c>
      <c r="G10296" t="s">
        <v>17359</v>
      </c>
      <c r="H10296">
        <v>4.6388857669889996</v>
      </c>
      <c r="I10296">
        <v>52.386950797513997</v>
      </c>
      <c r="J10296" t="s">
        <v>65981</v>
      </c>
    </row>
    <row r="10297" spans="1:10" x14ac:dyDescent="0.25">
      <c r="A10297" t="s">
        <v>17352</v>
      </c>
      <c r="B10297" t="s">
        <v>17353</v>
      </c>
      <c r="C10297" t="s">
        <v>17354</v>
      </c>
      <c r="D10297" t="s">
        <v>17250</v>
      </c>
      <c r="E10297" t="s">
        <v>13</v>
      </c>
      <c r="F10297">
        <v>3785</v>
      </c>
      <c r="G10297" t="s">
        <v>17355</v>
      </c>
      <c r="H10297">
        <v>4.9856042783529997</v>
      </c>
      <c r="I10297">
        <v>52.545402888574003</v>
      </c>
      <c r="J10297" t="s">
        <v>65982</v>
      </c>
    </row>
    <row r="10298" spans="1:10" x14ac:dyDescent="0.25">
      <c r="A10298" t="s">
        <v>17348</v>
      </c>
      <c r="B10298" t="s">
        <v>17349</v>
      </c>
      <c r="C10298" t="s">
        <v>17350</v>
      </c>
      <c r="D10298" t="s">
        <v>17250</v>
      </c>
      <c r="E10298" t="s">
        <v>13</v>
      </c>
      <c r="F10298">
        <v>3784</v>
      </c>
      <c r="G10298" t="s">
        <v>17351</v>
      </c>
      <c r="H10298">
        <v>5.0134820577359998</v>
      </c>
      <c r="I10298">
        <v>52.598900547565002</v>
      </c>
      <c r="J10298" t="s">
        <v>65983</v>
      </c>
    </row>
    <row r="10299" spans="1:10" x14ac:dyDescent="0.25">
      <c r="A10299" t="s">
        <v>17344</v>
      </c>
      <c r="B10299" t="s">
        <v>17345</v>
      </c>
      <c r="C10299" t="s">
        <v>17346</v>
      </c>
      <c r="D10299" t="s">
        <v>17250</v>
      </c>
      <c r="E10299" t="s">
        <v>13</v>
      </c>
      <c r="F10299">
        <v>3783</v>
      </c>
      <c r="G10299" t="s">
        <v>17347</v>
      </c>
      <c r="H10299">
        <v>4.9853906095480003</v>
      </c>
      <c r="I10299">
        <v>52.532118429493998</v>
      </c>
      <c r="J10299" t="s">
        <v>65984</v>
      </c>
    </row>
    <row r="10300" spans="1:10" x14ac:dyDescent="0.25">
      <c r="A10300" t="s">
        <v>17340</v>
      </c>
      <c r="B10300" t="s">
        <v>17341</v>
      </c>
      <c r="C10300" t="s">
        <v>17342</v>
      </c>
      <c r="D10300" t="s">
        <v>17250</v>
      </c>
      <c r="E10300" t="s">
        <v>13</v>
      </c>
      <c r="F10300">
        <v>3782</v>
      </c>
      <c r="G10300" t="s">
        <v>17343</v>
      </c>
      <c r="H10300">
        <v>5.018737446147</v>
      </c>
      <c r="I10300">
        <v>52.538583475469999</v>
      </c>
      <c r="J10300" t="s">
        <v>65985</v>
      </c>
    </row>
    <row r="10301" spans="1:10" x14ac:dyDescent="0.25">
      <c r="A10301" t="s">
        <v>17336</v>
      </c>
      <c r="B10301" t="s">
        <v>17337</v>
      </c>
      <c r="C10301" t="s">
        <v>17338</v>
      </c>
      <c r="D10301" t="s">
        <v>17250</v>
      </c>
      <c r="E10301" t="s">
        <v>13</v>
      </c>
      <c r="F10301">
        <v>3781</v>
      </c>
      <c r="G10301" t="s">
        <v>17339</v>
      </c>
      <c r="H10301">
        <v>5.03217421029</v>
      </c>
      <c r="I10301">
        <v>52.551555862191996</v>
      </c>
      <c r="J10301" t="s">
        <v>65986</v>
      </c>
    </row>
    <row r="10302" spans="1:10" x14ac:dyDescent="0.25">
      <c r="A10302" t="s">
        <v>17332</v>
      </c>
      <c r="B10302" t="s">
        <v>17333</v>
      </c>
      <c r="C10302" t="s">
        <v>17334</v>
      </c>
      <c r="D10302" t="s">
        <v>17250</v>
      </c>
      <c r="E10302" t="s">
        <v>13</v>
      </c>
      <c r="F10302">
        <v>3780</v>
      </c>
      <c r="G10302" t="s">
        <v>17335</v>
      </c>
      <c r="H10302">
        <v>4.9969217565389998</v>
      </c>
      <c r="I10302">
        <v>52.567702042077002</v>
      </c>
      <c r="J10302" t="s">
        <v>65987</v>
      </c>
    </row>
    <row r="10303" spans="1:10" x14ac:dyDescent="0.25">
      <c r="A10303" t="s">
        <v>17328</v>
      </c>
      <c r="B10303" t="s">
        <v>17329</v>
      </c>
      <c r="C10303" t="s">
        <v>17330</v>
      </c>
      <c r="D10303" t="s">
        <v>17250</v>
      </c>
      <c r="E10303" t="s">
        <v>13</v>
      </c>
      <c r="F10303">
        <v>3779</v>
      </c>
      <c r="G10303" t="s">
        <v>17331</v>
      </c>
      <c r="H10303">
        <v>5.0029059187599998</v>
      </c>
      <c r="I10303">
        <v>52.576685843082998</v>
      </c>
      <c r="J10303" t="s">
        <v>65988</v>
      </c>
    </row>
    <row r="10304" spans="1:10" x14ac:dyDescent="0.25">
      <c r="A10304" t="s">
        <v>17324</v>
      </c>
      <c r="B10304" t="s">
        <v>17325</v>
      </c>
      <c r="C10304" t="s">
        <v>17326</v>
      </c>
      <c r="D10304" t="s">
        <v>17250</v>
      </c>
      <c r="E10304" t="s">
        <v>13</v>
      </c>
      <c r="F10304">
        <v>3778</v>
      </c>
      <c r="G10304" t="s">
        <v>17327</v>
      </c>
      <c r="H10304">
        <v>4.9737835193070001</v>
      </c>
      <c r="I10304">
        <v>52.590965185755003</v>
      </c>
      <c r="J10304" t="s">
        <v>65989</v>
      </c>
    </row>
    <row r="10305" spans="1:10" x14ac:dyDescent="0.25">
      <c r="A10305" t="s">
        <v>17320</v>
      </c>
      <c r="B10305" t="s">
        <v>17321</v>
      </c>
      <c r="C10305" t="s">
        <v>17322</v>
      </c>
      <c r="D10305" t="s">
        <v>17250</v>
      </c>
      <c r="E10305" t="s">
        <v>13</v>
      </c>
      <c r="F10305">
        <v>3777</v>
      </c>
      <c r="G10305" t="s">
        <v>17323</v>
      </c>
      <c r="H10305">
        <v>5.0737072621359998</v>
      </c>
      <c r="I10305">
        <v>52.511987732686997</v>
      </c>
      <c r="J10305" t="s">
        <v>65990</v>
      </c>
    </row>
    <row r="10306" spans="1:10" x14ac:dyDescent="0.25">
      <c r="A10306" t="s">
        <v>17316</v>
      </c>
      <c r="B10306" t="s">
        <v>17317</v>
      </c>
      <c r="C10306" t="s">
        <v>17318</v>
      </c>
      <c r="D10306" t="s">
        <v>17250</v>
      </c>
      <c r="E10306" t="s">
        <v>13</v>
      </c>
      <c r="F10306">
        <v>3776</v>
      </c>
      <c r="G10306" t="s">
        <v>17319</v>
      </c>
      <c r="H10306">
        <v>5.040134087807</v>
      </c>
      <c r="I10306">
        <v>52.494914425471997</v>
      </c>
      <c r="J10306" t="s">
        <v>65991</v>
      </c>
    </row>
    <row r="10307" spans="1:10" x14ac:dyDescent="0.25">
      <c r="A10307" t="s">
        <v>17312</v>
      </c>
      <c r="B10307" t="s">
        <v>17313</v>
      </c>
      <c r="C10307" t="s">
        <v>17314</v>
      </c>
      <c r="D10307" t="s">
        <v>17250</v>
      </c>
      <c r="E10307" t="s">
        <v>13</v>
      </c>
      <c r="F10307">
        <v>3775</v>
      </c>
      <c r="G10307" t="s">
        <v>17315</v>
      </c>
      <c r="H10307">
        <v>5.063963838536</v>
      </c>
      <c r="I10307">
        <v>52.505792497446002</v>
      </c>
      <c r="J10307" t="s">
        <v>65992</v>
      </c>
    </row>
    <row r="10308" spans="1:10" x14ac:dyDescent="0.25">
      <c r="A10308" t="s">
        <v>17308</v>
      </c>
      <c r="B10308" t="s">
        <v>17309</v>
      </c>
      <c r="C10308" t="s">
        <v>17310</v>
      </c>
      <c r="D10308" t="s">
        <v>17250</v>
      </c>
      <c r="E10308" t="s">
        <v>13</v>
      </c>
      <c r="F10308">
        <v>3774</v>
      </c>
      <c r="G10308" t="s">
        <v>17311</v>
      </c>
      <c r="H10308">
        <v>5.0786975786369997</v>
      </c>
      <c r="I10308">
        <v>52.503838991930003</v>
      </c>
      <c r="J10308" t="s">
        <v>65993</v>
      </c>
    </row>
    <row r="10309" spans="1:10" x14ac:dyDescent="0.25">
      <c r="A10309" t="s">
        <v>17304</v>
      </c>
      <c r="B10309" t="s">
        <v>17305</v>
      </c>
      <c r="C10309" t="s">
        <v>17306</v>
      </c>
      <c r="D10309" t="s">
        <v>17250</v>
      </c>
      <c r="E10309" t="s">
        <v>13</v>
      </c>
      <c r="F10309">
        <v>3773</v>
      </c>
      <c r="G10309" t="s">
        <v>17307</v>
      </c>
      <c r="H10309">
        <v>5.070793162367</v>
      </c>
      <c r="I10309">
        <v>52.499645554600001</v>
      </c>
      <c r="J10309" t="s">
        <v>65994</v>
      </c>
    </row>
    <row r="10310" spans="1:10" x14ac:dyDescent="0.25">
      <c r="A10310" t="s">
        <v>17300</v>
      </c>
      <c r="B10310" t="s">
        <v>17301</v>
      </c>
      <c r="C10310" t="s">
        <v>17302</v>
      </c>
      <c r="D10310" t="s">
        <v>17250</v>
      </c>
      <c r="E10310" t="s">
        <v>13</v>
      </c>
      <c r="F10310">
        <v>3772</v>
      </c>
      <c r="G10310" t="s">
        <v>17303</v>
      </c>
      <c r="H10310">
        <v>5.0700477232900001</v>
      </c>
      <c r="I10310">
        <v>52.503692562265996</v>
      </c>
      <c r="J10310" t="s">
        <v>65995</v>
      </c>
    </row>
    <row r="10311" spans="1:10" x14ac:dyDescent="0.25">
      <c r="A10311" t="s">
        <v>17296</v>
      </c>
      <c r="B10311" t="s">
        <v>17297</v>
      </c>
      <c r="C10311" t="s">
        <v>17298</v>
      </c>
      <c r="D10311" t="s">
        <v>17250</v>
      </c>
      <c r="E10311" t="s">
        <v>13</v>
      </c>
      <c r="F10311">
        <v>3771</v>
      </c>
      <c r="G10311" t="s">
        <v>17299</v>
      </c>
      <c r="H10311">
        <v>5.0466807062859997</v>
      </c>
      <c r="I10311">
        <v>52.496134027906997</v>
      </c>
      <c r="J10311" t="s">
        <v>65996</v>
      </c>
    </row>
    <row r="10312" spans="1:10" x14ac:dyDescent="0.25">
      <c r="A10312" t="s">
        <v>17292</v>
      </c>
      <c r="B10312" t="s">
        <v>17293</v>
      </c>
      <c r="C10312" t="s">
        <v>17294</v>
      </c>
      <c r="D10312" t="s">
        <v>17250</v>
      </c>
      <c r="E10312" t="s">
        <v>13</v>
      </c>
      <c r="F10312">
        <v>3770</v>
      </c>
      <c r="G10312" t="s">
        <v>17295</v>
      </c>
      <c r="H10312">
        <v>5.053108746285</v>
      </c>
      <c r="I10312">
        <v>52.494680694206998</v>
      </c>
      <c r="J10312" t="s">
        <v>65997</v>
      </c>
    </row>
    <row r="10313" spans="1:10" x14ac:dyDescent="0.25">
      <c r="A10313" t="s">
        <v>17288</v>
      </c>
      <c r="B10313" t="s">
        <v>17289</v>
      </c>
      <c r="C10313" t="s">
        <v>17290</v>
      </c>
      <c r="D10313" t="s">
        <v>17250</v>
      </c>
      <c r="E10313" t="s">
        <v>13</v>
      </c>
      <c r="F10313">
        <v>3769</v>
      </c>
      <c r="G10313" t="s">
        <v>17291</v>
      </c>
      <c r="H10313">
        <v>5.0525027780069998</v>
      </c>
      <c r="I10313">
        <v>52.501206579208997</v>
      </c>
      <c r="J10313" t="s">
        <v>65998</v>
      </c>
    </row>
    <row r="10314" spans="1:10" x14ac:dyDescent="0.25">
      <c r="A10314" t="s">
        <v>17284</v>
      </c>
      <c r="B10314" t="s">
        <v>17285</v>
      </c>
      <c r="C10314" t="s">
        <v>17286</v>
      </c>
      <c r="D10314" t="s">
        <v>17250</v>
      </c>
      <c r="E10314" t="s">
        <v>13</v>
      </c>
      <c r="F10314">
        <v>3768</v>
      </c>
      <c r="G10314" t="s">
        <v>17287</v>
      </c>
      <c r="H10314">
        <v>5.0563453513330003</v>
      </c>
      <c r="I10314">
        <v>52.498475057335</v>
      </c>
      <c r="J10314" t="s">
        <v>65999</v>
      </c>
    </row>
    <row r="10315" spans="1:10" x14ac:dyDescent="0.25">
      <c r="A10315" t="s">
        <v>17280</v>
      </c>
      <c r="B10315" t="s">
        <v>17281</v>
      </c>
      <c r="C10315" t="s">
        <v>17282</v>
      </c>
      <c r="D10315" t="s">
        <v>17250</v>
      </c>
      <c r="E10315" t="s">
        <v>13</v>
      </c>
      <c r="F10315">
        <v>3767</v>
      </c>
      <c r="G10315" t="s">
        <v>17283</v>
      </c>
      <c r="H10315">
        <v>5.0633837668629997</v>
      </c>
      <c r="I10315">
        <v>52.495559599252999</v>
      </c>
      <c r="J10315" t="s">
        <v>66000</v>
      </c>
    </row>
    <row r="10316" spans="1:10" x14ac:dyDescent="0.25">
      <c r="A10316" t="s">
        <v>17276</v>
      </c>
      <c r="B10316" t="s">
        <v>17277</v>
      </c>
      <c r="C10316" t="s">
        <v>17278</v>
      </c>
      <c r="D10316" t="s">
        <v>17250</v>
      </c>
      <c r="E10316" t="s">
        <v>13</v>
      </c>
      <c r="F10316">
        <v>3766</v>
      </c>
      <c r="G10316" t="s">
        <v>17279</v>
      </c>
      <c r="H10316">
        <v>5.0695030490580004</v>
      </c>
      <c r="I10316">
        <v>52.493096321898001</v>
      </c>
      <c r="J10316" t="s">
        <v>66001</v>
      </c>
    </row>
    <row r="10317" spans="1:10" x14ac:dyDescent="0.25">
      <c r="A10317" t="s">
        <v>17272</v>
      </c>
      <c r="B10317" t="s">
        <v>17273</v>
      </c>
      <c r="C10317" t="s">
        <v>17274</v>
      </c>
      <c r="D10317" t="s">
        <v>17250</v>
      </c>
      <c r="E10317" t="s">
        <v>13</v>
      </c>
      <c r="F10317">
        <v>3765</v>
      </c>
      <c r="G10317" t="s">
        <v>17275</v>
      </c>
      <c r="H10317">
        <v>5.0219929089099997</v>
      </c>
      <c r="I10317">
        <v>52.502910894471</v>
      </c>
      <c r="J10317" t="s">
        <v>66002</v>
      </c>
    </row>
    <row r="10318" spans="1:10" x14ac:dyDescent="0.25">
      <c r="A10318" t="s">
        <v>17268</v>
      </c>
      <c r="B10318" t="s">
        <v>17269</v>
      </c>
      <c r="C10318" t="s">
        <v>17270</v>
      </c>
      <c r="D10318" t="s">
        <v>17250</v>
      </c>
      <c r="E10318" t="s">
        <v>13</v>
      </c>
      <c r="F10318">
        <v>3764</v>
      </c>
      <c r="G10318" t="s">
        <v>17271</v>
      </c>
      <c r="H10318">
        <v>5.0588616329780001</v>
      </c>
      <c r="I10318">
        <v>52.519454267809998</v>
      </c>
      <c r="J10318" t="s">
        <v>66003</v>
      </c>
    </row>
    <row r="10319" spans="1:10" x14ac:dyDescent="0.25">
      <c r="A10319" t="s">
        <v>17264</v>
      </c>
      <c r="B10319" t="s">
        <v>17265</v>
      </c>
      <c r="C10319" t="s">
        <v>17266</v>
      </c>
      <c r="D10319" t="s">
        <v>17250</v>
      </c>
      <c r="E10319" t="s">
        <v>13</v>
      </c>
      <c r="F10319">
        <v>3763</v>
      </c>
      <c r="G10319" t="s">
        <v>17267</v>
      </c>
      <c r="H10319">
        <v>5.0607306595220001</v>
      </c>
      <c r="I10319">
        <v>52.509297753176</v>
      </c>
      <c r="J10319" t="s">
        <v>66004</v>
      </c>
    </row>
    <row r="10320" spans="1:10" x14ac:dyDescent="0.25">
      <c r="A10320" t="s">
        <v>17260</v>
      </c>
      <c r="B10320" t="s">
        <v>17261</v>
      </c>
      <c r="C10320" t="s">
        <v>17262</v>
      </c>
      <c r="D10320" t="s">
        <v>17250</v>
      </c>
      <c r="E10320" t="s">
        <v>13</v>
      </c>
      <c r="F10320">
        <v>3762</v>
      </c>
      <c r="G10320" t="s">
        <v>17263</v>
      </c>
      <c r="H10320">
        <v>5.0539071860959996</v>
      </c>
      <c r="I10320">
        <v>52.508945597531003</v>
      </c>
      <c r="J10320" t="s">
        <v>66005</v>
      </c>
    </row>
    <row r="10321" spans="1:10" x14ac:dyDescent="0.25">
      <c r="A10321" t="s">
        <v>17256</v>
      </c>
      <c r="B10321" t="s">
        <v>17257</v>
      </c>
      <c r="C10321" t="s">
        <v>17258</v>
      </c>
      <c r="D10321" t="s">
        <v>17250</v>
      </c>
      <c r="E10321" t="s">
        <v>13</v>
      </c>
      <c r="F10321">
        <v>3761</v>
      </c>
      <c r="G10321" t="s">
        <v>17259</v>
      </c>
      <c r="H10321">
        <v>5.0466540294450004</v>
      </c>
      <c r="I10321">
        <v>52.506423743013997</v>
      </c>
      <c r="J10321" t="s">
        <v>66006</v>
      </c>
    </row>
    <row r="10322" spans="1:10" x14ac:dyDescent="0.25">
      <c r="A10322" t="s">
        <v>17252</v>
      </c>
      <c r="B10322" t="s">
        <v>17253</v>
      </c>
      <c r="C10322" t="s">
        <v>17254</v>
      </c>
      <c r="D10322" t="s">
        <v>17250</v>
      </c>
      <c r="E10322" t="s">
        <v>13</v>
      </c>
      <c r="F10322">
        <v>3760</v>
      </c>
      <c r="G10322" t="s">
        <v>17255</v>
      </c>
      <c r="H10322">
        <v>5.0398247378210002</v>
      </c>
      <c r="I10322">
        <v>52.515317165572</v>
      </c>
      <c r="J10322" t="s">
        <v>66007</v>
      </c>
    </row>
    <row r="10323" spans="1:10" x14ac:dyDescent="0.25">
      <c r="A10323" t="s">
        <v>17247</v>
      </c>
      <c r="B10323" t="s">
        <v>17248</v>
      </c>
      <c r="C10323" t="s">
        <v>17249</v>
      </c>
      <c r="D10323" t="s">
        <v>17250</v>
      </c>
      <c r="E10323" t="s">
        <v>13</v>
      </c>
      <c r="F10323">
        <v>3759</v>
      </c>
      <c r="G10323" t="s">
        <v>17251</v>
      </c>
      <c r="H10323">
        <v>5.0557754722899997</v>
      </c>
      <c r="I10323">
        <v>52.513977561235002</v>
      </c>
      <c r="J10323" t="s">
        <v>66008</v>
      </c>
    </row>
    <row r="10324" spans="1:10" x14ac:dyDescent="0.25">
      <c r="A10324" t="s">
        <v>17243</v>
      </c>
      <c r="B10324" t="s">
        <v>17244</v>
      </c>
      <c r="C10324" t="s">
        <v>17245</v>
      </c>
      <c r="D10324" t="s">
        <v>17103</v>
      </c>
      <c r="E10324" t="s">
        <v>13</v>
      </c>
      <c r="F10324">
        <v>3758</v>
      </c>
      <c r="G10324" t="s">
        <v>17246</v>
      </c>
      <c r="H10324">
        <v>5.025466415556</v>
      </c>
      <c r="I10324">
        <v>52.343823685987999</v>
      </c>
      <c r="J10324" t="s">
        <v>66009</v>
      </c>
    </row>
    <row r="10325" spans="1:10" x14ac:dyDescent="0.25">
      <c r="A10325" t="s">
        <v>17239</v>
      </c>
      <c r="B10325" t="s">
        <v>17240</v>
      </c>
      <c r="C10325" t="s">
        <v>17241</v>
      </c>
      <c r="D10325" t="s">
        <v>17103</v>
      </c>
      <c r="E10325" t="s">
        <v>13</v>
      </c>
      <c r="F10325">
        <v>3757</v>
      </c>
      <c r="G10325" t="s">
        <v>17242</v>
      </c>
      <c r="H10325">
        <v>5.0141189559569996</v>
      </c>
      <c r="I10325">
        <v>52.338719777571001</v>
      </c>
      <c r="J10325" t="s">
        <v>66010</v>
      </c>
    </row>
    <row r="10326" spans="1:10" x14ac:dyDescent="0.25">
      <c r="A10326" t="s">
        <v>17235</v>
      </c>
      <c r="B10326" t="s">
        <v>17236</v>
      </c>
      <c r="C10326" t="s">
        <v>17237</v>
      </c>
      <c r="D10326" t="s">
        <v>17103</v>
      </c>
      <c r="E10326" t="s">
        <v>13</v>
      </c>
      <c r="F10326">
        <v>3756</v>
      </c>
      <c r="G10326" t="s">
        <v>17238</v>
      </c>
      <c r="H10326">
        <v>4.9987633184820002</v>
      </c>
      <c r="I10326">
        <v>52.337273562916998</v>
      </c>
      <c r="J10326" t="s">
        <v>66011</v>
      </c>
    </row>
    <row r="10327" spans="1:10" x14ac:dyDescent="0.25">
      <c r="A10327" t="s">
        <v>17231</v>
      </c>
      <c r="B10327" t="s">
        <v>17232</v>
      </c>
      <c r="C10327" t="s">
        <v>17233</v>
      </c>
      <c r="D10327" t="s">
        <v>17103</v>
      </c>
      <c r="E10327" t="s">
        <v>13</v>
      </c>
      <c r="F10327">
        <v>3755</v>
      </c>
      <c r="G10327" t="s">
        <v>17234</v>
      </c>
      <c r="H10327">
        <v>4.9984548935969997</v>
      </c>
      <c r="I10327">
        <v>52.327761228557002</v>
      </c>
      <c r="J10327" t="s">
        <v>66012</v>
      </c>
    </row>
    <row r="10328" spans="1:10" x14ac:dyDescent="0.25">
      <c r="A10328" t="s">
        <v>17227</v>
      </c>
      <c r="B10328" t="s">
        <v>17228</v>
      </c>
      <c r="C10328" t="s">
        <v>17229</v>
      </c>
      <c r="D10328" t="s">
        <v>17103</v>
      </c>
      <c r="E10328" t="s">
        <v>13</v>
      </c>
      <c r="F10328">
        <v>3754</v>
      </c>
      <c r="G10328" t="s">
        <v>17230</v>
      </c>
      <c r="H10328">
        <v>4.977632291071</v>
      </c>
      <c r="I10328">
        <v>52.338902654553003</v>
      </c>
      <c r="J10328" t="s">
        <v>66013</v>
      </c>
    </row>
    <row r="10329" spans="1:10" x14ac:dyDescent="0.25">
      <c r="A10329" t="s">
        <v>17223</v>
      </c>
      <c r="B10329" t="s">
        <v>17224</v>
      </c>
      <c r="C10329" t="s">
        <v>17225</v>
      </c>
      <c r="D10329" t="s">
        <v>17103</v>
      </c>
      <c r="E10329" t="s">
        <v>13</v>
      </c>
      <c r="F10329">
        <v>3753</v>
      </c>
      <c r="G10329" t="s">
        <v>17226</v>
      </c>
      <c r="H10329">
        <v>4.9740888194180002</v>
      </c>
      <c r="I10329">
        <v>52.336851853789</v>
      </c>
      <c r="J10329" t="s">
        <v>66014</v>
      </c>
    </row>
    <row r="10330" spans="1:10" x14ac:dyDescent="0.25">
      <c r="A10330" t="s">
        <v>17219</v>
      </c>
      <c r="B10330" t="s">
        <v>17220</v>
      </c>
      <c r="C10330" t="s">
        <v>17221</v>
      </c>
      <c r="D10330" t="s">
        <v>17103</v>
      </c>
      <c r="E10330" t="s">
        <v>13</v>
      </c>
      <c r="F10330">
        <v>3752</v>
      </c>
      <c r="G10330" t="s">
        <v>17222</v>
      </c>
      <c r="H10330">
        <v>4.9726439194949998</v>
      </c>
      <c r="I10330">
        <v>52.334516688946003</v>
      </c>
      <c r="J10330" t="s">
        <v>66015</v>
      </c>
    </row>
    <row r="10331" spans="1:10" x14ac:dyDescent="0.25">
      <c r="A10331" t="s">
        <v>17215</v>
      </c>
      <c r="B10331" t="s">
        <v>17216</v>
      </c>
      <c r="C10331" t="s">
        <v>17217</v>
      </c>
      <c r="D10331" t="s">
        <v>17103</v>
      </c>
      <c r="E10331" t="s">
        <v>13</v>
      </c>
      <c r="F10331">
        <v>3751</v>
      </c>
      <c r="G10331" t="s">
        <v>17218</v>
      </c>
      <c r="H10331">
        <v>4.9835415304690001</v>
      </c>
      <c r="I10331">
        <v>52.331908153552</v>
      </c>
      <c r="J10331" t="s">
        <v>66016</v>
      </c>
    </row>
    <row r="10332" spans="1:10" x14ac:dyDescent="0.25">
      <c r="A10332" t="s">
        <v>17211</v>
      </c>
      <c r="B10332" t="s">
        <v>17212</v>
      </c>
      <c r="C10332" t="s">
        <v>17213</v>
      </c>
      <c r="D10332" t="s">
        <v>17103</v>
      </c>
      <c r="E10332" t="s">
        <v>13</v>
      </c>
      <c r="F10332">
        <v>3750</v>
      </c>
      <c r="G10332" t="s">
        <v>17214</v>
      </c>
      <c r="H10332">
        <v>4.9780697744799998</v>
      </c>
      <c r="I10332">
        <v>52.332315108441001</v>
      </c>
      <c r="J10332" t="s">
        <v>66017</v>
      </c>
    </row>
    <row r="10333" spans="1:10" x14ac:dyDescent="0.25">
      <c r="A10333" t="s">
        <v>17207</v>
      </c>
      <c r="B10333" t="s">
        <v>17208</v>
      </c>
      <c r="C10333" t="s">
        <v>17209</v>
      </c>
      <c r="D10333" t="s">
        <v>17103</v>
      </c>
      <c r="E10333" t="s">
        <v>13</v>
      </c>
      <c r="F10333">
        <v>3749</v>
      </c>
      <c r="G10333" t="s">
        <v>17210</v>
      </c>
      <c r="H10333">
        <v>4.9685660646300001</v>
      </c>
      <c r="I10333">
        <v>52.331333429738997</v>
      </c>
      <c r="J10333" t="s">
        <v>66018</v>
      </c>
    </row>
    <row r="10334" spans="1:10" x14ac:dyDescent="0.25">
      <c r="A10334" t="s">
        <v>17203</v>
      </c>
      <c r="B10334" t="s">
        <v>17204</v>
      </c>
      <c r="C10334" t="s">
        <v>17205</v>
      </c>
      <c r="D10334" t="s">
        <v>17103</v>
      </c>
      <c r="E10334" t="s">
        <v>13</v>
      </c>
      <c r="F10334">
        <v>3748</v>
      </c>
      <c r="G10334" t="s">
        <v>17206</v>
      </c>
      <c r="H10334">
        <v>4.9565369953839999</v>
      </c>
      <c r="I10334">
        <v>52.327041883183</v>
      </c>
      <c r="J10334" t="s">
        <v>66019</v>
      </c>
    </row>
    <row r="10335" spans="1:10" x14ac:dyDescent="0.25">
      <c r="A10335" t="s">
        <v>17199</v>
      </c>
      <c r="B10335" t="s">
        <v>17200</v>
      </c>
      <c r="C10335" t="s">
        <v>17201</v>
      </c>
      <c r="D10335" t="s">
        <v>17103</v>
      </c>
      <c r="E10335" t="s">
        <v>13</v>
      </c>
      <c r="F10335">
        <v>3747</v>
      </c>
      <c r="G10335" t="s">
        <v>17202</v>
      </c>
      <c r="H10335">
        <v>4.9616851489669997</v>
      </c>
      <c r="I10335">
        <v>52.32657970583</v>
      </c>
      <c r="J10335" t="s">
        <v>66020</v>
      </c>
    </row>
    <row r="10336" spans="1:10" x14ac:dyDescent="0.25">
      <c r="A10336" t="s">
        <v>17195</v>
      </c>
      <c r="B10336" t="s">
        <v>17196</v>
      </c>
      <c r="C10336" t="s">
        <v>17197</v>
      </c>
      <c r="D10336" t="s">
        <v>17103</v>
      </c>
      <c r="E10336" t="s">
        <v>13</v>
      </c>
      <c r="F10336">
        <v>3746</v>
      </c>
      <c r="G10336" t="s">
        <v>17198</v>
      </c>
      <c r="H10336">
        <v>4.9608144921940003</v>
      </c>
      <c r="I10336">
        <v>52.329162630397001</v>
      </c>
      <c r="J10336" t="s">
        <v>66021</v>
      </c>
    </row>
    <row r="10337" spans="1:10" x14ac:dyDescent="0.25">
      <c r="A10337" t="s">
        <v>17191</v>
      </c>
      <c r="B10337" t="s">
        <v>17192</v>
      </c>
      <c r="C10337" t="s">
        <v>17193</v>
      </c>
      <c r="D10337" t="s">
        <v>17103</v>
      </c>
      <c r="E10337" t="s">
        <v>13</v>
      </c>
      <c r="F10337">
        <v>3745</v>
      </c>
      <c r="G10337" t="s">
        <v>17194</v>
      </c>
      <c r="H10337">
        <v>4.9551914717669998</v>
      </c>
      <c r="I10337">
        <v>52.328923112234001</v>
      </c>
      <c r="J10337" t="s">
        <v>66022</v>
      </c>
    </row>
    <row r="10338" spans="1:10" x14ac:dyDescent="0.25">
      <c r="A10338" t="s">
        <v>17187</v>
      </c>
      <c r="B10338" t="s">
        <v>17188</v>
      </c>
      <c r="C10338" t="s">
        <v>17189</v>
      </c>
      <c r="D10338" t="s">
        <v>17103</v>
      </c>
      <c r="E10338" t="s">
        <v>13</v>
      </c>
      <c r="F10338">
        <v>3744</v>
      </c>
      <c r="G10338" t="s">
        <v>17190</v>
      </c>
      <c r="H10338">
        <v>4.9524603225919996</v>
      </c>
      <c r="I10338">
        <v>52.325875208920998</v>
      </c>
      <c r="J10338" t="s">
        <v>66023</v>
      </c>
    </row>
    <row r="10339" spans="1:10" x14ac:dyDescent="0.25">
      <c r="A10339" t="s">
        <v>17183</v>
      </c>
      <c r="B10339" t="s">
        <v>17184</v>
      </c>
      <c r="C10339" t="s">
        <v>17185</v>
      </c>
      <c r="D10339" t="s">
        <v>17103</v>
      </c>
      <c r="E10339" t="s">
        <v>13</v>
      </c>
      <c r="F10339">
        <v>3743</v>
      </c>
      <c r="G10339" t="s">
        <v>17186</v>
      </c>
      <c r="H10339">
        <v>4.9475921042079998</v>
      </c>
      <c r="I10339">
        <v>52.329448959616002</v>
      </c>
      <c r="J10339" t="s">
        <v>66024</v>
      </c>
    </row>
    <row r="10340" spans="1:10" x14ac:dyDescent="0.25">
      <c r="A10340" t="s">
        <v>17179</v>
      </c>
      <c r="B10340" t="s">
        <v>17180</v>
      </c>
      <c r="C10340" t="s">
        <v>17181</v>
      </c>
      <c r="D10340" t="s">
        <v>17103</v>
      </c>
      <c r="E10340" t="s">
        <v>13</v>
      </c>
      <c r="F10340">
        <v>3742</v>
      </c>
      <c r="G10340" t="s">
        <v>17182</v>
      </c>
      <c r="H10340">
        <v>4.9532451572190004</v>
      </c>
      <c r="I10340">
        <v>52.331443014973999</v>
      </c>
      <c r="J10340" t="s">
        <v>66025</v>
      </c>
    </row>
    <row r="10341" spans="1:10" x14ac:dyDescent="0.25">
      <c r="A10341" t="s">
        <v>17175</v>
      </c>
      <c r="B10341" t="s">
        <v>17176</v>
      </c>
      <c r="C10341" t="s">
        <v>17177</v>
      </c>
      <c r="D10341" t="s">
        <v>17103</v>
      </c>
      <c r="E10341" t="s">
        <v>13</v>
      </c>
      <c r="F10341">
        <v>3741</v>
      </c>
      <c r="G10341" t="s">
        <v>17178</v>
      </c>
      <c r="H10341">
        <v>4.9574147551859999</v>
      </c>
      <c r="I10341">
        <v>52.333172809865999</v>
      </c>
      <c r="J10341" t="s">
        <v>66026</v>
      </c>
    </row>
    <row r="10342" spans="1:10" x14ac:dyDescent="0.25">
      <c r="A10342" t="s">
        <v>17171</v>
      </c>
      <c r="B10342" t="s">
        <v>17172</v>
      </c>
      <c r="C10342" t="s">
        <v>17173</v>
      </c>
      <c r="D10342" t="s">
        <v>17103</v>
      </c>
      <c r="E10342" t="s">
        <v>13</v>
      </c>
      <c r="F10342">
        <v>3740</v>
      </c>
      <c r="G10342" t="s">
        <v>17174</v>
      </c>
      <c r="H10342">
        <v>4.9608906426999999</v>
      </c>
      <c r="I10342">
        <v>52.334864923009</v>
      </c>
      <c r="J10342" t="s">
        <v>66027</v>
      </c>
    </row>
    <row r="10343" spans="1:10" x14ac:dyDescent="0.25">
      <c r="A10343" t="s">
        <v>17167</v>
      </c>
      <c r="B10343" t="s">
        <v>17168</v>
      </c>
      <c r="C10343" t="s">
        <v>17169</v>
      </c>
      <c r="D10343" t="s">
        <v>17103</v>
      </c>
      <c r="E10343" t="s">
        <v>13</v>
      </c>
      <c r="F10343">
        <v>3739</v>
      </c>
      <c r="G10343" t="s">
        <v>17170</v>
      </c>
      <c r="H10343">
        <v>4.9632606762110001</v>
      </c>
      <c r="I10343">
        <v>52.336424849293003</v>
      </c>
      <c r="J10343" t="s">
        <v>66028</v>
      </c>
    </row>
    <row r="10344" spans="1:10" x14ac:dyDescent="0.25">
      <c r="A10344" t="s">
        <v>17163</v>
      </c>
      <c r="B10344" t="s">
        <v>17164</v>
      </c>
      <c r="C10344" t="s">
        <v>17165</v>
      </c>
      <c r="D10344" t="s">
        <v>17103</v>
      </c>
      <c r="E10344" t="s">
        <v>13</v>
      </c>
      <c r="F10344">
        <v>3738</v>
      </c>
      <c r="G10344" t="s">
        <v>17166</v>
      </c>
      <c r="H10344">
        <v>4.957605631751</v>
      </c>
      <c r="I10344">
        <v>52.337682883867998</v>
      </c>
      <c r="J10344" t="s">
        <v>66029</v>
      </c>
    </row>
    <row r="10345" spans="1:10" x14ac:dyDescent="0.25">
      <c r="A10345" t="s">
        <v>17159</v>
      </c>
      <c r="B10345" t="s">
        <v>17160</v>
      </c>
      <c r="C10345" t="s">
        <v>17161</v>
      </c>
      <c r="D10345" t="s">
        <v>17103</v>
      </c>
      <c r="E10345" t="s">
        <v>13</v>
      </c>
      <c r="F10345">
        <v>3737</v>
      </c>
      <c r="G10345" t="s">
        <v>17162</v>
      </c>
      <c r="H10345">
        <v>4.9535072627190004</v>
      </c>
      <c r="I10345">
        <v>52.33723881721</v>
      </c>
      <c r="J10345" t="s">
        <v>66030</v>
      </c>
    </row>
    <row r="10346" spans="1:10" x14ac:dyDescent="0.25">
      <c r="A10346" t="s">
        <v>17155</v>
      </c>
      <c r="B10346" t="s">
        <v>17156</v>
      </c>
      <c r="C10346" t="s">
        <v>17157</v>
      </c>
      <c r="D10346" t="s">
        <v>17103</v>
      </c>
      <c r="E10346" t="s">
        <v>13</v>
      </c>
      <c r="F10346">
        <v>3736</v>
      </c>
      <c r="G10346" t="s">
        <v>17158</v>
      </c>
      <c r="H10346">
        <v>4.9500785367409996</v>
      </c>
      <c r="I10346">
        <v>52.334388184139002</v>
      </c>
      <c r="J10346" t="s">
        <v>66031</v>
      </c>
    </row>
    <row r="10347" spans="1:10" x14ac:dyDescent="0.25">
      <c r="A10347" t="s">
        <v>17151</v>
      </c>
      <c r="B10347" t="s">
        <v>17152</v>
      </c>
      <c r="C10347" t="s">
        <v>17153</v>
      </c>
      <c r="D10347" t="s">
        <v>17103</v>
      </c>
      <c r="E10347" t="s">
        <v>13</v>
      </c>
      <c r="F10347">
        <v>3735</v>
      </c>
      <c r="G10347" t="s">
        <v>17154</v>
      </c>
      <c r="H10347">
        <v>4.9719338459050002</v>
      </c>
      <c r="I10347">
        <v>52.341830994721001</v>
      </c>
      <c r="J10347" t="s">
        <v>66032</v>
      </c>
    </row>
    <row r="10348" spans="1:10" x14ac:dyDescent="0.25">
      <c r="A10348" t="s">
        <v>17148</v>
      </c>
      <c r="B10348" t="s">
        <v>17149</v>
      </c>
      <c r="C10348" t="s">
        <v>134</v>
      </c>
      <c r="D10348" t="s">
        <v>17103</v>
      </c>
      <c r="E10348" t="s">
        <v>13</v>
      </c>
      <c r="F10348">
        <v>3734</v>
      </c>
      <c r="G10348" t="s">
        <v>17150</v>
      </c>
      <c r="H10348">
        <v>4.966025602327</v>
      </c>
      <c r="I10348">
        <v>52.338527567131997</v>
      </c>
      <c r="J10348" t="s">
        <v>66033</v>
      </c>
    </row>
    <row r="10349" spans="1:10" x14ac:dyDescent="0.25">
      <c r="A10349" t="s">
        <v>17144</v>
      </c>
      <c r="B10349" t="s">
        <v>17145</v>
      </c>
      <c r="C10349" t="s">
        <v>17146</v>
      </c>
      <c r="D10349" t="s">
        <v>17103</v>
      </c>
      <c r="E10349" t="s">
        <v>13</v>
      </c>
      <c r="F10349">
        <v>3733</v>
      </c>
      <c r="G10349" t="s">
        <v>17147</v>
      </c>
      <c r="H10349">
        <v>4.9690467526709998</v>
      </c>
      <c r="I10349">
        <v>52.341989691800997</v>
      </c>
      <c r="J10349" t="s">
        <v>66034</v>
      </c>
    </row>
    <row r="10350" spans="1:10" x14ac:dyDescent="0.25">
      <c r="A10350" t="s">
        <v>17140</v>
      </c>
      <c r="B10350" t="s">
        <v>17141</v>
      </c>
      <c r="C10350" t="s">
        <v>17142</v>
      </c>
      <c r="D10350" t="s">
        <v>17103</v>
      </c>
      <c r="E10350" t="s">
        <v>13</v>
      </c>
      <c r="F10350">
        <v>3732</v>
      </c>
      <c r="G10350" t="s">
        <v>17143</v>
      </c>
      <c r="H10350">
        <v>4.9762530226160004</v>
      </c>
      <c r="I10350">
        <v>52.340705144956999</v>
      </c>
      <c r="J10350" t="s">
        <v>66035</v>
      </c>
    </row>
    <row r="10351" spans="1:10" x14ac:dyDescent="0.25">
      <c r="A10351" t="s">
        <v>17136</v>
      </c>
      <c r="B10351" t="s">
        <v>17137</v>
      </c>
      <c r="C10351" t="s">
        <v>17138</v>
      </c>
      <c r="D10351" t="s">
        <v>17103</v>
      </c>
      <c r="E10351" t="s">
        <v>13</v>
      </c>
      <c r="F10351">
        <v>3731</v>
      </c>
      <c r="G10351" t="s">
        <v>17139</v>
      </c>
      <c r="H10351">
        <v>4.976267701806</v>
      </c>
      <c r="I10351">
        <v>52.343824926193001</v>
      </c>
      <c r="J10351" t="s">
        <v>66036</v>
      </c>
    </row>
    <row r="10352" spans="1:10" x14ac:dyDescent="0.25">
      <c r="A10352" t="s">
        <v>17132</v>
      </c>
      <c r="B10352" t="s">
        <v>17133</v>
      </c>
      <c r="C10352" t="s">
        <v>17134</v>
      </c>
      <c r="D10352" t="s">
        <v>17103</v>
      </c>
      <c r="E10352" t="s">
        <v>13</v>
      </c>
      <c r="F10352">
        <v>3730</v>
      </c>
      <c r="G10352" t="s">
        <v>17135</v>
      </c>
      <c r="H10352">
        <v>4.9654786060709997</v>
      </c>
      <c r="I10352">
        <v>52.348437165705</v>
      </c>
      <c r="J10352" t="s">
        <v>66037</v>
      </c>
    </row>
    <row r="10353" spans="1:10" x14ac:dyDescent="0.25">
      <c r="A10353" t="s">
        <v>17128</v>
      </c>
      <c r="B10353" t="s">
        <v>17129</v>
      </c>
      <c r="C10353" t="s">
        <v>17130</v>
      </c>
      <c r="D10353" t="s">
        <v>17103</v>
      </c>
      <c r="E10353" t="s">
        <v>13</v>
      </c>
      <c r="F10353">
        <v>3729</v>
      </c>
      <c r="G10353" t="s">
        <v>17131</v>
      </c>
      <c r="H10353">
        <v>4.9619206822060002</v>
      </c>
      <c r="I10353">
        <v>52.344438336456001</v>
      </c>
      <c r="J10353" t="s">
        <v>66038</v>
      </c>
    </row>
    <row r="10354" spans="1:10" x14ac:dyDescent="0.25">
      <c r="A10354" t="s">
        <v>17125</v>
      </c>
      <c r="B10354" t="s">
        <v>17126</v>
      </c>
      <c r="C10354" t="s">
        <v>138</v>
      </c>
      <c r="D10354" t="s">
        <v>17103</v>
      </c>
      <c r="E10354" t="s">
        <v>13</v>
      </c>
      <c r="F10354">
        <v>3728</v>
      </c>
      <c r="G10354" t="s">
        <v>17127</v>
      </c>
      <c r="H10354">
        <v>4.9580692449120001</v>
      </c>
      <c r="I10354">
        <v>52.340634512613001</v>
      </c>
      <c r="J10354" t="s">
        <v>66039</v>
      </c>
    </row>
    <row r="10355" spans="1:10" x14ac:dyDescent="0.25">
      <c r="A10355" t="s">
        <v>17121</v>
      </c>
      <c r="B10355" t="s">
        <v>17122</v>
      </c>
      <c r="C10355" t="s">
        <v>17123</v>
      </c>
      <c r="D10355" t="s">
        <v>17103</v>
      </c>
      <c r="E10355" t="s">
        <v>13</v>
      </c>
      <c r="F10355">
        <v>3727</v>
      </c>
      <c r="G10355" t="s">
        <v>17124</v>
      </c>
      <c r="H10355">
        <v>4.9886905697890001</v>
      </c>
      <c r="I10355">
        <v>52.343588146355003</v>
      </c>
      <c r="J10355" t="s">
        <v>66040</v>
      </c>
    </row>
    <row r="10356" spans="1:10" x14ac:dyDescent="0.25">
      <c r="A10356" t="s">
        <v>17117</v>
      </c>
      <c r="B10356" t="s">
        <v>17118</v>
      </c>
      <c r="C10356" t="s">
        <v>17119</v>
      </c>
      <c r="D10356" t="s">
        <v>17103</v>
      </c>
      <c r="E10356" t="s">
        <v>13</v>
      </c>
      <c r="F10356">
        <v>3726</v>
      </c>
      <c r="G10356" t="s">
        <v>17120</v>
      </c>
      <c r="H10356">
        <v>4.9836102689089996</v>
      </c>
      <c r="I10356">
        <v>52.346745227229</v>
      </c>
      <c r="J10356" t="s">
        <v>66041</v>
      </c>
    </row>
    <row r="10357" spans="1:10" x14ac:dyDescent="0.25">
      <c r="A10357" t="s">
        <v>17113</v>
      </c>
      <c r="B10357" t="s">
        <v>17114</v>
      </c>
      <c r="C10357" t="s">
        <v>17115</v>
      </c>
      <c r="D10357" t="s">
        <v>17103</v>
      </c>
      <c r="E10357" t="s">
        <v>13</v>
      </c>
      <c r="F10357">
        <v>3725</v>
      </c>
      <c r="G10357" t="s">
        <v>17116</v>
      </c>
      <c r="H10357">
        <v>4.9795807826939997</v>
      </c>
      <c r="I10357">
        <v>52.348473969327003</v>
      </c>
      <c r="J10357" t="s">
        <v>66042</v>
      </c>
    </row>
    <row r="10358" spans="1:10" x14ac:dyDescent="0.25">
      <c r="A10358" t="s">
        <v>17109</v>
      </c>
      <c r="B10358" t="s">
        <v>17110</v>
      </c>
      <c r="C10358" t="s">
        <v>17111</v>
      </c>
      <c r="D10358" t="s">
        <v>17103</v>
      </c>
      <c r="E10358" t="s">
        <v>13</v>
      </c>
      <c r="F10358">
        <v>3724</v>
      </c>
      <c r="G10358" t="s">
        <v>17112</v>
      </c>
      <c r="H10358">
        <v>4.9754989763069997</v>
      </c>
      <c r="I10358">
        <v>52.349965321397001</v>
      </c>
      <c r="J10358" t="s">
        <v>66043</v>
      </c>
    </row>
    <row r="10359" spans="1:10" x14ac:dyDescent="0.25">
      <c r="A10359" t="s">
        <v>17105</v>
      </c>
      <c r="B10359" t="s">
        <v>17106</v>
      </c>
      <c r="C10359" t="s">
        <v>17107</v>
      </c>
      <c r="D10359" t="s">
        <v>17103</v>
      </c>
      <c r="E10359" t="s">
        <v>13</v>
      </c>
      <c r="F10359">
        <v>3723</v>
      </c>
      <c r="G10359" t="s">
        <v>17108</v>
      </c>
      <c r="H10359">
        <v>4.9717397968919999</v>
      </c>
      <c r="I10359">
        <v>52.349249685446999</v>
      </c>
      <c r="J10359" t="s">
        <v>66044</v>
      </c>
    </row>
    <row r="10360" spans="1:10" x14ac:dyDescent="0.25">
      <c r="A10360" t="s">
        <v>17100</v>
      </c>
      <c r="B10360" t="s">
        <v>17101</v>
      </c>
      <c r="C10360" t="s">
        <v>17102</v>
      </c>
      <c r="D10360" t="s">
        <v>17103</v>
      </c>
      <c r="E10360" t="s">
        <v>13</v>
      </c>
      <c r="F10360">
        <v>3722</v>
      </c>
      <c r="G10360" t="s">
        <v>17104</v>
      </c>
      <c r="H10360">
        <v>4.9700282352730003</v>
      </c>
      <c r="I10360">
        <v>52.352583153779001</v>
      </c>
      <c r="J10360" t="s">
        <v>66045</v>
      </c>
    </row>
    <row r="10361" spans="1:10" x14ac:dyDescent="0.25">
      <c r="A10361" t="s">
        <v>17096</v>
      </c>
      <c r="B10361" t="s">
        <v>17097</v>
      </c>
      <c r="C10361" t="s">
        <v>17098</v>
      </c>
      <c r="D10361" t="s">
        <v>17029</v>
      </c>
      <c r="E10361" t="s">
        <v>13</v>
      </c>
      <c r="F10361">
        <v>3721</v>
      </c>
      <c r="G10361" t="s">
        <v>17099</v>
      </c>
      <c r="H10361">
        <v>4.7046814273319999</v>
      </c>
      <c r="I10361">
        <v>52.562551848146001</v>
      </c>
      <c r="J10361" t="s">
        <v>66046</v>
      </c>
    </row>
    <row r="10362" spans="1:10" x14ac:dyDescent="0.25">
      <c r="A10362" t="s">
        <v>17092</v>
      </c>
      <c r="B10362" t="s">
        <v>17093</v>
      </c>
      <c r="C10362" t="s">
        <v>17094</v>
      </c>
      <c r="D10362" t="s">
        <v>17029</v>
      </c>
      <c r="E10362" t="s">
        <v>13</v>
      </c>
      <c r="F10362">
        <v>3720</v>
      </c>
      <c r="G10362" t="s">
        <v>17095</v>
      </c>
      <c r="H10362">
        <v>4.6953282463640003</v>
      </c>
      <c r="I10362">
        <v>52.570358490110003</v>
      </c>
      <c r="J10362" t="s">
        <v>66047</v>
      </c>
    </row>
    <row r="10363" spans="1:10" x14ac:dyDescent="0.25">
      <c r="A10363" t="s">
        <v>17088</v>
      </c>
      <c r="B10363" t="s">
        <v>17089</v>
      </c>
      <c r="C10363" t="s">
        <v>17090</v>
      </c>
      <c r="D10363" t="s">
        <v>17029</v>
      </c>
      <c r="E10363" t="s">
        <v>13</v>
      </c>
      <c r="F10363">
        <v>3719</v>
      </c>
      <c r="G10363" t="s">
        <v>17091</v>
      </c>
      <c r="H10363">
        <v>4.6832263450609997</v>
      </c>
      <c r="I10363">
        <v>52.571401042859002</v>
      </c>
      <c r="J10363" t="s">
        <v>66048</v>
      </c>
    </row>
    <row r="10364" spans="1:10" x14ac:dyDescent="0.25">
      <c r="A10364" t="s">
        <v>17084</v>
      </c>
      <c r="B10364" t="s">
        <v>17085</v>
      </c>
      <c r="C10364" t="s">
        <v>17086</v>
      </c>
      <c r="D10364" t="s">
        <v>17029</v>
      </c>
      <c r="E10364" t="s">
        <v>13</v>
      </c>
      <c r="F10364">
        <v>3718</v>
      </c>
      <c r="G10364" t="s">
        <v>17087</v>
      </c>
      <c r="H10364">
        <v>4.766192084839</v>
      </c>
      <c r="I10364">
        <v>52.547833397966002</v>
      </c>
      <c r="J10364" t="s">
        <v>66049</v>
      </c>
    </row>
    <row r="10365" spans="1:10" x14ac:dyDescent="0.25">
      <c r="A10365" t="s">
        <v>17080</v>
      </c>
      <c r="B10365" t="s">
        <v>17081</v>
      </c>
      <c r="C10365" t="s">
        <v>17082</v>
      </c>
      <c r="D10365" t="s">
        <v>17029</v>
      </c>
      <c r="E10365" t="s">
        <v>13</v>
      </c>
      <c r="F10365">
        <v>3717</v>
      </c>
      <c r="G10365" t="s">
        <v>17083</v>
      </c>
      <c r="H10365">
        <v>4.7319482013779997</v>
      </c>
      <c r="I10365">
        <v>52.570095318200003</v>
      </c>
      <c r="J10365" t="s">
        <v>66050</v>
      </c>
    </row>
    <row r="10366" spans="1:10" x14ac:dyDescent="0.25">
      <c r="A10366" t="s">
        <v>17076</v>
      </c>
      <c r="B10366" t="s">
        <v>17077</v>
      </c>
      <c r="C10366" t="s">
        <v>17078</v>
      </c>
      <c r="D10366" t="s">
        <v>17029</v>
      </c>
      <c r="E10366" t="s">
        <v>13</v>
      </c>
      <c r="F10366">
        <v>3716</v>
      </c>
      <c r="G10366" t="s">
        <v>17079</v>
      </c>
      <c r="H10366">
        <v>4.7422822507460003</v>
      </c>
      <c r="I10366">
        <v>52.553408481327999</v>
      </c>
      <c r="J10366" t="s">
        <v>66051</v>
      </c>
    </row>
    <row r="10367" spans="1:10" x14ac:dyDescent="0.25">
      <c r="A10367" t="s">
        <v>17072</v>
      </c>
      <c r="B10367" t="s">
        <v>17073</v>
      </c>
      <c r="C10367" t="s">
        <v>17074</v>
      </c>
      <c r="D10367" t="s">
        <v>17029</v>
      </c>
      <c r="E10367" t="s">
        <v>13</v>
      </c>
      <c r="F10367">
        <v>3715</v>
      </c>
      <c r="G10367" t="s">
        <v>17075</v>
      </c>
      <c r="H10367">
        <v>4.629052692708</v>
      </c>
      <c r="I10367">
        <v>52.553161543239</v>
      </c>
      <c r="J10367" t="s">
        <v>66052</v>
      </c>
    </row>
    <row r="10368" spans="1:10" x14ac:dyDescent="0.25">
      <c r="A10368" t="s">
        <v>17068</v>
      </c>
      <c r="B10368" t="s">
        <v>17069</v>
      </c>
      <c r="C10368" t="s">
        <v>17070</v>
      </c>
      <c r="D10368" t="s">
        <v>17029</v>
      </c>
      <c r="E10368" t="s">
        <v>13</v>
      </c>
      <c r="F10368">
        <v>3714</v>
      </c>
      <c r="G10368" t="s">
        <v>17071</v>
      </c>
      <c r="H10368">
        <v>4.6467001821289999</v>
      </c>
      <c r="I10368">
        <v>52.557319402207</v>
      </c>
      <c r="J10368" t="s">
        <v>66053</v>
      </c>
    </row>
    <row r="10369" spans="1:10" x14ac:dyDescent="0.25">
      <c r="A10369" t="s">
        <v>17064</v>
      </c>
      <c r="B10369" t="s">
        <v>17065</v>
      </c>
      <c r="C10369" t="s">
        <v>17066</v>
      </c>
      <c r="D10369" t="s">
        <v>17029</v>
      </c>
      <c r="E10369" t="s">
        <v>13</v>
      </c>
      <c r="F10369">
        <v>3713</v>
      </c>
      <c r="G10369" t="s">
        <v>17067</v>
      </c>
      <c r="H10369">
        <v>4.6574618535769998</v>
      </c>
      <c r="I10369">
        <v>52.556733004104998</v>
      </c>
      <c r="J10369" t="s">
        <v>66054</v>
      </c>
    </row>
    <row r="10370" spans="1:10" x14ac:dyDescent="0.25">
      <c r="A10370" t="s">
        <v>17060</v>
      </c>
      <c r="B10370" t="s">
        <v>17061</v>
      </c>
      <c r="C10370" t="s">
        <v>17062</v>
      </c>
      <c r="D10370" t="s">
        <v>17029</v>
      </c>
      <c r="E10370" t="s">
        <v>13</v>
      </c>
      <c r="F10370">
        <v>3712</v>
      </c>
      <c r="G10370" t="s">
        <v>17063</v>
      </c>
      <c r="H10370">
        <v>4.6645499266810004</v>
      </c>
      <c r="I10370">
        <v>52.575284121383</v>
      </c>
      <c r="J10370" t="s">
        <v>66055</v>
      </c>
    </row>
    <row r="10371" spans="1:10" x14ac:dyDescent="0.25">
      <c r="A10371" t="s">
        <v>17057</v>
      </c>
      <c r="B10371" t="s">
        <v>17058</v>
      </c>
      <c r="C10371" t="s">
        <v>9799</v>
      </c>
      <c r="D10371" t="s">
        <v>17029</v>
      </c>
      <c r="E10371" t="s">
        <v>13</v>
      </c>
      <c r="F10371">
        <v>3711</v>
      </c>
      <c r="G10371" t="s">
        <v>17059</v>
      </c>
      <c r="H10371">
        <v>4.6811796512630002</v>
      </c>
      <c r="I10371">
        <v>52.535830499401001</v>
      </c>
      <c r="J10371" t="s">
        <v>66056</v>
      </c>
    </row>
    <row r="10372" spans="1:10" x14ac:dyDescent="0.25">
      <c r="A10372" t="s">
        <v>17053</v>
      </c>
      <c r="B10372" t="s">
        <v>17054</v>
      </c>
      <c r="C10372" t="s">
        <v>17055</v>
      </c>
      <c r="D10372" t="s">
        <v>17029</v>
      </c>
      <c r="E10372" t="s">
        <v>13</v>
      </c>
      <c r="F10372">
        <v>3710</v>
      </c>
      <c r="G10372" t="s">
        <v>17056</v>
      </c>
      <c r="H10372">
        <v>4.6592091863030003</v>
      </c>
      <c r="I10372">
        <v>52.539891144846997</v>
      </c>
      <c r="J10372" t="s">
        <v>66057</v>
      </c>
    </row>
    <row r="10373" spans="1:10" x14ac:dyDescent="0.25">
      <c r="A10373" t="s">
        <v>17049</v>
      </c>
      <c r="B10373" t="s">
        <v>17050</v>
      </c>
      <c r="C10373" t="s">
        <v>17051</v>
      </c>
      <c r="D10373" t="s">
        <v>17029</v>
      </c>
      <c r="E10373" t="s">
        <v>13</v>
      </c>
      <c r="F10373">
        <v>3709</v>
      </c>
      <c r="G10373" t="s">
        <v>17052</v>
      </c>
      <c r="H10373">
        <v>4.6846537770539998</v>
      </c>
      <c r="I10373">
        <v>52.546403242441002</v>
      </c>
      <c r="J10373" t="s">
        <v>66058</v>
      </c>
    </row>
    <row r="10374" spans="1:10" x14ac:dyDescent="0.25">
      <c r="A10374" t="s">
        <v>17045</v>
      </c>
      <c r="B10374" t="s">
        <v>17046</v>
      </c>
      <c r="C10374" t="s">
        <v>17047</v>
      </c>
      <c r="D10374" t="s">
        <v>17029</v>
      </c>
      <c r="E10374" t="s">
        <v>13</v>
      </c>
      <c r="F10374">
        <v>3708</v>
      </c>
      <c r="G10374" t="s">
        <v>17048</v>
      </c>
      <c r="H10374">
        <v>4.6834590060170003</v>
      </c>
      <c r="I10374">
        <v>52.556019613846999</v>
      </c>
      <c r="J10374" t="s">
        <v>66059</v>
      </c>
    </row>
    <row r="10375" spans="1:10" x14ac:dyDescent="0.25">
      <c r="A10375" t="s">
        <v>17042</v>
      </c>
      <c r="B10375" t="s">
        <v>17043</v>
      </c>
      <c r="C10375" t="s">
        <v>1049</v>
      </c>
      <c r="D10375" t="s">
        <v>17029</v>
      </c>
      <c r="E10375" t="s">
        <v>13</v>
      </c>
      <c r="F10375">
        <v>3707</v>
      </c>
      <c r="G10375" t="s">
        <v>17044</v>
      </c>
      <c r="H10375">
        <v>4.6759196212819996</v>
      </c>
      <c r="I10375">
        <v>52.548260682336</v>
      </c>
      <c r="J10375" t="s">
        <v>66060</v>
      </c>
    </row>
    <row r="10376" spans="1:10" x14ac:dyDescent="0.25">
      <c r="A10376" t="s">
        <v>17038</v>
      </c>
      <c r="B10376" t="s">
        <v>17039</v>
      </c>
      <c r="C10376" t="s">
        <v>17040</v>
      </c>
      <c r="D10376" t="s">
        <v>17029</v>
      </c>
      <c r="E10376" t="s">
        <v>13</v>
      </c>
      <c r="F10376">
        <v>3706</v>
      </c>
      <c r="G10376" t="s">
        <v>17041</v>
      </c>
      <c r="H10376">
        <v>4.6717294649429997</v>
      </c>
      <c r="I10376">
        <v>52.558847656890002</v>
      </c>
      <c r="J10376" t="s">
        <v>66061</v>
      </c>
    </row>
    <row r="10377" spans="1:10" x14ac:dyDescent="0.25">
      <c r="A10377" t="s">
        <v>17035</v>
      </c>
      <c r="B10377" t="s">
        <v>17036</v>
      </c>
      <c r="C10377" t="s">
        <v>97</v>
      </c>
      <c r="D10377" t="s">
        <v>17029</v>
      </c>
      <c r="E10377" t="s">
        <v>13</v>
      </c>
      <c r="F10377">
        <v>3705</v>
      </c>
      <c r="G10377" t="s">
        <v>17037</v>
      </c>
      <c r="H10377">
        <v>4.6662145401880002</v>
      </c>
      <c r="I10377">
        <v>52.553518694810002</v>
      </c>
      <c r="J10377" t="s">
        <v>66062</v>
      </c>
    </row>
    <row r="10378" spans="1:10" x14ac:dyDescent="0.25">
      <c r="A10378" t="s">
        <v>17031</v>
      </c>
      <c r="B10378" t="s">
        <v>17032</v>
      </c>
      <c r="C10378" t="s">
        <v>17033</v>
      </c>
      <c r="D10378" t="s">
        <v>17029</v>
      </c>
      <c r="E10378" t="s">
        <v>13</v>
      </c>
      <c r="F10378">
        <v>3704</v>
      </c>
      <c r="G10378" t="s">
        <v>17034</v>
      </c>
      <c r="H10378">
        <v>4.6673960122390001</v>
      </c>
      <c r="I10378">
        <v>52.545006794323001</v>
      </c>
      <c r="J10378" t="s">
        <v>66063</v>
      </c>
    </row>
    <row r="10379" spans="1:10" x14ac:dyDescent="0.25">
      <c r="A10379" t="s">
        <v>17026</v>
      </c>
      <c r="B10379" t="s">
        <v>17027</v>
      </c>
      <c r="C10379" t="s">
        <v>17028</v>
      </c>
      <c r="D10379" t="s">
        <v>17029</v>
      </c>
      <c r="E10379" t="s">
        <v>13</v>
      </c>
      <c r="F10379">
        <v>3703</v>
      </c>
      <c r="G10379" t="s">
        <v>17030</v>
      </c>
      <c r="H10379">
        <v>4.6623369695549997</v>
      </c>
      <c r="I10379">
        <v>52.54894019903</v>
      </c>
      <c r="J10379" t="s">
        <v>66064</v>
      </c>
    </row>
    <row r="10380" spans="1:10" x14ac:dyDescent="0.25">
      <c r="A10380" t="s">
        <v>17022</v>
      </c>
      <c r="B10380" t="s">
        <v>17023</v>
      </c>
      <c r="C10380" t="s">
        <v>17024</v>
      </c>
      <c r="D10380" t="s">
        <v>16941</v>
      </c>
      <c r="E10380" t="s">
        <v>13</v>
      </c>
      <c r="F10380">
        <v>3702</v>
      </c>
      <c r="G10380" t="s">
        <v>17025</v>
      </c>
      <c r="H10380">
        <v>4.5879803832499997</v>
      </c>
      <c r="I10380">
        <v>52.319980086803</v>
      </c>
      <c r="J10380" t="s">
        <v>66065</v>
      </c>
    </row>
    <row r="10381" spans="1:10" x14ac:dyDescent="0.25">
      <c r="A10381" t="s">
        <v>17018</v>
      </c>
      <c r="B10381" t="s">
        <v>17019</v>
      </c>
      <c r="C10381" t="s">
        <v>17020</v>
      </c>
      <c r="D10381" t="s">
        <v>16941</v>
      </c>
      <c r="E10381" t="s">
        <v>13</v>
      </c>
      <c r="F10381">
        <v>3701</v>
      </c>
      <c r="G10381" t="s">
        <v>17021</v>
      </c>
      <c r="H10381">
        <v>4.606355639787</v>
      </c>
      <c r="I10381">
        <v>52.317229997611001</v>
      </c>
      <c r="J10381" t="s">
        <v>66066</v>
      </c>
    </row>
    <row r="10382" spans="1:10" x14ac:dyDescent="0.25">
      <c r="A10382" t="s">
        <v>17014</v>
      </c>
      <c r="B10382" t="s">
        <v>17015</v>
      </c>
      <c r="C10382" t="s">
        <v>17016</v>
      </c>
      <c r="D10382" t="s">
        <v>16941</v>
      </c>
      <c r="E10382" t="s">
        <v>13</v>
      </c>
      <c r="F10382">
        <v>3700</v>
      </c>
      <c r="G10382" t="s">
        <v>17017</v>
      </c>
      <c r="H10382">
        <v>4.5945371665639998</v>
      </c>
      <c r="I10382">
        <v>52.327401096952997</v>
      </c>
      <c r="J10382" t="s">
        <v>66067</v>
      </c>
    </row>
    <row r="10383" spans="1:10" x14ac:dyDescent="0.25">
      <c r="A10383" t="s">
        <v>17010</v>
      </c>
      <c r="B10383" t="s">
        <v>17011</v>
      </c>
      <c r="C10383" t="s">
        <v>17012</v>
      </c>
      <c r="D10383" t="s">
        <v>16941</v>
      </c>
      <c r="E10383" t="s">
        <v>13</v>
      </c>
      <c r="F10383">
        <v>3699</v>
      </c>
      <c r="G10383" t="s">
        <v>17013</v>
      </c>
      <c r="H10383">
        <v>4.5909184248099999</v>
      </c>
      <c r="I10383">
        <v>52.325173388678003</v>
      </c>
      <c r="J10383" t="s">
        <v>66068</v>
      </c>
    </row>
    <row r="10384" spans="1:10" x14ac:dyDescent="0.25">
      <c r="A10384" t="s">
        <v>17006</v>
      </c>
      <c r="B10384" t="s">
        <v>17007</v>
      </c>
      <c r="C10384" t="s">
        <v>17008</v>
      </c>
      <c r="D10384" t="s">
        <v>16941</v>
      </c>
      <c r="E10384" t="s">
        <v>13</v>
      </c>
      <c r="F10384">
        <v>3698</v>
      </c>
      <c r="G10384" t="s">
        <v>17009</v>
      </c>
      <c r="H10384">
        <v>4.5945588112219999</v>
      </c>
      <c r="I10384">
        <v>52.321789763311997</v>
      </c>
      <c r="J10384" t="s">
        <v>66069</v>
      </c>
    </row>
    <row r="10385" spans="1:10" x14ac:dyDescent="0.25">
      <c r="A10385" t="s">
        <v>17002</v>
      </c>
      <c r="B10385" t="s">
        <v>17003</v>
      </c>
      <c r="C10385" t="s">
        <v>17004</v>
      </c>
      <c r="D10385" t="s">
        <v>16941</v>
      </c>
      <c r="E10385" t="s">
        <v>13</v>
      </c>
      <c r="F10385">
        <v>3697</v>
      </c>
      <c r="G10385" t="s">
        <v>17005</v>
      </c>
      <c r="H10385">
        <v>4.6022101554979997</v>
      </c>
      <c r="I10385">
        <v>52.321953270012003</v>
      </c>
      <c r="J10385" t="s">
        <v>66070</v>
      </c>
    </row>
    <row r="10386" spans="1:10" x14ac:dyDescent="0.25">
      <c r="A10386" t="s">
        <v>16998</v>
      </c>
      <c r="B10386" t="s">
        <v>16999</v>
      </c>
      <c r="C10386" t="s">
        <v>17000</v>
      </c>
      <c r="D10386" t="s">
        <v>16941</v>
      </c>
      <c r="E10386" t="s">
        <v>13</v>
      </c>
      <c r="F10386">
        <v>3696</v>
      </c>
      <c r="G10386" t="s">
        <v>17001</v>
      </c>
      <c r="H10386">
        <v>4.5717514675629998</v>
      </c>
      <c r="I10386">
        <v>52.330197366443002</v>
      </c>
      <c r="J10386" t="s">
        <v>66071</v>
      </c>
    </row>
    <row r="10387" spans="1:10" x14ac:dyDescent="0.25">
      <c r="A10387" t="s">
        <v>16995</v>
      </c>
      <c r="B10387" t="s">
        <v>16996</v>
      </c>
      <c r="C10387" t="s">
        <v>13438</v>
      </c>
      <c r="D10387" t="s">
        <v>16941</v>
      </c>
      <c r="E10387" t="s">
        <v>13</v>
      </c>
      <c r="F10387">
        <v>3695</v>
      </c>
      <c r="G10387" t="s">
        <v>16997</v>
      </c>
      <c r="H10387">
        <v>4.5780994472029999</v>
      </c>
      <c r="I10387">
        <v>52.321155626283002</v>
      </c>
      <c r="J10387" t="s">
        <v>66072</v>
      </c>
    </row>
    <row r="10388" spans="1:10" x14ac:dyDescent="0.25">
      <c r="A10388" t="s">
        <v>16991</v>
      </c>
      <c r="B10388" t="s">
        <v>16992</v>
      </c>
      <c r="C10388" t="s">
        <v>16993</v>
      </c>
      <c r="D10388" t="s">
        <v>16941</v>
      </c>
      <c r="E10388" t="s">
        <v>13</v>
      </c>
      <c r="F10388">
        <v>3694</v>
      </c>
      <c r="G10388" t="s">
        <v>16994</v>
      </c>
      <c r="H10388">
        <v>4.5828908579240002</v>
      </c>
      <c r="I10388">
        <v>52.352360924515999</v>
      </c>
      <c r="J10388" t="s">
        <v>66073</v>
      </c>
    </row>
    <row r="10389" spans="1:10" x14ac:dyDescent="0.25">
      <c r="A10389" t="s">
        <v>16987</v>
      </c>
      <c r="B10389" t="s">
        <v>16988</v>
      </c>
      <c r="C10389" t="s">
        <v>16989</v>
      </c>
      <c r="D10389" t="s">
        <v>16941</v>
      </c>
      <c r="E10389" t="s">
        <v>13</v>
      </c>
      <c r="F10389">
        <v>3693</v>
      </c>
      <c r="G10389" t="s">
        <v>16990</v>
      </c>
      <c r="H10389">
        <v>4.5971921044990003</v>
      </c>
      <c r="I10389">
        <v>52.372055254114997</v>
      </c>
      <c r="J10389" t="s">
        <v>66074</v>
      </c>
    </row>
    <row r="10390" spans="1:10" x14ac:dyDescent="0.25">
      <c r="A10390" t="s">
        <v>16983</v>
      </c>
      <c r="B10390" t="s">
        <v>16984</v>
      </c>
      <c r="C10390" t="s">
        <v>16985</v>
      </c>
      <c r="D10390" t="s">
        <v>16941</v>
      </c>
      <c r="E10390" t="s">
        <v>13</v>
      </c>
      <c r="F10390">
        <v>3692</v>
      </c>
      <c r="G10390" t="s">
        <v>16986</v>
      </c>
      <c r="H10390">
        <v>4.5836815093199998</v>
      </c>
      <c r="I10390">
        <v>52.365591434578</v>
      </c>
      <c r="J10390" t="s">
        <v>66075</v>
      </c>
    </row>
    <row r="10391" spans="1:10" x14ac:dyDescent="0.25">
      <c r="A10391" t="s">
        <v>16979</v>
      </c>
      <c r="B10391" t="s">
        <v>16980</v>
      </c>
      <c r="C10391" t="s">
        <v>16981</v>
      </c>
      <c r="D10391" t="s">
        <v>16941</v>
      </c>
      <c r="E10391" t="s">
        <v>13</v>
      </c>
      <c r="F10391">
        <v>3691</v>
      </c>
      <c r="G10391" t="s">
        <v>16982</v>
      </c>
      <c r="H10391">
        <v>4.5964969435949996</v>
      </c>
      <c r="I10391">
        <v>52.362805090742</v>
      </c>
      <c r="J10391" t="s">
        <v>66076</v>
      </c>
    </row>
    <row r="10392" spans="1:10" x14ac:dyDescent="0.25">
      <c r="A10392" t="s">
        <v>16975</v>
      </c>
      <c r="B10392" t="s">
        <v>16976</v>
      </c>
      <c r="C10392" t="s">
        <v>16977</v>
      </c>
      <c r="D10392" t="s">
        <v>16941</v>
      </c>
      <c r="E10392" t="s">
        <v>13</v>
      </c>
      <c r="F10392">
        <v>3690</v>
      </c>
      <c r="G10392" t="s">
        <v>16978</v>
      </c>
      <c r="H10392">
        <v>4.5931876755519996</v>
      </c>
      <c r="I10392">
        <v>52.380466169614003</v>
      </c>
      <c r="J10392" t="s">
        <v>66077</v>
      </c>
    </row>
    <row r="10393" spans="1:10" x14ac:dyDescent="0.25">
      <c r="A10393" t="s">
        <v>16971</v>
      </c>
      <c r="B10393" t="s">
        <v>16972</v>
      </c>
      <c r="C10393" t="s">
        <v>16973</v>
      </c>
      <c r="D10393" t="s">
        <v>16941</v>
      </c>
      <c r="E10393" t="s">
        <v>13</v>
      </c>
      <c r="F10393">
        <v>3689</v>
      </c>
      <c r="G10393" t="s">
        <v>16974</v>
      </c>
      <c r="H10393">
        <v>4.6142629902059999</v>
      </c>
      <c r="I10393">
        <v>52.39775912284</v>
      </c>
      <c r="J10393" t="s">
        <v>66078</v>
      </c>
    </row>
    <row r="10394" spans="1:10" x14ac:dyDescent="0.25">
      <c r="A10394" t="s">
        <v>16967</v>
      </c>
      <c r="B10394" t="s">
        <v>16968</v>
      </c>
      <c r="C10394" t="s">
        <v>16969</v>
      </c>
      <c r="D10394" t="s">
        <v>16941</v>
      </c>
      <c r="E10394" t="s">
        <v>13</v>
      </c>
      <c r="F10394">
        <v>3688</v>
      </c>
      <c r="G10394" t="s">
        <v>16970</v>
      </c>
      <c r="H10394">
        <v>4.6136383077729999</v>
      </c>
      <c r="I10394">
        <v>52.391828667722997</v>
      </c>
      <c r="J10394" t="s">
        <v>66079</v>
      </c>
    </row>
    <row r="10395" spans="1:10" x14ac:dyDescent="0.25">
      <c r="A10395" t="s">
        <v>16963</v>
      </c>
      <c r="B10395" t="s">
        <v>16964</v>
      </c>
      <c r="C10395" t="s">
        <v>16965</v>
      </c>
      <c r="D10395" t="s">
        <v>16941</v>
      </c>
      <c r="E10395" t="s">
        <v>13</v>
      </c>
      <c r="F10395">
        <v>3687</v>
      </c>
      <c r="G10395" t="s">
        <v>16966</v>
      </c>
      <c r="H10395">
        <v>4.5803351142090003</v>
      </c>
      <c r="I10395">
        <v>52.414129066408996</v>
      </c>
      <c r="J10395" t="s">
        <v>66080</v>
      </c>
    </row>
    <row r="10396" spans="1:10" x14ac:dyDescent="0.25">
      <c r="A10396" t="s">
        <v>16959</v>
      </c>
      <c r="B10396" t="s">
        <v>16960</v>
      </c>
      <c r="C10396" t="s">
        <v>16961</v>
      </c>
      <c r="D10396" t="s">
        <v>16941</v>
      </c>
      <c r="E10396" t="s">
        <v>13</v>
      </c>
      <c r="F10396">
        <v>3686</v>
      </c>
      <c r="G10396" t="s">
        <v>16962</v>
      </c>
      <c r="H10396">
        <v>4.6153395005620004</v>
      </c>
      <c r="I10396">
        <v>52.402061086110002</v>
      </c>
      <c r="J10396" t="s">
        <v>66081</v>
      </c>
    </row>
    <row r="10397" spans="1:10" x14ac:dyDescent="0.25">
      <c r="A10397" t="s">
        <v>16955</v>
      </c>
      <c r="B10397" t="s">
        <v>16956</v>
      </c>
      <c r="C10397" t="s">
        <v>16957</v>
      </c>
      <c r="D10397" t="s">
        <v>16941</v>
      </c>
      <c r="E10397" t="s">
        <v>13</v>
      </c>
      <c r="F10397">
        <v>3685</v>
      </c>
      <c r="G10397" t="s">
        <v>16958</v>
      </c>
      <c r="H10397">
        <v>4.6182857380879998</v>
      </c>
      <c r="I10397">
        <v>52.420359097323001</v>
      </c>
      <c r="J10397" t="s">
        <v>66082</v>
      </c>
    </row>
    <row r="10398" spans="1:10" x14ac:dyDescent="0.25">
      <c r="A10398" t="s">
        <v>16951</v>
      </c>
      <c r="B10398" t="s">
        <v>16952</v>
      </c>
      <c r="C10398" t="s">
        <v>16953</v>
      </c>
      <c r="D10398" t="s">
        <v>16941</v>
      </c>
      <c r="E10398" t="s">
        <v>13</v>
      </c>
      <c r="F10398">
        <v>3684</v>
      </c>
      <c r="G10398" t="s">
        <v>16954</v>
      </c>
      <c r="H10398">
        <v>4.6227277068230004</v>
      </c>
      <c r="I10398">
        <v>52.414527598356997</v>
      </c>
      <c r="J10398" t="s">
        <v>66083</v>
      </c>
    </row>
    <row r="10399" spans="1:10" x14ac:dyDescent="0.25">
      <c r="A10399" t="s">
        <v>16947</v>
      </c>
      <c r="B10399" t="s">
        <v>16948</v>
      </c>
      <c r="C10399" t="s">
        <v>16949</v>
      </c>
      <c r="D10399" t="s">
        <v>16941</v>
      </c>
      <c r="E10399" t="s">
        <v>13</v>
      </c>
      <c r="F10399">
        <v>3683</v>
      </c>
      <c r="G10399" t="s">
        <v>16950</v>
      </c>
      <c r="H10399">
        <v>4.6219982968459998</v>
      </c>
      <c r="I10399">
        <v>52.409165265546001</v>
      </c>
      <c r="J10399" t="s">
        <v>66084</v>
      </c>
    </row>
    <row r="10400" spans="1:10" x14ac:dyDescent="0.25">
      <c r="A10400" t="s">
        <v>16943</v>
      </c>
      <c r="B10400" t="s">
        <v>16944</v>
      </c>
      <c r="C10400" t="s">
        <v>16945</v>
      </c>
      <c r="D10400" t="s">
        <v>16941</v>
      </c>
      <c r="E10400" t="s">
        <v>13</v>
      </c>
      <c r="F10400">
        <v>3682</v>
      </c>
      <c r="G10400" t="s">
        <v>16946</v>
      </c>
      <c r="H10400">
        <v>4.6283708270949999</v>
      </c>
      <c r="I10400">
        <v>52.409337782582</v>
      </c>
      <c r="J10400" t="s">
        <v>66085</v>
      </c>
    </row>
    <row r="10401" spans="1:10" x14ac:dyDescent="0.25">
      <c r="A10401" t="s">
        <v>16938</v>
      </c>
      <c r="B10401" t="s">
        <v>16939</v>
      </c>
      <c r="C10401" t="s">
        <v>16940</v>
      </c>
      <c r="D10401" t="s">
        <v>16941</v>
      </c>
      <c r="E10401" t="s">
        <v>13</v>
      </c>
      <c r="F10401">
        <v>3681</v>
      </c>
      <c r="G10401" t="s">
        <v>16942</v>
      </c>
      <c r="H10401">
        <v>4.6149339629639998</v>
      </c>
      <c r="I10401">
        <v>52.404665599401</v>
      </c>
      <c r="J10401" t="s">
        <v>66086</v>
      </c>
    </row>
    <row r="10402" spans="1:10" x14ac:dyDescent="0.25">
      <c r="A10402" t="s">
        <v>16934</v>
      </c>
      <c r="B10402" t="s">
        <v>16935</v>
      </c>
      <c r="C10402" t="s">
        <v>16936</v>
      </c>
      <c r="D10402" t="s">
        <v>16904</v>
      </c>
      <c r="E10402" t="s">
        <v>13</v>
      </c>
      <c r="F10402">
        <v>3680</v>
      </c>
      <c r="G10402" t="s">
        <v>16937</v>
      </c>
      <c r="H10402">
        <v>5.2524328716199999</v>
      </c>
      <c r="I10402">
        <v>52.279753827013003</v>
      </c>
      <c r="J10402" t="s">
        <v>66087</v>
      </c>
    </row>
    <row r="10403" spans="1:10" x14ac:dyDescent="0.25">
      <c r="A10403" t="s">
        <v>16930</v>
      </c>
      <c r="B10403" t="s">
        <v>16931</v>
      </c>
      <c r="C10403" t="s">
        <v>16932</v>
      </c>
      <c r="D10403" t="s">
        <v>16904</v>
      </c>
      <c r="E10403" t="s">
        <v>13</v>
      </c>
      <c r="F10403">
        <v>3679</v>
      </c>
      <c r="G10403" t="s">
        <v>16933</v>
      </c>
      <c r="H10403">
        <v>5.3031768452210004</v>
      </c>
      <c r="I10403">
        <v>52.30037216086</v>
      </c>
      <c r="J10403" t="s">
        <v>66088</v>
      </c>
    </row>
    <row r="10404" spans="1:10" x14ac:dyDescent="0.25">
      <c r="A10404" t="s">
        <v>16926</v>
      </c>
      <c r="B10404" t="s">
        <v>16927</v>
      </c>
      <c r="C10404" t="s">
        <v>16928</v>
      </c>
      <c r="D10404" t="s">
        <v>16904</v>
      </c>
      <c r="E10404" t="s">
        <v>13</v>
      </c>
      <c r="F10404">
        <v>3678</v>
      </c>
      <c r="G10404" t="s">
        <v>16929</v>
      </c>
      <c r="H10404">
        <v>5.3113872644570002</v>
      </c>
      <c r="I10404">
        <v>52.296031193010997</v>
      </c>
      <c r="J10404" t="s">
        <v>66089</v>
      </c>
    </row>
    <row r="10405" spans="1:10" x14ac:dyDescent="0.25">
      <c r="A10405" t="s">
        <v>16922</v>
      </c>
      <c r="B10405" t="s">
        <v>16923</v>
      </c>
      <c r="C10405" t="s">
        <v>16924</v>
      </c>
      <c r="D10405" t="s">
        <v>16904</v>
      </c>
      <c r="E10405" t="s">
        <v>13</v>
      </c>
      <c r="F10405">
        <v>3677</v>
      </c>
      <c r="G10405" t="s">
        <v>16925</v>
      </c>
      <c r="H10405">
        <v>5.2886037598130002</v>
      </c>
      <c r="I10405">
        <v>52.284942705871003</v>
      </c>
      <c r="J10405" t="s">
        <v>66090</v>
      </c>
    </row>
    <row r="10406" spans="1:10" x14ac:dyDescent="0.25">
      <c r="A10406" t="s">
        <v>16918</v>
      </c>
      <c r="B10406" t="s">
        <v>16919</v>
      </c>
      <c r="C10406" t="s">
        <v>16920</v>
      </c>
      <c r="D10406" t="s">
        <v>16904</v>
      </c>
      <c r="E10406" t="s">
        <v>13</v>
      </c>
      <c r="F10406">
        <v>3676</v>
      </c>
      <c r="G10406" t="s">
        <v>16921</v>
      </c>
      <c r="H10406">
        <v>5.2094374286100003</v>
      </c>
      <c r="I10406">
        <v>52.269218742295003</v>
      </c>
      <c r="J10406" t="s">
        <v>66091</v>
      </c>
    </row>
    <row r="10407" spans="1:10" x14ac:dyDescent="0.25">
      <c r="A10407" t="s">
        <v>16914</v>
      </c>
      <c r="B10407" t="s">
        <v>16915</v>
      </c>
      <c r="C10407" t="s">
        <v>16916</v>
      </c>
      <c r="D10407" t="s">
        <v>16904</v>
      </c>
      <c r="E10407" t="s">
        <v>13</v>
      </c>
      <c r="F10407">
        <v>3675</v>
      </c>
      <c r="G10407" t="s">
        <v>16917</v>
      </c>
      <c r="H10407">
        <v>5.2818173656429996</v>
      </c>
      <c r="I10407">
        <v>52.292890261535</v>
      </c>
      <c r="J10407" t="s">
        <v>66092</v>
      </c>
    </row>
    <row r="10408" spans="1:10" x14ac:dyDescent="0.25">
      <c r="A10408" t="s">
        <v>16910</v>
      </c>
      <c r="B10408" t="s">
        <v>16911</v>
      </c>
      <c r="C10408" t="s">
        <v>16912</v>
      </c>
      <c r="D10408" t="s">
        <v>16904</v>
      </c>
      <c r="E10408" t="s">
        <v>13</v>
      </c>
      <c r="F10408">
        <v>3674</v>
      </c>
      <c r="G10408" t="s">
        <v>16913</v>
      </c>
      <c r="H10408">
        <v>5.217182080233</v>
      </c>
      <c r="I10408">
        <v>52.273990747360997</v>
      </c>
      <c r="J10408" t="s">
        <v>66093</v>
      </c>
    </row>
    <row r="10409" spans="1:10" x14ac:dyDescent="0.25">
      <c r="A10409" t="s">
        <v>16906</v>
      </c>
      <c r="B10409" t="s">
        <v>16907</v>
      </c>
      <c r="C10409" t="s">
        <v>16908</v>
      </c>
      <c r="D10409" t="s">
        <v>16904</v>
      </c>
      <c r="E10409" t="s">
        <v>13</v>
      </c>
      <c r="F10409">
        <v>3673</v>
      </c>
      <c r="G10409" t="s">
        <v>16909</v>
      </c>
      <c r="H10409">
        <v>5.2414025471330001</v>
      </c>
      <c r="I10409">
        <v>52.269924232168997</v>
      </c>
      <c r="J10409" t="s">
        <v>66094</v>
      </c>
    </row>
    <row r="10410" spans="1:10" x14ac:dyDescent="0.25">
      <c r="A10410" t="s">
        <v>16901</v>
      </c>
      <c r="B10410" t="s">
        <v>16902</v>
      </c>
      <c r="C10410" t="s">
        <v>16903</v>
      </c>
      <c r="D10410" t="s">
        <v>16904</v>
      </c>
      <c r="E10410" t="s">
        <v>13</v>
      </c>
      <c r="F10410">
        <v>3672</v>
      </c>
      <c r="G10410" t="s">
        <v>16905</v>
      </c>
      <c r="H10410">
        <v>5.2657017970949997</v>
      </c>
      <c r="I10410">
        <v>52.285819250917001</v>
      </c>
      <c r="J10410" t="s">
        <v>66095</v>
      </c>
    </row>
    <row r="10411" spans="1:10" x14ac:dyDescent="0.25">
      <c r="A10411" t="s">
        <v>16897</v>
      </c>
      <c r="B10411" t="s">
        <v>16898</v>
      </c>
      <c r="C10411" t="s">
        <v>16899</v>
      </c>
      <c r="D10411" t="s">
        <v>16761</v>
      </c>
      <c r="E10411" t="s">
        <v>13</v>
      </c>
      <c r="F10411">
        <v>3671</v>
      </c>
      <c r="G10411" t="s">
        <v>16900</v>
      </c>
      <c r="H10411">
        <v>4.68608603842</v>
      </c>
      <c r="I10411">
        <v>52.489432150393</v>
      </c>
      <c r="J10411" t="s">
        <v>66096</v>
      </c>
    </row>
    <row r="10412" spans="1:10" x14ac:dyDescent="0.25">
      <c r="A10412" t="s">
        <v>16893</v>
      </c>
      <c r="B10412" t="s">
        <v>16894</v>
      </c>
      <c r="C10412" t="s">
        <v>16895</v>
      </c>
      <c r="D10412" t="s">
        <v>16761</v>
      </c>
      <c r="E10412" t="s">
        <v>13</v>
      </c>
      <c r="F10412">
        <v>3670</v>
      </c>
      <c r="G10412" t="s">
        <v>16896</v>
      </c>
      <c r="H10412">
        <v>4.6771006135800004</v>
      </c>
      <c r="I10412">
        <v>52.486263355454</v>
      </c>
      <c r="J10412" t="s">
        <v>66097</v>
      </c>
    </row>
    <row r="10413" spans="1:10" x14ac:dyDescent="0.25">
      <c r="A10413" t="s">
        <v>16889</v>
      </c>
      <c r="B10413" t="s">
        <v>16890</v>
      </c>
      <c r="C10413" t="s">
        <v>16891</v>
      </c>
      <c r="D10413" t="s">
        <v>16761</v>
      </c>
      <c r="E10413" t="s">
        <v>13</v>
      </c>
      <c r="F10413">
        <v>3669</v>
      </c>
      <c r="G10413" t="s">
        <v>16892</v>
      </c>
      <c r="H10413">
        <v>4.6823120028850003</v>
      </c>
      <c r="I10413">
        <v>52.490274513265</v>
      </c>
      <c r="J10413" t="s">
        <v>66098</v>
      </c>
    </row>
    <row r="10414" spans="1:10" x14ac:dyDescent="0.25">
      <c r="A10414" t="s">
        <v>16885</v>
      </c>
      <c r="B10414" t="s">
        <v>16886</v>
      </c>
      <c r="C10414" t="s">
        <v>16887</v>
      </c>
      <c r="D10414" t="s">
        <v>16761</v>
      </c>
      <c r="E10414" t="s">
        <v>13</v>
      </c>
      <c r="F10414">
        <v>3668</v>
      </c>
      <c r="G10414" t="s">
        <v>16888</v>
      </c>
      <c r="H10414">
        <v>4.6870481495379996</v>
      </c>
      <c r="I10414">
        <v>52.487260876404001</v>
      </c>
      <c r="J10414" t="s">
        <v>66099</v>
      </c>
    </row>
    <row r="10415" spans="1:10" x14ac:dyDescent="0.25">
      <c r="A10415" t="s">
        <v>16881</v>
      </c>
      <c r="B10415" t="s">
        <v>16882</v>
      </c>
      <c r="C10415" t="s">
        <v>16883</v>
      </c>
      <c r="D10415" t="s">
        <v>16761</v>
      </c>
      <c r="E10415" t="s">
        <v>13</v>
      </c>
      <c r="F10415">
        <v>3667</v>
      </c>
      <c r="G10415" t="s">
        <v>16884</v>
      </c>
      <c r="H10415">
        <v>4.689814763667</v>
      </c>
      <c r="I10415">
        <v>52.477571473635997</v>
      </c>
      <c r="J10415" t="s">
        <v>66100</v>
      </c>
    </row>
    <row r="10416" spans="1:10" x14ac:dyDescent="0.25">
      <c r="A10416" t="s">
        <v>16877</v>
      </c>
      <c r="B10416" t="s">
        <v>16878</v>
      </c>
      <c r="C10416" t="s">
        <v>16879</v>
      </c>
      <c r="D10416" t="s">
        <v>16761</v>
      </c>
      <c r="E10416" t="s">
        <v>13</v>
      </c>
      <c r="F10416">
        <v>3666</v>
      </c>
      <c r="G10416" t="s">
        <v>16880</v>
      </c>
      <c r="H10416">
        <v>4.6739517425330002</v>
      </c>
      <c r="I10416">
        <v>52.464425846273997</v>
      </c>
      <c r="J10416" t="s">
        <v>66101</v>
      </c>
    </row>
    <row r="10417" spans="1:10" x14ac:dyDescent="0.25">
      <c r="A10417" t="s">
        <v>16873</v>
      </c>
      <c r="B10417" t="s">
        <v>16874</v>
      </c>
      <c r="C10417" t="s">
        <v>16875</v>
      </c>
      <c r="D10417" t="s">
        <v>16761</v>
      </c>
      <c r="E10417" t="s">
        <v>13</v>
      </c>
      <c r="F10417">
        <v>3665</v>
      </c>
      <c r="G10417" t="s">
        <v>16876</v>
      </c>
      <c r="H10417">
        <v>4.6674803391020001</v>
      </c>
      <c r="I10417">
        <v>52.476980114282</v>
      </c>
      <c r="J10417" t="s">
        <v>66102</v>
      </c>
    </row>
    <row r="10418" spans="1:10" x14ac:dyDescent="0.25">
      <c r="A10418" t="s">
        <v>16869</v>
      </c>
      <c r="B10418" t="s">
        <v>16870</v>
      </c>
      <c r="C10418" t="s">
        <v>16871</v>
      </c>
      <c r="D10418" t="s">
        <v>16761</v>
      </c>
      <c r="E10418" t="s">
        <v>13</v>
      </c>
      <c r="F10418">
        <v>3664</v>
      </c>
      <c r="G10418" t="s">
        <v>16872</v>
      </c>
      <c r="H10418">
        <v>4.6173901709500003</v>
      </c>
      <c r="I10418">
        <v>52.489576020416003</v>
      </c>
      <c r="J10418" t="s">
        <v>66103</v>
      </c>
    </row>
    <row r="10419" spans="1:10" x14ac:dyDescent="0.25">
      <c r="A10419" t="s">
        <v>16865</v>
      </c>
      <c r="B10419" t="s">
        <v>16866</v>
      </c>
      <c r="C10419" t="s">
        <v>16867</v>
      </c>
      <c r="D10419" t="s">
        <v>16761</v>
      </c>
      <c r="E10419" t="s">
        <v>13</v>
      </c>
      <c r="F10419">
        <v>3663</v>
      </c>
      <c r="G10419" t="s">
        <v>16868</v>
      </c>
      <c r="H10419">
        <v>4.5935927697599999</v>
      </c>
      <c r="I10419">
        <v>52.492300675285001</v>
      </c>
      <c r="J10419" t="s">
        <v>66104</v>
      </c>
    </row>
    <row r="10420" spans="1:10" x14ac:dyDescent="0.25">
      <c r="A10420" t="s">
        <v>16861</v>
      </c>
      <c r="B10420" t="s">
        <v>16862</v>
      </c>
      <c r="C10420" t="s">
        <v>16863</v>
      </c>
      <c r="D10420" t="s">
        <v>16761</v>
      </c>
      <c r="E10420" t="s">
        <v>13</v>
      </c>
      <c r="F10420">
        <v>3662</v>
      </c>
      <c r="G10420" t="s">
        <v>16864</v>
      </c>
      <c r="H10420">
        <v>4.664782881611</v>
      </c>
      <c r="I10420">
        <v>52.491509517895999</v>
      </c>
      <c r="J10420" t="s">
        <v>66105</v>
      </c>
    </row>
    <row r="10421" spans="1:10" x14ac:dyDescent="0.25">
      <c r="A10421" t="s">
        <v>16857</v>
      </c>
      <c r="B10421" t="s">
        <v>16858</v>
      </c>
      <c r="C10421" t="s">
        <v>16859</v>
      </c>
      <c r="D10421" t="s">
        <v>16761</v>
      </c>
      <c r="E10421" t="s">
        <v>13</v>
      </c>
      <c r="F10421">
        <v>3661</v>
      </c>
      <c r="G10421" t="s">
        <v>16860</v>
      </c>
      <c r="H10421">
        <v>4.662700020051</v>
      </c>
      <c r="I10421">
        <v>52.494745531568</v>
      </c>
      <c r="J10421" t="s">
        <v>66106</v>
      </c>
    </row>
    <row r="10422" spans="1:10" x14ac:dyDescent="0.25">
      <c r="A10422" t="s">
        <v>16853</v>
      </c>
      <c r="B10422" t="s">
        <v>16854</v>
      </c>
      <c r="C10422" t="s">
        <v>16855</v>
      </c>
      <c r="D10422" t="s">
        <v>16761</v>
      </c>
      <c r="E10422" t="s">
        <v>13</v>
      </c>
      <c r="F10422">
        <v>3660</v>
      </c>
      <c r="G10422" t="s">
        <v>16856</v>
      </c>
      <c r="H10422">
        <v>4.6690579756480002</v>
      </c>
      <c r="I10422">
        <v>52.497028894537003</v>
      </c>
      <c r="J10422" t="s">
        <v>66107</v>
      </c>
    </row>
    <row r="10423" spans="1:10" x14ac:dyDescent="0.25">
      <c r="A10423" t="s">
        <v>16849</v>
      </c>
      <c r="B10423" t="s">
        <v>16850</v>
      </c>
      <c r="C10423" t="s">
        <v>16851</v>
      </c>
      <c r="D10423" t="s">
        <v>16761</v>
      </c>
      <c r="E10423" t="s">
        <v>13</v>
      </c>
      <c r="F10423">
        <v>3659</v>
      </c>
      <c r="G10423" t="s">
        <v>16852</v>
      </c>
      <c r="H10423">
        <v>4.6627223620910003</v>
      </c>
      <c r="I10423">
        <v>52.499013817390001</v>
      </c>
      <c r="J10423" t="s">
        <v>66108</v>
      </c>
    </row>
    <row r="10424" spans="1:10" x14ac:dyDescent="0.25">
      <c r="A10424" t="s">
        <v>16845</v>
      </c>
      <c r="B10424" t="s">
        <v>16846</v>
      </c>
      <c r="C10424" t="s">
        <v>16847</v>
      </c>
      <c r="D10424" t="s">
        <v>16761</v>
      </c>
      <c r="E10424" t="s">
        <v>13</v>
      </c>
      <c r="F10424">
        <v>3658</v>
      </c>
      <c r="G10424" t="s">
        <v>16848</v>
      </c>
      <c r="H10424">
        <v>4.6718584053240004</v>
      </c>
      <c r="I10424">
        <v>52.489150855364002</v>
      </c>
      <c r="J10424" t="s">
        <v>66109</v>
      </c>
    </row>
    <row r="10425" spans="1:10" x14ac:dyDescent="0.25">
      <c r="A10425" t="s">
        <v>16841</v>
      </c>
      <c r="B10425" t="s">
        <v>16842</v>
      </c>
      <c r="C10425" t="s">
        <v>16843</v>
      </c>
      <c r="D10425" t="s">
        <v>16761</v>
      </c>
      <c r="E10425" t="s">
        <v>13</v>
      </c>
      <c r="F10425">
        <v>3657</v>
      </c>
      <c r="G10425" t="s">
        <v>16844</v>
      </c>
      <c r="H10425">
        <v>4.6765133843389997</v>
      </c>
      <c r="I10425">
        <v>52.492650471422998</v>
      </c>
      <c r="J10425" t="s">
        <v>66110</v>
      </c>
    </row>
    <row r="10426" spans="1:10" x14ac:dyDescent="0.25">
      <c r="A10426" t="s">
        <v>16837</v>
      </c>
      <c r="B10426" t="s">
        <v>16838</v>
      </c>
      <c r="C10426" t="s">
        <v>16839</v>
      </c>
      <c r="D10426" t="s">
        <v>16761</v>
      </c>
      <c r="E10426" t="s">
        <v>13</v>
      </c>
      <c r="F10426">
        <v>3656</v>
      </c>
      <c r="G10426" t="s">
        <v>16840</v>
      </c>
      <c r="H10426">
        <v>4.6415972163059998</v>
      </c>
      <c r="I10426">
        <v>52.490487377344003</v>
      </c>
      <c r="J10426" t="s">
        <v>66111</v>
      </c>
    </row>
    <row r="10427" spans="1:10" x14ac:dyDescent="0.25">
      <c r="A10427" t="s">
        <v>16833</v>
      </c>
      <c r="B10427" t="s">
        <v>16834</v>
      </c>
      <c r="C10427" t="s">
        <v>16835</v>
      </c>
      <c r="D10427" t="s">
        <v>16761</v>
      </c>
      <c r="E10427" t="s">
        <v>13</v>
      </c>
      <c r="F10427">
        <v>3655</v>
      </c>
      <c r="G10427" t="s">
        <v>16836</v>
      </c>
      <c r="H10427">
        <v>4.6377150089940002</v>
      </c>
      <c r="I10427">
        <v>52.493781781236997</v>
      </c>
      <c r="J10427" t="s">
        <v>66112</v>
      </c>
    </row>
    <row r="10428" spans="1:10" x14ac:dyDescent="0.25">
      <c r="A10428" t="s">
        <v>16829</v>
      </c>
      <c r="B10428" t="s">
        <v>16830</v>
      </c>
      <c r="C10428" t="s">
        <v>16831</v>
      </c>
      <c r="D10428" t="s">
        <v>16761</v>
      </c>
      <c r="E10428" t="s">
        <v>13</v>
      </c>
      <c r="F10428">
        <v>3654</v>
      </c>
      <c r="G10428" t="s">
        <v>16832</v>
      </c>
      <c r="H10428">
        <v>4.6510205888109999</v>
      </c>
      <c r="I10428">
        <v>52.495360771748999</v>
      </c>
      <c r="J10428" t="s">
        <v>66113</v>
      </c>
    </row>
    <row r="10429" spans="1:10" x14ac:dyDescent="0.25">
      <c r="A10429" t="s">
        <v>16825</v>
      </c>
      <c r="B10429" t="s">
        <v>16826</v>
      </c>
      <c r="C10429" t="s">
        <v>16827</v>
      </c>
      <c r="D10429" t="s">
        <v>16761</v>
      </c>
      <c r="E10429" t="s">
        <v>13</v>
      </c>
      <c r="F10429">
        <v>3653</v>
      </c>
      <c r="G10429" t="s">
        <v>16828</v>
      </c>
      <c r="H10429">
        <v>4.6459730036150004</v>
      </c>
      <c r="I10429">
        <v>52.490991853593997</v>
      </c>
      <c r="J10429" t="s">
        <v>66114</v>
      </c>
    </row>
    <row r="10430" spans="1:10" x14ac:dyDescent="0.25">
      <c r="A10430" t="s">
        <v>16821</v>
      </c>
      <c r="B10430" t="s">
        <v>16822</v>
      </c>
      <c r="C10430" t="s">
        <v>16823</v>
      </c>
      <c r="D10430" t="s">
        <v>16761</v>
      </c>
      <c r="E10430" t="s">
        <v>13</v>
      </c>
      <c r="F10430">
        <v>3652</v>
      </c>
      <c r="G10430" t="s">
        <v>16824</v>
      </c>
      <c r="H10430">
        <v>4.6436208685739997</v>
      </c>
      <c r="I10430">
        <v>52.486974135788003</v>
      </c>
      <c r="J10430" t="s">
        <v>66115</v>
      </c>
    </row>
    <row r="10431" spans="1:10" x14ac:dyDescent="0.25">
      <c r="A10431" t="s">
        <v>16817</v>
      </c>
      <c r="B10431" t="s">
        <v>16818</v>
      </c>
      <c r="C10431" t="s">
        <v>16819</v>
      </c>
      <c r="D10431" t="s">
        <v>16761</v>
      </c>
      <c r="E10431" t="s">
        <v>13</v>
      </c>
      <c r="F10431">
        <v>3651</v>
      </c>
      <c r="G10431" t="s">
        <v>16820</v>
      </c>
      <c r="H10431">
        <v>4.6590464096620003</v>
      </c>
      <c r="I10431">
        <v>52.490865607239002</v>
      </c>
      <c r="J10431" t="s">
        <v>66116</v>
      </c>
    </row>
    <row r="10432" spans="1:10" x14ac:dyDescent="0.25">
      <c r="A10432" t="s">
        <v>16813</v>
      </c>
      <c r="B10432" t="s">
        <v>16814</v>
      </c>
      <c r="C10432" t="s">
        <v>16815</v>
      </c>
      <c r="D10432" t="s">
        <v>16761</v>
      </c>
      <c r="E10432" t="s">
        <v>13</v>
      </c>
      <c r="F10432">
        <v>3650</v>
      </c>
      <c r="G10432" t="s">
        <v>16816</v>
      </c>
      <c r="H10432">
        <v>4.656718429194</v>
      </c>
      <c r="I10432">
        <v>52.493782798786</v>
      </c>
      <c r="J10432" t="s">
        <v>66117</v>
      </c>
    </row>
    <row r="10433" spans="1:10" x14ac:dyDescent="0.25">
      <c r="A10433" t="s">
        <v>16809</v>
      </c>
      <c r="B10433" t="s">
        <v>16810</v>
      </c>
      <c r="C10433" t="s">
        <v>16811</v>
      </c>
      <c r="D10433" t="s">
        <v>16761</v>
      </c>
      <c r="E10433" t="s">
        <v>13</v>
      </c>
      <c r="F10433">
        <v>3649</v>
      </c>
      <c r="G10433" t="s">
        <v>16812</v>
      </c>
      <c r="H10433">
        <v>4.6537393756550003</v>
      </c>
      <c r="I10433">
        <v>52.490812175664999</v>
      </c>
      <c r="J10433" t="s">
        <v>66118</v>
      </c>
    </row>
    <row r="10434" spans="1:10" x14ac:dyDescent="0.25">
      <c r="A10434" t="s">
        <v>16805</v>
      </c>
      <c r="B10434" t="s">
        <v>16806</v>
      </c>
      <c r="C10434" t="s">
        <v>16807</v>
      </c>
      <c r="D10434" t="s">
        <v>16761</v>
      </c>
      <c r="E10434" t="s">
        <v>13</v>
      </c>
      <c r="F10434">
        <v>3648</v>
      </c>
      <c r="G10434" t="s">
        <v>16808</v>
      </c>
      <c r="H10434">
        <v>4.6502696449360004</v>
      </c>
      <c r="I10434">
        <v>52.488593554681003</v>
      </c>
      <c r="J10434" t="s">
        <v>66119</v>
      </c>
    </row>
    <row r="10435" spans="1:10" x14ac:dyDescent="0.25">
      <c r="A10435" t="s">
        <v>16801</v>
      </c>
      <c r="B10435" t="s">
        <v>16802</v>
      </c>
      <c r="C10435" t="s">
        <v>16803</v>
      </c>
      <c r="D10435" t="s">
        <v>16761</v>
      </c>
      <c r="E10435" t="s">
        <v>13</v>
      </c>
      <c r="F10435">
        <v>3647</v>
      </c>
      <c r="G10435" t="s">
        <v>16804</v>
      </c>
      <c r="H10435">
        <v>4.6685339539140003</v>
      </c>
      <c r="I10435">
        <v>52.484600152626001</v>
      </c>
      <c r="J10435" t="s">
        <v>66120</v>
      </c>
    </row>
    <row r="10436" spans="1:10" x14ac:dyDescent="0.25">
      <c r="A10436" t="s">
        <v>16797</v>
      </c>
      <c r="B10436" t="s">
        <v>16798</v>
      </c>
      <c r="C10436" t="s">
        <v>16799</v>
      </c>
      <c r="D10436" t="s">
        <v>16761</v>
      </c>
      <c r="E10436" t="s">
        <v>13</v>
      </c>
      <c r="F10436">
        <v>3646</v>
      </c>
      <c r="G10436" t="s">
        <v>16800</v>
      </c>
      <c r="H10436">
        <v>4.6646787935829996</v>
      </c>
      <c r="I10436">
        <v>52.483316745739003</v>
      </c>
      <c r="J10436" t="s">
        <v>66121</v>
      </c>
    </row>
    <row r="10437" spans="1:10" x14ac:dyDescent="0.25">
      <c r="A10437" t="s">
        <v>16794</v>
      </c>
      <c r="B10437" t="s">
        <v>16795</v>
      </c>
      <c r="C10437" t="s">
        <v>97</v>
      </c>
      <c r="D10437" t="s">
        <v>16761</v>
      </c>
      <c r="E10437" t="s">
        <v>13</v>
      </c>
      <c r="F10437">
        <v>3645</v>
      </c>
      <c r="G10437" t="s">
        <v>16796</v>
      </c>
      <c r="H10437">
        <v>4.6660220089599997</v>
      </c>
      <c r="I10437">
        <v>52.487257561957001</v>
      </c>
      <c r="J10437" t="s">
        <v>66122</v>
      </c>
    </row>
    <row r="10438" spans="1:10" x14ac:dyDescent="0.25">
      <c r="A10438" t="s">
        <v>16791</v>
      </c>
      <c r="B10438" t="s">
        <v>16792</v>
      </c>
      <c r="C10438" t="s">
        <v>4653</v>
      </c>
      <c r="D10438" t="s">
        <v>16761</v>
      </c>
      <c r="E10438" t="s">
        <v>13</v>
      </c>
      <c r="F10438">
        <v>3644</v>
      </c>
      <c r="G10438" t="s">
        <v>16793</v>
      </c>
      <c r="H10438">
        <v>4.6343613481480004</v>
      </c>
      <c r="I10438">
        <v>52.484063484407997</v>
      </c>
      <c r="J10438" t="s">
        <v>66123</v>
      </c>
    </row>
    <row r="10439" spans="1:10" x14ac:dyDescent="0.25">
      <c r="A10439" t="s">
        <v>16787</v>
      </c>
      <c r="B10439" t="s">
        <v>16788</v>
      </c>
      <c r="C10439" t="s">
        <v>16789</v>
      </c>
      <c r="D10439" t="s">
        <v>16761</v>
      </c>
      <c r="E10439" t="s">
        <v>13</v>
      </c>
      <c r="F10439">
        <v>3643</v>
      </c>
      <c r="G10439" t="s">
        <v>16790</v>
      </c>
      <c r="H10439">
        <v>4.6500221657390002</v>
      </c>
      <c r="I10439">
        <v>52.484656977970999</v>
      </c>
      <c r="J10439" t="s">
        <v>66124</v>
      </c>
    </row>
    <row r="10440" spans="1:10" x14ac:dyDescent="0.25">
      <c r="A10440" t="s">
        <v>16783</v>
      </c>
      <c r="B10440" t="s">
        <v>16784</v>
      </c>
      <c r="C10440" t="s">
        <v>16785</v>
      </c>
      <c r="D10440" t="s">
        <v>16761</v>
      </c>
      <c r="E10440" t="s">
        <v>13</v>
      </c>
      <c r="F10440">
        <v>3642</v>
      </c>
      <c r="G10440" t="s">
        <v>16786</v>
      </c>
      <c r="H10440">
        <v>4.6472932739520001</v>
      </c>
      <c r="I10440">
        <v>52.480510216119001</v>
      </c>
      <c r="J10440" t="s">
        <v>66125</v>
      </c>
    </row>
    <row r="10441" spans="1:10" x14ac:dyDescent="0.25">
      <c r="A10441" t="s">
        <v>16779</v>
      </c>
      <c r="B10441" t="s">
        <v>16780</v>
      </c>
      <c r="C10441" t="s">
        <v>16781</v>
      </c>
      <c r="D10441" t="s">
        <v>16761</v>
      </c>
      <c r="E10441" t="s">
        <v>13</v>
      </c>
      <c r="F10441">
        <v>3641</v>
      </c>
      <c r="G10441" t="s">
        <v>16782</v>
      </c>
      <c r="H10441">
        <v>4.662439723746</v>
      </c>
      <c r="I10441">
        <v>52.486709685195997</v>
      </c>
      <c r="J10441" t="s">
        <v>66126</v>
      </c>
    </row>
    <row r="10442" spans="1:10" x14ac:dyDescent="0.25">
      <c r="A10442" t="s">
        <v>16775</v>
      </c>
      <c r="B10442" t="s">
        <v>16776</v>
      </c>
      <c r="C10442" t="s">
        <v>16777</v>
      </c>
      <c r="D10442" t="s">
        <v>16761</v>
      </c>
      <c r="E10442" t="s">
        <v>13</v>
      </c>
      <c r="F10442">
        <v>3640</v>
      </c>
      <c r="G10442" t="s">
        <v>16778</v>
      </c>
      <c r="H10442">
        <v>4.6544973153619997</v>
      </c>
      <c r="I10442">
        <v>52.486329620115001</v>
      </c>
      <c r="J10442" t="s">
        <v>66127</v>
      </c>
    </row>
    <row r="10443" spans="1:10" x14ac:dyDescent="0.25">
      <c r="A10443" t="s">
        <v>16771</v>
      </c>
      <c r="B10443" t="s">
        <v>16772</v>
      </c>
      <c r="C10443" t="s">
        <v>16773</v>
      </c>
      <c r="D10443" t="s">
        <v>16761</v>
      </c>
      <c r="E10443" t="s">
        <v>13</v>
      </c>
      <c r="F10443">
        <v>3639</v>
      </c>
      <c r="G10443" t="s">
        <v>16774</v>
      </c>
      <c r="H10443">
        <v>4.6579517001689998</v>
      </c>
      <c r="I10443">
        <v>52.487928101321003</v>
      </c>
      <c r="J10443" t="s">
        <v>66128</v>
      </c>
    </row>
    <row r="10444" spans="1:10" x14ac:dyDescent="0.25">
      <c r="A10444" t="s">
        <v>16767</v>
      </c>
      <c r="B10444" t="s">
        <v>16768</v>
      </c>
      <c r="C10444" t="s">
        <v>16769</v>
      </c>
      <c r="D10444" t="s">
        <v>16761</v>
      </c>
      <c r="E10444" t="s">
        <v>13</v>
      </c>
      <c r="F10444">
        <v>3638</v>
      </c>
      <c r="G10444" t="s">
        <v>16770</v>
      </c>
      <c r="H10444">
        <v>4.6567783384980004</v>
      </c>
      <c r="I10444">
        <v>52.482967537036998</v>
      </c>
      <c r="J10444" t="s">
        <v>66129</v>
      </c>
    </row>
    <row r="10445" spans="1:10" x14ac:dyDescent="0.25">
      <c r="A10445" t="s">
        <v>16763</v>
      </c>
      <c r="B10445" t="s">
        <v>16764</v>
      </c>
      <c r="C10445" t="s">
        <v>16765</v>
      </c>
      <c r="D10445" t="s">
        <v>16761</v>
      </c>
      <c r="E10445" t="s">
        <v>13</v>
      </c>
      <c r="F10445">
        <v>3637</v>
      </c>
      <c r="G10445" t="s">
        <v>16766</v>
      </c>
      <c r="H10445">
        <v>4.6581592109700001</v>
      </c>
      <c r="I10445">
        <v>52.480462768552002</v>
      </c>
      <c r="J10445" t="s">
        <v>66130</v>
      </c>
    </row>
    <row r="10446" spans="1:10" x14ac:dyDescent="0.25">
      <c r="A10446" t="s">
        <v>16758</v>
      </c>
      <c r="B10446" t="s">
        <v>16759</v>
      </c>
      <c r="C10446" t="s">
        <v>16760</v>
      </c>
      <c r="D10446" t="s">
        <v>16761</v>
      </c>
      <c r="E10446" t="s">
        <v>13</v>
      </c>
      <c r="F10446">
        <v>3636</v>
      </c>
      <c r="G10446" t="s">
        <v>16762</v>
      </c>
      <c r="H10446">
        <v>4.6592882897979999</v>
      </c>
      <c r="I10446">
        <v>52.485284931941997</v>
      </c>
      <c r="J10446" t="s">
        <v>66131</v>
      </c>
    </row>
    <row r="10447" spans="1:10" x14ac:dyDescent="0.25">
      <c r="A10447" t="s">
        <v>16754</v>
      </c>
      <c r="B10447" t="s">
        <v>16755</v>
      </c>
      <c r="C10447" t="s">
        <v>16756</v>
      </c>
      <c r="D10447" t="s">
        <v>16617</v>
      </c>
      <c r="E10447" t="s">
        <v>13</v>
      </c>
      <c r="F10447">
        <v>3635</v>
      </c>
      <c r="G10447" t="s">
        <v>16757</v>
      </c>
      <c r="H10447">
        <v>4.6684787356250004</v>
      </c>
      <c r="I10447">
        <v>52.732939759544998</v>
      </c>
      <c r="J10447" t="s">
        <v>66132</v>
      </c>
    </row>
    <row r="10448" spans="1:10" x14ac:dyDescent="0.25">
      <c r="A10448" t="s">
        <v>16750</v>
      </c>
      <c r="B10448" t="s">
        <v>16751</v>
      </c>
      <c r="C10448" t="s">
        <v>16752</v>
      </c>
      <c r="D10448" t="s">
        <v>16617</v>
      </c>
      <c r="E10448" t="s">
        <v>13</v>
      </c>
      <c r="F10448">
        <v>3634</v>
      </c>
      <c r="G10448" t="s">
        <v>16753</v>
      </c>
      <c r="H10448">
        <v>4.6470902799460001</v>
      </c>
      <c r="I10448">
        <v>52.725081280024</v>
      </c>
      <c r="J10448" t="s">
        <v>66133</v>
      </c>
    </row>
    <row r="10449" spans="1:10" x14ac:dyDescent="0.25">
      <c r="A10449" t="s">
        <v>16746</v>
      </c>
      <c r="B10449" t="s">
        <v>16747</v>
      </c>
      <c r="C10449" t="s">
        <v>16748</v>
      </c>
      <c r="D10449" t="s">
        <v>16617</v>
      </c>
      <c r="E10449" t="s">
        <v>13</v>
      </c>
      <c r="F10449">
        <v>3633</v>
      </c>
      <c r="G10449" t="s">
        <v>16749</v>
      </c>
      <c r="H10449">
        <v>4.657389150697</v>
      </c>
      <c r="I10449">
        <v>52.718278762708003</v>
      </c>
      <c r="J10449" t="s">
        <v>66134</v>
      </c>
    </row>
    <row r="10450" spans="1:10" x14ac:dyDescent="0.25">
      <c r="A10450" t="s">
        <v>16742</v>
      </c>
      <c r="B10450" t="s">
        <v>16743</v>
      </c>
      <c r="C10450" t="s">
        <v>16744</v>
      </c>
      <c r="D10450" t="s">
        <v>16617</v>
      </c>
      <c r="E10450" t="s">
        <v>13</v>
      </c>
      <c r="F10450">
        <v>3632</v>
      </c>
      <c r="G10450" t="s">
        <v>16745</v>
      </c>
      <c r="H10450">
        <v>4.6634794518899998</v>
      </c>
      <c r="I10450">
        <v>52.711390153174001</v>
      </c>
      <c r="J10450" t="s">
        <v>66135</v>
      </c>
    </row>
    <row r="10451" spans="1:10" x14ac:dyDescent="0.25">
      <c r="A10451" t="s">
        <v>16738</v>
      </c>
      <c r="B10451" t="s">
        <v>16739</v>
      </c>
      <c r="C10451" t="s">
        <v>16740</v>
      </c>
      <c r="D10451" t="s">
        <v>16617</v>
      </c>
      <c r="E10451" t="s">
        <v>13</v>
      </c>
      <c r="F10451">
        <v>3631</v>
      </c>
      <c r="G10451" t="s">
        <v>16741</v>
      </c>
      <c r="H10451">
        <v>4.6732229409029999</v>
      </c>
      <c r="I10451">
        <v>52.687831975320996</v>
      </c>
      <c r="J10451" t="s">
        <v>66136</v>
      </c>
    </row>
    <row r="10452" spans="1:10" x14ac:dyDescent="0.25">
      <c r="A10452" t="s">
        <v>16734</v>
      </c>
      <c r="B10452" t="s">
        <v>16735</v>
      </c>
      <c r="C10452" t="s">
        <v>16736</v>
      </c>
      <c r="D10452" t="s">
        <v>16617</v>
      </c>
      <c r="E10452" t="s">
        <v>13</v>
      </c>
      <c r="F10452">
        <v>3630</v>
      </c>
      <c r="G10452" t="s">
        <v>16737</v>
      </c>
      <c r="H10452">
        <v>4.7129298550690004</v>
      </c>
      <c r="I10452">
        <v>52.706325376922003</v>
      </c>
      <c r="J10452" t="s">
        <v>66137</v>
      </c>
    </row>
    <row r="10453" spans="1:10" x14ac:dyDescent="0.25">
      <c r="A10453" t="s">
        <v>16730</v>
      </c>
      <c r="B10453" t="s">
        <v>16731</v>
      </c>
      <c r="C10453" t="s">
        <v>16732</v>
      </c>
      <c r="D10453" t="s">
        <v>16617</v>
      </c>
      <c r="E10453" t="s">
        <v>13</v>
      </c>
      <c r="F10453">
        <v>3629</v>
      </c>
      <c r="G10453" t="s">
        <v>16733</v>
      </c>
      <c r="H10453">
        <v>4.6752852442639998</v>
      </c>
      <c r="I10453">
        <v>52.702831758343002</v>
      </c>
      <c r="J10453" t="s">
        <v>66138</v>
      </c>
    </row>
    <row r="10454" spans="1:10" x14ac:dyDescent="0.25">
      <c r="A10454" t="s">
        <v>16726</v>
      </c>
      <c r="B10454" t="s">
        <v>16727</v>
      </c>
      <c r="C10454" t="s">
        <v>16728</v>
      </c>
      <c r="D10454" t="s">
        <v>16617</v>
      </c>
      <c r="E10454" t="s">
        <v>13</v>
      </c>
      <c r="F10454">
        <v>3628</v>
      </c>
      <c r="G10454" t="s">
        <v>16729</v>
      </c>
      <c r="H10454">
        <v>4.6827585845490001</v>
      </c>
      <c r="I10454">
        <v>52.625750953271002</v>
      </c>
      <c r="J10454" t="s">
        <v>66139</v>
      </c>
    </row>
    <row r="10455" spans="1:10" x14ac:dyDescent="0.25">
      <c r="A10455" t="s">
        <v>16722</v>
      </c>
      <c r="B10455" t="s">
        <v>16723</v>
      </c>
      <c r="C10455" t="s">
        <v>16724</v>
      </c>
      <c r="D10455" t="s">
        <v>16617</v>
      </c>
      <c r="E10455" t="s">
        <v>13</v>
      </c>
      <c r="F10455">
        <v>3627</v>
      </c>
      <c r="G10455" t="s">
        <v>16725</v>
      </c>
      <c r="H10455">
        <v>4.6447248395839997</v>
      </c>
      <c r="I10455">
        <v>52.635342471595003</v>
      </c>
      <c r="J10455" t="s">
        <v>66140</v>
      </c>
    </row>
    <row r="10456" spans="1:10" x14ac:dyDescent="0.25">
      <c r="A10456" t="s">
        <v>16718</v>
      </c>
      <c r="B10456" t="s">
        <v>16719</v>
      </c>
      <c r="C10456" t="s">
        <v>16720</v>
      </c>
      <c r="D10456" t="s">
        <v>16617</v>
      </c>
      <c r="E10456" t="s">
        <v>13</v>
      </c>
      <c r="F10456">
        <v>3626</v>
      </c>
      <c r="G10456" t="s">
        <v>16721</v>
      </c>
      <c r="H10456">
        <v>4.65818549888</v>
      </c>
      <c r="I10456">
        <v>52.623252541376999</v>
      </c>
      <c r="J10456" t="s">
        <v>66141</v>
      </c>
    </row>
    <row r="10457" spans="1:10" x14ac:dyDescent="0.25">
      <c r="A10457" t="s">
        <v>16714</v>
      </c>
      <c r="B10457" t="s">
        <v>16715</v>
      </c>
      <c r="C10457" t="s">
        <v>16716</v>
      </c>
      <c r="D10457" t="s">
        <v>16617</v>
      </c>
      <c r="E10457" t="s">
        <v>13</v>
      </c>
      <c r="F10457">
        <v>3625</v>
      </c>
      <c r="G10457" t="s">
        <v>16717</v>
      </c>
      <c r="H10457">
        <v>4.6476445780590003</v>
      </c>
      <c r="I10457">
        <v>52.623175980279001</v>
      </c>
      <c r="J10457" t="s">
        <v>66142</v>
      </c>
    </row>
    <row r="10458" spans="1:10" x14ac:dyDescent="0.25">
      <c r="A10458" t="s">
        <v>16710</v>
      </c>
      <c r="B10458" t="s">
        <v>16711</v>
      </c>
      <c r="C10458" t="s">
        <v>16712</v>
      </c>
      <c r="D10458" t="s">
        <v>16617</v>
      </c>
      <c r="E10458" t="s">
        <v>13</v>
      </c>
      <c r="F10458">
        <v>3624</v>
      </c>
      <c r="G10458" t="s">
        <v>16713</v>
      </c>
      <c r="H10458">
        <v>4.6397209387879998</v>
      </c>
      <c r="I10458">
        <v>52.609550477249002</v>
      </c>
      <c r="J10458" t="s">
        <v>66143</v>
      </c>
    </row>
    <row r="10459" spans="1:10" x14ac:dyDescent="0.25">
      <c r="A10459" t="s">
        <v>16706</v>
      </c>
      <c r="B10459" t="s">
        <v>16707</v>
      </c>
      <c r="C10459" t="s">
        <v>16708</v>
      </c>
      <c r="D10459" t="s">
        <v>16617</v>
      </c>
      <c r="E10459" t="s">
        <v>13</v>
      </c>
      <c r="F10459">
        <v>3623</v>
      </c>
      <c r="G10459" t="s">
        <v>16709</v>
      </c>
      <c r="H10459">
        <v>4.6391815837730004</v>
      </c>
      <c r="I10459">
        <v>52.592304742167002</v>
      </c>
      <c r="J10459" t="s">
        <v>66144</v>
      </c>
    </row>
    <row r="10460" spans="1:10" x14ac:dyDescent="0.25">
      <c r="A10460" t="s">
        <v>16702</v>
      </c>
      <c r="B10460" t="s">
        <v>16703</v>
      </c>
      <c r="C10460" t="s">
        <v>16704</v>
      </c>
      <c r="D10460" t="s">
        <v>16617</v>
      </c>
      <c r="E10460" t="s">
        <v>13</v>
      </c>
      <c r="F10460">
        <v>3622</v>
      </c>
      <c r="G10460" t="s">
        <v>16705</v>
      </c>
      <c r="H10460">
        <v>4.6286494755699996</v>
      </c>
      <c r="I10460">
        <v>52.623256033086001</v>
      </c>
      <c r="J10460" t="s">
        <v>66145</v>
      </c>
    </row>
    <row r="10461" spans="1:10" x14ac:dyDescent="0.25">
      <c r="A10461" t="s">
        <v>16698</v>
      </c>
      <c r="B10461" t="s">
        <v>16699</v>
      </c>
      <c r="C10461" t="s">
        <v>16700</v>
      </c>
      <c r="D10461" t="s">
        <v>16617</v>
      </c>
      <c r="E10461" t="s">
        <v>13</v>
      </c>
      <c r="F10461">
        <v>3621</v>
      </c>
      <c r="G10461" t="s">
        <v>16701</v>
      </c>
      <c r="H10461">
        <v>4.6258593961059997</v>
      </c>
      <c r="I10461">
        <v>52.613946922662997</v>
      </c>
      <c r="J10461" t="s">
        <v>66146</v>
      </c>
    </row>
    <row r="10462" spans="1:10" x14ac:dyDescent="0.25">
      <c r="A10462" t="s">
        <v>16694</v>
      </c>
      <c r="B10462" t="s">
        <v>16695</v>
      </c>
      <c r="C10462" t="s">
        <v>16696</v>
      </c>
      <c r="D10462" t="s">
        <v>16617</v>
      </c>
      <c r="E10462" t="s">
        <v>13</v>
      </c>
      <c r="F10462">
        <v>3620</v>
      </c>
      <c r="G10462" t="s">
        <v>16697</v>
      </c>
      <c r="H10462">
        <v>4.6316904142890003</v>
      </c>
      <c r="I10462">
        <v>52.617012549968997</v>
      </c>
      <c r="J10462" t="s">
        <v>66147</v>
      </c>
    </row>
    <row r="10463" spans="1:10" x14ac:dyDescent="0.25">
      <c r="A10463" t="s">
        <v>16690</v>
      </c>
      <c r="B10463" t="s">
        <v>16691</v>
      </c>
      <c r="C10463" t="s">
        <v>16692</v>
      </c>
      <c r="D10463" t="s">
        <v>16617</v>
      </c>
      <c r="E10463" t="s">
        <v>13</v>
      </c>
      <c r="F10463">
        <v>3619</v>
      </c>
      <c r="G10463" t="s">
        <v>16693</v>
      </c>
      <c r="H10463">
        <v>4.627510827968</v>
      </c>
      <c r="I10463">
        <v>52.619415615982</v>
      </c>
      <c r="J10463" t="s">
        <v>66148</v>
      </c>
    </row>
    <row r="10464" spans="1:10" x14ac:dyDescent="0.25">
      <c r="A10464" t="s">
        <v>16686</v>
      </c>
      <c r="B10464" t="s">
        <v>16687</v>
      </c>
      <c r="C10464" t="s">
        <v>16688</v>
      </c>
      <c r="D10464" t="s">
        <v>16617</v>
      </c>
      <c r="E10464" t="s">
        <v>13</v>
      </c>
      <c r="F10464">
        <v>3618</v>
      </c>
      <c r="G10464" t="s">
        <v>16689</v>
      </c>
      <c r="H10464">
        <v>4.6847467052639997</v>
      </c>
      <c r="I10464">
        <v>52.662377578380998</v>
      </c>
      <c r="J10464" t="s">
        <v>66149</v>
      </c>
    </row>
    <row r="10465" spans="1:10" x14ac:dyDescent="0.25">
      <c r="A10465" t="s">
        <v>16682</v>
      </c>
      <c r="B10465" t="s">
        <v>16683</v>
      </c>
      <c r="C10465" t="s">
        <v>16684</v>
      </c>
      <c r="D10465" t="s">
        <v>16617</v>
      </c>
      <c r="E10465" t="s">
        <v>13</v>
      </c>
      <c r="F10465">
        <v>3617</v>
      </c>
      <c r="G10465" t="s">
        <v>16685</v>
      </c>
      <c r="H10465">
        <v>4.6352164317150004</v>
      </c>
      <c r="I10465">
        <v>52.661587984020997</v>
      </c>
      <c r="J10465" t="s">
        <v>66150</v>
      </c>
    </row>
    <row r="10466" spans="1:10" x14ac:dyDescent="0.25">
      <c r="A10466" t="s">
        <v>16678</v>
      </c>
      <c r="B10466" t="s">
        <v>16679</v>
      </c>
      <c r="C10466" t="s">
        <v>16680</v>
      </c>
      <c r="D10466" t="s">
        <v>16617</v>
      </c>
      <c r="E10466" t="s">
        <v>13</v>
      </c>
      <c r="F10466">
        <v>3616</v>
      </c>
      <c r="G10466" t="s">
        <v>16681</v>
      </c>
      <c r="H10466">
        <v>4.6859902706250001</v>
      </c>
      <c r="I10466">
        <v>52.665517473169999</v>
      </c>
      <c r="J10466" t="s">
        <v>66151</v>
      </c>
    </row>
    <row r="10467" spans="1:10" x14ac:dyDescent="0.25">
      <c r="A10467" t="s">
        <v>16674</v>
      </c>
      <c r="B10467" t="s">
        <v>16675</v>
      </c>
      <c r="C10467" t="s">
        <v>16676</v>
      </c>
      <c r="D10467" t="s">
        <v>16617</v>
      </c>
      <c r="E10467" t="s">
        <v>13</v>
      </c>
      <c r="F10467">
        <v>3615</v>
      </c>
      <c r="G10467" t="s">
        <v>16677</v>
      </c>
      <c r="H10467">
        <v>4.6993895844880003</v>
      </c>
      <c r="I10467">
        <v>52.663615660369999</v>
      </c>
      <c r="J10467" t="s">
        <v>66152</v>
      </c>
    </row>
    <row r="10468" spans="1:10" x14ac:dyDescent="0.25">
      <c r="A10468" t="s">
        <v>16670</v>
      </c>
      <c r="B10468" t="s">
        <v>16671</v>
      </c>
      <c r="C10468" t="s">
        <v>16672</v>
      </c>
      <c r="D10468" t="s">
        <v>16617</v>
      </c>
      <c r="E10468" t="s">
        <v>13</v>
      </c>
      <c r="F10468">
        <v>3614</v>
      </c>
      <c r="G10468" t="s">
        <v>16673</v>
      </c>
      <c r="H10468">
        <v>4.704332534183</v>
      </c>
      <c r="I10468">
        <v>52.661306940632997</v>
      </c>
      <c r="J10468" t="s">
        <v>66153</v>
      </c>
    </row>
    <row r="10469" spans="1:10" x14ac:dyDescent="0.25">
      <c r="A10469" t="s">
        <v>16666</v>
      </c>
      <c r="B10469" t="s">
        <v>16667</v>
      </c>
      <c r="C10469" t="s">
        <v>16668</v>
      </c>
      <c r="D10469" t="s">
        <v>16617</v>
      </c>
      <c r="E10469" t="s">
        <v>13</v>
      </c>
      <c r="F10469">
        <v>3613</v>
      </c>
      <c r="G10469" t="s">
        <v>16669</v>
      </c>
      <c r="H10469">
        <v>4.7055086307809999</v>
      </c>
      <c r="I10469">
        <v>52.664176517130002</v>
      </c>
      <c r="J10469" t="s">
        <v>66154</v>
      </c>
    </row>
    <row r="10470" spans="1:10" x14ac:dyDescent="0.25">
      <c r="A10470" t="s">
        <v>16662</v>
      </c>
      <c r="B10470" t="s">
        <v>16663</v>
      </c>
      <c r="C10470" t="s">
        <v>16664</v>
      </c>
      <c r="D10470" t="s">
        <v>16617</v>
      </c>
      <c r="E10470" t="s">
        <v>13</v>
      </c>
      <c r="F10470">
        <v>3612</v>
      </c>
      <c r="G10470" t="s">
        <v>16665</v>
      </c>
      <c r="H10470">
        <v>4.7083430849649996</v>
      </c>
      <c r="I10470">
        <v>52.662190906615002</v>
      </c>
      <c r="J10470" t="s">
        <v>66155</v>
      </c>
    </row>
    <row r="10471" spans="1:10" x14ac:dyDescent="0.25">
      <c r="A10471" t="s">
        <v>16659</v>
      </c>
      <c r="B10471" t="s">
        <v>16660</v>
      </c>
      <c r="C10471" t="s">
        <v>14681</v>
      </c>
      <c r="D10471" t="s">
        <v>16617</v>
      </c>
      <c r="E10471" t="s">
        <v>13</v>
      </c>
      <c r="F10471">
        <v>3611</v>
      </c>
      <c r="G10471" t="s">
        <v>16661</v>
      </c>
      <c r="H10471">
        <v>4.7122669744919996</v>
      </c>
      <c r="I10471">
        <v>52.661708111679999</v>
      </c>
      <c r="J10471" t="s">
        <v>66156</v>
      </c>
    </row>
    <row r="10472" spans="1:10" x14ac:dyDescent="0.25">
      <c r="A10472" t="s">
        <v>16655</v>
      </c>
      <c r="B10472" t="s">
        <v>16656</v>
      </c>
      <c r="C10472" t="s">
        <v>16657</v>
      </c>
      <c r="D10472" t="s">
        <v>16617</v>
      </c>
      <c r="E10472" t="s">
        <v>13</v>
      </c>
      <c r="F10472">
        <v>3610</v>
      </c>
      <c r="G10472" t="s">
        <v>16658</v>
      </c>
      <c r="H10472">
        <v>4.7068199847430003</v>
      </c>
      <c r="I10472">
        <v>52.666385641662998</v>
      </c>
      <c r="J10472" t="s">
        <v>66157</v>
      </c>
    </row>
    <row r="10473" spans="1:10" x14ac:dyDescent="0.25">
      <c r="A10473" t="s">
        <v>16651</v>
      </c>
      <c r="B10473" t="s">
        <v>16652</v>
      </c>
      <c r="C10473" t="s">
        <v>16653</v>
      </c>
      <c r="D10473" t="s">
        <v>16617</v>
      </c>
      <c r="E10473" t="s">
        <v>13</v>
      </c>
      <c r="F10473">
        <v>3609</v>
      </c>
      <c r="G10473" t="s">
        <v>16654</v>
      </c>
      <c r="H10473">
        <v>4.7174531804550002</v>
      </c>
      <c r="I10473">
        <v>52.664174449386003</v>
      </c>
      <c r="J10473" t="s">
        <v>66158</v>
      </c>
    </row>
    <row r="10474" spans="1:10" x14ac:dyDescent="0.25">
      <c r="A10474" t="s">
        <v>16647</v>
      </c>
      <c r="B10474" t="s">
        <v>16648</v>
      </c>
      <c r="C10474" t="s">
        <v>16649</v>
      </c>
      <c r="D10474" t="s">
        <v>16617</v>
      </c>
      <c r="E10474" t="s">
        <v>13</v>
      </c>
      <c r="F10474">
        <v>3608</v>
      </c>
      <c r="G10474" t="s">
        <v>16650</v>
      </c>
      <c r="H10474">
        <v>4.7201604724879997</v>
      </c>
      <c r="I10474">
        <v>52.667205306366</v>
      </c>
      <c r="J10474" t="s">
        <v>66159</v>
      </c>
    </row>
    <row r="10475" spans="1:10" x14ac:dyDescent="0.25">
      <c r="A10475" t="s">
        <v>16643</v>
      </c>
      <c r="B10475" t="s">
        <v>16644</v>
      </c>
      <c r="C10475" t="s">
        <v>16645</v>
      </c>
      <c r="D10475" t="s">
        <v>16617</v>
      </c>
      <c r="E10475" t="s">
        <v>13</v>
      </c>
      <c r="F10475">
        <v>3607</v>
      </c>
      <c r="G10475" t="s">
        <v>16646</v>
      </c>
      <c r="H10475">
        <v>4.7076969408110001</v>
      </c>
      <c r="I10475">
        <v>52.669781143492003</v>
      </c>
      <c r="J10475" t="s">
        <v>66160</v>
      </c>
    </row>
    <row r="10476" spans="1:10" x14ac:dyDescent="0.25">
      <c r="A10476" t="s">
        <v>16639</v>
      </c>
      <c r="B10476" t="s">
        <v>16640</v>
      </c>
      <c r="C10476" t="s">
        <v>16641</v>
      </c>
      <c r="D10476" t="s">
        <v>16617</v>
      </c>
      <c r="E10476" t="s">
        <v>13</v>
      </c>
      <c r="F10476">
        <v>3606</v>
      </c>
      <c r="G10476" t="s">
        <v>16642</v>
      </c>
      <c r="H10476">
        <v>4.7117317243260004</v>
      </c>
      <c r="I10476">
        <v>52.672162959784004</v>
      </c>
      <c r="J10476" t="s">
        <v>66161</v>
      </c>
    </row>
    <row r="10477" spans="1:10" x14ac:dyDescent="0.25">
      <c r="A10477" t="s">
        <v>16635</v>
      </c>
      <c r="B10477" t="s">
        <v>16636</v>
      </c>
      <c r="C10477" t="s">
        <v>16637</v>
      </c>
      <c r="D10477" t="s">
        <v>16617</v>
      </c>
      <c r="E10477" t="s">
        <v>13</v>
      </c>
      <c r="F10477">
        <v>3605</v>
      </c>
      <c r="G10477" t="s">
        <v>16638</v>
      </c>
      <c r="H10477">
        <v>4.7085303509600003</v>
      </c>
      <c r="I10477">
        <v>52.677038078085999</v>
      </c>
      <c r="J10477" t="s">
        <v>66162</v>
      </c>
    </row>
    <row r="10478" spans="1:10" x14ac:dyDescent="0.25">
      <c r="A10478" t="s">
        <v>16631</v>
      </c>
      <c r="B10478" t="s">
        <v>16632</v>
      </c>
      <c r="C10478" t="s">
        <v>16633</v>
      </c>
      <c r="D10478" t="s">
        <v>16617</v>
      </c>
      <c r="E10478" t="s">
        <v>13</v>
      </c>
      <c r="F10478">
        <v>3604</v>
      </c>
      <c r="G10478" t="s">
        <v>16634</v>
      </c>
      <c r="H10478">
        <v>4.7043071162699999</v>
      </c>
      <c r="I10478">
        <v>52.676064834603999</v>
      </c>
      <c r="J10478" t="s">
        <v>66163</v>
      </c>
    </row>
    <row r="10479" spans="1:10" x14ac:dyDescent="0.25">
      <c r="A10479" t="s">
        <v>16627</v>
      </c>
      <c r="B10479" t="s">
        <v>16628</v>
      </c>
      <c r="C10479" t="s">
        <v>16629</v>
      </c>
      <c r="D10479" t="s">
        <v>16617</v>
      </c>
      <c r="E10479" t="s">
        <v>13</v>
      </c>
      <c r="F10479">
        <v>3603</v>
      </c>
      <c r="G10479" t="s">
        <v>16630</v>
      </c>
      <c r="H10479">
        <v>4.7019188108409997</v>
      </c>
      <c r="I10479">
        <v>52.680351853391997</v>
      </c>
      <c r="J10479" t="s">
        <v>66164</v>
      </c>
    </row>
    <row r="10480" spans="1:10" x14ac:dyDescent="0.25">
      <c r="A10480" t="s">
        <v>16623</v>
      </c>
      <c r="B10480" t="s">
        <v>16624</v>
      </c>
      <c r="C10480" t="s">
        <v>16625</v>
      </c>
      <c r="D10480" t="s">
        <v>16617</v>
      </c>
      <c r="E10480" t="s">
        <v>13</v>
      </c>
      <c r="F10480">
        <v>3602</v>
      </c>
      <c r="G10480" t="s">
        <v>16626</v>
      </c>
      <c r="H10480">
        <v>4.6980916754689996</v>
      </c>
      <c r="I10480">
        <v>52.676059310040003</v>
      </c>
      <c r="J10480" t="s">
        <v>66165</v>
      </c>
    </row>
    <row r="10481" spans="1:10" x14ac:dyDescent="0.25">
      <c r="A10481" t="s">
        <v>16619</v>
      </c>
      <c r="B10481" t="s">
        <v>16620</v>
      </c>
      <c r="C10481" t="s">
        <v>16621</v>
      </c>
      <c r="D10481" t="s">
        <v>16617</v>
      </c>
      <c r="E10481" t="s">
        <v>13</v>
      </c>
      <c r="F10481">
        <v>3601</v>
      </c>
      <c r="G10481" t="s">
        <v>16622</v>
      </c>
      <c r="H10481">
        <v>4.6945719448189998</v>
      </c>
      <c r="I10481">
        <v>52.671180829645003</v>
      </c>
      <c r="J10481" t="s">
        <v>66166</v>
      </c>
    </row>
    <row r="10482" spans="1:10" x14ac:dyDescent="0.25">
      <c r="A10482" t="s">
        <v>16614</v>
      </c>
      <c r="B10482" t="s">
        <v>16615</v>
      </c>
      <c r="C10482" t="s">
        <v>16616</v>
      </c>
      <c r="D10482" t="s">
        <v>16617</v>
      </c>
      <c r="E10482" t="s">
        <v>13</v>
      </c>
      <c r="F10482">
        <v>3600</v>
      </c>
      <c r="G10482" t="s">
        <v>16618</v>
      </c>
      <c r="H10482">
        <v>4.7015809916469999</v>
      </c>
      <c r="I10482">
        <v>52.669931319082004</v>
      </c>
      <c r="J10482" t="s">
        <v>66167</v>
      </c>
    </row>
    <row r="10483" spans="1:10" x14ac:dyDescent="0.25">
      <c r="A10483" t="s">
        <v>16610</v>
      </c>
      <c r="B10483" t="s">
        <v>16611</v>
      </c>
      <c r="C10483" t="s">
        <v>16612</v>
      </c>
      <c r="D10483" t="s">
        <v>14705</v>
      </c>
      <c r="E10483" t="s">
        <v>13</v>
      </c>
      <c r="F10483">
        <v>3599</v>
      </c>
      <c r="G10483" t="s">
        <v>16613</v>
      </c>
      <c r="H10483">
        <v>5.0114534525899996</v>
      </c>
      <c r="I10483">
        <v>52.314709563275002</v>
      </c>
      <c r="J10483" t="s">
        <v>66168</v>
      </c>
    </row>
    <row r="10484" spans="1:10" x14ac:dyDescent="0.25">
      <c r="A10484" t="s">
        <v>16606</v>
      </c>
      <c r="B10484" t="s">
        <v>16607</v>
      </c>
      <c r="C10484" t="s">
        <v>16608</v>
      </c>
      <c r="D10484" t="s">
        <v>14705</v>
      </c>
      <c r="E10484" t="s">
        <v>13</v>
      </c>
      <c r="F10484">
        <v>3598</v>
      </c>
      <c r="G10484" t="s">
        <v>16609</v>
      </c>
      <c r="H10484">
        <v>5.016664314692</v>
      </c>
      <c r="I10484">
        <v>52.305547063242997</v>
      </c>
      <c r="J10484" t="s">
        <v>66169</v>
      </c>
    </row>
    <row r="10485" spans="1:10" x14ac:dyDescent="0.25">
      <c r="A10485" t="s">
        <v>16602</v>
      </c>
      <c r="B10485" t="s">
        <v>16603</v>
      </c>
      <c r="C10485" t="s">
        <v>16604</v>
      </c>
      <c r="D10485" t="s">
        <v>14705</v>
      </c>
      <c r="E10485" t="s">
        <v>13</v>
      </c>
      <c r="F10485">
        <v>3597</v>
      </c>
      <c r="G10485" t="s">
        <v>16605</v>
      </c>
      <c r="H10485">
        <v>4.9934715388089996</v>
      </c>
      <c r="I10485">
        <v>52.292859103224998</v>
      </c>
      <c r="J10485" t="s">
        <v>66170</v>
      </c>
    </row>
    <row r="10486" spans="1:10" x14ac:dyDescent="0.25">
      <c r="A10486" t="s">
        <v>16598</v>
      </c>
      <c r="B10486" t="s">
        <v>16599</v>
      </c>
      <c r="C10486" t="s">
        <v>16600</v>
      </c>
      <c r="D10486" t="s">
        <v>14705</v>
      </c>
      <c r="E10486" t="s">
        <v>13</v>
      </c>
      <c r="F10486">
        <v>3596</v>
      </c>
      <c r="G10486" t="s">
        <v>16601</v>
      </c>
      <c r="H10486">
        <v>4.9973870411780004</v>
      </c>
      <c r="I10486">
        <v>52.299104206323001</v>
      </c>
      <c r="J10486" t="s">
        <v>66171</v>
      </c>
    </row>
    <row r="10487" spans="1:10" x14ac:dyDescent="0.25">
      <c r="A10487" t="s">
        <v>16594</v>
      </c>
      <c r="B10487" t="s">
        <v>16595</v>
      </c>
      <c r="C10487" t="s">
        <v>16596</v>
      </c>
      <c r="D10487" t="s">
        <v>14705</v>
      </c>
      <c r="E10487" t="s">
        <v>13</v>
      </c>
      <c r="F10487">
        <v>3595</v>
      </c>
      <c r="G10487" t="s">
        <v>16597</v>
      </c>
      <c r="H10487">
        <v>4.9853286739240001</v>
      </c>
      <c r="I10487">
        <v>52.294645050215998</v>
      </c>
      <c r="J10487" t="s">
        <v>66172</v>
      </c>
    </row>
    <row r="10488" spans="1:10" x14ac:dyDescent="0.25">
      <c r="A10488" t="s">
        <v>16590</v>
      </c>
      <c r="B10488" t="s">
        <v>16591</v>
      </c>
      <c r="C10488" t="s">
        <v>16592</v>
      </c>
      <c r="D10488" t="s">
        <v>14705</v>
      </c>
      <c r="E10488" t="s">
        <v>13</v>
      </c>
      <c r="F10488">
        <v>3594</v>
      </c>
      <c r="G10488" t="s">
        <v>16593</v>
      </c>
      <c r="H10488">
        <v>4.9851493724619997</v>
      </c>
      <c r="I10488">
        <v>52.299077258338997</v>
      </c>
      <c r="J10488" t="s">
        <v>66173</v>
      </c>
    </row>
    <row r="10489" spans="1:10" x14ac:dyDescent="0.25">
      <c r="A10489" t="s">
        <v>16586</v>
      </c>
      <c r="B10489" t="s">
        <v>16587</v>
      </c>
      <c r="C10489" t="s">
        <v>16588</v>
      </c>
      <c r="D10489" t="s">
        <v>14705</v>
      </c>
      <c r="E10489" t="s">
        <v>13</v>
      </c>
      <c r="F10489">
        <v>3593</v>
      </c>
      <c r="G10489" t="s">
        <v>16589</v>
      </c>
      <c r="H10489">
        <v>4.9746715035289997</v>
      </c>
      <c r="I10489">
        <v>52.289546603840002</v>
      </c>
      <c r="J10489" t="s">
        <v>66174</v>
      </c>
    </row>
    <row r="10490" spans="1:10" x14ac:dyDescent="0.25">
      <c r="A10490" t="s">
        <v>16582</v>
      </c>
      <c r="B10490" t="s">
        <v>16583</v>
      </c>
      <c r="C10490" t="s">
        <v>16584</v>
      </c>
      <c r="D10490" t="s">
        <v>14705</v>
      </c>
      <c r="E10490" t="s">
        <v>13</v>
      </c>
      <c r="F10490">
        <v>3592</v>
      </c>
      <c r="G10490" t="s">
        <v>16585</v>
      </c>
      <c r="H10490">
        <v>4.9688330259319997</v>
      </c>
      <c r="I10490">
        <v>52.293377471882003</v>
      </c>
      <c r="J10490" t="s">
        <v>66175</v>
      </c>
    </row>
    <row r="10491" spans="1:10" x14ac:dyDescent="0.25">
      <c r="A10491" t="s">
        <v>16578</v>
      </c>
      <c r="B10491" t="s">
        <v>16579</v>
      </c>
      <c r="C10491" t="s">
        <v>16580</v>
      </c>
      <c r="D10491" t="s">
        <v>14705</v>
      </c>
      <c r="E10491" t="s">
        <v>13</v>
      </c>
      <c r="F10491">
        <v>3591</v>
      </c>
      <c r="G10491" t="s">
        <v>16581</v>
      </c>
      <c r="H10491">
        <v>4.9783685451449999</v>
      </c>
      <c r="I10491">
        <v>52.294416066859</v>
      </c>
      <c r="J10491" t="s">
        <v>66176</v>
      </c>
    </row>
    <row r="10492" spans="1:10" x14ac:dyDescent="0.25">
      <c r="A10492" t="s">
        <v>16574</v>
      </c>
      <c r="B10492" t="s">
        <v>16575</v>
      </c>
      <c r="C10492" t="s">
        <v>16576</v>
      </c>
      <c r="D10492" t="s">
        <v>14705</v>
      </c>
      <c r="E10492" t="s">
        <v>13</v>
      </c>
      <c r="F10492">
        <v>3590</v>
      </c>
      <c r="G10492" t="s">
        <v>16577</v>
      </c>
      <c r="H10492">
        <v>4.9777208601089997</v>
      </c>
      <c r="I10492">
        <v>52.298099143898</v>
      </c>
      <c r="J10492" t="s">
        <v>66177</v>
      </c>
    </row>
    <row r="10493" spans="1:10" x14ac:dyDescent="0.25">
      <c r="A10493" t="s">
        <v>16570</v>
      </c>
      <c r="B10493" t="s">
        <v>16571</v>
      </c>
      <c r="C10493" t="s">
        <v>16572</v>
      </c>
      <c r="D10493" t="s">
        <v>14705</v>
      </c>
      <c r="E10493" t="s">
        <v>13</v>
      </c>
      <c r="F10493">
        <v>3589</v>
      </c>
      <c r="G10493" t="s">
        <v>16573</v>
      </c>
      <c r="H10493">
        <v>4.9705092106109996</v>
      </c>
      <c r="I10493">
        <v>52.302941382145001</v>
      </c>
      <c r="J10493" t="s">
        <v>66178</v>
      </c>
    </row>
    <row r="10494" spans="1:10" x14ac:dyDescent="0.25">
      <c r="A10494" t="s">
        <v>16566</v>
      </c>
      <c r="B10494" t="s">
        <v>16567</v>
      </c>
      <c r="C10494" t="s">
        <v>16568</v>
      </c>
      <c r="D10494" t="s">
        <v>14705</v>
      </c>
      <c r="E10494" t="s">
        <v>13</v>
      </c>
      <c r="F10494">
        <v>3588</v>
      </c>
      <c r="G10494" t="s">
        <v>16569</v>
      </c>
      <c r="H10494">
        <v>4.9670763445989996</v>
      </c>
      <c r="I10494">
        <v>52.296937709994999</v>
      </c>
      <c r="J10494" t="s">
        <v>66179</v>
      </c>
    </row>
    <row r="10495" spans="1:10" x14ac:dyDescent="0.25">
      <c r="A10495" t="s">
        <v>16562</v>
      </c>
      <c r="B10495" t="s">
        <v>16563</v>
      </c>
      <c r="C10495" t="s">
        <v>16564</v>
      </c>
      <c r="D10495" t="s">
        <v>14705</v>
      </c>
      <c r="E10495" t="s">
        <v>13</v>
      </c>
      <c r="F10495">
        <v>3587</v>
      </c>
      <c r="G10495" t="s">
        <v>16565</v>
      </c>
      <c r="H10495">
        <v>4.9613982236560004</v>
      </c>
      <c r="I10495">
        <v>52.301276436244997</v>
      </c>
      <c r="J10495" t="s">
        <v>66180</v>
      </c>
    </row>
    <row r="10496" spans="1:10" x14ac:dyDescent="0.25">
      <c r="A10496" t="s">
        <v>16558</v>
      </c>
      <c r="B10496" t="s">
        <v>16559</v>
      </c>
      <c r="C10496" t="s">
        <v>16560</v>
      </c>
      <c r="D10496" t="s">
        <v>14705</v>
      </c>
      <c r="E10496" t="s">
        <v>13</v>
      </c>
      <c r="F10496">
        <v>3586</v>
      </c>
      <c r="G10496" t="s">
        <v>16561</v>
      </c>
      <c r="H10496">
        <v>4.9993822263260004</v>
      </c>
      <c r="I10496">
        <v>52.304992774127001</v>
      </c>
      <c r="J10496" t="s">
        <v>66181</v>
      </c>
    </row>
    <row r="10497" spans="1:10" x14ac:dyDescent="0.25">
      <c r="A10497" t="s">
        <v>16554</v>
      </c>
      <c r="B10497" t="s">
        <v>16555</v>
      </c>
      <c r="C10497" t="s">
        <v>16556</v>
      </c>
      <c r="D10497" t="s">
        <v>14705</v>
      </c>
      <c r="E10497" t="s">
        <v>13</v>
      </c>
      <c r="F10497">
        <v>3585</v>
      </c>
      <c r="G10497" t="s">
        <v>16557</v>
      </c>
      <c r="H10497">
        <v>4.9930804263660002</v>
      </c>
      <c r="I10497">
        <v>52.310972935231</v>
      </c>
      <c r="J10497" t="s">
        <v>66182</v>
      </c>
    </row>
    <row r="10498" spans="1:10" x14ac:dyDescent="0.25">
      <c r="A10498" t="s">
        <v>16550</v>
      </c>
      <c r="B10498" t="s">
        <v>16551</v>
      </c>
      <c r="C10498" t="s">
        <v>16552</v>
      </c>
      <c r="D10498" t="s">
        <v>14705</v>
      </c>
      <c r="E10498" t="s">
        <v>13</v>
      </c>
      <c r="F10498">
        <v>3584</v>
      </c>
      <c r="G10498" t="s">
        <v>16553</v>
      </c>
      <c r="H10498">
        <v>4.9800311284510004</v>
      </c>
      <c r="I10498">
        <v>52.306496429008</v>
      </c>
      <c r="J10498" t="s">
        <v>66183</v>
      </c>
    </row>
    <row r="10499" spans="1:10" x14ac:dyDescent="0.25">
      <c r="A10499" t="s">
        <v>16546</v>
      </c>
      <c r="B10499" t="s">
        <v>16547</v>
      </c>
      <c r="C10499" t="s">
        <v>16548</v>
      </c>
      <c r="D10499" t="s">
        <v>14705</v>
      </c>
      <c r="E10499" t="s">
        <v>13</v>
      </c>
      <c r="F10499">
        <v>3583</v>
      </c>
      <c r="G10499" t="s">
        <v>16549</v>
      </c>
      <c r="H10499">
        <v>4.9764445513249997</v>
      </c>
      <c r="I10499">
        <v>52.318082613823002</v>
      </c>
      <c r="J10499" t="s">
        <v>66184</v>
      </c>
    </row>
    <row r="10500" spans="1:10" x14ac:dyDescent="0.25">
      <c r="A10500" t="s">
        <v>16542</v>
      </c>
      <c r="B10500" t="s">
        <v>16543</v>
      </c>
      <c r="C10500" t="s">
        <v>16544</v>
      </c>
      <c r="D10500" t="s">
        <v>14705</v>
      </c>
      <c r="E10500" t="s">
        <v>13</v>
      </c>
      <c r="F10500">
        <v>3582</v>
      </c>
      <c r="G10500" t="s">
        <v>16545</v>
      </c>
      <c r="H10500">
        <v>4.9701404432669998</v>
      </c>
      <c r="I10500">
        <v>52.324222399200004</v>
      </c>
      <c r="J10500" t="s">
        <v>66185</v>
      </c>
    </row>
    <row r="10501" spans="1:10" x14ac:dyDescent="0.25">
      <c r="A10501" t="s">
        <v>16538</v>
      </c>
      <c r="B10501" t="s">
        <v>16539</v>
      </c>
      <c r="C10501" t="s">
        <v>16540</v>
      </c>
      <c r="D10501" t="s">
        <v>14705</v>
      </c>
      <c r="E10501" t="s">
        <v>13</v>
      </c>
      <c r="F10501">
        <v>3581</v>
      </c>
      <c r="G10501" t="s">
        <v>16541</v>
      </c>
      <c r="H10501">
        <v>4.9685506124199996</v>
      </c>
      <c r="I10501">
        <v>52.312486953129998</v>
      </c>
      <c r="J10501" t="s">
        <v>66186</v>
      </c>
    </row>
    <row r="10502" spans="1:10" x14ac:dyDescent="0.25">
      <c r="A10502" t="s">
        <v>16534</v>
      </c>
      <c r="B10502" t="s">
        <v>16535</v>
      </c>
      <c r="C10502" t="s">
        <v>16536</v>
      </c>
      <c r="D10502" t="s">
        <v>14705</v>
      </c>
      <c r="E10502" t="s">
        <v>13</v>
      </c>
      <c r="F10502">
        <v>3580</v>
      </c>
      <c r="G10502" t="s">
        <v>16537</v>
      </c>
      <c r="H10502">
        <v>4.9898238636740002</v>
      </c>
      <c r="I10502">
        <v>52.319388743836001</v>
      </c>
      <c r="J10502" t="s">
        <v>66187</v>
      </c>
    </row>
    <row r="10503" spans="1:10" x14ac:dyDescent="0.25">
      <c r="A10503" t="s">
        <v>16530</v>
      </c>
      <c r="B10503" t="s">
        <v>16531</v>
      </c>
      <c r="C10503" t="s">
        <v>16532</v>
      </c>
      <c r="D10503" t="s">
        <v>14705</v>
      </c>
      <c r="E10503" t="s">
        <v>13</v>
      </c>
      <c r="F10503">
        <v>3579</v>
      </c>
      <c r="G10503" t="s">
        <v>16533</v>
      </c>
      <c r="H10503">
        <v>4.9811384371200003</v>
      </c>
      <c r="I10503">
        <v>52.326525743628999</v>
      </c>
      <c r="J10503" t="s">
        <v>66188</v>
      </c>
    </row>
    <row r="10504" spans="1:10" x14ac:dyDescent="0.25">
      <c r="A10504" t="s">
        <v>16526</v>
      </c>
      <c r="B10504" t="s">
        <v>16527</v>
      </c>
      <c r="C10504" t="s">
        <v>16528</v>
      </c>
      <c r="D10504" t="s">
        <v>14705</v>
      </c>
      <c r="E10504" t="s">
        <v>13</v>
      </c>
      <c r="F10504">
        <v>3578</v>
      </c>
      <c r="G10504" t="s">
        <v>16529</v>
      </c>
      <c r="H10504">
        <v>4.9806252084280001</v>
      </c>
      <c r="I10504">
        <v>52.321281754198999</v>
      </c>
      <c r="J10504" t="s">
        <v>66189</v>
      </c>
    </row>
    <row r="10505" spans="1:10" x14ac:dyDescent="0.25">
      <c r="A10505" t="s">
        <v>16522</v>
      </c>
      <c r="B10505" t="s">
        <v>16523</v>
      </c>
      <c r="C10505" t="s">
        <v>16524</v>
      </c>
      <c r="D10505" t="s">
        <v>14705</v>
      </c>
      <c r="E10505" t="s">
        <v>13</v>
      </c>
      <c r="F10505">
        <v>3577</v>
      </c>
      <c r="G10505" t="s">
        <v>16525</v>
      </c>
      <c r="H10505">
        <v>4.9795959883379997</v>
      </c>
      <c r="I10505">
        <v>52.313011017424003</v>
      </c>
      <c r="J10505" t="s">
        <v>66190</v>
      </c>
    </row>
    <row r="10506" spans="1:10" x14ac:dyDescent="0.25">
      <c r="A10506" t="s">
        <v>16518</v>
      </c>
      <c r="B10506" t="s">
        <v>16519</v>
      </c>
      <c r="C10506" t="s">
        <v>16520</v>
      </c>
      <c r="D10506" t="s">
        <v>14705</v>
      </c>
      <c r="E10506" t="s">
        <v>13</v>
      </c>
      <c r="F10506">
        <v>3576</v>
      </c>
      <c r="G10506" t="s">
        <v>16521</v>
      </c>
      <c r="H10506">
        <v>4.9847350068639997</v>
      </c>
      <c r="I10506">
        <v>52.314793860824999</v>
      </c>
      <c r="J10506" t="s">
        <v>66191</v>
      </c>
    </row>
    <row r="10507" spans="1:10" x14ac:dyDescent="0.25">
      <c r="A10507" t="s">
        <v>16514</v>
      </c>
      <c r="B10507" t="s">
        <v>16515</v>
      </c>
      <c r="C10507" t="s">
        <v>16516</v>
      </c>
      <c r="D10507" t="s">
        <v>14705</v>
      </c>
      <c r="E10507" t="s">
        <v>13</v>
      </c>
      <c r="F10507">
        <v>3575</v>
      </c>
      <c r="G10507" t="s">
        <v>16517</v>
      </c>
      <c r="H10507">
        <v>4.9797939152090001</v>
      </c>
      <c r="I10507">
        <v>52.316298658751002</v>
      </c>
      <c r="J10507" t="s">
        <v>66192</v>
      </c>
    </row>
    <row r="10508" spans="1:10" x14ac:dyDescent="0.25">
      <c r="A10508" t="s">
        <v>16510</v>
      </c>
      <c r="B10508" t="s">
        <v>16511</v>
      </c>
      <c r="C10508" t="s">
        <v>16512</v>
      </c>
      <c r="D10508" t="s">
        <v>14705</v>
      </c>
      <c r="E10508" t="s">
        <v>13</v>
      </c>
      <c r="F10508">
        <v>3574</v>
      </c>
      <c r="G10508" t="s">
        <v>16513</v>
      </c>
      <c r="H10508">
        <v>4.9740742221899996</v>
      </c>
      <c r="I10508">
        <v>52.311616337601997</v>
      </c>
      <c r="J10508" t="s">
        <v>66193</v>
      </c>
    </row>
    <row r="10509" spans="1:10" x14ac:dyDescent="0.25">
      <c r="A10509" t="s">
        <v>16506</v>
      </c>
      <c r="B10509" t="s">
        <v>16507</v>
      </c>
      <c r="C10509" t="s">
        <v>16508</v>
      </c>
      <c r="D10509" t="s">
        <v>14705</v>
      </c>
      <c r="E10509" t="s">
        <v>13</v>
      </c>
      <c r="F10509">
        <v>3573</v>
      </c>
      <c r="G10509" t="s">
        <v>16509</v>
      </c>
      <c r="H10509">
        <v>4.9698262971359997</v>
      </c>
      <c r="I10509">
        <v>52.315923804886999</v>
      </c>
      <c r="J10509" t="s">
        <v>66194</v>
      </c>
    </row>
    <row r="10510" spans="1:10" x14ac:dyDescent="0.25">
      <c r="A10510" t="s">
        <v>16502</v>
      </c>
      <c r="B10510" t="s">
        <v>16503</v>
      </c>
      <c r="C10510" t="s">
        <v>16504</v>
      </c>
      <c r="D10510" t="s">
        <v>14705</v>
      </c>
      <c r="E10510" t="s">
        <v>13</v>
      </c>
      <c r="F10510">
        <v>3572</v>
      </c>
      <c r="G10510" t="s">
        <v>16505</v>
      </c>
      <c r="H10510">
        <v>4.9743165678160004</v>
      </c>
      <c r="I10510">
        <v>52.32063974914</v>
      </c>
      <c r="J10510" t="s">
        <v>66195</v>
      </c>
    </row>
    <row r="10511" spans="1:10" x14ac:dyDescent="0.25">
      <c r="A10511" t="s">
        <v>16498</v>
      </c>
      <c r="B10511" t="s">
        <v>16499</v>
      </c>
      <c r="C10511" t="s">
        <v>16500</v>
      </c>
      <c r="D10511" t="s">
        <v>14705</v>
      </c>
      <c r="E10511" t="s">
        <v>13</v>
      </c>
      <c r="F10511">
        <v>3571</v>
      </c>
      <c r="G10511" t="s">
        <v>16501</v>
      </c>
      <c r="H10511">
        <v>4.9669424388549999</v>
      </c>
      <c r="I10511">
        <v>52.320862465531</v>
      </c>
      <c r="J10511" t="s">
        <v>66196</v>
      </c>
    </row>
    <row r="10512" spans="1:10" x14ac:dyDescent="0.25">
      <c r="A10512" t="s">
        <v>16494</v>
      </c>
      <c r="B10512" t="s">
        <v>16495</v>
      </c>
      <c r="C10512" t="s">
        <v>16496</v>
      </c>
      <c r="D10512" t="s">
        <v>14705</v>
      </c>
      <c r="E10512" t="s">
        <v>13</v>
      </c>
      <c r="F10512">
        <v>3570</v>
      </c>
      <c r="G10512" t="s">
        <v>16497</v>
      </c>
      <c r="H10512">
        <v>4.9638404896379997</v>
      </c>
      <c r="I10512">
        <v>52.324632376193001</v>
      </c>
      <c r="J10512" t="s">
        <v>66197</v>
      </c>
    </row>
    <row r="10513" spans="1:10" x14ac:dyDescent="0.25">
      <c r="A10513" t="s">
        <v>16490</v>
      </c>
      <c r="B10513" t="s">
        <v>16491</v>
      </c>
      <c r="C10513" t="s">
        <v>16492</v>
      </c>
      <c r="D10513" t="s">
        <v>14705</v>
      </c>
      <c r="E10513" t="s">
        <v>13</v>
      </c>
      <c r="F10513">
        <v>3569</v>
      </c>
      <c r="G10513" t="s">
        <v>16493</v>
      </c>
      <c r="H10513">
        <v>4.9645281445069998</v>
      </c>
      <c r="I10513">
        <v>52.311016281760999</v>
      </c>
      <c r="J10513" t="s">
        <v>66198</v>
      </c>
    </row>
    <row r="10514" spans="1:10" x14ac:dyDescent="0.25">
      <c r="A10514" t="s">
        <v>16486</v>
      </c>
      <c r="B10514" t="s">
        <v>16487</v>
      </c>
      <c r="C10514" t="s">
        <v>16488</v>
      </c>
      <c r="D10514" t="s">
        <v>14705</v>
      </c>
      <c r="E10514" t="s">
        <v>13</v>
      </c>
      <c r="F10514">
        <v>3568</v>
      </c>
      <c r="G10514" t="s">
        <v>16489</v>
      </c>
      <c r="H10514">
        <v>4.9610103404409998</v>
      </c>
      <c r="I10514">
        <v>52.317033322111001</v>
      </c>
      <c r="J10514" t="s">
        <v>66199</v>
      </c>
    </row>
    <row r="10515" spans="1:10" x14ac:dyDescent="0.25">
      <c r="A10515" t="s">
        <v>16482</v>
      </c>
      <c r="B10515" t="s">
        <v>16483</v>
      </c>
      <c r="C10515" t="s">
        <v>16484</v>
      </c>
      <c r="D10515" t="s">
        <v>14705</v>
      </c>
      <c r="E10515" t="s">
        <v>13</v>
      </c>
      <c r="F10515">
        <v>3567</v>
      </c>
      <c r="G10515" t="s">
        <v>16485</v>
      </c>
      <c r="H10515">
        <v>4.9619535395209997</v>
      </c>
      <c r="I10515">
        <v>52.307362714710997</v>
      </c>
      <c r="J10515" t="s">
        <v>66200</v>
      </c>
    </row>
    <row r="10516" spans="1:10" x14ac:dyDescent="0.25">
      <c r="A10516" t="s">
        <v>16478</v>
      </c>
      <c r="B10516" t="s">
        <v>16479</v>
      </c>
      <c r="C10516" t="s">
        <v>16480</v>
      </c>
      <c r="D10516" t="s">
        <v>14705</v>
      </c>
      <c r="E10516" t="s">
        <v>13</v>
      </c>
      <c r="F10516">
        <v>3566</v>
      </c>
      <c r="G10516" t="s">
        <v>16481</v>
      </c>
      <c r="H10516">
        <v>4.9570270454629997</v>
      </c>
      <c r="I10516">
        <v>52.305789777131999</v>
      </c>
      <c r="J10516" t="s">
        <v>66201</v>
      </c>
    </row>
    <row r="10517" spans="1:10" x14ac:dyDescent="0.25">
      <c r="A10517" t="s">
        <v>16474</v>
      </c>
      <c r="B10517" t="s">
        <v>16475</v>
      </c>
      <c r="C10517" t="s">
        <v>16476</v>
      </c>
      <c r="D10517" t="s">
        <v>14705</v>
      </c>
      <c r="E10517" t="s">
        <v>13</v>
      </c>
      <c r="F10517">
        <v>3565</v>
      </c>
      <c r="G10517" t="s">
        <v>16477</v>
      </c>
      <c r="H10517">
        <v>4.9567356856669997</v>
      </c>
      <c r="I10517">
        <v>52.311205750592002</v>
      </c>
      <c r="J10517" t="s">
        <v>66202</v>
      </c>
    </row>
    <row r="10518" spans="1:10" x14ac:dyDescent="0.25">
      <c r="A10518" t="s">
        <v>16470</v>
      </c>
      <c r="B10518" t="s">
        <v>16471</v>
      </c>
      <c r="C10518" t="s">
        <v>16472</v>
      </c>
      <c r="D10518" t="s">
        <v>14705</v>
      </c>
      <c r="E10518" t="s">
        <v>13</v>
      </c>
      <c r="F10518">
        <v>3564</v>
      </c>
      <c r="G10518" t="s">
        <v>16473</v>
      </c>
      <c r="H10518">
        <v>4.9519994126820004</v>
      </c>
      <c r="I10518">
        <v>52.309585363332999</v>
      </c>
      <c r="J10518" t="s">
        <v>66203</v>
      </c>
    </row>
    <row r="10519" spans="1:10" x14ac:dyDescent="0.25">
      <c r="A10519" t="s">
        <v>16466</v>
      </c>
      <c r="B10519" t="s">
        <v>16467</v>
      </c>
      <c r="C10519" t="s">
        <v>16468</v>
      </c>
      <c r="D10519" t="s">
        <v>14705</v>
      </c>
      <c r="E10519" t="s">
        <v>13</v>
      </c>
      <c r="F10519">
        <v>3563</v>
      </c>
      <c r="G10519" t="s">
        <v>16469</v>
      </c>
      <c r="H10519">
        <v>4.9519430411630001</v>
      </c>
      <c r="I10519">
        <v>52.314411758908001</v>
      </c>
      <c r="J10519" t="s">
        <v>66204</v>
      </c>
    </row>
    <row r="10520" spans="1:10" x14ac:dyDescent="0.25">
      <c r="A10520" t="s">
        <v>16462</v>
      </c>
      <c r="B10520" t="s">
        <v>16463</v>
      </c>
      <c r="C10520" t="s">
        <v>16464</v>
      </c>
      <c r="D10520" t="s">
        <v>14705</v>
      </c>
      <c r="E10520" t="s">
        <v>13</v>
      </c>
      <c r="F10520">
        <v>3562</v>
      </c>
      <c r="G10520" t="s">
        <v>16465</v>
      </c>
      <c r="H10520">
        <v>4.9562280588830001</v>
      </c>
      <c r="I10520">
        <v>52.318424739972997</v>
      </c>
      <c r="J10520" t="s">
        <v>66205</v>
      </c>
    </row>
    <row r="10521" spans="1:10" x14ac:dyDescent="0.25">
      <c r="A10521" t="s">
        <v>16458</v>
      </c>
      <c r="B10521" t="s">
        <v>16459</v>
      </c>
      <c r="C10521" t="s">
        <v>16460</v>
      </c>
      <c r="D10521" t="s">
        <v>14705</v>
      </c>
      <c r="E10521" t="s">
        <v>13</v>
      </c>
      <c r="F10521">
        <v>3561</v>
      </c>
      <c r="G10521" t="s">
        <v>16461</v>
      </c>
      <c r="H10521">
        <v>4.9531007578860002</v>
      </c>
      <c r="I10521">
        <v>52.320736026012</v>
      </c>
      <c r="J10521" t="s">
        <v>66206</v>
      </c>
    </row>
    <row r="10522" spans="1:10" x14ac:dyDescent="0.25">
      <c r="A10522" t="s">
        <v>16454</v>
      </c>
      <c r="B10522" t="s">
        <v>16455</v>
      </c>
      <c r="C10522" t="s">
        <v>16456</v>
      </c>
      <c r="D10522" t="s">
        <v>14705</v>
      </c>
      <c r="E10522" t="s">
        <v>13</v>
      </c>
      <c r="F10522">
        <v>3560</v>
      </c>
      <c r="G10522" t="s">
        <v>16457</v>
      </c>
      <c r="H10522">
        <v>4.9473812772330001</v>
      </c>
      <c r="I10522">
        <v>52.324393668059997</v>
      </c>
      <c r="J10522" t="s">
        <v>66207</v>
      </c>
    </row>
    <row r="10523" spans="1:10" x14ac:dyDescent="0.25">
      <c r="A10523" t="s">
        <v>16450</v>
      </c>
      <c r="B10523" t="s">
        <v>16451</v>
      </c>
      <c r="C10523" t="s">
        <v>16452</v>
      </c>
      <c r="D10523" t="s">
        <v>14705</v>
      </c>
      <c r="E10523" t="s">
        <v>13</v>
      </c>
      <c r="F10523">
        <v>3559</v>
      </c>
      <c r="G10523" t="s">
        <v>16453</v>
      </c>
      <c r="H10523">
        <v>4.9438094681690004</v>
      </c>
      <c r="I10523">
        <v>52.320292898192001</v>
      </c>
      <c r="J10523" t="s">
        <v>66208</v>
      </c>
    </row>
    <row r="10524" spans="1:10" x14ac:dyDescent="0.25">
      <c r="A10524" t="s">
        <v>16446</v>
      </c>
      <c r="B10524" t="s">
        <v>16447</v>
      </c>
      <c r="C10524" t="s">
        <v>16448</v>
      </c>
      <c r="D10524" t="s">
        <v>14705</v>
      </c>
      <c r="E10524" t="s">
        <v>13</v>
      </c>
      <c r="F10524">
        <v>3558</v>
      </c>
      <c r="G10524" t="s">
        <v>16449</v>
      </c>
      <c r="H10524">
        <v>4.9583427644729996</v>
      </c>
      <c r="I10524">
        <v>52.285328517822002</v>
      </c>
      <c r="J10524" t="s">
        <v>66209</v>
      </c>
    </row>
    <row r="10525" spans="1:10" x14ac:dyDescent="0.25">
      <c r="A10525" t="s">
        <v>16442</v>
      </c>
      <c r="B10525" t="s">
        <v>16443</v>
      </c>
      <c r="C10525" t="s">
        <v>16444</v>
      </c>
      <c r="D10525" t="s">
        <v>14705</v>
      </c>
      <c r="E10525" t="s">
        <v>13</v>
      </c>
      <c r="F10525">
        <v>3557</v>
      </c>
      <c r="G10525" t="s">
        <v>16445</v>
      </c>
      <c r="H10525">
        <v>4.9570280180569997</v>
      </c>
      <c r="I10525">
        <v>52.292557372301999</v>
      </c>
      <c r="J10525" t="s">
        <v>66210</v>
      </c>
    </row>
    <row r="10526" spans="1:10" x14ac:dyDescent="0.25">
      <c r="A10526" t="s">
        <v>16438</v>
      </c>
      <c r="B10526" t="s">
        <v>16439</v>
      </c>
      <c r="C10526" t="s">
        <v>16440</v>
      </c>
      <c r="D10526" t="s">
        <v>14705</v>
      </c>
      <c r="E10526" t="s">
        <v>13</v>
      </c>
      <c r="F10526">
        <v>3556</v>
      </c>
      <c r="G10526" t="s">
        <v>16441</v>
      </c>
      <c r="H10526">
        <v>4.9452150109049997</v>
      </c>
      <c r="I10526">
        <v>52.296008046105001</v>
      </c>
      <c r="J10526" t="s">
        <v>66211</v>
      </c>
    </row>
    <row r="10527" spans="1:10" x14ac:dyDescent="0.25">
      <c r="A10527" t="s">
        <v>16434</v>
      </c>
      <c r="B10527" t="s">
        <v>16435</v>
      </c>
      <c r="C10527" t="s">
        <v>16436</v>
      </c>
      <c r="D10527" t="s">
        <v>14705</v>
      </c>
      <c r="E10527" t="s">
        <v>13</v>
      </c>
      <c r="F10527">
        <v>3555</v>
      </c>
      <c r="G10527" t="s">
        <v>16437</v>
      </c>
      <c r="H10527">
        <v>4.9533552539799999</v>
      </c>
      <c r="I10527">
        <v>52.298808952393003</v>
      </c>
      <c r="J10527" t="s">
        <v>66212</v>
      </c>
    </row>
    <row r="10528" spans="1:10" x14ac:dyDescent="0.25">
      <c r="A10528" t="s">
        <v>16430</v>
      </c>
      <c r="B10528" t="s">
        <v>16431</v>
      </c>
      <c r="C10528" t="s">
        <v>16432</v>
      </c>
      <c r="D10528" t="s">
        <v>14705</v>
      </c>
      <c r="E10528" t="s">
        <v>13</v>
      </c>
      <c r="F10528">
        <v>3554</v>
      </c>
      <c r="G10528" t="s">
        <v>16433</v>
      </c>
      <c r="H10528">
        <v>4.9377712440010004</v>
      </c>
      <c r="I10528">
        <v>52.304537510797999</v>
      </c>
      <c r="J10528" t="s">
        <v>66213</v>
      </c>
    </row>
    <row r="10529" spans="1:10" x14ac:dyDescent="0.25">
      <c r="A10529" t="s">
        <v>16426</v>
      </c>
      <c r="B10529" t="s">
        <v>16427</v>
      </c>
      <c r="C10529" t="s">
        <v>16428</v>
      </c>
      <c r="D10529" t="s">
        <v>14705</v>
      </c>
      <c r="E10529" t="s">
        <v>13</v>
      </c>
      <c r="F10529">
        <v>3553</v>
      </c>
      <c r="G10529" t="s">
        <v>16429</v>
      </c>
      <c r="H10529">
        <v>4.9467067713619999</v>
      </c>
      <c r="I10529">
        <v>52.306048157032997</v>
      </c>
      <c r="J10529" t="s">
        <v>66214</v>
      </c>
    </row>
    <row r="10530" spans="1:10" x14ac:dyDescent="0.25">
      <c r="A10530" t="s">
        <v>16422</v>
      </c>
      <c r="B10530" t="s">
        <v>16423</v>
      </c>
      <c r="C10530" t="s">
        <v>16424</v>
      </c>
      <c r="D10530" t="s">
        <v>14705</v>
      </c>
      <c r="E10530" t="s">
        <v>13</v>
      </c>
      <c r="F10530">
        <v>3552</v>
      </c>
      <c r="G10530" t="s">
        <v>16425</v>
      </c>
      <c r="H10530">
        <v>4.9407090017569999</v>
      </c>
      <c r="I10530">
        <v>52.313857601500999</v>
      </c>
      <c r="J10530" t="s">
        <v>66215</v>
      </c>
    </row>
    <row r="10531" spans="1:10" x14ac:dyDescent="0.25">
      <c r="A10531" t="s">
        <v>16418</v>
      </c>
      <c r="B10531" t="s">
        <v>16419</v>
      </c>
      <c r="C10531" t="s">
        <v>16420</v>
      </c>
      <c r="D10531" t="s">
        <v>14705</v>
      </c>
      <c r="E10531" t="s">
        <v>13</v>
      </c>
      <c r="F10531">
        <v>3551</v>
      </c>
      <c r="G10531" t="s">
        <v>16421</v>
      </c>
      <c r="H10531">
        <v>4.8935129917099998</v>
      </c>
      <c r="I10531">
        <v>52.329246361914997</v>
      </c>
      <c r="J10531" t="s">
        <v>66216</v>
      </c>
    </row>
    <row r="10532" spans="1:10" x14ac:dyDescent="0.25">
      <c r="A10532" t="s">
        <v>16414</v>
      </c>
      <c r="B10532" t="s">
        <v>16415</v>
      </c>
      <c r="C10532" t="s">
        <v>16416</v>
      </c>
      <c r="D10532" t="s">
        <v>14705</v>
      </c>
      <c r="E10532" t="s">
        <v>13</v>
      </c>
      <c r="F10532">
        <v>3550</v>
      </c>
      <c r="G10532" t="s">
        <v>16417</v>
      </c>
      <c r="H10532">
        <v>4.884748037274</v>
      </c>
      <c r="I10532">
        <v>52.325549520853997</v>
      </c>
      <c r="J10532" t="s">
        <v>66217</v>
      </c>
    </row>
    <row r="10533" spans="1:10" x14ac:dyDescent="0.25">
      <c r="A10533" t="s">
        <v>16410</v>
      </c>
      <c r="B10533" t="s">
        <v>16411</v>
      </c>
      <c r="C10533" t="s">
        <v>16412</v>
      </c>
      <c r="D10533" t="s">
        <v>14705</v>
      </c>
      <c r="E10533" t="s">
        <v>13</v>
      </c>
      <c r="F10533">
        <v>3549</v>
      </c>
      <c r="G10533" t="s">
        <v>16413</v>
      </c>
      <c r="H10533">
        <v>4.8847212584679998</v>
      </c>
      <c r="I10533">
        <v>52.331260616651001</v>
      </c>
      <c r="J10533" t="s">
        <v>66218</v>
      </c>
    </row>
    <row r="10534" spans="1:10" x14ac:dyDescent="0.25">
      <c r="A10534" t="s">
        <v>16406</v>
      </c>
      <c r="B10534" t="s">
        <v>16407</v>
      </c>
      <c r="C10534" t="s">
        <v>16408</v>
      </c>
      <c r="D10534" t="s">
        <v>14705</v>
      </c>
      <c r="E10534" t="s">
        <v>13</v>
      </c>
      <c r="F10534">
        <v>3548</v>
      </c>
      <c r="G10534" t="s">
        <v>16409</v>
      </c>
      <c r="H10534">
        <v>4.8843043795860002</v>
      </c>
      <c r="I10534">
        <v>52.334022216059999</v>
      </c>
      <c r="J10534" t="s">
        <v>66219</v>
      </c>
    </row>
    <row r="10535" spans="1:10" x14ac:dyDescent="0.25">
      <c r="A10535" t="s">
        <v>16402</v>
      </c>
      <c r="B10535" t="s">
        <v>16403</v>
      </c>
      <c r="C10535" t="s">
        <v>16404</v>
      </c>
      <c r="D10535" t="s">
        <v>14705</v>
      </c>
      <c r="E10535" t="s">
        <v>13</v>
      </c>
      <c r="F10535">
        <v>3547</v>
      </c>
      <c r="G10535" t="s">
        <v>16405</v>
      </c>
      <c r="H10535">
        <v>4.8547537521850002</v>
      </c>
      <c r="I10535">
        <v>52.336566155195001</v>
      </c>
      <c r="J10535" t="s">
        <v>66220</v>
      </c>
    </row>
    <row r="10536" spans="1:10" x14ac:dyDescent="0.25">
      <c r="A10536" t="s">
        <v>16398</v>
      </c>
      <c r="B10536" t="s">
        <v>16399</v>
      </c>
      <c r="C10536" t="s">
        <v>16400</v>
      </c>
      <c r="D10536" t="s">
        <v>14705</v>
      </c>
      <c r="E10536" t="s">
        <v>13</v>
      </c>
      <c r="F10536">
        <v>3546</v>
      </c>
      <c r="G10536" t="s">
        <v>16401</v>
      </c>
      <c r="H10536">
        <v>4.862462844825</v>
      </c>
      <c r="I10536">
        <v>52.331048572768999</v>
      </c>
      <c r="J10536" t="s">
        <v>66221</v>
      </c>
    </row>
    <row r="10537" spans="1:10" x14ac:dyDescent="0.25">
      <c r="A10537" t="s">
        <v>16394</v>
      </c>
      <c r="B10537" t="s">
        <v>16395</v>
      </c>
      <c r="C10537" t="s">
        <v>16396</v>
      </c>
      <c r="D10537" t="s">
        <v>14705</v>
      </c>
      <c r="E10537" t="s">
        <v>13</v>
      </c>
      <c r="F10537">
        <v>3545</v>
      </c>
      <c r="G10537" t="s">
        <v>16397</v>
      </c>
      <c r="H10537">
        <v>4.8377456148759999</v>
      </c>
      <c r="I10537">
        <v>52.330610926567999</v>
      </c>
      <c r="J10537" t="s">
        <v>66222</v>
      </c>
    </row>
    <row r="10538" spans="1:10" x14ac:dyDescent="0.25">
      <c r="A10538" t="s">
        <v>16390</v>
      </c>
      <c r="B10538" t="s">
        <v>16391</v>
      </c>
      <c r="C10538" t="s">
        <v>16392</v>
      </c>
      <c r="D10538" t="s">
        <v>14705</v>
      </c>
      <c r="E10538" t="s">
        <v>13</v>
      </c>
      <c r="F10538">
        <v>3544</v>
      </c>
      <c r="G10538" t="s">
        <v>16393</v>
      </c>
      <c r="H10538">
        <v>4.8623022090500001</v>
      </c>
      <c r="I10538">
        <v>52.325747020412003</v>
      </c>
      <c r="J10538" t="s">
        <v>66223</v>
      </c>
    </row>
    <row r="10539" spans="1:10" x14ac:dyDescent="0.25">
      <c r="A10539" t="s">
        <v>16386</v>
      </c>
      <c r="B10539" t="s">
        <v>16387</v>
      </c>
      <c r="C10539" t="s">
        <v>16388</v>
      </c>
      <c r="D10539" t="s">
        <v>14705</v>
      </c>
      <c r="E10539" t="s">
        <v>13</v>
      </c>
      <c r="F10539">
        <v>3543</v>
      </c>
      <c r="G10539" t="s">
        <v>16389</v>
      </c>
      <c r="H10539">
        <v>4.8739185633220004</v>
      </c>
      <c r="I10539">
        <v>52.325787174601999</v>
      </c>
      <c r="J10539" t="s">
        <v>66224</v>
      </c>
    </row>
    <row r="10540" spans="1:10" x14ac:dyDescent="0.25">
      <c r="A10540" t="s">
        <v>16382</v>
      </c>
      <c r="B10540" t="s">
        <v>16383</v>
      </c>
      <c r="C10540" t="s">
        <v>16384</v>
      </c>
      <c r="D10540" t="s">
        <v>14705</v>
      </c>
      <c r="E10540" t="s">
        <v>13</v>
      </c>
      <c r="F10540">
        <v>3542</v>
      </c>
      <c r="G10540" t="s">
        <v>16385</v>
      </c>
      <c r="H10540">
        <v>4.8740627923259998</v>
      </c>
      <c r="I10540">
        <v>52.332121767933998</v>
      </c>
      <c r="J10540" t="s">
        <v>66225</v>
      </c>
    </row>
    <row r="10541" spans="1:10" x14ac:dyDescent="0.25">
      <c r="A10541" t="s">
        <v>16378</v>
      </c>
      <c r="B10541" t="s">
        <v>16379</v>
      </c>
      <c r="C10541" t="s">
        <v>16380</v>
      </c>
      <c r="D10541" t="s">
        <v>14705</v>
      </c>
      <c r="E10541" t="s">
        <v>13</v>
      </c>
      <c r="F10541">
        <v>3541</v>
      </c>
      <c r="G10541" t="s">
        <v>16381</v>
      </c>
      <c r="H10541">
        <v>4.8246357234700001</v>
      </c>
      <c r="I10541">
        <v>52.348514770987002</v>
      </c>
      <c r="J10541" t="s">
        <v>66226</v>
      </c>
    </row>
    <row r="10542" spans="1:10" x14ac:dyDescent="0.25">
      <c r="A10542" t="s">
        <v>16374</v>
      </c>
      <c r="B10542" t="s">
        <v>16375</v>
      </c>
      <c r="C10542" t="s">
        <v>16376</v>
      </c>
      <c r="D10542" t="s">
        <v>14705</v>
      </c>
      <c r="E10542" t="s">
        <v>13</v>
      </c>
      <c r="F10542">
        <v>3540</v>
      </c>
      <c r="G10542" t="s">
        <v>16377</v>
      </c>
      <c r="H10542">
        <v>4.8309015399139996</v>
      </c>
      <c r="I10542">
        <v>52.348728485282997</v>
      </c>
      <c r="J10542" t="s">
        <v>66227</v>
      </c>
    </row>
    <row r="10543" spans="1:10" x14ac:dyDescent="0.25">
      <c r="A10543" t="s">
        <v>16370</v>
      </c>
      <c r="B10543" t="s">
        <v>16371</v>
      </c>
      <c r="C10543" t="s">
        <v>16372</v>
      </c>
      <c r="D10543" t="s">
        <v>14705</v>
      </c>
      <c r="E10543" t="s">
        <v>13</v>
      </c>
      <c r="F10543">
        <v>3539</v>
      </c>
      <c r="G10543" t="s">
        <v>16373</v>
      </c>
      <c r="H10543">
        <v>4.8307710600930003</v>
      </c>
      <c r="I10543">
        <v>52.354814307654998</v>
      </c>
      <c r="J10543" t="s">
        <v>66228</v>
      </c>
    </row>
    <row r="10544" spans="1:10" x14ac:dyDescent="0.25">
      <c r="A10544" t="s">
        <v>16366</v>
      </c>
      <c r="B10544" t="s">
        <v>16367</v>
      </c>
      <c r="C10544" t="s">
        <v>16368</v>
      </c>
      <c r="D10544" t="s">
        <v>14705</v>
      </c>
      <c r="E10544" t="s">
        <v>13</v>
      </c>
      <c r="F10544">
        <v>3538</v>
      </c>
      <c r="G10544" t="s">
        <v>16369</v>
      </c>
      <c r="H10544">
        <v>4.8231234127610003</v>
      </c>
      <c r="I10544">
        <v>52.354843747611</v>
      </c>
      <c r="J10544" t="s">
        <v>66229</v>
      </c>
    </row>
    <row r="10545" spans="1:10" x14ac:dyDescent="0.25">
      <c r="A10545" t="s">
        <v>16362</v>
      </c>
      <c r="B10545" t="s">
        <v>16363</v>
      </c>
      <c r="C10545" t="s">
        <v>16364</v>
      </c>
      <c r="D10545" t="s">
        <v>14705</v>
      </c>
      <c r="E10545" t="s">
        <v>13</v>
      </c>
      <c r="F10545">
        <v>3537</v>
      </c>
      <c r="G10545" t="s">
        <v>16365</v>
      </c>
      <c r="H10545">
        <v>4.7972537885099999</v>
      </c>
      <c r="I10545">
        <v>52.341551204467997</v>
      </c>
      <c r="J10545" t="s">
        <v>66230</v>
      </c>
    </row>
    <row r="10546" spans="1:10" x14ac:dyDescent="0.25">
      <c r="A10546" t="s">
        <v>16358</v>
      </c>
      <c r="B10546" t="s">
        <v>16359</v>
      </c>
      <c r="C10546" t="s">
        <v>16360</v>
      </c>
      <c r="D10546" t="s">
        <v>14705</v>
      </c>
      <c r="E10546" t="s">
        <v>13</v>
      </c>
      <c r="F10546">
        <v>3536</v>
      </c>
      <c r="G10546" t="s">
        <v>16361</v>
      </c>
      <c r="H10546">
        <v>4.8169411621</v>
      </c>
      <c r="I10546">
        <v>52.344446087028999</v>
      </c>
      <c r="J10546" t="s">
        <v>66231</v>
      </c>
    </row>
    <row r="10547" spans="1:10" x14ac:dyDescent="0.25">
      <c r="A10547" t="s">
        <v>16354</v>
      </c>
      <c r="B10547" t="s">
        <v>16355</v>
      </c>
      <c r="C10547" t="s">
        <v>16356</v>
      </c>
      <c r="D10547" t="s">
        <v>14705</v>
      </c>
      <c r="E10547" t="s">
        <v>13</v>
      </c>
      <c r="F10547">
        <v>3535</v>
      </c>
      <c r="G10547" t="s">
        <v>16357</v>
      </c>
      <c r="H10547">
        <v>4.8059324084929997</v>
      </c>
      <c r="I10547">
        <v>52.343698160724003</v>
      </c>
      <c r="J10547" t="s">
        <v>66232</v>
      </c>
    </row>
    <row r="10548" spans="1:10" x14ac:dyDescent="0.25">
      <c r="A10548" t="s">
        <v>16350</v>
      </c>
      <c r="B10548" t="s">
        <v>16351</v>
      </c>
      <c r="C10548" t="s">
        <v>16352</v>
      </c>
      <c r="D10548" t="s">
        <v>14705</v>
      </c>
      <c r="E10548" t="s">
        <v>13</v>
      </c>
      <c r="F10548">
        <v>3534</v>
      </c>
      <c r="G10548" t="s">
        <v>16353</v>
      </c>
      <c r="H10548">
        <v>4.8111949104880001</v>
      </c>
      <c r="I10548">
        <v>52.345728585316003</v>
      </c>
      <c r="J10548" t="s">
        <v>66233</v>
      </c>
    </row>
    <row r="10549" spans="1:10" x14ac:dyDescent="0.25">
      <c r="A10549" t="s">
        <v>16346</v>
      </c>
      <c r="B10549" t="s">
        <v>16347</v>
      </c>
      <c r="C10549" t="s">
        <v>16348</v>
      </c>
      <c r="D10549" t="s">
        <v>14705</v>
      </c>
      <c r="E10549" t="s">
        <v>13</v>
      </c>
      <c r="F10549">
        <v>3533</v>
      </c>
      <c r="G10549" t="s">
        <v>16349</v>
      </c>
      <c r="H10549">
        <v>4.8155292463560002</v>
      </c>
      <c r="I10549">
        <v>52.349045169253003</v>
      </c>
      <c r="J10549" t="s">
        <v>66234</v>
      </c>
    </row>
    <row r="10550" spans="1:10" x14ac:dyDescent="0.25">
      <c r="A10550" t="s">
        <v>16342</v>
      </c>
      <c r="B10550" t="s">
        <v>16343</v>
      </c>
      <c r="C10550" t="s">
        <v>16344</v>
      </c>
      <c r="D10550" t="s">
        <v>14705</v>
      </c>
      <c r="E10550" t="s">
        <v>13</v>
      </c>
      <c r="F10550">
        <v>3532</v>
      </c>
      <c r="G10550" t="s">
        <v>16345</v>
      </c>
      <c r="H10550">
        <v>4.8047796405509997</v>
      </c>
      <c r="I10550">
        <v>52.347709393401999</v>
      </c>
      <c r="J10550" t="s">
        <v>66235</v>
      </c>
    </row>
    <row r="10551" spans="1:10" x14ac:dyDescent="0.25">
      <c r="A10551" t="s">
        <v>16338</v>
      </c>
      <c r="B10551" t="s">
        <v>16339</v>
      </c>
      <c r="C10551" t="s">
        <v>16340</v>
      </c>
      <c r="D10551" t="s">
        <v>14705</v>
      </c>
      <c r="E10551" t="s">
        <v>13</v>
      </c>
      <c r="F10551">
        <v>3531</v>
      </c>
      <c r="G10551" t="s">
        <v>16341</v>
      </c>
      <c r="H10551">
        <v>4.8090294074899997</v>
      </c>
      <c r="I10551">
        <v>52.339003415394998</v>
      </c>
      <c r="J10551" t="s">
        <v>66236</v>
      </c>
    </row>
    <row r="10552" spans="1:10" x14ac:dyDescent="0.25">
      <c r="A10552" t="s">
        <v>16334</v>
      </c>
      <c r="B10552" t="s">
        <v>16335</v>
      </c>
      <c r="C10552" t="s">
        <v>16336</v>
      </c>
      <c r="D10552" t="s">
        <v>14705</v>
      </c>
      <c r="E10552" t="s">
        <v>13</v>
      </c>
      <c r="F10552">
        <v>3530</v>
      </c>
      <c r="G10552" t="s">
        <v>16337</v>
      </c>
      <c r="H10552">
        <v>4.8244899435050002</v>
      </c>
      <c r="I10552">
        <v>52.334139548332999</v>
      </c>
      <c r="J10552" t="s">
        <v>66237</v>
      </c>
    </row>
    <row r="10553" spans="1:10" x14ac:dyDescent="0.25">
      <c r="A10553" t="s">
        <v>16330</v>
      </c>
      <c r="B10553" t="s">
        <v>16331</v>
      </c>
      <c r="C10553" t="s">
        <v>16332</v>
      </c>
      <c r="D10553" t="s">
        <v>14705</v>
      </c>
      <c r="E10553" t="s">
        <v>13</v>
      </c>
      <c r="F10553">
        <v>3529</v>
      </c>
      <c r="G10553" t="s">
        <v>16333</v>
      </c>
      <c r="H10553">
        <v>4.8244659287080003</v>
      </c>
      <c r="I10553">
        <v>52.343561918827</v>
      </c>
      <c r="J10553" t="s">
        <v>66238</v>
      </c>
    </row>
    <row r="10554" spans="1:10" x14ac:dyDescent="0.25">
      <c r="A10554" t="s">
        <v>16326</v>
      </c>
      <c r="B10554" t="s">
        <v>16327</v>
      </c>
      <c r="C10554" t="s">
        <v>16328</v>
      </c>
      <c r="D10554" t="s">
        <v>14705</v>
      </c>
      <c r="E10554" t="s">
        <v>13</v>
      </c>
      <c r="F10554">
        <v>3528</v>
      </c>
      <c r="G10554" t="s">
        <v>16329</v>
      </c>
      <c r="H10554">
        <v>4.8293099220590001</v>
      </c>
      <c r="I10554">
        <v>52.341259769049998</v>
      </c>
      <c r="J10554" t="s">
        <v>66239</v>
      </c>
    </row>
    <row r="10555" spans="1:10" x14ac:dyDescent="0.25">
      <c r="A10555" t="s">
        <v>16322</v>
      </c>
      <c r="B10555" t="s">
        <v>16323</v>
      </c>
      <c r="C10555" t="s">
        <v>16324</v>
      </c>
      <c r="D10555" t="s">
        <v>14705</v>
      </c>
      <c r="E10555" t="s">
        <v>13</v>
      </c>
      <c r="F10555">
        <v>3527</v>
      </c>
      <c r="G10555" t="s">
        <v>16325</v>
      </c>
      <c r="H10555">
        <v>4.8383446544190001</v>
      </c>
      <c r="I10555">
        <v>52.357011715264001</v>
      </c>
      <c r="J10555" t="s">
        <v>66240</v>
      </c>
    </row>
    <row r="10556" spans="1:10" x14ac:dyDescent="0.25">
      <c r="A10556" t="s">
        <v>16318</v>
      </c>
      <c r="B10556" t="s">
        <v>16319</v>
      </c>
      <c r="C10556" t="s">
        <v>16320</v>
      </c>
      <c r="D10556" t="s">
        <v>14705</v>
      </c>
      <c r="E10556" t="s">
        <v>13</v>
      </c>
      <c r="F10556">
        <v>3526</v>
      </c>
      <c r="G10556" t="s">
        <v>16321</v>
      </c>
      <c r="H10556">
        <v>4.8391463617120003</v>
      </c>
      <c r="I10556">
        <v>52.341990453203998</v>
      </c>
      <c r="J10556" t="s">
        <v>66241</v>
      </c>
    </row>
    <row r="10557" spans="1:10" x14ac:dyDescent="0.25">
      <c r="A10557" t="s">
        <v>16314</v>
      </c>
      <c r="B10557" t="s">
        <v>16315</v>
      </c>
      <c r="C10557" t="s">
        <v>16316</v>
      </c>
      <c r="D10557" t="s">
        <v>14705</v>
      </c>
      <c r="E10557" t="s">
        <v>13</v>
      </c>
      <c r="F10557">
        <v>3525</v>
      </c>
      <c r="G10557" t="s">
        <v>16317</v>
      </c>
      <c r="H10557">
        <v>4.8380555547339998</v>
      </c>
      <c r="I10557">
        <v>52.349068517082003</v>
      </c>
      <c r="J10557" t="s">
        <v>66242</v>
      </c>
    </row>
    <row r="10558" spans="1:10" x14ac:dyDescent="0.25">
      <c r="A10558" t="s">
        <v>16310</v>
      </c>
      <c r="B10558" t="s">
        <v>16311</v>
      </c>
      <c r="C10558" t="s">
        <v>16312</v>
      </c>
      <c r="D10558" t="s">
        <v>14705</v>
      </c>
      <c r="E10558" t="s">
        <v>13</v>
      </c>
      <c r="F10558">
        <v>3524</v>
      </c>
      <c r="G10558" t="s">
        <v>16313</v>
      </c>
      <c r="H10558">
        <v>4.8436375427089997</v>
      </c>
      <c r="I10558">
        <v>52.348847399328001</v>
      </c>
      <c r="J10558" t="s">
        <v>66243</v>
      </c>
    </row>
    <row r="10559" spans="1:10" x14ac:dyDescent="0.25">
      <c r="A10559" t="s">
        <v>16306</v>
      </c>
      <c r="B10559" t="s">
        <v>16307</v>
      </c>
      <c r="C10559" t="s">
        <v>16308</v>
      </c>
      <c r="D10559" t="s">
        <v>14705</v>
      </c>
      <c r="E10559" t="s">
        <v>13</v>
      </c>
      <c r="F10559">
        <v>3523</v>
      </c>
      <c r="G10559" t="s">
        <v>16309</v>
      </c>
      <c r="H10559">
        <v>4.8450807058540004</v>
      </c>
      <c r="I10559">
        <v>52.355819628570998</v>
      </c>
      <c r="J10559" t="s">
        <v>66244</v>
      </c>
    </row>
    <row r="10560" spans="1:10" x14ac:dyDescent="0.25">
      <c r="A10560" t="s">
        <v>16302</v>
      </c>
      <c r="B10560" t="s">
        <v>16303</v>
      </c>
      <c r="C10560" t="s">
        <v>16304</v>
      </c>
      <c r="D10560" t="s">
        <v>14705</v>
      </c>
      <c r="E10560" t="s">
        <v>13</v>
      </c>
      <c r="F10560">
        <v>3522</v>
      </c>
      <c r="G10560" t="s">
        <v>16305</v>
      </c>
      <c r="H10560">
        <v>4.8383648964799999</v>
      </c>
      <c r="I10560">
        <v>52.354036621883999</v>
      </c>
      <c r="J10560" t="s">
        <v>66245</v>
      </c>
    </row>
    <row r="10561" spans="1:10" x14ac:dyDescent="0.25">
      <c r="A10561" t="s">
        <v>16298</v>
      </c>
      <c r="B10561" t="s">
        <v>16299</v>
      </c>
      <c r="C10561" t="s">
        <v>16300</v>
      </c>
      <c r="D10561" t="s">
        <v>14705</v>
      </c>
      <c r="E10561" t="s">
        <v>13</v>
      </c>
      <c r="F10561">
        <v>3521</v>
      </c>
      <c r="G10561" t="s">
        <v>16301</v>
      </c>
      <c r="H10561">
        <v>4.8387345155960002</v>
      </c>
      <c r="I10561">
        <v>52.371161701920002</v>
      </c>
      <c r="J10561" t="s">
        <v>66246</v>
      </c>
    </row>
    <row r="10562" spans="1:10" x14ac:dyDescent="0.25">
      <c r="A10562" t="s">
        <v>16294</v>
      </c>
      <c r="B10562" t="s">
        <v>16295</v>
      </c>
      <c r="C10562" t="s">
        <v>16296</v>
      </c>
      <c r="D10562" t="s">
        <v>14705</v>
      </c>
      <c r="E10562" t="s">
        <v>13</v>
      </c>
      <c r="F10562">
        <v>3520</v>
      </c>
      <c r="G10562" t="s">
        <v>16297</v>
      </c>
      <c r="H10562">
        <v>4.8382930318749997</v>
      </c>
      <c r="I10562">
        <v>52.358624112488997</v>
      </c>
      <c r="J10562" t="s">
        <v>66247</v>
      </c>
    </row>
    <row r="10563" spans="1:10" x14ac:dyDescent="0.25">
      <c r="A10563" t="s">
        <v>16290</v>
      </c>
      <c r="B10563" t="s">
        <v>16291</v>
      </c>
      <c r="C10563" t="s">
        <v>16292</v>
      </c>
      <c r="D10563" t="s">
        <v>14705</v>
      </c>
      <c r="E10563" t="s">
        <v>13</v>
      </c>
      <c r="F10563">
        <v>3519</v>
      </c>
      <c r="G10563" t="s">
        <v>16293</v>
      </c>
      <c r="H10563">
        <v>4.8457971925159997</v>
      </c>
      <c r="I10563">
        <v>52.361151810632997</v>
      </c>
      <c r="J10563" t="s">
        <v>66248</v>
      </c>
    </row>
    <row r="10564" spans="1:10" x14ac:dyDescent="0.25">
      <c r="A10564" t="s">
        <v>16286</v>
      </c>
      <c r="B10564" t="s">
        <v>16287</v>
      </c>
      <c r="C10564" t="s">
        <v>16288</v>
      </c>
      <c r="D10564" t="s">
        <v>14705</v>
      </c>
      <c r="E10564" t="s">
        <v>13</v>
      </c>
      <c r="F10564">
        <v>3518</v>
      </c>
      <c r="G10564" t="s">
        <v>16289</v>
      </c>
      <c r="H10564">
        <v>4.8457424937239999</v>
      </c>
      <c r="I10564">
        <v>52.366864780524999</v>
      </c>
      <c r="J10564" t="s">
        <v>66249</v>
      </c>
    </row>
    <row r="10565" spans="1:10" x14ac:dyDescent="0.25">
      <c r="A10565" t="s">
        <v>16282</v>
      </c>
      <c r="B10565" t="s">
        <v>16283</v>
      </c>
      <c r="C10565" t="s">
        <v>16284</v>
      </c>
      <c r="D10565" t="s">
        <v>14705</v>
      </c>
      <c r="E10565" t="s">
        <v>13</v>
      </c>
      <c r="F10565">
        <v>3517</v>
      </c>
      <c r="G10565" t="s">
        <v>16285</v>
      </c>
      <c r="H10565">
        <v>4.8381757460110002</v>
      </c>
      <c r="I10565">
        <v>52.361707018182997</v>
      </c>
      <c r="J10565" t="s">
        <v>66250</v>
      </c>
    </row>
    <row r="10566" spans="1:10" x14ac:dyDescent="0.25">
      <c r="A10566" t="s">
        <v>16278</v>
      </c>
      <c r="B10566" t="s">
        <v>16279</v>
      </c>
      <c r="C10566" t="s">
        <v>16280</v>
      </c>
      <c r="D10566" t="s">
        <v>14705</v>
      </c>
      <c r="E10566" t="s">
        <v>13</v>
      </c>
      <c r="F10566">
        <v>3516</v>
      </c>
      <c r="G10566" t="s">
        <v>16281</v>
      </c>
      <c r="H10566">
        <v>4.8380621972090001</v>
      </c>
      <c r="I10566">
        <v>52.366872341421001</v>
      </c>
      <c r="J10566" t="s">
        <v>66251</v>
      </c>
    </row>
    <row r="10567" spans="1:10" x14ac:dyDescent="0.25">
      <c r="A10567" t="s">
        <v>16274</v>
      </c>
      <c r="B10567" t="s">
        <v>16275</v>
      </c>
      <c r="C10567" t="s">
        <v>16276</v>
      </c>
      <c r="D10567" t="s">
        <v>14705</v>
      </c>
      <c r="E10567" t="s">
        <v>13</v>
      </c>
      <c r="F10567">
        <v>3515</v>
      </c>
      <c r="G10567" t="s">
        <v>16277</v>
      </c>
      <c r="H10567">
        <v>4.8305582799079998</v>
      </c>
      <c r="I10567">
        <v>52.360879158214999</v>
      </c>
      <c r="J10567" t="s">
        <v>66252</v>
      </c>
    </row>
    <row r="10568" spans="1:10" x14ac:dyDescent="0.25">
      <c r="A10568" t="s">
        <v>16270</v>
      </c>
      <c r="B10568" t="s">
        <v>16271</v>
      </c>
      <c r="C10568" t="s">
        <v>16272</v>
      </c>
      <c r="D10568" t="s">
        <v>14705</v>
      </c>
      <c r="E10568" t="s">
        <v>13</v>
      </c>
      <c r="F10568">
        <v>3514</v>
      </c>
      <c r="G10568" t="s">
        <v>16273</v>
      </c>
      <c r="H10568">
        <v>4.8205994440340003</v>
      </c>
      <c r="I10568">
        <v>52.360638194854999</v>
      </c>
      <c r="J10568" t="s">
        <v>66253</v>
      </c>
    </row>
    <row r="10569" spans="1:10" x14ac:dyDescent="0.25">
      <c r="A10569" t="s">
        <v>16266</v>
      </c>
      <c r="B10569" t="s">
        <v>16267</v>
      </c>
      <c r="C10569" t="s">
        <v>16268</v>
      </c>
      <c r="D10569" t="s">
        <v>14705</v>
      </c>
      <c r="E10569" t="s">
        <v>13</v>
      </c>
      <c r="F10569">
        <v>3513</v>
      </c>
      <c r="G10569" t="s">
        <v>16269</v>
      </c>
      <c r="H10569">
        <v>4.8274152956130001</v>
      </c>
      <c r="I10569">
        <v>52.367077800974002</v>
      </c>
      <c r="J10569" t="s">
        <v>66254</v>
      </c>
    </row>
    <row r="10570" spans="1:10" x14ac:dyDescent="0.25">
      <c r="A10570" t="s">
        <v>16262</v>
      </c>
      <c r="B10570" t="s">
        <v>16263</v>
      </c>
      <c r="C10570" t="s">
        <v>16264</v>
      </c>
      <c r="D10570" t="s">
        <v>14705</v>
      </c>
      <c r="E10570" t="s">
        <v>13</v>
      </c>
      <c r="F10570">
        <v>3512</v>
      </c>
      <c r="G10570" t="s">
        <v>16265</v>
      </c>
      <c r="H10570">
        <v>4.7890681065880001</v>
      </c>
      <c r="I10570">
        <v>52.347279574455001</v>
      </c>
      <c r="J10570" t="s">
        <v>66255</v>
      </c>
    </row>
    <row r="10571" spans="1:10" x14ac:dyDescent="0.25">
      <c r="A10571" t="s">
        <v>16258</v>
      </c>
      <c r="B10571" t="s">
        <v>16259</v>
      </c>
      <c r="C10571" t="s">
        <v>16260</v>
      </c>
      <c r="D10571" t="s">
        <v>14705</v>
      </c>
      <c r="E10571" t="s">
        <v>13</v>
      </c>
      <c r="F10571">
        <v>3511</v>
      </c>
      <c r="G10571" t="s">
        <v>16261</v>
      </c>
      <c r="H10571">
        <v>4.7764672039380001</v>
      </c>
      <c r="I10571">
        <v>52.350402967638999</v>
      </c>
      <c r="J10571" t="s">
        <v>66256</v>
      </c>
    </row>
    <row r="10572" spans="1:10" x14ac:dyDescent="0.25">
      <c r="A10572" t="s">
        <v>16254</v>
      </c>
      <c r="B10572" t="s">
        <v>16255</v>
      </c>
      <c r="C10572" t="s">
        <v>16256</v>
      </c>
      <c r="D10572" t="s">
        <v>14705</v>
      </c>
      <c r="E10572" t="s">
        <v>13</v>
      </c>
      <c r="F10572">
        <v>3510</v>
      </c>
      <c r="G10572" t="s">
        <v>16257</v>
      </c>
      <c r="H10572">
        <v>4.7805999729439996</v>
      </c>
      <c r="I10572">
        <v>52.353470779410003</v>
      </c>
      <c r="J10572" t="s">
        <v>66257</v>
      </c>
    </row>
    <row r="10573" spans="1:10" x14ac:dyDescent="0.25">
      <c r="A10573" t="s">
        <v>16250</v>
      </c>
      <c r="B10573" t="s">
        <v>16251</v>
      </c>
      <c r="C10573" t="s">
        <v>16252</v>
      </c>
      <c r="D10573" t="s">
        <v>14705</v>
      </c>
      <c r="E10573" t="s">
        <v>13</v>
      </c>
      <c r="F10573">
        <v>3509</v>
      </c>
      <c r="G10573" t="s">
        <v>16253</v>
      </c>
      <c r="H10573">
        <v>4.7847090892250002</v>
      </c>
      <c r="I10573">
        <v>52.360659289936002</v>
      </c>
      <c r="J10573" t="s">
        <v>66258</v>
      </c>
    </row>
    <row r="10574" spans="1:10" x14ac:dyDescent="0.25">
      <c r="A10574" t="s">
        <v>16246</v>
      </c>
      <c r="B10574" t="s">
        <v>16247</v>
      </c>
      <c r="C10574" t="s">
        <v>16248</v>
      </c>
      <c r="D10574" t="s">
        <v>14705</v>
      </c>
      <c r="E10574" t="s">
        <v>13</v>
      </c>
      <c r="F10574">
        <v>3508</v>
      </c>
      <c r="G10574" t="s">
        <v>16249</v>
      </c>
      <c r="H10574">
        <v>4.7850646857679999</v>
      </c>
      <c r="I10574">
        <v>52.356459196502001</v>
      </c>
      <c r="J10574" t="s">
        <v>66259</v>
      </c>
    </row>
    <row r="10575" spans="1:10" x14ac:dyDescent="0.25">
      <c r="A10575" t="s">
        <v>16242</v>
      </c>
      <c r="B10575" t="s">
        <v>16243</v>
      </c>
      <c r="C10575" t="s">
        <v>16244</v>
      </c>
      <c r="D10575" t="s">
        <v>14705</v>
      </c>
      <c r="E10575" t="s">
        <v>13</v>
      </c>
      <c r="F10575">
        <v>3507</v>
      </c>
      <c r="G10575" t="s">
        <v>16245</v>
      </c>
      <c r="H10575">
        <v>4.7976756650089998</v>
      </c>
      <c r="I10575">
        <v>52.351174885904001</v>
      </c>
      <c r="J10575" t="s">
        <v>66260</v>
      </c>
    </row>
    <row r="10576" spans="1:10" x14ac:dyDescent="0.25">
      <c r="A10576" t="s">
        <v>16238</v>
      </c>
      <c r="B10576" t="s">
        <v>16239</v>
      </c>
      <c r="C10576" t="s">
        <v>16240</v>
      </c>
      <c r="D10576" t="s">
        <v>14705</v>
      </c>
      <c r="E10576" t="s">
        <v>13</v>
      </c>
      <c r="F10576">
        <v>3506</v>
      </c>
      <c r="G10576" t="s">
        <v>16241</v>
      </c>
      <c r="H10576">
        <v>4.7955826939969999</v>
      </c>
      <c r="I10576">
        <v>52.355532277644002</v>
      </c>
      <c r="J10576" t="s">
        <v>66261</v>
      </c>
    </row>
    <row r="10577" spans="1:10" x14ac:dyDescent="0.25">
      <c r="A10577" t="s">
        <v>16234</v>
      </c>
      <c r="B10577" t="s">
        <v>16235</v>
      </c>
      <c r="C10577" t="s">
        <v>16236</v>
      </c>
      <c r="D10577" t="s">
        <v>14705</v>
      </c>
      <c r="E10577" t="s">
        <v>13</v>
      </c>
      <c r="F10577">
        <v>3505</v>
      </c>
      <c r="G10577" t="s">
        <v>16237</v>
      </c>
      <c r="H10577">
        <v>4.7936015450729998</v>
      </c>
      <c r="I10577">
        <v>52.358843012434001</v>
      </c>
      <c r="J10577" t="s">
        <v>66262</v>
      </c>
    </row>
    <row r="10578" spans="1:10" x14ac:dyDescent="0.25">
      <c r="A10578" t="s">
        <v>16230</v>
      </c>
      <c r="B10578" t="s">
        <v>16231</v>
      </c>
      <c r="C10578" t="s">
        <v>16232</v>
      </c>
      <c r="D10578" t="s">
        <v>14705</v>
      </c>
      <c r="E10578" t="s">
        <v>13</v>
      </c>
      <c r="F10578">
        <v>3504</v>
      </c>
      <c r="G10578" t="s">
        <v>16233</v>
      </c>
      <c r="H10578">
        <v>4.7917836295549998</v>
      </c>
      <c r="I10578">
        <v>52.362095280707997</v>
      </c>
      <c r="J10578" t="s">
        <v>66263</v>
      </c>
    </row>
    <row r="10579" spans="1:10" x14ac:dyDescent="0.25">
      <c r="A10579" t="s">
        <v>16226</v>
      </c>
      <c r="B10579" t="s">
        <v>16227</v>
      </c>
      <c r="C10579" t="s">
        <v>16228</v>
      </c>
      <c r="D10579" t="s">
        <v>14705</v>
      </c>
      <c r="E10579" t="s">
        <v>13</v>
      </c>
      <c r="F10579">
        <v>3503</v>
      </c>
      <c r="G10579" t="s">
        <v>16229</v>
      </c>
      <c r="H10579">
        <v>4.8121643708270003</v>
      </c>
      <c r="I10579">
        <v>52.353466542446</v>
      </c>
      <c r="J10579" t="s">
        <v>66264</v>
      </c>
    </row>
    <row r="10580" spans="1:10" x14ac:dyDescent="0.25">
      <c r="A10580" t="s">
        <v>16222</v>
      </c>
      <c r="B10580" t="s">
        <v>16223</v>
      </c>
      <c r="C10580" t="s">
        <v>16224</v>
      </c>
      <c r="D10580" t="s">
        <v>14705</v>
      </c>
      <c r="E10580" t="s">
        <v>13</v>
      </c>
      <c r="F10580">
        <v>3502</v>
      </c>
      <c r="G10580" t="s">
        <v>16225</v>
      </c>
      <c r="H10580">
        <v>4.807746606367</v>
      </c>
      <c r="I10580">
        <v>52.355481800995001</v>
      </c>
      <c r="J10580" t="s">
        <v>66265</v>
      </c>
    </row>
    <row r="10581" spans="1:10" x14ac:dyDescent="0.25">
      <c r="A10581" t="s">
        <v>16218</v>
      </c>
      <c r="B10581" t="s">
        <v>16219</v>
      </c>
      <c r="C10581" t="s">
        <v>16220</v>
      </c>
      <c r="D10581" t="s">
        <v>14705</v>
      </c>
      <c r="E10581" t="s">
        <v>13</v>
      </c>
      <c r="F10581">
        <v>3501</v>
      </c>
      <c r="G10581" t="s">
        <v>16221</v>
      </c>
      <c r="H10581">
        <v>4.805696290627</v>
      </c>
      <c r="I10581">
        <v>52.358510581918999</v>
      </c>
      <c r="J10581" t="s">
        <v>66266</v>
      </c>
    </row>
    <row r="10582" spans="1:10" x14ac:dyDescent="0.25">
      <c r="A10582" t="s">
        <v>16214</v>
      </c>
      <c r="B10582" t="s">
        <v>16215</v>
      </c>
      <c r="C10582" t="s">
        <v>16216</v>
      </c>
      <c r="D10582" t="s">
        <v>14705</v>
      </c>
      <c r="E10582" t="s">
        <v>13</v>
      </c>
      <c r="F10582">
        <v>3500</v>
      </c>
      <c r="G10582" t="s">
        <v>16217</v>
      </c>
      <c r="H10582">
        <v>4.8066393908869998</v>
      </c>
      <c r="I10582">
        <v>52.363921531411002</v>
      </c>
      <c r="J10582" t="s">
        <v>66267</v>
      </c>
    </row>
    <row r="10583" spans="1:10" x14ac:dyDescent="0.25">
      <c r="A10583" t="s">
        <v>16210</v>
      </c>
      <c r="B10583" t="s">
        <v>16211</v>
      </c>
      <c r="C10583" t="s">
        <v>16212</v>
      </c>
      <c r="D10583" t="s">
        <v>14705</v>
      </c>
      <c r="E10583" t="s">
        <v>13</v>
      </c>
      <c r="F10583">
        <v>3499</v>
      </c>
      <c r="G10583" t="s">
        <v>16213</v>
      </c>
      <c r="H10583">
        <v>4.8005878169280001</v>
      </c>
      <c r="I10583">
        <v>52.362416331745997</v>
      </c>
      <c r="J10583" t="s">
        <v>66268</v>
      </c>
    </row>
    <row r="10584" spans="1:10" x14ac:dyDescent="0.25">
      <c r="A10584" t="s">
        <v>16206</v>
      </c>
      <c r="B10584" t="s">
        <v>16207</v>
      </c>
      <c r="C10584" t="s">
        <v>16208</v>
      </c>
      <c r="D10584" t="s">
        <v>14705</v>
      </c>
      <c r="E10584" t="s">
        <v>13</v>
      </c>
      <c r="F10584">
        <v>3498</v>
      </c>
      <c r="G10584" t="s">
        <v>16209</v>
      </c>
      <c r="H10584">
        <v>4.7668358787600003</v>
      </c>
      <c r="I10584">
        <v>52.360807636122999</v>
      </c>
      <c r="J10584" t="s">
        <v>66269</v>
      </c>
    </row>
    <row r="10585" spans="1:10" x14ac:dyDescent="0.25">
      <c r="A10585" t="s">
        <v>16202</v>
      </c>
      <c r="B10585" t="s">
        <v>16203</v>
      </c>
      <c r="C10585" t="s">
        <v>16204</v>
      </c>
      <c r="D10585" t="s">
        <v>14705</v>
      </c>
      <c r="E10585" t="s">
        <v>13</v>
      </c>
      <c r="F10585">
        <v>3497</v>
      </c>
      <c r="G10585" t="s">
        <v>16205</v>
      </c>
      <c r="H10585">
        <v>4.7760636473979998</v>
      </c>
      <c r="I10585">
        <v>52.370490397208997</v>
      </c>
      <c r="J10585" t="s">
        <v>66270</v>
      </c>
    </row>
    <row r="10586" spans="1:10" x14ac:dyDescent="0.25">
      <c r="A10586" t="s">
        <v>16198</v>
      </c>
      <c r="B10586" t="s">
        <v>16199</v>
      </c>
      <c r="C10586" t="s">
        <v>16200</v>
      </c>
      <c r="D10586" t="s">
        <v>14705</v>
      </c>
      <c r="E10586" t="s">
        <v>13</v>
      </c>
      <c r="F10586">
        <v>3496</v>
      </c>
      <c r="G10586" t="s">
        <v>16201</v>
      </c>
      <c r="H10586">
        <v>4.7995714171649997</v>
      </c>
      <c r="I10586">
        <v>52.369349621628999</v>
      </c>
      <c r="J10586" t="s">
        <v>66271</v>
      </c>
    </row>
    <row r="10587" spans="1:10" x14ac:dyDescent="0.25">
      <c r="A10587" t="s">
        <v>16194</v>
      </c>
      <c r="B10587" t="s">
        <v>16195</v>
      </c>
      <c r="C10587" t="s">
        <v>16196</v>
      </c>
      <c r="D10587" t="s">
        <v>14705</v>
      </c>
      <c r="E10587" t="s">
        <v>13</v>
      </c>
      <c r="F10587">
        <v>3495</v>
      </c>
      <c r="G10587" t="s">
        <v>16197</v>
      </c>
      <c r="H10587">
        <v>4.7908579213070004</v>
      </c>
      <c r="I10587">
        <v>52.381329210038999</v>
      </c>
      <c r="J10587" t="s">
        <v>66272</v>
      </c>
    </row>
    <row r="10588" spans="1:10" x14ac:dyDescent="0.25">
      <c r="A10588" t="s">
        <v>16190</v>
      </c>
      <c r="B10588" t="s">
        <v>16191</v>
      </c>
      <c r="C10588" t="s">
        <v>16192</v>
      </c>
      <c r="D10588" t="s">
        <v>14705</v>
      </c>
      <c r="E10588" t="s">
        <v>13</v>
      </c>
      <c r="F10588">
        <v>3494</v>
      </c>
      <c r="G10588" t="s">
        <v>16193</v>
      </c>
      <c r="H10588">
        <v>4.776842351809</v>
      </c>
      <c r="I10588">
        <v>52.378842948398002</v>
      </c>
      <c r="J10588" t="s">
        <v>66273</v>
      </c>
    </row>
    <row r="10589" spans="1:10" x14ac:dyDescent="0.25">
      <c r="A10589" t="s">
        <v>16186</v>
      </c>
      <c r="B10589" t="s">
        <v>16187</v>
      </c>
      <c r="C10589" t="s">
        <v>16188</v>
      </c>
      <c r="D10589" t="s">
        <v>14705</v>
      </c>
      <c r="E10589" t="s">
        <v>13</v>
      </c>
      <c r="F10589">
        <v>3493</v>
      </c>
      <c r="G10589" t="s">
        <v>16189</v>
      </c>
      <c r="H10589">
        <v>4.8098239798759996</v>
      </c>
      <c r="I10589">
        <v>52.382597138968997</v>
      </c>
      <c r="J10589" t="s">
        <v>66274</v>
      </c>
    </row>
    <row r="10590" spans="1:10" x14ac:dyDescent="0.25">
      <c r="A10590" t="s">
        <v>16182</v>
      </c>
      <c r="B10590" t="s">
        <v>16183</v>
      </c>
      <c r="C10590" t="s">
        <v>16184</v>
      </c>
      <c r="D10590" t="s">
        <v>14705</v>
      </c>
      <c r="E10590" t="s">
        <v>13</v>
      </c>
      <c r="F10590">
        <v>3492</v>
      </c>
      <c r="G10590" t="s">
        <v>16185</v>
      </c>
      <c r="H10590">
        <v>4.8009567677379996</v>
      </c>
      <c r="I10590">
        <v>52.382346637205998</v>
      </c>
      <c r="J10590" t="s">
        <v>66275</v>
      </c>
    </row>
    <row r="10591" spans="1:10" x14ac:dyDescent="0.25">
      <c r="A10591" t="s">
        <v>16178</v>
      </c>
      <c r="B10591" t="s">
        <v>16179</v>
      </c>
      <c r="C10591" t="s">
        <v>16180</v>
      </c>
      <c r="D10591" t="s">
        <v>14705</v>
      </c>
      <c r="E10591" t="s">
        <v>13</v>
      </c>
      <c r="F10591">
        <v>3491</v>
      </c>
      <c r="G10591" t="s">
        <v>16181</v>
      </c>
      <c r="H10591">
        <v>4.8037132110260004</v>
      </c>
      <c r="I10591">
        <v>52.378616002226003</v>
      </c>
      <c r="J10591" t="s">
        <v>66276</v>
      </c>
    </row>
    <row r="10592" spans="1:10" x14ac:dyDescent="0.25">
      <c r="A10592" t="s">
        <v>16174</v>
      </c>
      <c r="B10592" t="s">
        <v>16175</v>
      </c>
      <c r="C10592" t="s">
        <v>16176</v>
      </c>
      <c r="D10592" t="s">
        <v>14705</v>
      </c>
      <c r="E10592" t="s">
        <v>13</v>
      </c>
      <c r="F10592">
        <v>3490</v>
      </c>
      <c r="G10592" t="s">
        <v>16177</v>
      </c>
      <c r="H10592">
        <v>4.7962244524609998</v>
      </c>
      <c r="I10592">
        <v>52.376125377725003</v>
      </c>
      <c r="J10592" t="s">
        <v>66277</v>
      </c>
    </row>
    <row r="10593" spans="1:10" x14ac:dyDescent="0.25">
      <c r="A10593" t="s">
        <v>16170</v>
      </c>
      <c r="B10593" t="s">
        <v>16171</v>
      </c>
      <c r="C10593" t="s">
        <v>16172</v>
      </c>
      <c r="D10593" t="s">
        <v>14705</v>
      </c>
      <c r="E10593" t="s">
        <v>13</v>
      </c>
      <c r="F10593">
        <v>3489</v>
      </c>
      <c r="G10593" t="s">
        <v>16173</v>
      </c>
      <c r="H10593">
        <v>4.8039063927179999</v>
      </c>
      <c r="I10593">
        <v>52.375110290000002</v>
      </c>
      <c r="J10593" t="s">
        <v>66278</v>
      </c>
    </row>
    <row r="10594" spans="1:10" x14ac:dyDescent="0.25">
      <c r="A10594" t="s">
        <v>16166</v>
      </c>
      <c r="B10594" t="s">
        <v>16167</v>
      </c>
      <c r="C10594" t="s">
        <v>16168</v>
      </c>
      <c r="D10594" t="s">
        <v>14705</v>
      </c>
      <c r="E10594" t="s">
        <v>13</v>
      </c>
      <c r="F10594">
        <v>3488</v>
      </c>
      <c r="G10594" t="s">
        <v>16169</v>
      </c>
      <c r="H10594">
        <v>4.8130817599300002</v>
      </c>
      <c r="I10594">
        <v>52.374161277306001</v>
      </c>
      <c r="J10594" t="s">
        <v>66279</v>
      </c>
    </row>
    <row r="10595" spans="1:10" x14ac:dyDescent="0.25">
      <c r="A10595" t="s">
        <v>16162</v>
      </c>
      <c r="B10595" t="s">
        <v>16163</v>
      </c>
      <c r="C10595" t="s">
        <v>16164</v>
      </c>
      <c r="D10595" t="s">
        <v>14705</v>
      </c>
      <c r="E10595" t="s">
        <v>13</v>
      </c>
      <c r="F10595">
        <v>3487</v>
      </c>
      <c r="G10595" t="s">
        <v>16165</v>
      </c>
      <c r="H10595">
        <v>4.8145301942070002</v>
      </c>
      <c r="I10595">
        <v>52.367948357621003</v>
      </c>
      <c r="J10595" t="s">
        <v>66280</v>
      </c>
    </row>
    <row r="10596" spans="1:10" x14ac:dyDescent="0.25">
      <c r="A10596" t="s">
        <v>16158</v>
      </c>
      <c r="B10596" t="s">
        <v>16159</v>
      </c>
      <c r="C10596" t="s">
        <v>16160</v>
      </c>
      <c r="D10596" t="s">
        <v>14705</v>
      </c>
      <c r="E10596" t="s">
        <v>13</v>
      </c>
      <c r="F10596">
        <v>3486</v>
      </c>
      <c r="G10596" t="s">
        <v>16161</v>
      </c>
      <c r="H10596">
        <v>4.8142994687830001</v>
      </c>
      <c r="I10596">
        <v>52.377655112551999</v>
      </c>
      <c r="J10596" t="s">
        <v>66281</v>
      </c>
    </row>
    <row r="10597" spans="1:10" x14ac:dyDescent="0.25">
      <c r="A10597" t="s">
        <v>16154</v>
      </c>
      <c r="B10597" t="s">
        <v>16155</v>
      </c>
      <c r="C10597" t="s">
        <v>16156</v>
      </c>
      <c r="D10597" t="s">
        <v>14705</v>
      </c>
      <c r="E10597" t="s">
        <v>13</v>
      </c>
      <c r="F10597">
        <v>3485</v>
      </c>
      <c r="G10597" t="s">
        <v>16157</v>
      </c>
      <c r="H10597">
        <v>4.8158966207820004</v>
      </c>
      <c r="I10597">
        <v>52.381529801287002</v>
      </c>
      <c r="J10597" t="s">
        <v>66282</v>
      </c>
    </row>
    <row r="10598" spans="1:10" x14ac:dyDescent="0.25">
      <c r="A10598" t="s">
        <v>16150</v>
      </c>
      <c r="B10598" t="s">
        <v>16151</v>
      </c>
      <c r="C10598" t="s">
        <v>16152</v>
      </c>
      <c r="D10598" t="s">
        <v>14705</v>
      </c>
      <c r="E10598" t="s">
        <v>13</v>
      </c>
      <c r="F10598">
        <v>3484</v>
      </c>
      <c r="G10598" t="s">
        <v>16153</v>
      </c>
      <c r="H10598">
        <v>4.8265889904090002</v>
      </c>
      <c r="I10598">
        <v>52.372930268990999</v>
      </c>
      <c r="J10598" t="s">
        <v>66283</v>
      </c>
    </row>
    <row r="10599" spans="1:10" x14ac:dyDescent="0.25">
      <c r="A10599" t="s">
        <v>16146</v>
      </c>
      <c r="B10599" t="s">
        <v>16147</v>
      </c>
      <c r="C10599" t="s">
        <v>16148</v>
      </c>
      <c r="D10599" t="s">
        <v>14705</v>
      </c>
      <c r="E10599" t="s">
        <v>13</v>
      </c>
      <c r="F10599">
        <v>3483</v>
      </c>
      <c r="G10599" t="s">
        <v>16149</v>
      </c>
      <c r="H10599">
        <v>4.8277245936090001</v>
      </c>
      <c r="I10599">
        <v>52.376092652053998</v>
      </c>
      <c r="J10599" t="s">
        <v>66284</v>
      </c>
    </row>
    <row r="10600" spans="1:10" x14ac:dyDescent="0.25">
      <c r="A10600" t="s">
        <v>16142</v>
      </c>
      <c r="B10600" t="s">
        <v>16143</v>
      </c>
      <c r="C10600" t="s">
        <v>16144</v>
      </c>
      <c r="D10600" t="s">
        <v>14705</v>
      </c>
      <c r="E10600" t="s">
        <v>13</v>
      </c>
      <c r="F10600">
        <v>3482</v>
      </c>
      <c r="G10600" t="s">
        <v>16145</v>
      </c>
      <c r="H10600">
        <v>4.8292860570910001</v>
      </c>
      <c r="I10600">
        <v>52.378867327515003</v>
      </c>
      <c r="J10600" t="s">
        <v>66285</v>
      </c>
    </row>
    <row r="10601" spans="1:10" x14ac:dyDescent="0.25">
      <c r="A10601" t="s">
        <v>16138</v>
      </c>
      <c r="B10601" t="s">
        <v>16139</v>
      </c>
      <c r="C10601" t="s">
        <v>16140</v>
      </c>
      <c r="D10601" t="s">
        <v>14705</v>
      </c>
      <c r="E10601" t="s">
        <v>13</v>
      </c>
      <c r="F10601">
        <v>3481</v>
      </c>
      <c r="G10601" t="s">
        <v>16141</v>
      </c>
      <c r="H10601">
        <v>4.830083076008</v>
      </c>
      <c r="I10601">
        <v>52.382524985534999</v>
      </c>
      <c r="J10601" t="s">
        <v>66286</v>
      </c>
    </row>
    <row r="10602" spans="1:10" x14ac:dyDescent="0.25">
      <c r="A10602" t="s">
        <v>16134</v>
      </c>
      <c r="B10602" t="s">
        <v>16135</v>
      </c>
      <c r="C10602" t="s">
        <v>16136</v>
      </c>
      <c r="D10602" t="s">
        <v>14705</v>
      </c>
      <c r="E10602" t="s">
        <v>13</v>
      </c>
      <c r="F10602">
        <v>3480</v>
      </c>
      <c r="G10602" t="s">
        <v>16137</v>
      </c>
      <c r="H10602">
        <v>4.8587149954740001</v>
      </c>
      <c r="I10602">
        <v>52.366245677403001</v>
      </c>
      <c r="J10602" t="s">
        <v>66287</v>
      </c>
    </row>
    <row r="10603" spans="1:10" x14ac:dyDescent="0.25">
      <c r="A10603" t="s">
        <v>16130</v>
      </c>
      <c r="B10603" t="s">
        <v>16131</v>
      </c>
      <c r="C10603" t="s">
        <v>16132</v>
      </c>
      <c r="D10603" t="s">
        <v>14705</v>
      </c>
      <c r="E10603" t="s">
        <v>13</v>
      </c>
      <c r="F10603">
        <v>3479</v>
      </c>
      <c r="G10603" t="s">
        <v>16133</v>
      </c>
      <c r="H10603">
        <v>4.86077013356</v>
      </c>
      <c r="I10603">
        <v>52.367168985498999</v>
      </c>
      <c r="J10603" t="s">
        <v>66288</v>
      </c>
    </row>
    <row r="10604" spans="1:10" x14ac:dyDescent="0.25">
      <c r="A10604" t="s">
        <v>16126</v>
      </c>
      <c r="B10604" t="s">
        <v>16127</v>
      </c>
      <c r="C10604" t="s">
        <v>16128</v>
      </c>
      <c r="D10604" t="s">
        <v>14705</v>
      </c>
      <c r="E10604" t="s">
        <v>13</v>
      </c>
      <c r="F10604">
        <v>3478</v>
      </c>
      <c r="G10604" t="s">
        <v>16129</v>
      </c>
      <c r="H10604">
        <v>4.8579366320609996</v>
      </c>
      <c r="I10604">
        <v>52.370004011243999</v>
      </c>
      <c r="J10604" t="s">
        <v>66289</v>
      </c>
    </row>
    <row r="10605" spans="1:10" x14ac:dyDescent="0.25">
      <c r="A10605" t="s">
        <v>16122</v>
      </c>
      <c r="B10605" t="s">
        <v>16123</v>
      </c>
      <c r="C10605" t="s">
        <v>16124</v>
      </c>
      <c r="D10605" t="s">
        <v>14705</v>
      </c>
      <c r="E10605" t="s">
        <v>13</v>
      </c>
      <c r="F10605">
        <v>3477</v>
      </c>
      <c r="G10605" t="s">
        <v>16125</v>
      </c>
      <c r="H10605">
        <v>4.8615012006549998</v>
      </c>
      <c r="I10605">
        <v>52.369813089242001</v>
      </c>
      <c r="J10605" t="s">
        <v>66290</v>
      </c>
    </row>
    <row r="10606" spans="1:10" x14ac:dyDescent="0.25">
      <c r="A10606" t="s">
        <v>16118</v>
      </c>
      <c r="B10606" t="s">
        <v>16119</v>
      </c>
      <c r="C10606" t="s">
        <v>16120</v>
      </c>
      <c r="D10606" t="s">
        <v>14705</v>
      </c>
      <c r="E10606" t="s">
        <v>13</v>
      </c>
      <c r="F10606">
        <v>3476</v>
      </c>
      <c r="G10606" t="s">
        <v>16121</v>
      </c>
      <c r="H10606">
        <v>4.9314547332730001</v>
      </c>
      <c r="I10606">
        <v>52.406571192752999</v>
      </c>
      <c r="J10606" t="s">
        <v>66291</v>
      </c>
    </row>
    <row r="10607" spans="1:10" x14ac:dyDescent="0.25">
      <c r="A10607" t="s">
        <v>16114</v>
      </c>
      <c r="B10607" t="s">
        <v>16115</v>
      </c>
      <c r="C10607" t="s">
        <v>16116</v>
      </c>
      <c r="D10607" t="s">
        <v>14705</v>
      </c>
      <c r="E10607" t="s">
        <v>13</v>
      </c>
      <c r="F10607">
        <v>3475</v>
      </c>
      <c r="G10607" t="s">
        <v>16117</v>
      </c>
      <c r="H10607">
        <v>4.9268449988479999</v>
      </c>
      <c r="I10607">
        <v>52.401098540646998</v>
      </c>
      <c r="J10607" t="s">
        <v>66292</v>
      </c>
    </row>
    <row r="10608" spans="1:10" x14ac:dyDescent="0.25">
      <c r="A10608" t="s">
        <v>16110</v>
      </c>
      <c r="B10608" t="s">
        <v>16111</v>
      </c>
      <c r="C10608" t="s">
        <v>16112</v>
      </c>
      <c r="D10608" t="s">
        <v>14705</v>
      </c>
      <c r="E10608" t="s">
        <v>13</v>
      </c>
      <c r="F10608">
        <v>3474</v>
      </c>
      <c r="G10608" t="s">
        <v>16113</v>
      </c>
      <c r="H10608">
        <v>4.9247284813750003</v>
      </c>
      <c r="I10608">
        <v>52.397242273019003</v>
      </c>
      <c r="J10608" t="s">
        <v>66293</v>
      </c>
    </row>
    <row r="10609" spans="1:10" x14ac:dyDescent="0.25">
      <c r="A10609" t="s">
        <v>16106</v>
      </c>
      <c r="B10609" t="s">
        <v>16107</v>
      </c>
      <c r="C10609" t="s">
        <v>16108</v>
      </c>
      <c r="D10609" t="s">
        <v>14705</v>
      </c>
      <c r="E10609" t="s">
        <v>13</v>
      </c>
      <c r="F10609">
        <v>3473</v>
      </c>
      <c r="G10609" t="s">
        <v>16109</v>
      </c>
      <c r="H10609">
        <v>4.9635899384739997</v>
      </c>
      <c r="I10609">
        <v>52.396409633171999</v>
      </c>
      <c r="J10609" t="s">
        <v>66294</v>
      </c>
    </row>
    <row r="10610" spans="1:10" x14ac:dyDescent="0.25">
      <c r="A10610" t="s">
        <v>16102</v>
      </c>
      <c r="B10610" t="s">
        <v>16103</v>
      </c>
      <c r="C10610" t="s">
        <v>16104</v>
      </c>
      <c r="D10610" t="s">
        <v>14705</v>
      </c>
      <c r="E10610" t="s">
        <v>13</v>
      </c>
      <c r="F10610">
        <v>3472</v>
      </c>
      <c r="G10610" t="s">
        <v>16105</v>
      </c>
      <c r="H10610">
        <v>4.9457447423899996</v>
      </c>
      <c r="I10610">
        <v>52.407627202218997</v>
      </c>
      <c r="J10610" t="s">
        <v>66295</v>
      </c>
    </row>
    <row r="10611" spans="1:10" x14ac:dyDescent="0.25">
      <c r="A10611" t="s">
        <v>16098</v>
      </c>
      <c r="B10611" t="s">
        <v>16099</v>
      </c>
      <c r="C10611" t="s">
        <v>16100</v>
      </c>
      <c r="D10611" t="s">
        <v>14705</v>
      </c>
      <c r="E10611" t="s">
        <v>13</v>
      </c>
      <c r="F10611">
        <v>3471</v>
      </c>
      <c r="G10611" t="s">
        <v>16101</v>
      </c>
      <c r="H10611">
        <v>4.9749790159189997</v>
      </c>
      <c r="I10611">
        <v>52.412913925384998</v>
      </c>
      <c r="J10611" t="s">
        <v>66296</v>
      </c>
    </row>
    <row r="10612" spans="1:10" x14ac:dyDescent="0.25">
      <c r="A10612" t="s">
        <v>16094</v>
      </c>
      <c r="B10612" t="s">
        <v>16095</v>
      </c>
      <c r="C10612" t="s">
        <v>16096</v>
      </c>
      <c r="D10612" t="s">
        <v>14705</v>
      </c>
      <c r="E10612" t="s">
        <v>13</v>
      </c>
      <c r="F10612">
        <v>3470</v>
      </c>
      <c r="G10612" t="s">
        <v>16097</v>
      </c>
      <c r="H10612">
        <v>5.0178589573270003</v>
      </c>
      <c r="I10612">
        <v>52.407189636251999</v>
      </c>
      <c r="J10612" t="s">
        <v>66297</v>
      </c>
    </row>
    <row r="10613" spans="1:10" x14ac:dyDescent="0.25">
      <c r="A10613" t="s">
        <v>16090</v>
      </c>
      <c r="B10613" t="s">
        <v>16091</v>
      </c>
      <c r="C10613" t="s">
        <v>16092</v>
      </c>
      <c r="D10613" t="s">
        <v>14705</v>
      </c>
      <c r="E10613" t="s">
        <v>13</v>
      </c>
      <c r="F10613">
        <v>3469</v>
      </c>
      <c r="G10613" t="s">
        <v>16093</v>
      </c>
      <c r="H10613">
        <v>5.0015984577939996</v>
      </c>
      <c r="I10613">
        <v>52.391264041162003</v>
      </c>
      <c r="J10613" t="s">
        <v>66298</v>
      </c>
    </row>
    <row r="10614" spans="1:10" x14ac:dyDescent="0.25">
      <c r="A10614" t="s">
        <v>16086</v>
      </c>
      <c r="B10614" t="s">
        <v>16087</v>
      </c>
      <c r="C10614" t="s">
        <v>16088</v>
      </c>
      <c r="D10614" t="s">
        <v>14705</v>
      </c>
      <c r="E10614" t="s">
        <v>13</v>
      </c>
      <c r="F10614">
        <v>3468</v>
      </c>
      <c r="G10614" t="s">
        <v>16089</v>
      </c>
      <c r="H10614">
        <v>4.9785243370970003</v>
      </c>
      <c r="I10614">
        <v>52.389690102061003</v>
      </c>
      <c r="J10614" t="s">
        <v>66299</v>
      </c>
    </row>
    <row r="10615" spans="1:10" x14ac:dyDescent="0.25">
      <c r="A10615" t="s">
        <v>16082</v>
      </c>
      <c r="B10615" t="s">
        <v>16083</v>
      </c>
      <c r="C10615" t="s">
        <v>16084</v>
      </c>
      <c r="D10615" t="s">
        <v>14705</v>
      </c>
      <c r="E10615" t="s">
        <v>13</v>
      </c>
      <c r="F10615">
        <v>3467</v>
      </c>
      <c r="G10615" t="s">
        <v>16085</v>
      </c>
      <c r="H10615">
        <v>4.9996549237019998</v>
      </c>
      <c r="I10615">
        <v>52.381066516654997</v>
      </c>
      <c r="J10615" t="s">
        <v>66300</v>
      </c>
    </row>
    <row r="10616" spans="1:10" x14ac:dyDescent="0.25">
      <c r="A10616" t="s">
        <v>16078</v>
      </c>
      <c r="B10616" t="s">
        <v>16079</v>
      </c>
      <c r="C10616" t="s">
        <v>16080</v>
      </c>
      <c r="D10616" t="s">
        <v>14705</v>
      </c>
      <c r="E10616" t="s">
        <v>13</v>
      </c>
      <c r="F10616">
        <v>3466</v>
      </c>
      <c r="G10616" t="s">
        <v>16081</v>
      </c>
      <c r="H10616">
        <v>4.9724263612410002</v>
      </c>
      <c r="I10616">
        <v>52.386095535339003</v>
      </c>
      <c r="J10616" t="s">
        <v>66301</v>
      </c>
    </row>
    <row r="10617" spans="1:10" x14ac:dyDescent="0.25">
      <c r="A10617" t="s">
        <v>16074</v>
      </c>
      <c r="B10617" t="s">
        <v>16075</v>
      </c>
      <c r="C10617" t="s">
        <v>16076</v>
      </c>
      <c r="D10617" t="s">
        <v>14705</v>
      </c>
      <c r="E10617" t="s">
        <v>13</v>
      </c>
      <c r="F10617">
        <v>3465</v>
      </c>
      <c r="G10617" t="s">
        <v>16077</v>
      </c>
      <c r="H10617">
        <v>4.965501122629</v>
      </c>
      <c r="I10617">
        <v>52.384929178043002</v>
      </c>
      <c r="J10617" t="s">
        <v>66302</v>
      </c>
    </row>
    <row r="10618" spans="1:10" x14ac:dyDescent="0.25">
      <c r="A10618" t="s">
        <v>16070</v>
      </c>
      <c r="B10618" t="s">
        <v>16071</v>
      </c>
      <c r="C10618" t="s">
        <v>16072</v>
      </c>
      <c r="D10618" t="s">
        <v>14705</v>
      </c>
      <c r="E10618" t="s">
        <v>13</v>
      </c>
      <c r="F10618">
        <v>3464</v>
      </c>
      <c r="G10618" t="s">
        <v>16073</v>
      </c>
      <c r="H10618">
        <v>4.9570109128480002</v>
      </c>
      <c r="I10618">
        <v>52.384082003572999</v>
      </c>
      <c r="J10618" t="s">
        <v>66303</v>
      </c>
    </row>
    <row r="10619" spans="1:10" x14ac:dyDescent="0.25">
      <c r="A10619" t="s">
        <v>16066</v>
      </c>
      <c r="B10619" t="s">
        <v>16067</v>
      </c>
      <c r="C10619" t="s">
        <v>16068</v>
      </c>
      <c r="D10619" t="s">
        <v>14705</v>
      </c>
      <c r="E10619" t="s">
        <v>13</v>
      </c>
      <c r="F10619">
        <v>3463</v>
      </c>
      <c r="G10619" t="s">
        <v>16069</v>
      </c>
      <c r="H10619">
        <v>4.9482595989889999</v>
      </c>
      <c r="I10619">
        <v>52.384168083351</v>
      </c>
      <c r="J10619" t="s">
        <v>66304</v>
      </c>
    </row>
    <row r="10620" spans="1:10" x14ac:dyDescent="0.25">
      <c r="A10620" t="s">
        <v>16062</v>
      </c>
      <c r="B10620" t="s">
        <v>16063</v>
      </c>
      <c r="C10620" t="s">
        <v>16064</v>
      </c>
      <c r="D10620" t="s">
        <v>14705</v>
      </c>
      <c r="E10620" t="s">
        <v>13</v>
      </c>
      <c r="F10620">
        <v>3462</v>
      </c>
      <c r="G10620" t="s">
        <v>16065</v>
      </c>
      <c r="H10620">
        <v>4.9372277150160002</v>
      </c>
      <c r="I10620">
        <v>52.384973514481999</v>
      </c>
      <c r="J10620" t="s">
        <v>66305</v>
      </c>
    </row>
    <row r="10621" spans="1:10" x14ac:dyDescent="0.25">
      <c r="A10621" t="s">
        <v>16058</v>
      </c>
      <c r="B10621" t="s">
        <v>16059</v>
      </c>
      <c r="C10621" t="s">
        <v>16060</v>
      </c>
      <c r="D10621" t="s">
        <v>14705</v>
      </c>
      <c r="E10621" t="s">
        <v>13</v>
      </c>
      <c r="F10621">
        <v>3461</v>
      </c>
      <c r="G10621" t="s">
        <v>16061</v>
      </c>
      <c r="H10621">
        <v>4.9260418861269999</v>
      </c>
      <c r="I10621">
        <v>52.383840948154997</v>
      </c>
      <c r="J10621" t="s">
        <v>66306</v>
      </c>
    </row>
    <row r="10622" spans="1:10" x14ac:dyDescent="0.25">
      <c r="A10622" t="s">
        <v>16054</v>
      </c>
      <c r="B10622" t="s">
        <v>16055</v>
      </c>
      <c r="C10622" t="s">
        <v>16056</v>
      </c>
      <c r="D10622" t="s">
        <v>14705</v>
      </c>
      <c r="E10622" t="s">
        <v>13</v>
      </c>
      <c r="F10622">
        <v>3460</v>
      </c>
      <c r="G10622" t="s">
        <v>16057</v>
      </c>
      <c r="H10622">
        <v>4.9007525159409999</v>
      </c>
      <c r="I10622">
        <v>52.386793495180001</v>
      </c>
      <c r="J10622" t="s">
        <v>66307</v>
      </c>
    </row>
    <row r="10623" spans="1:10" x14ac:dyDescent="0.25">
      <c r="A10623" t="s">
        <v>16050</v>
      </c>
      <c r="B10623" t="s">
        <v>16051</v>
      </c>
      <c r="C10623" t="s">
        <v>16052</v>
      </c>
      <c r="D10623" t="s">
        <v>14705</v>
      </c>
      <c r="E10623" t="s">
        <v>13</v>
      </c>
      <c r="F10623">
        <v>3459</v>
      </c>
      <c r="G10623" t="s">
        <v>16053</v>
      </c>
      <c r="H10623">
        <v>4.899737709869</v>
      </c>
      <c r="I10623">
        <v>52.393231321812998</v>
      </c>
      <c r="J10623" t="s">
        <v>66308</v>
      </c>
    </row>
    <row r="10624" spans="1:10" x14ac:dyDescent="0.25">
      <c r="A10624" t="s">
        <v>16046</v>
      </c>
      <c r="B10624" t="s">
        <v>16047</v>
      </c>
      <c r="C10624" t="s">
        <v>16048</v>
      </c>
      <c r="D10624" t="s">
        <v>14705</v>
      </c>
      <c r="E10624" t="s">
        <v>13</v>
      </c>
      <c r="F10624">
        <v>3458</v>
      </c>
      <c r="G10624" t="s">
        <v>16049</v>
      </c>
      <c r="H10624">
        <v>4.8912031905970004</v>
      </c>
      <c r="I10624">
        <v>52.401157159138002</v>
      </c>
      <c r="J10624" t="s">
        <v>66309</v>
      </c>
    </row>
    <row r="10625" spans="1:10" x14ac:dyDescent="0.25">
      <c r="A10625" t="s">
        <v>16042</v>
      </c>
      <c r="B10625" t="s">
        <v>16043</v>
      </c>
      <c r="C10625" t="s">
        <v>16044</v>
      </c>
      <c r="D10625" t="s">
        <v>14705</v>
      </c>
      <c r="E10625" t="s">
        <v>13</v>
      </c>
      <c r="F10625">
        <v>3457</v>
      </c>
      <c r="G10625" t="s">
        <v>16045</v>
      </c>
      <c r="H10625">
        <v>4.8777746112990004</v>
      </c>
      <c r="I10625">
        <v>52.410242234491001</v>
      </c>
      <c r="J10625" t="s">
        <v>66310</v>
      </c>
    </row>
    <row r="10626" spans="1:10" x14ac:dyDescent="0.25">
      <c r="A10626" t="s">
        <v>16038</v>
      </c>
      <c r="B10626" t="s">
        <v>16039</v>
      </c>
      <c r="C10626" t="s">
        <v>16040</v>
      </c>
      <c r="D10626" t="s">
        <v>14705</v>
      </c>
      <c r="E10626" t="s">
        <v>13</v>
      </c>
      <c r="F10626">
        <v>3456</v>
      </c>
      <c r="G10626" t="s">
        <v>16041</v>
      </c>
      <c r="H10626">
        <v>4.9050111498930002</v>
      </c>
      <c r="I10626">
        <v>52.398103515248003</v>
      </c>
      <c r="J10626" t="s">
        <v>66311</v>
      </c>
    </row>
    <row r="10627" spans="1:10" x14ac:dyDescent="0.25">
      <c r="A10627" t="s">
        <v>16034</v>
      </c>
      <c r="B10627" t="s">
        <v>16035</v>
      </c>
      <c r="C10627" t="s">
        <v>16036</v>
      </c>
      <c r="D10627" t="s">
        <v>14705</v>
      </c>
      <c r="E10627" t="s">
        <v>13</v>
      </c>
      <c r="F10627">
        <v>3455</v>
      </c>
      <c r="G10627" t="s">
        <v>16037</v>
      </c>
      <c r="H10627">
        <v>4.9125937035209999</v>
      </c>
      <c r="I10627">
        <v>52.401412108210003</v>
      </c>
      <c r="J10627" t="s">
        <v>66312</v>
      </c>
    </row>
    <row r="10628" spans="1:10" x14ac:dyDescent="0.25">
      <c r="A10628" t="s">
        <v>16030</v>
      </c>
      <c r="B10628" t="s">
        <v>16031</v>
      </c>
      <c r="C10628" t="s">
        <v>16032</v>
      </c>
      <c r="D10628" t="s">
        <v>14705</v>
      </c>
      <c r="E10628" t="s">
        <v>13</v>
      </c>
      <c r="F10628">
        <v>3454</v>
      </c>
      <c r="G10628" t="s">
        <v>16033</v>
      </c>
      <c r="H10628">
        <v>4.9072704814800003</v>
      </c>
      <c r="I10628">
        <v>52.402741329718999</v>
      </c>
      <c r="J10628" t="s">
        <v>66313</v>
      </c>
    </row>
    <row r="10629" spans="1:10" x14ac:dyDescent="0.25">
      <c r="A10629" t="s">
        <v>16026</v>
      </c>
      <c r="B10629" t="s">
        <v>16027</v>
      </c>
      <c r="C10629" t="s">
        <v>16028</v>
      </c>
      <c r="D10629" t="s">
        <v>14705</v>
      </c>
      <c r="E10629" t="s">
        <v>13</v>
      </c>
      <c r="F10629">
        <v>3453</v>
      </c>
      <c r="G10629" t="s">
        <v>16029</v>
      </c>
      <c r="H10629">
        <v>4.9243493358599997</v>
      </c>
      <c r="I10629">
        <v>52.410373978777997</v>
      </c>
      <c r="J10629" t="s">
        <v>66314</v>
      </c>
    </row>
    <row r="10630" spans="1:10" x14ac:dyDescent="0.25">
      <c r="A10630" t="s">
        <v>16022</v>
      </c>
      <c r="B10630" t="s">
        <v>16023</v>
      </c>
      <c r="C10630" t="s">
        <v>16024</v>
      </c>
      <c r="D10630" t="s">
        <v>14705</v>
      </c>
      <c r="E10630" t="s">
        <v>13</v>
      </c>
      <c r="F10630">
        <v>3452</v>
      </c>
      <c r="G10630" t="s">
        <v>16025</v>
      </c>
      <c r="H10630">
        <v>4.9184820033049999</v>
      </c>
      <c r="I10630">
        <v>52.411566335854999</v>
      </c>
      <c r="J10630" t="s">
        <v>66315</v>
      </c>
    </row>
    <row r="10631" spans="1:10" x14ac:dyDescent="0.25">
      <c r="A10631" t="s">
        <v>16018</v>
      </c>
      <c r="B10631" t="s">
        <v>16019</v>
      </c>
      <c r="C10631" t="s">
        <v>16020</v>
      </c>
      <c r="D10631" t="s">
        <v>14705</v>
      </c>
      <c r="E10631" t="s">
        <v>13</v>
      </c>
      <c r="F10631">
        <v>3451</v>
      </c>
      <c r="G10631" t="s">
        <v>16021</v>
      </c>
      <c r="H10631">
        <v>4.9182954943780004</v>
      </c>
      <c r="I10631">
        <v>52.404089904425</v>
      </c>
      <c r="J10631" t="s">
        <v>66316</v>
      </c>
    </row>
    <row r="10632" spans="1:10" x14ac:dyDescent="0.25">
      <c r="A10632" t="s">
        <v>16014</v>
      </c>
      <c r="B10632" t="s">
        <v>16015</v>
      </c>
      <c r="C10632" t="s">
        <v>16016</v>
      </c>
      <c r="D10632" t="s">
        <v>14705</v>
      </c>
      <c r="E10632" t="s">
        <v>13</v>
      </c>
      <c r="F10632">
        <v>3450</v>
      </c>
      <c r="G10632" t="s">
        <v>16017</v>
      </c>
      <c r="H10632">
        <v>4.9099327062949998</v>
      </c>
      <c r="I10632">
        <v>52.406001197088997</v>
      </c>
      <c r="J10632" t="s">
        <v>66317</v>
      </c>
    </row>
    <row r="10633" spans="1:10" x14ac:dyDescent="0.25">
      <c r="A10633" t="s">
        <v>16010</v>
      </c>
      <c r="B10633" t="s">
        <v>16011</v>
      </c>
      <c r="C10633" t="s">
        <v>16012</v>
      </c>
      <c r="D10633" t="s">
        <v>14705</v>
      </c>
      <c r="E10633" t="s">
        <v>13</v>
      </c>
      <c r="F10633">
        <v>3449</v>
      </c>
      <c r="G10633" t="s">
        <v>16013</v>
      </c>
      <c r="H10633">
        <v>4.9426161937500002</v>
      </c>
      <c r="I10633">
        <v>52.403418313067</v>
      </c>
      <c r="J10633" t="s">
        <v>66318</v>
      </c>
    </row>
    <row r="10634" spans="1:10" x14ac:dyDescent="0.25">
      <c r="A10634" t="s">
        <v>16006</v>
      </c>
      <c r="B10634" t="s">
        <v>16007</v>
      </c>
      <c r="C10634" t="s">
        <v>16008</v>
      </c>
      <c r="D10634" t="s">
        <v>14705</v>
      </c>
      <c r="E10634" t="s">
        <v>13</v>
      </c>
      <c r="F10634">
        <v>3448</v>
      </c>
      <c r="G10634" t="s">
        <v>16009</v>
      </c>
      <c r="H10634">
        <v>4.9415863021010002</v>
      </c>
      <c r="I10634">
        <v>52.401212117928999</v>
      </c>
      <c r="J10634" t="s">
        <v>66319</v>
      </c>
    </row>
    <row r="10635" spans="1:10" x14ac:dyDescent="0.25">
      <c r="A10635" t="s">
        <v>16002</v>
      </c>
      <c r="B10635" t="s">
        <v>16003</v>
      </c>
      <c r="C10635" t="s">
        <v>16004</v>
      </c>
      <c r="D10635" t="s">
        <v>14705</v>
      </c>
      <c r="E10635" t="s">
        <v>13</v>
      </c>
      <c r="F10635">
        <v>3447</v>
      </c>
      <c r="G10635" t="s">
        <v>16005</v>
      </c>
      <c r="H10635">
        <v>4.9359175748190003</v>
      </c>
      <c r="I10635">
        <v>52.396174955025998</v>
      </c>
      <c r="J10635" t="s">
        <v>66320</v>
      </c>
    </row>
    <row r="10636" spans="1:10" x14ac:dyDescent="0.25">
      <c r="A10636" t="s">
        <v>15998</v>
      </c>
      <c r="B10636" t="s">
        <v>15999</v>
      </c>
      <c r="C10636" t="s">
        <v>16000</v>
      </c>
      <c r="D10636" t="s">
        <v>14705</v>
      </c>
      <c r="E10636" t="s">
        <v>13</v>
      </c>
      <c r="F10636">
        <v>3446</v>
      </c>
      <c r="G10636" t="s">
        <v>16001</v>
      </c>
      <c r="H10636">
        <v>4.9400708509489997</v>
      </c>
      <c r="I10636">
        <v>52.398488794789998</v>
      </c>
      <c r="J10636" t="s">
        <v>66321</v>
      </c>
    </row>
    <row r="10637" spans="1:10" x14ac:dyDescent="0.25">
      <c r="A10637" t="s">
        <v>15994</v>
      </c>
      <c r="B10637" t="s">
        <v>15995</v>
      </c>
      <c r="C10637" t="s">
        <v>15996</v>
      </c>
      <c r="D10637" t="s">
        <v>14705</v>
      </c>
      <c r="E10637" t="s">
        <v>13</v>
      </c>
      <c r="F10637">
        <v>3445</v>
      </c>
      <c r="G10637" t="s">
        <v>15997</v>
      </c>
      <c r="H10637">
        <v>4.931220088731</v>
      </c>
      <c r="I10637">
        <v>52.399241941607997</v>
      </c>
      <c r="J10637" t="s">
        <v>66322</v>
      </c>
    </row>
    <row r="10638" spans="1:10" x14ac:dyDescent="0.25">
      <c r="A10638" t="s">
        <v>15990</v>
      </c>
      <c r="B10638" t="s">
        <v>15991</v>
      </c>
      <c r="C10638" t="s">
        <v>15992</v>
      </c>
      <c r="D10638" t="s">
        <v>14705</v>
      </c>
      <c r="E10638" t="s">
        <v>13</v>
      </c>
      <c r="F10638">
        <v>3444</v>
      </c>
      <c r="G10638" t="s">
        <v>15993</v>
      </c>
      <c r="H10638">
        <v>4.9300165828609996</v>
      </c>
      <c r="I10638">
        <v>52.394976726134999</v>
      </c>
      <c r="J10638" t="s">
        <v>66323</v>
      </c>
    </row>
    <row r="10639" spans="1:10" x14ac:dyDescent="0.25">
      <c r="A10639" t="s">
        <v>15986</v>
      </c>
      <c r="B10639" t="s">
        <v>15987</v>
      </c>
      <c r="C10639" t="s">
        <v>15988</v>
      </c>
      <c r="D10639" t="s">
        <v>14705</v>
      </c>
      <c r="E10639" t="s">
        <v>13</v>
      </c>
      <c r="F10639">
        <v>3443</v>
      </c>
      <c r="G10639" t="s">
        <v>15989</v>
      </c>
      <c r="H10639">
        <v>4.9555536133159999</v>
      </c>
      <c r="I10639">
        <v>52.389299506287003</v>
      </c>
      <c r="J10639" t="s">
        <v>66324</v>
      </c>
    </row>
    <row r="10640" spans="1:10" x14ac:dyDescent="0.25">
      <c r="A10640" t="s">
        <v>15982</v>
      </c>
      <c r="B10640" t="s">
        <v>15983</v>
      </c>
      <c r="C10640" t="s">
        <v>15984</v>
      </c>
      <c r="D10640" t="s">
        <v>14705</v>
      </c>
      <c r="E10640" t="s">
        <v>13</v>
      </c>
      <c r="F10640">
        <v>3442</v>
      </c>
      <c r="G10640" t="s">
        <v>15985</v>
      </c>
      <c r="H10640">
        <v>4.9620385356419998</v>
      </c>
      <c r="I10640">
        <v>52.391143423949003</v>
      </c>
      <c r="J10640" t="s">
        <v>66325</v>
      </c>
    </row>
    <row r="10641" spans="1:10" x14ac:dyDescent="0.25">
      <c r="A10641" t="s">
        <v>15978</v>
      </c>
      <c r="B10641" t="s">
        <v>15979</v>
      </c>
      <c r="C10641" t="s">
        <v>15980</v>
      </c>
      <c r="D10641" t="s">
        <v>14705</v>
      </c>
      <c r="E10641" t="s">
        <v>13</v>
      </c>
      <c r="F10641">
        <v>3441</v>
      </c>
      <c r="G10641" t="s">
        <v>15981</v>
      </c>
      <c r="H10641">
        <v>4.9569539495189998</v>
      </c>
      <c r="I10641">
        <v>52.396619036046999</v>
      </c>
      <c r="J10641" t="s">
        <v>66326</v>
      </c>
    </row>
    <row r="10642" spans="1:10" x14ac:dyDescent="0.25">
      <c r="A10642" t="s">
        <v>15974</v>
      </c>
      <c r="B10642" t="s">
        <v>15975</v>
      </c>
      <c r="C10642" t="s">
        <v>15976</v>
      </c>
      <c r="D10642" t="s">
        <v>14705</v>
      </c>
      <c r="E10642" t="s">
        <v>13</v>
      </c>
      <c r="F10642">
        <v>3440</v>
      </c>
      <c r="G10642" t="s">
        <v>15977</v>
      </c>
      <c r="H10642">
        <v>4.9509837387060003</v>
      </c>
      <c r="I10642">
        <v>52.393919163610001</v>
      </c>
      <c r="J10642" t="s">
        <v>66327</v>
      </c>
    </row>
    <row r="10643" spans="1:10" x14ac:dyDescent="0.25">
      <c r="A10643" t="s">
        <v>15970</v>
      </c>
      <c r="B10643" t="s">
        <v>15971</v>
      </c>
      <c r="C10643" t="s">
        <v>15972</v>
      </c>
      <c r="D10643" t="s">
        <v>14705</v>
      </c>
      <c r="E10643" t="s">
        <v>13</v>
      </c>
      <c r="F10643">
        <v>3439</v>
      </c>
      <c r="G10643" t="s">
        <v>15973</v>
      </c>
      <c r="H10643">
        <v>4.9457465888299996</v>
      </c>
      <c r="I10643">
        <v>52.39627708007</v>
      </c>
      <c r="J10643" t="s">
        <v>66328</v>
      </c>
    </row>
    <row r="10644" spans="1:10" x14ac:dyDescent="0.25">
      <c r="A10644" t="s">
        <v>15966</v>
      </c>
      <c r="B10644" t="s">
        <v>15967</v>
      </c>
      <c r="C10644" t="s">
        <v>15968</v>
      </c>
      <c r="D10644" t="s">
        <v>14705</v>
      </c>
      <c r="E10644" t="s">
        <v>13</v>
      </c>
      <c r="F10644">
        <v>3438</v>
      </c>
      <c r="G10644" t="s">
        <v>15969</v>
      </c>
      <c r="H10644">
        <v>4.9508399236359999</v>
      </c>
      <c r="I10644">
        <v>52.400080064843003</v>
      </c>
      <c r="J10644" t="s">
        <v>66329</v>
      </c>
    </row>
    <row r="10645" spans="1:10" x14ac:dyDescent="0.25">
      <c r="A10645" t="s">
        <v>15962</v>
      </c>
      <c r="B10645" t="s">
        <v>15963</v>
      </c>
      <c r="C10645" t="s">
        <v>15964</v>
      </c>
      <c r="D10645" t="s">
        <v>14705</v>
      </c>
      <c r="E10645" t="s">
        <v>13</v>
      </c>
      <c r="F10645">
        <v>3437</v>
      </c>
      <c r="G10645" t="s">
        <v>15965</v>
      </c>
      <c r="H10645">
        <v>4.9023808930000001</v>
      </c>
      <c r="I10645">
        <v>52.421719182983999</v>
      </c>
      <c r="J10645" t="s">
        <v>66330</v>
      </c>
    </row>
    <row r="10646" spans="1:10" x14ac:dyDescent="0.25">
      <c r="A10646" t="s">
        <v>15958</v>
      </c>
      <c r="B10646" t="s">
        <v>15959</v>
      </c>
      <c r="C10646" t="s">
        <v>15960</v>
      </c>
      <c r="D10646" t="s">
        <v>14705</v>
      </c>
      <c r="E10646" t="s">
        <v>13</v>
      </c>
      <c r="F10646">
        <v>3436</v>
      </c>
      <c r="G10646" t="s">
        <v>15961</v>
      </c>
      <c r="H10646">
        <v>4.9080106760930002</v>
      </c>
      <c r="I10646">
        <v>52.415223574953004</v>
      </c>
      <c r="J10646" t="s">
        <v>66331</v>
      </c>
    </row>
    <row r="10647" spans="1:10" x14ac:dyDescent="0.25">
      <c r="A10647" t="s">
        <v>15954</v>
      </c>
      <c r="B10647" t="s">
        <v>15955</v>
      </c>
      <c r="C10647" t="s">
        <v>15956</v>
      </c>
      <c r="D10647" t="s">
        <v>14705</v>
      </c>
      <c r="E10647" t="s">
        <v>13</v>
      </c>
      <c r="F10647">
        <v>3435</v>
      </c>
      <c r="G10647" t="s">
        <v>15957</v>
      </c>
      <c r="H10647">
        <v>4.884363442573</v>
      </c>
      <c r="I10647">
        <v>52.418151564588001</v>
      </c>
      <c r="J10647" t="s">
        <v>66332</v>
      </c>
    </row>
    <row r="10648" spans="1:10" x14ac:dyDescent="0.25">
      <c r="A10648" t="s">
        <v>15951</v>
      </c>
      <c r="B10648" t="s">
        <v>15952</v>
      </c>
      <c r="C10648" t="s">
        <v>12414</v>
      </c>
      <c r="D10648" t="s">
        <v>14705</v>
      </c>
      <c r="E10648" t="s">
        <v>13</v>
      </c>
      <c r="F10648">
        <v>3434</v>
      </c>
      <c r="G10648" t="s">
        <v>15953</v>
      </c>
      <c r="H10648">
        <v>4.8894512368019996</v>
      </c>
      <c r="I10648">
        <v>52.418627252101999</v>
      </c>
      <c r="J10648" t="s">
        <v>66333</v>
      </c>
    </row>
    <row r="10649" spans="1:10" x14ac:dyDescent="0.25">
      <c r="A10649" t="s">
        <v>15947</v>
      </c>
      <c r="B10649" t="s">
        <v>15948</v>
      </c>
      <c r="C10649" t="s">
        <v>15949</v>
      </c>
      <c r="D10649" t="s">
        <v>14705</v>
      </c>
      <c r="E10649" t="s">
        <v>13</v>
      </c>
      <c r="F10649">
        <v>3433</v>
      </c>
      <c r="G10649" t="s">
        <v>15950</v>
      </c>
      <c r="H10649">
        <v>4.8658531456649996</v>
      </c>
      <c r="I10649">
        <v>52.423029352291998</v>
      </c>
      <c r="J10649" t="s">
        <v>66334</v>
      </c>
    </row>
    <row r="10650" spans="1:10" x14ac:dyDescent="0.25">
      <c r="A10650" t="s">
        <v>15943</v>
      </c>
      <c r="B10650" t="s">
        <v>15944</v>
      </c>
      <c r="C10650" t="s">
        <v>15945</v>
      </c>
      <c r="D10650" t="s">
        <v>14705</v>
      </c>
      <c r="E10650" t="s">
        <v>13</v>
      </c>
      <c r="F10650">
        <v>3432</v>
      </c>
      <c r="G10650" t="s">
        <v>15946</v>
      </c>
      <c r="H10650">
        <v>4.8947999030210001</v>
      </c>
      <c r="I10650">
        <v>52.421807649302998</v>
      </c>
      <c r="J10650" t="s">
        <v>66335</v>
      </c>
    </row>
    <row r="10651" spans="1:10" x14ac:dyDescent="0.25">
      <c r="A10651" t="s">
        <v>15939</v>
      </c>
      <c r="B10651" t="s">
        <v>15940</v>
      </c>
      <c r="C10651" t="s">
        <v>15941</v>
      </c>
      <c r="D10651" t="s">
        <v>14705</v>
      </c>
      <c r="E10651" t="s">
        <v>13</v>
      </c>
      <c r="F10651">
        <v>3431</v>
      </c>
      <c r="G10651" t="s">
        <v>15942</v>
      </c>
      <c r="H10651">
        <v>4.8838406468409996</v>
      </c>
      <c r="I10651">
        <v>52.422912287046998</v>
      </c>
      <c r="J10651" t="s">
        <v>66336</v>
      </c>
    </row>
    <row r="10652" spans="1:10" x14ac:dyDescent="0.25">
      <c r="A10652" t="s">
        <v>15935</v>
      </c>
      <c r="B10652" t="s">
        <v>15936</v>
      </c>
      <c r="C10652" t="s">
        <v>15937</v>
      </c>
      <c r="D10652" t="s">
        <v>14705</v>
      </c>
      <c r="E10652" t="s">
        <v>13</v>
      </c>
      <c r="F10652">
        <v>3430</v>
      </c>
      <c r="G10652" t="s">
        <v>15938</v>
      </c>
      <c r="H10652">
        <v>4.8774012474889998</v>
      </c>
      <c r="I10652">
        <v>52.418901948459997</v>
      </c>
      <c r="J10652" t="s">
        <v>66337</v>
      </c>
    </row>
    <row r="10653" spans="1:10" x14ac:dyDescent="0.25">
      <c r="A10653" t="s">
        <v>15931</v>
      </c>
      <c r="B10653" t="s">
        <v>15932</v>
      </c>
      <c r="C10653" t="s">
        <v>15933</v>
      </c>
      <c r="D10653" t="s">
        <v>14705</v>
      </c>
      <c r="E10653" t="s">
        <v>13</v>
      </c>
      <c r="F10653">
        <v>3429</v>
      </c>
      <c r="G10653" t="s">
        <v>15934</v>
      </c>
      <c r="H10653">
        <v>4.9029121396380004</v>
      </c>
      <c r="I10653">
        <v>52.407587765241999</v>
      </c>
      <c r="J10653" t="s">
        <v>66338</v>
      </c>
    </row>
    <row r="10654" spans="1:10" x14ac:dyDescent="0.25">
      <c r="A10654" t="s">
        <v>15927</v>
      </c>
      <c r="B10654" t="s">
        <v>15928</v>
      </c>
      <c r="C10654" t="s">
        <v>15929</v>
      </c>
      <c r="D10654" t="s">
        <v>14705</v>
      </c>
      <c r="E10654" t="s">
        <v>13</v>
      </c>
      <c r="F10654">
        <v>3428</v>
      </c>
      <c r="G10654" t="s">
        <v>15930</v>
      </c>
      <c r="H10654">
        <v>4.8969425559089999</v>
      </c>
      <c r="I10654">
        <v>52.408860326129997</v>
      </c>
      <c r="J10654" t="s">
        <v>66339</v>
      </c>
    </row>
    <row r="10655" spans="1:10" x14ac:dyDescent="0.25">
      <c r="A10655" t="s">
        <v>15923</v>
      </c>
      <c r="B10655" t="s">
        <v>15924</v>
      </c>
      <c r="C10655" t="s">
        <v>15925</v>
      </c>
      <c r="D10655" t="s">
        <v>14705</v>
      </c>
      <c r="E10655" t="s">
        <v>13</v>
      </c>
      <c r="F10655">
        <v>3427</v>
      </c>
      <c r="G10655" t="s">
        <v>15926</v>
      </c>
      <c r="H10655">
        <v>4.8880023535330004</v>
      </c>
      <c r="I10655">
        <v>52.412871199883</v>
      </c>
      <c r="J10655" t="s">
        <v>66340</v>
      </c>
    </row>
    <row r="10656" spans="1:10" x14ac:dyDescent="0.25">
      <c r="A10656" t="s">
        <v>15919</v>
      </c>
      <c r="B10656" t="s">
        <v>15920</v>
      </c>
      <c r="C10656" t="s">
        <v>15921</v>
      </c>
      <c r="D10656" t="s">
        <v>14705</v>
      </c>
      <c r="E10656" t="s">
        <v>13</v>
      </c>
      <c r="F10656">
        <v>3426</v>
      </c>
      <c r="G10656" t="s">
        <v>15922</v>
      </c>
      <c r="H10656">
        <v>4.8790274713140001</v>
      </c>
      <c r="I10656">
        <v>52.416567935232997</v>
      </c>
      <c r="J10656" t="s">
        <v>66341</v>
      </c>
    </row>
    <row r="10657" spans="1:10" x14ac:dyDescent="0.25">
      <c r="A10657" t="s">
        <v>15915</v>
      </c>
      <c r="B10657" t="s">
        <v>15916</v>
      </c>
      <c r="C10657" t="s">
        <v>15917</v>
      </c>
      <c r="D10657" t="s">
        <v>14705</v>
      </c>
      <c r="E10657" t="s">
        <v>13</v>
      </c>
      <c r="F10657">
        <v>3425</v>
      </c>
      <c r="G10657" t="s">
        <v>15918</v>
      </c>
      <c r="H10657">
        <v>4.9432144591069997</v>
      </c>
      <c r="I10657">
        <v>52.387399446407997</v>
      </c>
      <c r="J10657" t="s">
        <v>66342</v>
      </c>
    </row>
    <row r="10658" spans="1:10" x14ac:dyDescent="0.25">
      <c r="A10658" t="s">
        <v>15911</v>
      </c>
      <c r="B10658" t="s">
        <v>15912</v>
      </c>
      <c r="C10658" t="s">
        <v>15913</v>
      </c>
      <c r="D10658" t="s">
        <v>14705</v>
      </c>
      <c r="E10658" t="s">
        <v>13</v>
      </c>
      <c r="F10658">
        <v>3424</v>
      </c>
      <c r="G10658" t="s">
        <v>15914</v>
      </c>
      <c r="H10658">
        <v>4.9444110568650004</v>
      </c>
      <c r="I10658">
        <v>52.388504881978001</v>
      </c>
      <c r="J10658" t="s">
        <v>66343</v>
      </c>
    </row>
    <row r="10659" spans="1:10" x14ac:dyDescent="0.25">
      <c r="A10659" t="s">
        <v>15907</v>
      </c>
      <c r="B10659" t="s">
        <v>15908</v>
      </c>
      <c r="C10659" t="s">
        <v>15909</v>
      </c>
      <c r="D10659" t="s">
        <v>14705</v>
      </c>
      <c r="E10659" t="s">
        <v>13</v>
      </c>
      <c r="F10659">
        <v>3423</v>
      </c>
      <c r="G10659" t="s">
        <v>15910</v>
      </c>
      <c r="H10659">
        <v>4.9336170466200002</v>
      </c>
      <c r="I10659">
        <v>52.391718120568001</v>
      </c>
      <c r="J10659" t="s">
        <v>66344</v>
      </c>
    </row>
    <row r="10660" spans="1:10" x14ac:dyDescent="0.25">
      <c r="A10660" t="s">
        <v>15903</v>
      </c>
      <c r="B10660" t="s">
        <v>15904</v>
      </c>
      <c r="C10660" t="s">
        <v>15905</v>
      </c>
      <c r="D10660" t="s">
        <v>14705</v>
      </c>
      <c r="E10660" t="s">
        <v>13</v>
      </c>
      <c r="F10660">
        <v>3422</v>
      </c>
      <c r="G10660" t="s">
        <v>15906</v>
      </c>
      <c r="H10660">
        <v>4.9232457334089998</v>
      </c>
      <c r="I10660">
        <v>52.396918908297998</v>
      </c>
      <c r="J10660" t="s">
        <v>66345</v>
      </c>
    </row>
    <row r="10661" spans="1:10" x14ac:dyDescent="0.25">
      <c r="A10661" t="s">
        <v>15899</v>
      </c>
      <c r="B10661" t="s">
        <v>15900</v>
      </c>
      <c r="C10661" t="s">
        <v>15901</v>
      </c>
      <c r="D10661" t="s">
        <v>14705</v>
      </c>
      <c r="E10661" t="s">
        <v>13</v>
      </c>
      <c r="F10661">
        <v>3421</v>
      </c>
      <c r="G10661" t="s">
        <v>15902</v>
      </c>
      <c r="H10661">
        <v>4.9183250458280003</v>
      </c>
      <c r="I10661">
        <v>52.400307997481001</v>
      </c>
      <c r="J10661" t="s">
        <v>66346</v>
      </c>
    </row>
    <row r="10662" spans="1:10" x14ac:dyDescent="0.25">
      <c r="A10662" t="s">
        <v>15895</v>
      </c>
      <c r="B10662" t="s">
        <v>15896</v>
      </c>
      <c r="C10662" t="s">
        <v>15897</v>
      </c>
      <c r="D10662" t="s">
        <v>14705</v>
      </c>
      <c r="E10662" t="s">
        <v>13</v>
      </c>
      <c r="F10662">
        <v>3420</v>
      </c>
      <c r="G10662" t="s">
        <v>15898</v>
      </c>
      <c r="H10662">
        <v>4.9280037871250002</v>
      </c>
      <c r="I10662">
        <v>52.393025287004001</v>
      </c>
      <c r="J10662" t="s">
        <v>66347</v>
      </c>
    </row>
    <row r="10663" spans="1:10" x14ac:dyDescent="0.25">
      <c r="A10663" t="s">
        <v>15891</v>
      </c>
      <c r="B10663" t="s">
        <v>15892</v>
      </c>
      <c r="C10663" t="s">
        <v>15893</v>
      </c>
      <c r="D10663" t="s">
        <v>14705</v>
      </c>
      <c r="E10663" t="s">
        <v>13</v>
      </c>
      <c r="F10663">
        <v>3419</v>
      </c>
      <c r="G10663" t="s">
        <v>15894</v>
      </c>
      <c r="H10663">
        <v>4.947231483196</v>
      </c>
      <c r="I10663">
        <v>52.390046505949002</v>
      </c>
      <c r="J10663" t="s">
        <v>66348</v>
      </c>
    </row>
    <row r="10664" spans="1:10" x14ac:dyDescent="0.25">
      <c r="A10664" t="s">
        <v>15887</v>
      </c>
      <c r="B10664" t="s">
        <v>15888</v>
      </c>
      <c r="C10664" t="s">
        <v>15889</v>
      </c>
      <c r="D10664" t="s">
        <v>14705</v>
      </c>
      <c r="E10664" t="s">
        <v>13</v>
      </c>
      <c r="F10664">
        <v>3418</v>
      </c>
      <c r="G10664" t="s">
        <v>15890</v>
      </c>
      <c r="H10664">
        <v>4.9397587894160004</v>
      </c>
      <c r="I10664">
        <v>52.393007088951997</v>
      </c>
      <c r="J10664" t="s">
        <v>66349</v>
      </c>
    </row>
    <row r="10665" spans="1:10" x14ac:dyDescent="0.25">
      <c r="A10665" t="s">
        <v>15883</v>
      </c>
      <c r="B10665" t="s">
        <v>15884</v>
      </c>
      <c r="C10665" t="s">
        <v>15885</v>
      </c>
      <c r="D10665" t="s">
        <v>14705</v>
      </c>
      <c r="E10665" t="s">
        <v>13</v>
      </c>
      <c r="F10665">
        <v>3417</v>
      </c>
      <c r="G10665" t="s">
        <v>15886</v>
      </c>
      <c r="H10665">
        <v>4.9326656434010001</v>
      </c>
      <c r="I10665">
        <v>52.389234755106003</v>
      </c>
      <c r="J10665" t="s">
        <v>66350</v>
      </c>
    </row>
    <row r="10666" spans="1:10" x14ac:dyDescent="0.25">
      <c r="A10666" t="s">
        <v>15879</v>
      </c>
      <c r="B10666" t="s">
        <v>15880</v>
      </c>
      <c r="C10666" t="s">
        <v>15881</v>
      </c>
      <c r="D10666" t="s">
        <v>14705</v>
      </c>
      <c r="E10666" t="s">
        <v>13</v>
      </c>
      <c r="F10666">
        <v>3416</v>
      </c>
      <c r="G10666" t="s">
        <v>15882</v>
      </c>
      <c r="H10666">
        <v>4.9230105126819996</v>
      </c>
      <c r="I10666">
        <v>52.391015865124999</v>
      </c>
      <c r="J10666" t="s">
        <v>66351</v>
      </c>
    </row>
    <row r="10667" spans="1:10" x14ac:dyDescent="0.25">
      <c r="A10667" t="s">
        <v>15875</v>
      </c>
      <c r="B10667" t="s">
        <v>15876</v>
      </c>
      <c r="C10667" t="s">
        <v>15877</v>
      </c>
      <c r="D10667" t="s">
        <v>14705</v>
      </c>
      <c r="E10667" t="s">
        <v>13</v>
      </c>
      <c r="F10667">
        <v>3415</v>
      </c>
      <c r="G10667" t="s">
        <v>15878</v>
      </c>
      <c r="H10667">
        <v>4.9159177939539997</v>
      </c>
      <c r="I10667">
        <v>52.386033602167998</v>
      </c>
      <c r="J10667" t="s">
        <v>66352</v>
      </c>
    </row>
    <row r="10668" spans="1:10" x14ac:dyDescent="0.25">
      <c r="A10668" t="s">
        <v>15871</v>
      </c>
      <c r="B10668" t="s">
        <v>15872</v>
      </c>
      <c r="C10668" t="s">
        <v>15873</v>
      </c>
      <c r="D10668" t="s">
        <v>14705</v>
      </c>
      <c r="E10668" t="s">
        <v>13</v>
      </c>
      <c r="F10668">
        <v>3414</v>
      </c>
      <c r="G10668" t="s">
        <v>15874</v>
      </c>
      <c r="H10668">
        <v>4.912192636416</v>
      </c>
      <c r="I10668">
        <v>52.381926812536001</v>
      </c>
      <c r="J10668" t="s">
        <v>66353</v>
      </c>
    </row>
    <row r="10669" spans="1:10" x14ac:dyDescent="0.25">
      <c r="A10669" t="s">
        <v>15867</v>
      </c>
      <c r="B10669" t="s">
        <v>15868</v>
      </c>
      <c r="C10669" t="s">
        <v>15869</v>
      </c>
      <c r="D10669" t="s">
        <v>14705</v>
      </c>
      <c r="E10669" t="s">
        <v>13</v>
      </c>
      <c r="F10669">
        <v>3413</v>
      </c>
      <c r="G10669" t="s">
        <v>15870</v>
      </c>
      <c r="H10669">
        <v>4.9165444755929997</v>
      </c>
      <c r="I10669">
        <v>52.398064566033</v>
      </c>
      <c r="J10669" t="s">
        <v>66354</v>
      </c>
    </row>
    <row r="10670" spans="1:10" x14ac:dyDescent="0.25">
      <c r="A10670" t="s">
        <v>15863</v>
      </c>
      <c r="B10670" t="s">
        <v>15864</v>
      </c>
      <c r="C10670" t="s">
        <v>15865</v>
      </c>
      <c r="D10670" t="s">
        <v>14705</v>
      </c>
      <c r="E10670" t="s">
        <v>13</v>
      </c>
      <c r="F10670">
        <v>3412</v>
      </c>
      <c r="G10670" t="s">
        <v>15866</v>
      </c>
      <c r="H10670">
        <v>4.915341555516</v>
      </c>
      <c r="I10670">
        <v>52.394247325597</v>
      </c>
      <c r="J10670" t="s">
        <v>66355</v>
      </c>
    </row>
    <row r="10671" spans="1:10" x14ac:dyDescent="0.25">
      <c r="A10671" t="s">
        <v>15859</v>
      </c>
      <c r="B10671" t="s">
        <v>15860</v>
      </c>
      <c r="C10671" t="s">
        <v>15861</v>
      </c>
      <c r="D10671" t="s">
        <v>14705</v>
      </c>
      <c r="E10671" t="s">
        <v>13</v>
      </c>
      <c r="F10671">
        <v>3411</v>
      </c>
      <c r="G10671" t="s">
        <v>15862</v>
      </c>
      <c r="H10671">
        <v>4.9098039658869999</v>
      </c>
      <c r="I10671">
        <v>52.388038301972003</v>
      </c>
      <c r="J10671" t="s">
        <v>66356</v>
      </c>
    </row>
    <row r="10672" spans="1:10" x14ac:dyDescent="0.25">
      <c r="A10672" t="s">
        <v>15856</v>
      </c>
      <c r="B10672" t="s">
        <v>15857</v>
      </c>
      <c r="C10672" t="s">
        <v>4797</v>
      </c>
      <c r="D10672" t="s">
        <v>14705</v>
      </c>
      <c r="E10672" t="s">
        <v>13</v>
      </c>
      <c r="F10672">
        <v>3410</v>
      </c>
      <c r="G10672" t="s">
        <v>15858</v>
      </c>
      <c r="H10672">
        <v>4.8817110726759996</v>
      </c>
      <c r="I10672">
        <v>52.343408917319998</v>
      </c>
      <c r="J10672" t="s">
        <v>66357</v>
      </c>
    </row>
    <row r="10673" spans="1:10" x14ac:dyDescent="0.25">
      <c r="A10673" t="s">
        <v>15852</v>
      </c>
      <c r="B10673" t="s">
        <v>15853</v>
      </c>
      <c r="C10673" t="s">
        <v>15854</v>
      </c>
      <c r="D10673" t="s">
        <v>14705</v>
      </c>
      <c r="E10673" t="s">
        <v>13</v>
      </c>
      <c r="F10673">
        <v>3409</v>
      </c>
      <c r="G10673" t="s">
        <v>15855</v>
      </c>
      <c r="H10673">
        <v>4.8720128325529997</v>
      </c>
      <c r="I10673">
        <v>52.342915323824002</v>
      </c>
      <c r="J10673" t="s">
        <v>66358</v>
      </c>
    </row>
    <row r="10674" spans="1:10" x14ac:dyDescent="0.25">
      <c r="A10674" t="s">
        <v>15848</v>
      </c>
      <c r="B10674" t="s">
        <v>15849</v>
      </c>
      <c r="C10674" t="s">
        <v>15850</v>
      </c>
      <c r="D10674" t="s">
        <v>14705</v>
      </c>
      <c r="E10674" t="s">
        <v>13</v>
      </c>
      <c r="F10674">
        <v>3408</v>
      </c>
      <c r="G10674" t="s">
        <v>15851</v>
      </c>
      <c r="H10674">
        <v>4.9128919719489996</v>
      </c>
      <c r="I10674">
        <v>52.334927642314</v>
      </c>
      <c r="J10674" t="s">
        <v>66359</v>
      </c>
    </row>
    <row r="10675" spans="1:10" x14ac:dyDescent="0.25">
      <c r="A10675" t="s">
        <v>15844</v>
      </c>
      <c r="B10675" t="s">
        <v>15845</v>
      </c>
      <c r="C10675" t="s">
        <v>15846</v>
      </c>
      <c r="D10675" t="s">
        <v>14705</v>
      </c>
      <c r="E10675" t="s">
        <v>13</v>
      </c>
      <c r="F10675">
        <v>3407</v>
      </c>
      <c r="G10675" t="s">
        <v>15847</v>
      </c>
      <c r="H10675">
        <v>4.920219588838</v>
      </c>
      <c r="I10675">
        <v>52.334731999239999</v>
      </c>
      <c r="J10675" t="s">
        <v>66360</v>
      </c>
    </row>
    <row r="10676" spans="1:10" x14ac:dyDescent="0.25">
      <c r="A10676" t="s">
        <v>15840</v>
      </c>
      <c r="B10676" t="s">
        <v>15841</v>
      </c>
      <c r="C10676" t="s">
        <v>15842</v>
      </c>
      <c r="D10676" t="s">
        <v>14705</v>
      </c>
      <c r="E10676" t="s">
        <v>13</v>
      </c>
      <c r="F10676">
        <v>3406</v>
      </c>
      <c r="G10676" t="s">
        <v>15843</v>
      </c>
      <c r="H10676">
        <v>4.9165360765279997</v>
      </c>
      <c r="I10676">
        <v>52.344104492131002</v>
      </c>
      <c r="J10676" t="s">
        <v>66361</v>
      </c>
    </row>
    <row r="10677" spans="1:10" x14ac:dyDescent="0.25">
      <c r="A10677" t="s">
        <v>15836</v>
      </c>
      <c r="B10677" t="s">
        <v>15837</v>
      </c>
      <c r="C10677" t="s">
        <v>15838</v>
      </c>
      <c r="D10677" t="s">
        <v>14705</v>
      </c>
      <c r="E10677" t="s">
        <v>13</v>
      </c>
      <c r="F10677">
        <v>3405</v>
      </c>
      <c r="G10677" t="s">
        <v>15839</v>
      </c>
      <c r="H10677">
        <v>4.91696346135</v>
      </c>
      <c r="I10677">
        <v>52.338792587523002</v>
      </c>
      <c r="J10677" t="s">
        <v>66362</v>
      </c>
    </row>
    <row r="10678" spans="1:10" x14ac:dyDescent="0.25">
      <c r="A10678" t="s">
        <v>15832</v>
      </c>
      <c r="B10678" t="s">
        <v>15833</v>
      </c>
      <c r="C10678" t="s">
        <v>15834</v>
      </c>
      <c r="D10678" t="s">
        <v>14705</v>
      </c>
      <c r="E10678" t="s">
        <v>13</v>
      </c>
      <c r="F10678">
        <v>3404</v>
      </c>
      <c r="G10678" t="s">
        <v>15835</v>
      </c>
      <c r="H10678">
        <v>4.9047290930680001</v>
      </c>
      <c r="I10678">
        <v>52.325209627489002</v>
      </c>
      <c r="J10678" t="s">
        <v>66363</v>
      </c>
    </row>
    <row r="10679" spans="1:10" x14ac:dyDescent="0.25">
      <c r="A10679" t="s">
        <v>15828</v>
      </c>
      <c r="B10679" t="s">
        <v>15829</v>
      </c>
      <c r="C10679" t="s">
        <v>15830</v>
      </c>
      <c r="D10679" t="s">
        <v>14705</v>
      </c>
      <c r="E10679" t="s">
        <v>13</v>
      </c>
      <c r="F10679">
        <v>3403</v>
      </c>
      <c r="G10679" t="s">
        <v>15831</v>
      </c>
      <c r="H10679">
        <v>4.9077050943879996</v>
      </c>
      <c r="I10679">
        <v>52.332549315367999</v>
      </c>
      <c r="J10679" t="s">
        <v>66364</v>
      </c>
    </row>
    <row r="10680" spans="1:10" x14ac:dyDescent="0.25">
      <c r="A10680" t="s">
        <v>15824</v>
      </c>
      <c r="B10680" t="s">
        <v>15825</v>
      </c>
      <c r="C10680" t="s">
        <v>15826</v>
      </c>
      <c r="D10680" t="s">
        <v>14705</v>
      </c>
      <c r="E10680" t="s">
        <v>13</v>
      </c>
      <c r="F10680">
        <v>3402</v>
      </c>
      <c r="G10680" t="s">
        <v>15827</v>
      </c>
      <c r="H10680">
        <v>4.929260279198</v>
      </c>
      <c r="I10680">
        <v>52.337961942943998</v>
      </c>
      <c r="J10680" t="s">
        <v>66365</v>
      </c>
    </row>
    <row r="10681" spans="1:10" x14ac:dyDescent="0.25">
      <c r="A10681" t="s">
        <v>15820</v>
      </c>
      <c r="B10681" t="s">
        <v>15821</v>
      </c>
      <c r="C10681" t="s">
        <v>15822</v>
      </c>
      <c r="D10681" t="s">
        <v>14705</v>
      </c>
      <c r="E10681" t="s">
        <v>13</v>
      </c>
      <c r="F10681">
        <v>3401</v>
      </c>
      <c r="G10681" t="s">
        <v>15823</v>
      </c>
      <c r="H10681">
        <v>4.9340975283799997</v>
      </c>
      <c r="I10681">
        <v>52.339647068249</v>
      </c>
      <c r="J10681" t="s">
        <v>66366</v>
      </c>
    </row>
    <row r="10682" spans="1:10" x14ac:dyDescent="0.25">
      <c r="A10682" t="s">
        <v>15816</v>
      </c>
      <c r="B10682" t="s">
        <v>15817</v>
      </c>
      <c r="C10682" t="s">
        <v>15818</v>
      </c>
      <c r="D10682" t="s">
        <v>14705</v>
      </c>
      <c r="E10682" t="s">
        <v>13</v>
      </c>
      <c r="F10682">
        <v>3400</v>
      </c>
      <c r="G10682" t="s">
        <v>15819</v>
      </c>
      <c r="H10682">
        <v>4.9389572847050003</v>
      </c>
      <c r="I10682">
        <v>52.343713140313</v>
      </c>
      <c r="J10682" t="s">
        <v>66367</v>
      </c>
    </row>
    <row r="10683" spans="1:10" x14ac:dyDescent="0.25">
      <c r="A10683" t="s">
        <v>15812</v>
      </c>
      <c r="B10683" t="s">
        <v>15813</v>
      </c>
      <c r="C10683" t="s">
        <v>15814</v>
      </c>
      <c r="D10683" t="s">
        <v>14705</v>
      </c>
      <c r="E10683" t="s">
        <v>13</v>
      </c>
      <c r="F10683">
        <v>3399</v>
      </c>
      <c r="G10683" t="s">
        <v>15815</v>
      </c>
      <c r="H10683">
        <v>4.945129862081</v>
      </c>
      <c r="I10683">
        <v>52.340253567227997</v>
      </c>
      <c r="J10683" t="s">
        <v>66368</v>
      </c>
    </row>
    <row r="10684" spans="1:10" x14ac:dyDescent="0.25">
      <c r="A10684" t="s">
        <v>15808</v>
      </c>
      <c r="B10684" t="s">
        <v>15809</v>
      </c>
      <c r="C10684" t="s">
        <v>15810</v>
      </c>
      <c r="D10684" t="s">
        <v>14705</v>
      </c>
      <c r="E10684" t="s">
        <v>13</v>
      </c>
      <c r="F10684">
        <v>3398</v>
      </c>
      <c r="G10684" t="s">
        <v>15811</v>
      </c>
      <c r="H10684">
        <v>4.9591097963030002</v>
      </c>
      <c r="I10684">
        <v>52.353927137535003</v>
      </c>
      <c r="J10684" t="s">
        <v>66369</v>
      </c>
    </row>
    <row r="10685" spans="1:10" x14ac:dyDescent="0.25">
      <c r="A10685" t="s">
        <v>15804</v>
      </c>
      <c r="B10685" t="s">
        <v>15805</v>
      </c>
      <c r="C10685" t="s">
        <v>15806</v>
      </c>
      <c r="D10685" t="s">
        <v>14705</v>
      </c>
      <c r="E10685" t="s">
        <v>13</v>
      </c>
      <c r="F10685">
        <v>3397</v>
      </c>
      <c r="G10685" t="s">
        <v>15807</v>
      </c>
      <c r="H10685">
        <v>4.9471693440679996</v>
      </c>
      <c r="I10685">
        <v>52.356338406018999</v>
      </c>
      <c r="J10685" t="s">
        <v>66370</v>
      </c>
    </row>
    <row r="10686" spans="1:10" x14ac:dyDescent="0.25">
      <c r="A10686" t="s">
        <v>15800</v>
      </c>
      <c r="B10686" t="s">
        <v>15801</v>
      </c>
      <c r="C10686" t="s">
        <v>15802</v>
      </c>
      <c r="D10686" t="s">
        <v>14705</v>
      </c>
      <c r="E10686" t="s">
        <v>13</v>
      </c>
      <c r="F10686">
        <v>3396</v>
      </c>
      <c r="G10686" t="s">
        <v>15803</v>
      </c>
      <c r="H10686">
        <v>4.9554527341229999</v>
      </c>
      <c r="I10686">
        <v>52.347024386369</v>
      </c>
      <c r="J10686" t="s">
        <v>66371</v>
      </c>
    </row>
    <row r="10687" spans="1:10" x14ac:dyDescent="0.25">
      <c r="A10687" t="s">
        <v>15796</v>
      </c>
      <c r="B10687" t="s">
        <v>15797</v>
      </c>
      <c r="C10687" t="s">
        <v>15798</v>
      </c>
      <c r="D10687" t="s">
        <v>14705</v>
      </c>
      <c r="E10687" t="s">
        <v>13</v>
      </c>
      <c r="F10687">
        <v>3395</v>
      </c>
      <c r="G10687" t="s">
        <v>15799</v>
      </c>
      <c r="H10687">
        <v>4.9511427165970003</v>
      </c>
      <c r="I10687">
        <v>52.343708068653001</v>
      </c>
      <c r="J10687" t="s">
        <v>66372</v>
      </c>
    </row>
    <row r="10688" spans="1:10" x14ac:dyDescent="0.25">
      <c r="A10688" t="s">
        <v>15792</v>
      </c>
      <c r="B10688" t="s">
        <v>15793</v>
      </c>
      <c r="C10688" t="s">
        <v>15794</v>
      </c>
      <c r="D10688" t="s">
        <v>14705</v>
      </c>
      <c r="E10688" t="s">
        <v>13</v>
      </c>
      <c r="F10688">
        <v>3394</v>
      </c>
      <c r="G10688" t="s">
        <v>15795</v>
      </c>
      <c r="H10688">
        <v>4.9497075165110003</v>
      </c>
      <c r="I10688">
        <v>52.349987881662997</v>
      </c>
      <c r="J10688" t="s">
        <v>66373</v>
      </c>
    </row>
    <row r="10689" spans="1:10" x14ac:dyDescent="0.25">
      <c r="A10689" t="s">
        <v>15788</v>
      </c>
      <c r="B10689" t="s">
        <v>15789</v>
      </c>
      <c r="C10689" t="s">
        <v>15790</v>
      </c>
      <c r="D10689" t="s">
        <v>14705</v>
      </c>
      <c r="E10689" t="s">
        <v>13</v>
      </c>
      <c r="F10689">
        <v>3393</v>
      </c>
      <c r="G10689" t="s">
        <v>15791</v>
      </c>
      <c r="H10689">
        <v>4.9450689682629996</v>
      </c>
      <c r="I10689">
        <v>52.347316617428</v>
      </c>
      <c r="J10689" t="s">
        <v>66374</v>
      </c>
    </row>
    <row r="10690" spans="1:10" x14ac:dyDescent="0.25">
      <c r="A10690" t="s">
        <v>15784</v>
      </c>
      <c r="B10690" t="s">
        <v>15785</v>
      </c>
      <c r="C10690" t="s">
        <v>15786</v>
      </c>
      <c r="D10690" t="s">
        <v>14705</v>
      </c>
      <c r="E10690" t="s">
        <v>13</v>
      </c>
      <c r="F10690">
        <v>3392</v>
      </c>
      <c r="G10690" t="s">
        <v>15787</v>
      </c>
      <c r="H10690">
        <v>4.941597365202</v>
      </c>
      <c r="I10690">
        <v>52.351864560095997</v>
      </c>
      <c r="J10690" t="s">
        <v>66375</v>
      </c>
    </row>
    <row r="10691" spans="1:10" x14ac:dyDescent="0.25">
      <c r="A10691" t="s">
        <v>15780</v>
      </c>
      <c r="B10691" t="s">
        <v>15781</v>
      </c>
      <c r="C10691" t="s">
        <v>15782</v>
      </c>
      <c r="D10691" t="s">
        <v>14705</v>
      </c>
      <c r="E10691" t="s">
        <v>13</v>
      </c>
      <c r="F10691">
        <v>3391</v>
      </c>
      <c r="G10691" t="s">
        <v>15783</v>
      </c>
      <c r="H10691">
        <v>4.9372408359440003</v>
      </c>
      <c r="I10691">
        <v>52.355059153206</v>
      </c>
      <c r="J10691" t="s">
        <v>66376</v>
      </c>
    </row>
    <row r="10692" spans="1:10" x14ac:dyDescent="0.25">
      <c r="A10692" t="s">
        <v>15776</v>
      </c>
      <c r="B10692" t="s">
        <v>15777</v>
      </c>
      <c r="C10692" t="s">
        <v>15778</v>
      </c>
      <c r="D10692" t="s">
        <v>14705</v>
      </c>
      <c r="E10692" t="s">
        <v>13</v>
      </c>
      <c r="F10692">
        <v>3390</v>
      </c>
      <c r="G10692" t="s">
        <v>15779</v>
      </c>
      <c r="H10692">
        <v>4.9330756110629999</v>
      </c>
      <c r="I10692">
        <v>52.354350814169003</v>
      </c>
      <c r="J10692" t="s">
        <v>66377</v>
      </c>
    </row>
    <row r="10693" spans="1:10" x14ac:dyDescent="0.25">
      <c r="A10693" t="s">
        <v>15772</v>
      </c>
      <c r="B10693" t="s">
        <v>15773</v>
      </c>
      <c r="C10693" t="s">
        <v>15774</v>
      </c>
      <c r="D10693" t="s">
        <v>14705</v>
      </c>
      <c r="E10693" t="s">
        <v>13</v>
      </c>
      <c r="F10693">
        <v>3389</v>
      </c>
      <c r="G10693" t="s">
        <v>15775</v>
      </c>
      <c r="H10693">
        <v>4.9147212718400004</v>
      </c>
      <c r="I10693">
        <v>52.347438903967003</v>
      </c>
      <c r="J10693" t="s">
        <v>66378</v>
      </c>
    </row>
    <row r="10694" spans="1:10" x14ac:dyDescent="0.25">
      <c r="A10694" t="s">
        <v>15768</v>
      </c>
      <c r="B10694" t="s">
        <v>15769</v>
      </c>
      <c r="C10694" t="s">
        <v>15770</v>
      </c>
      <c r="D10694" t="s">
        <v>14705</v>
      </c>
      <c r="E10694" t="s">
        <v>13</v>
      </c>
      <c r="F10694">
        <v>3388</v>
      </c>
      <c r="G10694" t="s">
        <v>15771</v>
      </c>
      <c r="H10694">
        <v>4.9338342905200001</v>
      </c>
      <c r="I10694">
        <v>52.347045419456002</v>
      </c>
      <c r="J10694" t="s">
        <v>66379</v>
      </c>
    </row>
    <row r="10695" spans="1:10" x14ac:dyDescent="0.25">
      <c r="A10695" t="s">
        <v>15764</v>
      </c>
      <c r="B10695" t="s">
        <v>15765</v>
      </c>
      <c r="C10695" t="s">
        <v>15766</v>
      </c>
      <c r="D10695" t="s">
        <v>14705</v>
      </c>
      <c r="E10695" t="s">
        <v>13</v>
      </c>
      <c r="F10695">
        <v>3387</v>
      </c>
      <c r="G10695" t="s">
        <v>15767</v>
      </c>
      <c r="H10695">
        <v>4.9269719639250003</v>
      </c>
      <c r="I10695">
        <v>52.343147182025</v>
      </c>
      <c r="J10695" t="s">
        <v>66380</v>
      </c>
    </row>
    <row r="10696" spans="1:10" x14ac:dyDescent="0.25">
      <c r="A10696" t="s">
        <v>15760</v>
      </c>
      <c r="B10696" t="s">
        <v>15761</v>
      </c>
      <c r="C10696" t="s">
        <v>15762</v>
      </c>
      <c r="D10696" t="s">
        <v>14705</v>
      </c>
      <c r="E10696" t="s">
        <v>13</v>
      </c>
      <c r="F10696">
        <v>3386</v>
      </c>
      <c r="G10696" t="s">
        <v>15763</v>
      </c>
      <c r="H10696">
        <v>4.9218127430019996</v>
      </c>
      <c r="I10696">
        <v>52.344530407655</v>
      </c>
      <c r="J10696" t="s">
        <v>66381</v>
      </c>
    </row>
    <row r="10697" spans="1:10" x14ac:dyDescent="0.25">
      <c r="A10697" t="s">
        <v>15756</v>
      </c>
      <c r="B10697" t="s">
        <v>15757</v>
      </c>
      <c r="C10697" t="s">
        <v>15758</v>
      </c>
      <c r="D10697" t="s">
        <v>14705</v>
      </c>
      <c r="E10697" t="s">
        <v>13</v>
      </c>
      <c r="F10697">
        <v>3385</v>
      </c>
      <c r="G10697" t="s">
        <v>15759</v>
      </c>
      <c r="H10697">
        <v>4.9292685053660001</v>
      </c>
      <c r="I10697">
        <v>52.350101847552999</v>
      </c>
      <c r="J10697" t="s">
        <v>66382</v>
      </c>
    </row>
    <row r="10698" spans="1:10" x14ac:dyDescent="0.25">
      <c r="A10698" t="s">
        <v>15752</v>
      </c>
      <c r="B10698" t="s">
        <v>15753</v>
      </c>
      <c r="C10698" t="s">
        <v>15754</v>
      </c>
      <c r="D10698" t="s">
        <v>14705</v>
      </c>
      <c r="E10698" t="s">
        <v>13</v>
      </c>
      <c r="F10698">
        <v>3384</v>
      </c>
      <c r="G10698" t="s">
        <v>15755</v>
      </c>
      <c r="H10698">
        <v>4.926177722916</v>
      </c>
      <c r="I10698">
        <v>52.352777341595001</v>
      </c>
      <c r="J10698" t="s">
        <v>66383</v>
      </c>
    </row>
    <row r="10699" spans="1:10" x14ac:dyDescent="0.25">
      <c r="A10699" t="s">
        <v>15748</v>
      </c>
      <c r="B10699" t="s">
        <v>15749</v>
      </c>
      <c r="C10699" t="s">
        <v>15750</v>
      </c>
      <c r="D10699" t="s">
        <v>14705</v>
      </c>
      <c r="E10699" t="s">
        <v>13</v>
      </c>
      <c r="F10699">
        <v>3383</v>
      </c>
      <c r="G10699" t="s">
        <v>15751</v>
      </c>
      <c r="H10699">
        <v>4.9215710908509998</v>
      </c>
      <c r="I10699">
        <v>52.346897206237998</v>
      </c>
      <c r="J10699" t="s">
        <v>66384</v>
      </c>
    </row>
    <row r="10700" spans="1:10" x14ac:dyDescent="0.25">
      <c r="A10700" t="s">
        <v>15744</v>
      </c>
      <c r="B10700" t="s">
        <v>15745</v>
      </c>
      <c r="C10700" t="s">
        <v>15746</v>
      </c>
      <c r="D10700" t="s">
        <v>14705</v>
      </c>
      <c r="E10700" t="s">
        <v>13</v>
      </c>
      <c r="F10700">
        <v>3382</v>
      </c>
      <c r="G10700" t="s">
        <v>15747</v>
      </c>
      <c r="H10700">
        <v>4.920331922421</v>
      </c>
      <c r="I10700">
        <v>52.349823260663001</v>
      </c>
      <c r="J10700" t="s">
        <v>66385</v>
      </c>
    </row>
    <row r="10701" spans="1:10" x14ac:dyDescent="0.25">
      <c r="A10701" t="s">
        <v>15740</v>
      </c>
      <c r="B10701" t="s">
        <v>15741</v>
      </c>
      <c r="C10701" t="s">
        <v>15742</v>
      </c>
      <c r="D10701" t="s">
        <v>14705</v>
      </c>
      <c r="E10701" t="s">
        <v>13</v>
      </c>
      <c r="F10701">
        <v>3381</v>
      </c>
      <c r="G10701" t="s">
        <v>15743</v>
      </c>
      <c r="H10701">
        <v>4.8999613768119996</v>
      </c>
      <c r="I10701">
        <v>52.335314337996998</v>
      </c>
      <c r="J10701" t="s">
        <v>66386</v>
      </c>
    </row>
    <row r="10702" spans="1:10" x14ac:dyDescent="0.25">
      <c r="A10702" t="s">
        <v>15736</v>
      </c>
      <c r="B10702" t="s">
        <v>15737</v>
      </c>
      <c r="C10702" t="s">
        <v>15738</v>
      </c>
      <c r="D10702" t="s">
        <v>14705</v>
      </c>
      <c r="E10702" t="s">
        <v>13</v>
      </c>
      <c r="F10702">
        <v>3380</v>
      </c>
      <c r="G10702" t="s">
        <v>15739</v>
      </c>
      <c r="H10702">
        <v>4.8997345080789998</v>
      </c>
      <c r="I10702">
        <v>52.341582388916997</v>
      </c>
      <c r="J10702" t="s">
        <v>66387</v>
      </c>
    </row>
    <row r="10703" spans="1:10" x14ac:dyDescent="0.25">
      <c r="A10703" t="s">
        <v>15732</v>
      </c>
      <c r="B10703" t="s">
        <v>15733</v>
      </c>
      <c r="C10703" t="s">
        <v>15734</v>
      </c>
      <c r="D10703" t="s">
        <v>14705</v>
      </c>
      <c r="E10703" t="s">
        <v>13</v>
      </c>
      <c r="F10703">
        <v>3379</v>
      </c>
      <c r="G10703" t="s">
        <v>15735</v>
      </c>
      <c r="H10703">
        <v>4.904868769768</v>
      </c>
      <c r="I10703">
        <v>52.339610868973999</v>
      </c>
      <c r="J10703" t="s">
        <v>66388</v>
      </c>
    </row>
    <row r="10704" spans="1:10" x14ac:dyDescent="0.25">
      <c r="A10704" t="s">
        <v>15728</v>
      </c>
      <c r="B10704" t="s">
        <v>15729</v>
      </c>
      <c r="C10704" t="s">
        <v>15730</v>
      </c>
      <c r="D10704" t="s">
        <v>14705</v>
      </c>
      <c r="E10704" t="s">
        <v>13</v>
      </c>
      <c r="F10704">
        <v>3378</v>
      </c>
      <c r="G10704" t="s">
        <v>15731</v>
      </c>
      <c r="H10704">
        <v>4.9108178647420004</v>
      </c>
      <c r="I10704">
        <v>52.341773694593002</v>
      </c>
      <c r="J10704" t="s">
        <v>66389</v>
      </c>
    </row>
    <row r="10705" spans="1:10" x14ac:dyDescent="0.25">
      <c r="A10705" t="s">
        <v>15724</v>
      </c>
      <c r="B10705" t="s">
        <v>15725</v>
      </c>
      <c r="C10705" t="s">
        <v>15726</v>
      </c>
      <c r="D10705" t="s">
        <v>14705</v>
      </c>
      <c r="E10705" t="s">
        <v>13</v>
      </c>
      <c r="F10705">
        <v>3377</v>
      </c>
      <c r="G10705" t="s">
        <v>15727</v>
      </c>
      <c r="H10705">
        <v>4.9095494997179996</v>
      </c>
      <c r="I10705">
        <v>52.345190115180003</v>
      </c>
      <c r="J10705" t="s">
        <v>66390</v>
      </c>
    </row>
    <row r="10706" spans="1:10" x14ac:dyDescent="0.25">
      <c r="A10706" t="s">
        <v>15720</v>
      </c>
      <c r="B10706" t="s">
        <v>15721</v>
      </c>
      <c r="C10706" t="s">
        <v>15722</v>
      </c>
      <c r="D10706" t="s">
        <v>14705</v>
      </c>
      <c r="E10706" t="s">
        <v>13</v>
      </c>
      <c r="F10706">
        <v>3376</v>
      </c>
      <c r="G10706" t="s">
        <v>15723</v>
      </c>
      <c r="H10706">
        <v>4.908304335245</v>
      </c>
      <c r="I10706">
        <v>52.34816241539</v>
      </c>
      <c r="J10706" t="s">
        <v>66391</v>
      </c>
    </row>
    <row r="10707" spans="1:10" x14ac:dyDescent="0.25">
      <c r="A10707" t="s">
        <v>15716</v>
      </c>
      <c r="B10707" t="s">
        <v>15717</v>
      </c>
      <c r="C10707" t="s">
        <v>15718</v>
      </c>
      <c r="D10707" t="s">
        <v>14705</v>
      </c>
      <c r="E10707" t="s">
        <v>13</v>
      </c>
      <c r="F10707">
        <v>3375</v>
      </c>
      <c r="G10707" t="s">
        <v>15719</v>
      </c>
      <c r="H10707">
        <v>4.9006944892820004</v>
      </c>
      <c r="I10707">
        <v>52.347578501957997</v>
      </c>
      <c r="J10707" t="s">
        <v>66392</v>
      </c>
    </row>
    <row r="10708" spans="1:10" x14ac:dyDescent="0.25">
      <c r="A10708" t="s">
        <v>15712</v>
      </c>
      <c r="B10708" t="s">
        <v>15713</v>
      </c>
      <c r="C10708" t="s">
        <v>15714</v>
      </c>
      <c r="D10708" t="s">
        <v>14705</v>
      </c>
      <c r="E10708" t="s">
        <v>13</v>
      </c>
      <c r="F10708">
        <v>3374</v>
      </c>
      <c r="G10708" t="s">
        <v>15715</v>
      </c>
      <c r="H10708">
        <v>4.8938142742500004</v>
      </c>
      <c r="I10708">
        <v>52.337504695537</v>
      </c>
      <c r="J10708" t="s">
        <v>66393</v>
      </c>
    </row>
    <row r="10709" spans="1:10" x14ac:dyDescent="0.25">
      <c r="A10709" t="s">
        <v>15708</v>
      </c>
      <c r="B10709" t="s">
        <v>15709</v>
      </c>
      <c r="C10709" t="s">
        <v>15710</v>
      </c>
      <c r="D10709" t="s">
        <v>14705</v>
      </c>
      <c r="E10709" t="s">
        <v>13</v>
      </c>
      <c r="F10709">
        <v>3373</v>
      </c>
      <c r="G10709" t="s">
        <v>15711</v>
      </c>
      <c r="H10709">
        <v>4.897943474561</v>
      </c>
      <c r="I10709">
        <v>52.339400287924001</v>
      </c>
      <c r="J10709" t="s">
        <v>66394</v>
      </c>
    </row>
    <row r="10710" spans="1:10" x14ac:dyDescent="0.25">
      <c r="A10710" t="s">
        <v>15704</v>
      </c>
      <c r="B10710" t="s">
        <v>15705</v>
      </c>
      <c r="C10710" t="s">
        <v>15706</v>
      </c>
      <c r="D10710" t="s">
        <v>14705</v>
      </c>
      <c r="E10710" t="s">
        <v>13</v>
      </c>
      <c r="F10710">
        <v>3372</v>
      </c>
      <c r="G10710" t="s">
        <v>15707</v>
      </c>
      <c r="H10710">
        <v>4.9034043471719997</v>
      </c>
      <c r="I10710">
        <v>52.344700988010999</v>
      </c>
      <c r="J10710" t="s">
        <v>66395</v>
      </c>
    </row>
    <row r="10711" spans="1:10" x14ac:dyDescent="0.25">
      <c r="A10711" t="s">
        <v>15700</v>
      </c>
      <c r="B10711" t="s">
        <v>15701</v>
      </c>
      <c r="C10711" t="s">
        <v>15702</v>
      </c>
      <c r="D10711" t="s">
        <v>14705</v>
      </c>
      <c r="E10711" t="s">
        <v>13</v>
      </c>
      <c r="F10711">
        <v>3371</v>
      </c>
      <c r="G10711" t="s">
        <v>15703</v>
      </c>
      <c r="H10711">
        <v>4.8983001635939996</v>
      </c>
      <c r="I10711">
        <v>52.344674899764001</v>
      </c>
      <c r="J10711" t="s">
        <v>66396</v>
      </c>
    </row>
    <row r="10712" spans="1:10" x14ac:dyDescent="0.25">
      <c r="A10712" t="s">
        <v>15696</v>
      </c>
      <c r="B10712" t="s">
        <v>15697</v>
      </c>
      <c r="C10712" t="s">
        <v>15698</v>
      </c>
      <c r="D10712" t="s">
        <v>14705</v>
      </c>
      <c r="E10712" t="s">
        <v>13</v>
      </c>
      <c r="F10712">
        <v>3370</v>
      </c>
      <c r="G10712" t="s">
        <v>15699</v>
      </c>
      <c r="H10712">
        <v>4.8936679325170003</v>
      </c>
      <c r="I10712">
        <v>52.344194353364998</v>
      </c>
      <c r="J10712" t="s">
        <v>66397</v>
      </c>
    </row>
    <row r="10713" spans="1:10" x14ac:dyDescent="0.25">
      <c r="A10713" t="s">
        <v>15692</v>
      </c>
      <c r="B10713" t="s">
        <v>15693</v>
      </c>
      <c r="C10713" t="s">
        <v>15694</v>
      </c>
      <c r="D10713" t="s">
        <v>14705</v>
      </c>
      <c r="E10713" t="s">
        <v>13</v>
      </c>
      <c r="F10713">
        <v>3369</v>
      </c>
      <c r="G10713" t="s">
        <v>15695</v>
      </c>
      <c r="H10713">
        <v>4.8884938045580002</v>
      </c>
      <c r="I10713">
        <v>52.346365846459001</v>
      </c>
      <c r="J10713" t="s">
        <v>66398</v>
      </c>
    </row>
    <row r="10714" spans="1:10" x14ac:dyDescent="0.25">
      <c r="A10714" t="s">
        <v>15688</v>
      </c>
      <c r="B10714" t="s">
        <v>15689</v>
      </c>
      <c r="C10714" t="s">
        <v>15690</v>
      </c>
      <c r="D10714" t="s">
        <v>14705</v>
      </c>
      <c r="E10714" t="s">
        <v>13</v>
      </c>
      <c r="F10714">
        <v>3368</v>
      </c>
      <c r="G10714" t="s">
        <v>15691</v>
      </c>
      <c r="H10714">
        <v>5.0051268540710003</v>
      </c>
      <c r="I10714">
        <v>52.352748551254003</v>
      </c>
      <c r="J10714" t="s">
        <v>66399</v>
      </c>
    </row>
    <row r="10715" spans="1:10" x14ac:dyDescent="0.25">
      <c r="A10715" t="s">
        <v>15684</v>
      </c>
      <c r="B10715" t="s">
        <v>15685</v>
      </c>
      <c r="C10715" t="s">
        <v>15686</v>
      </c>
      <c r="D10715" t="s">
        <v>14705</v>
      </c>
      <c r="E10715" t="s">
        <v>13</v>
      </c>
      <c r="F10715">
        <v>3367</v>
      </c>
      <c r="G10715" t="s">
        <v>15687</v>
      </c>
      <c r="H10715">
        <v>5.0075930698000004</v>
      </c>
      <c r="I10715">
        <v>52.349091156996998</v>
      </c>
      <c r="J10715" t="s">
        <v>66400</v>
      </c>
    </row>
    <row r="10716" spans="1:10" x14ac:dyDescent="0.25">
      <c r="A10716" t="s">
        <v>15680</v>
      </c>
      <c r="B10716" t="s">
        <v>15681</v>
      </c>
      <c r="C10716" t="s">
        <v>15682</v>
      </c>
      <c r="D10716" t="s">
        <v>14705</v>
      </c>
      <c r="E10716" t="s">
        <v>13</v>
      </c>
      <c r="F10716">
        <v>3366</v>
      </c>
      <c r="G10716" t="s">
        <v>15683</v>
      </c>
      <c r="H10716">
        <v>5.0026572092299997</v>
      </c>
      <c r="I10716">
        <v>52.346018584150997</v>
      </c>
      <c r="J10716" t="s">
        <v>66401</v>
      </c>
    </row>
    <row r="10717" spans="1:10" x14ac:dyDescent="0.25">
      <c r="A10717" t="s">
        <v>15676</v>
      </c>
      <c r="B10717" t="s">
        <v>15677</v>
      </c>
      <c r="C10717" t="s">
        <v>15678</v>
      </c>
      <c r="D10717" t="s">
        <v>14705</v>
      </c>
      <c r="E10717" t="s">
        <v>13</v>
      </c>
      <c r="F10717">
        <v>3365</v>
      </c>
      <c r="G10717" t="s">
        <v>15679</v>
      </c>
      <c r="H10717">
        <v>5.0144365870060001</v>
      </c>
      <c r="I10717">
        <v>52.351666467694002</v>
      </c>
      <c r="J10717" t="s">
        <v>66402</v>
      </c>
    </row>
    <row r="10718" spans="1:10" x14ac:dyDescent="0.25">
      <c r="A10718" t="s">
        <v>15672</v>
      </c>
      <c r="B10718" t="s">
        <v>15673</v>
      </c>
      <c r="C10718" t="s">
        <v>15674</v>
      </c>
      <c r="D10718" t="s">
        <v>14705</v>
      </c>
      <c r="E10718" t="s">
        <v>13</v>
      </c>
      <c r="F10718">
        <v>3364</v>
      </c>
      <c r="G10718" t="s">
        <v>15675</v>
      </c>
      <c r="H10718">
        <v>5.0081996234839998</v>
      </c>
      <c r="I10718">
        <v>52.367150560269998</v>
      </c>
      <c r="J10718" t="s">
        <v>66403</v>
      </c>
    </row>
    <row r="10719" spans="1:10" x14ac:dyDescent="0.25">
      <c r="A10719" t="s">
        <v>15668</v>
      </c>
      <c r="B10719" t="s">
        <v>15669</v>
      </c>
      <c r="C10719" t="s">
        <v>15670</v>
      </c>
      <c r="D10719" t="s">
        <v>14705</v>
      </c>
      <c r="E10719" t="s">
        <v>13</v>
      </c>
      <c r="F10719">
        <v>3363</v>
      </c>
      <c r="G10719" t="s">
        <v>15671</v>
      </c>
      <c r="H10719">
        <v>5.0180136821090002</v>
      </c>
      <c r="I10719">
        <v>52.354846844097999</v>
      </c>
      <c r="J10719" t="s">
        <v>66404</v>
      </c>
    </row>
    <row r="10720" spans="1:10" x14ac:dyDescent="0.25">
      <c r="A10720" t="s">
        <v>15664</v>
      </c>
      <c r="B10720" t="s">
        <v>15665</v>
      </c>
      <c r="C10720" t="s">
        <v>15666</v>
      </c>
      <c r="D10720" t="s">
        <v>14705</v>
      </c>
      <c r="E10720" t="s">
        <v>13</v>
      </c>
      <c r="F10720">
        <v>3362</v>
      </c>
      <c r="G10720" t="s">
        <v>15667</v>
      </c>
      <c r="H10720">
        <v>5.0200646889330001</v>
      </c>
      <c r="I10720">
        <v>52.356017336173998</v>
      </c>
      <c r="J10720" t="s">
        <v>66405</v>
      </c>
    </row>
    <row r="10721" spans="1:10" x14ac:dyDescent="0.25">
      <c r="A10721" t="s">
        <v>15660</v>
      </c>
      <c r="B10721" t="s">
        <v>15661</v>
      </c>
      <c r="C10721" t="s">
        <v>15662</v>
      </c>
      <c r="D10721" t="s">
        <v>14705</v>
      </c>
      <c r="E10721" t="s">
        <v>13</v>
      </c>
      <c r="F10721">
        <v>3361</v>
      </c>
      <c r="G10721" t="s">
        <v>15663</v>
      </c>
      <c r="H10721">
        <v>5.0204593012599998</v>
      </c>
      <c r="I10721">
        <v>52.354879382626002</v>
      </c>
      <c r="J10721" t="s">
        <v>66406</v>
      </c>
    </row>
    <row r="10722" spans="1:10" x14ac:dyDescent="0.25">
      <c r="A10722" t="s">
        <v>15656</v>
      </c>
      <c r="B10722" t="s">
        <v>15657</v>
      </c>
      <c r="C10722" t="s">
        <v>15658</v>
      </c>
      <c r="D10722" t="s">
        <v>14705</v>
      </c>
      <c r="E10722" t="s">
        <v>13</v>
      </c>
      <c r="F10722">
        <v>3360</v>
      </c>
      <c r="G10722" t="s">
        <v>15659</v>
      </c>
      <c r="H10722">
        <v>4.8720270792680003</v>
      </c>
      <c r="I10722">
        <v>52.345519332633003</v>
      </c>
      <c r="J10722" t="s">
        <v>66407</v>
      </c>
    </row>
    <row r="10723" spans="1:10" x14ac:dyDescent="0.25">
      <c r="A10723" t="s">
        <v>15652</v>
      </c>
      <c r="B10723" t="s">
        <v>15653</v>
      </c>
      <c r="C10723" t="s">
        <v>15654</v>
      </c>
      <c r="D10723" t="s">
        <v>14705</v>
      </c>
      <c r="E10723" t="s">
        <v>13</v>
      </c>
      <c r="F10723">
        <v>3359</v>
      </c>
      <c r="G10723" t="s">
        <v>15655</v>
      </c>
      <c r="H10723">
        <v>4.87241421492</v>
      </c>
      <c r="I10723">
        <v>52.347816126607</v>
      </c>
      <c r="J10723" t="s">
        <v>66408</v>
      </c>
    </row>
    <row r="10724" spans="1:10" x14ac:dyDescent="0.25">
      <c r="A10724" t="s">
        <v>15648</v>
      </c>
      <c r="B10724" t="s">
        <v>15649</v>
      </c>
      <c r="C10724" t="s">
        <v>15650</v>
      </c>
      <c r="D10724" t="s">
        <v>14705</v>
      </c>
      <c r="E10724" t="s">
        <v>13</v>
      </c>
      <c r="F10724">
        <v>3358</v>
      </c>
      <c r="G10724" t="s">
        <v>15651</v>
      </c>
      <c r="H10724">
        <v>4.8723789237249999</v>
      </c>
      <c r="I10724">
        <v>52.349684314039997</v>
      </c>
      <c r="J10724" t="s">
        <v>66409</v>
      </c>
    </row>
    <row r="10725" spans="1:10" x14ac:dyDescent="0.25">
      <c r="A10725" t="s">
        <v>15644</v>
      </c>
      <c r="B10725" t="s">
        <v>15645</v>
      </c>
      <c r="C10725" t="s">
        <v>15646</v>
      </c>
      <c r="D10725" t="s">
        <v>14705</v>
      </c>
      <c r="E10725" t="s">
        <v>13</v>
      </c>
      <c r="F10725">
        <v>3357</v>
      </c>
      <c r="G10725" t="s">
        <v>15647</v>
      </c>
      <c r="H10725">
        <v>4.8724064199869996</v>
      </c>
      <c r="I10725">
        <v>52.351075260291999</v>
      </c>
      <c r="J10725" t="s">
        <v>66410</v>
      </c>
    </row>
    <row r="10726" spans="1:10" x14ac:dyDescent="0.25">
      <c r="A10726" t="s">
        <v>15640</v>
      </c>
      <c r="B10726" t="s">
        <v>15641</v>
      </c>
      <c r="C10726" t="s">
        <v>15642</v>
      </c>
      <c r="D10726" t="s">
        <v>14705</v>
      </c>
      <c r="E10726" t="s">
        <v>13</v>
      </c>
      <c r="F10726">
        <v>3356</v>
      </c>
      <c r="G10726" t="s">
        <v>15643</v>
      </c>
      <c r="H10726">
        <v>4.8802560510750004</v>
      </c>
      <c r="I10726">
        <v>52.349041860014999</v>
      </c>
      <c r="J10726" t="s">
        <v>66411</v>
      </c>
    </row>
    <row r="10727" spans="1:10" x14ac:dyDescent="0.25">
      <c r="A10727" t="s">
        <v>15636</v>
      </c>
      <c r="B10727" t="s">
        <v>15637</v>
      </c>
      <c r="C10727" t="s">
        <v>15638</v>
      </c>
      <c r="D10727" t="s">
        <v>14705</v>
      </c>
      <c r="E10727" t="s">
        <v>13</v>
      </c>
      <c r="F10727">
        <v>3355</v>
      </c>
      <c r="G10727" t="s">
        <v>15639</v>
      </c>
      <c r="H10727">
        <v>4.8822542542629996</v>
      </c>
      <c r="I10727">
        <v>52.346515882976</v>
      </c>
      <c r="J10727" t="s">
        <v>66412</v>
      </c>
    </row>
    <row r="10728" spans="1:10" x14ac:dyDescent="0.25">
      <c r="A10728" t="s">
        <v>15632</v>
      </c>
      <c r="B10728" t="s">
        <v>15633</v>
      </c>
      <c r="C10728" t="s">
        <v>15634</v>
      </c>
      <c r="D10728" t="s">
        <v>14705</v>
      </c>
      <c r="E10728" t="s">
        <v>13</v>
      </c>
      <c r="F10728">
        <v>3354</v>
      </c>
      <c r="G10728" t="s">
        <v>15635</v>
      </c>
      <c r="H10728">
        <v>4.8628488785580002</v>
      </c>
      <c r="I10728">
        <v>52.344403358348998</v>
      </c>
      <c r="J10728" t="s">
        <v>66413</v>
      </c>
    </row>
    <row r="10729" spans="1:10" x14ac:dyDescent="0.25">
      <c r="A10729" t="s">
        <v>15628</v>
      </c>
      <c r="B10729" t="s">
        <v>15629</v>
      </c>
      <c r="C10729" t="s">
        <v>15630</v>
      </c>
      <c r="D10729" t="s">
        <v>14705</v>
      </c>
      <c r="E10729" t="s">
        <v>13</v>
      </c>
      <c r="F10729">
        <v>3353</v>
      </c>
      <c r="G10729" t="s">
        <v>15631</v>
      </c>
      <c r="H10729">
        <v>4.851961280557</v>
      </c>
      <c r="I10729">
        <v>52.340567608832998</v>
      </c>
      <c r="J10729" t="s">
        <v>66414</v>
      </c>
    </row>
    <row r="10730" spans="1:10" x14ac:dyDescent="0.25">
      <c r="A10730" t="s">
        <v>15624</v>
      </c>
      <c r="B10730" t="s">
        <v>15625</v>
      </c>
      <c r="C10730" t="s">
        <v>15626</v>
      </c>
      <c r="D10730" t="s">
        <v>14705</v>
      </c>
      <c r="E10730" t="s">
        <v>13</v>
      </c>
      <c r="F10730">
        <v>3352</v>
      </c>
      <c r="G10730" t="s">
        <v>15627</v>
      </c>
      <c r="H10730">
        <v>4.8550766377489998</v>
      </c>
      <c r="I10730">
        <v>52.344455907251998</v>
      </c>
      <c r="J10730" t="s">
        <v>66415</v>
      </c>
    </row>
    <row r="10731" spans="1:10" x14ac:dyDescent="0.25">
      <c r="A10731" t="s">
        <v>15620</v>
      </c>
      <c r="B10731" t="s">
        <v>15621</v>
      </c>
      <c r="C10731" t="s">
        <v>15622</v>
      </c>
      <c r="D10731" t="s">
        <v>14705</v>
      </c>
      <c r="E10731" t="s">
        <v>13</v>
      </c>
      <c r="F10731">
        <v>3351</v>
      </c>
      <c r="G10731" t="s">
        <v>15623</v>
      </c>
      <c r="H10731">
        <v>4.8607321854540002</v>
      </c>
      <c r="I10731">
        <v>52.346818934029002</v>
      </c>
      <c r="J10731" t="s">
        <v>66416</v>
      </c>
    </row>
    <row r="10732" spans="1:10" x14ac:dyDescent="0.25">
      <c r="A10732" t="s">
        <v>15616</v>
      </c>
      <c r="B10732" t="s">
        <v>15617</v>
      </c>
      <c r="C10732" t="s">
        <v>15618</v>
      </c>
      <c r="D10732" t="s">
        <v>14705</v>
      </c>
      <c r="E10732" t="s">
        <v>13</v>
      </c>
      <c r="F10732">
        <v>3350</v>
      </c>
      <c r="G10732" t="s">
        <v>15619</v>
      </c>
      <c r="H10732">
        <v>4.864704087822</v>
      </c>
      <c r="I10732">
        <v>52.348515814167001</v>
      </c>
      <c r="J10732" t="s">
        <v>66417</v>
      </c>
    </row>
    <row r="10733" spans="1:10" x14ac:dyDescent="0.25">
      <c r="A10733" t="s">
        <v>15612</v>
      </c>
      <c r="B10733" t="s">
        <v>15613</v>
      </c>
      <c r="C10733" t="s">
        <v>15614</v>
      </c>
      <c r="D10733" t="s">
        <v>14705</v>
      </c>
      <c r="E10733" t="s">
        <v>13</v>
      </c>
      <c r="F10733">
        <v>3349</v>
      </c>
      <c r="G10733" t="s">
        <v>15615</v>
      </c>
      <c r="H10733">
        <v>4.8589018304109999</v>
      </c>
      <c r="I10733">
        <v>52.348970417838999</v>
      </c>
      <c r="J10733" t="s">
        <v>66418</v>
      </c>
    </row>
    <row r="10734" spans="1:10" x14ac:dyDescent="0.25">
      <c r="A10734" t="s">
        <v>15608</v>
      </c>
      <c r="B10734" t="s">
        <v>15609</v>
      </c>
      <c r="C10734" t="s">
        <v>15610</v>
      </c>
      <c r="D10734" t="s">
        <v>14705</v>
      </c>
      <c r="E10734" t="s">
        <v>13</v>
      </c>
      <c r="F10734">
        <v>3348</v>
      </c>
      <c r="G10734" t="s">
        <v>15611</v>
      </c>
      <c r="H10734">
        <v>4.8847121353420002</v>
      </c>
      <c r="I10734">
        <v>52.353405363469001</v>
      </c>
      <c r="J10734" t="s">
        <v>66419</v>
      </c>
    </row>
    <row r="10735" spans="1:10" x14ac:dyDescent="0.25">
      <c r="A10735" t="s">
        <v>15604</v>
      </c>
      <c r="B10735" t="s">
        <v>15605</v>
      </c>
      <c r="C10735" t="s">
        <v>15606</v>
      </c>
      <c r="D10735" t="s">
        <v>14705</v>
      </c>
      <c r="E10735" t="s">
        <v>13</v>
      </c>
      <c r="F10735">
        <v>3347</v>
      </c>
      <c r="G10735" t="s">
        <v>15607</v>
      </c>
      <c r="H10735">
        <v>4.8716098598419997</v>
      </c>
      <c r="I10735">
        <v>52.358972743213002</v>
      </c>
      <c r="J10735" t="s">
        <v>66420</v>
      </c>
    </row>
    <row r="10736" spans="1:10" x14ac:dyDescent="0.25">
      <c r="A10736" t="s">
        <v>15600</v>
      </c>
      <c r="B10736" t="s">
        <v>15601</v>
      </c>
      <c r="C10736" t="s">
        <v>15602</v>
      </c>
      <c r="D10736" t="s">
        <v>14705</v>
      </c>
      <c r="E10736" t="s">
        <v>13</v>
      </c>
      <c r="F10736">
        <v>3346</v>
      </c>
      <c r="G10736" t="s">
        <v>15603</v>
      </c>
      <c r="H10736">
        <v>4.882908816554</v>
      </c>
      <c r="I10736">
        <v>52.358529012882002</v>
      </c>
      <c r="J10736" t="s">
        <v>66421</v>
      </c>
    </row>
    <row r="10737" spans="1:10" x14ac:dyDescent="0.25">
      <c r="A10737" t="s">
        <v>15596</v>
      </c>
      <c r="B10737" t="s">
        <v>15597</v>
      </c>
      <c r="C10737" t="s">
        <v>15598</v>
      </c>
      <c r="D10737" t="s">
        <v>14705</v>
      </c>
      <c r="E10737" t="s">
        <v>13</v>
      </c>
      <c r="F10737">
        <v>3345</v>
      </c>
      <c r="G10737" t="s">
        <v>15599</v>
      </c>
      <c r="H10737">
        <v>4.8837581870050002</v>
      </c>
      <c r="I10737">
        <v>52.351209253591001</v>
      </c>
      <c r="J10737" t="s">
        <v>66422</v>
      </c>
    </row>
    <row r="10738" spans="1:10" x14ac:dyDescent="0.25">
      <c r="A10738" t="s">
        <v>15592</v>
      </c>
      <c r="B10738" t="s">
        <v>15593</v>
      </c>
      <c r="C10738" t="s">
        <v>15594</v>
      </c>
      <c r="D10738" t="s">
        <v>14705</v>
      </c>
      <c r="E10738" t="s">
        <v>13</v>
      </c>
      <c r="F10738">
        <v>3344</v>
      </c>
      <c r="G10738" t="s">
        <v>15595</v>
      </c>
      <c r="H10738">
        <v>4.8792840142409997</v>
      </c>
      <c r="I10738">
        <v>52.353625620488003</v>
      </c>
      <c r="J10738" t="s">
        <v>66423</v>
      </c>
    </row>
    <row r="10739" spans="1:10" x14ac:dyDescent="0.25">
      <c r="A10739" t="s">
        <v>15588</v>
      </c>
      <c r="B10739" t="s">
        <v>15589</v>
      </c>
      <c r="C10739" t="s">
        <v>15590</v>
      </c>
      <c r="D10739" t="s">
        <v>14705</v>
      </c>
      <c r="E10739" t="s">
        <v>13</v>
      </c>
      <c r="F10739">
        <v>3343</v>
      </c>
      <c r="G10739" t="s">
        <v>15591</v>
      </c>
      <c r="H10739">
        <v>4.8743828044989996</v>
      </c>
      <c r="I10739">
        <v>52.352913591285002</v>
      </c>
      <c r="J10739" t="s">
        <v>66424</v>
      </c>
    </row>
    <row r="10740" spans="1:10" x14ac:dyDescent="0.25">
      <c r="A10740" t="s">
        <v>15584</v>
      </c>
      <c r="B10740" t="s">
        <v>15585</v>
      </c>
      <c r="C10740" t="s">
        <v>15586</v>
      </c>
      <c r="D10740" t="s">
        <v>14705</v>
      </c>
      <c r="E10740" t="s">
        <v>13</v>
      </c>
      <c r="F10740">
        <v>3342</v>
      </c>
      <c r="G10740" t="s">
        <v>15587</v>
      </c>
      <c r="H10740">
        <v>4.8718157994059998</v>
      </c>
      <c r="I10740">
        <v>52.355565345439999</v>
      </c>
      <c r="J10740" t="s">
        <v>66425</v>
      </c>
    </row>
    <row r="10741" spans="1:10" x14ac:dyDescent="0.25">
      <c r="A10741" t="s">
        <v>15580</v>
      </c>
      <c r="B10741" t="s">
        <v>15581</v>
      </c>
      <c r="C10741" t="s">
        <v>15582</v>
      </c>
      <c r="D10741" t="s">
        <v>14705</v>
      </c>
      <c r="E10741" t="s">
        <v>13</v>
      </c>
      <c r="F10741">
        <v>3341</v>
      </c>
      <c r="G10741" t="s">
        <v>15583</v>
      </c>
      <c r="H10741">
        <v>4.8768663055159998</v>
      </c>
      <c r="I10741">
        <v>52.357317720325</v>
      </c>
      <c r="J10741" t="s">
        <v>66426</v>
      </c>
    </row>
    <row r="10742" spans="1:10" x14ac:dyDescent="0.25">
      <c r="A10742" t="s">
        <v>15576</v>
      </c>
      <c r="B10742" t="s">
        <v>15577</v>
      </c>
      <c r="C10742" t="s">
        <v>15578</v>
      </c>
      <c r="D10742" t="s">
        <v>14705</v>
      </c>
      <c r="E10742" t="s">
        <v>13</v>
      </c>
      <c r="F10742">
        <v>3340</v>
      </c>
      <c r="G10742" t="s">
        <v>15579</v>
      </c>
      <c r="H10742">
        <v>4.8811057747910001</v>
      </c>
      <c r="I10742">
        <v>52.360146509570001</v>
      </c>
      <c r="J10742" t="s">
        <v>66427</v>
      </c>
    </row>
    <row r="10743" spans="1:10" x14ac:dyDescent="0.25">
      <c r="A10743" t="s">
        <v>15572</v>
      </c>
      <c r="B10743" t="s">
        <v>15573</v>
      </c>
      <c r="C10743" t="s">
        <v>15574</v>
      </c>
      <c r="D10743" t="s">
        <v>14705</v>
      </c>
      <c r="E10743" t="s">
        <v>13</v>
      </c>
      <c r="F10743">
        <v>3339</v>
      </c>
      <c r="G10743" t="s">
        <v>15575</v>
      </c>
      <c r="H10743">
        <v>4.8840763925130002</v>
      </c>
      <c r="I10743">
        <v>52.356131234808998</v>
      </c>
      <c r="J10743" t="s">
        <v>66428</v>
      </c>
    </row>
    <row r="10744" spans="1:10" x14ac:dyDescent="0.25">
      <c r="A10744" t="s">
        <v>15568</v>
      </c>
      <c r="B10744" t="s">
        <v>15569</v>
      </c>
      <c r="C10744" t="s">
        <v>15570</v>
      </c>
      <c r="D10744" t="s">
        <v>14705</v>
      </c>
      <c r="E10744" t="s">
        <v>13</v>
      </c>
      <c r="F10744">
        <v>3338</v>
      </c>
      <c r="G10744" t="s">
        <v>15571</v>
      </c>
      <c r="H10744">
        <v>4.8617210256219998</v>
      </c>
      <c r="I10744">
        <v>52.356555044996</v>
      </c>
      <c r="J10744" t="s">
        <v>66429</v>
      </c>
    </row>
    <row r="10745" spans="1:10" x14ac:dyDescent="0.25">
      <c r="A10745" t="s">
        <v>15564</v>
      </c>
      <c r="B10745" t="s">
        <v>15565</v>
      </c>
      <c r="C10745" t="s">
        <v>15566</v>
      </c>
      <c r="D10745" t="s">
        <v>14705</v>
      </c>
      <c r="E10745" t="s">
        <v>13</v>
      </c>
      <c r="F10745">
        <v>3337</v>
      </c>
      <c r="G10745" t="s">
        <v>15567</v>
      </c>
      <c r="H10745">
        <v>4.8606341478379997</v>
      </c>
      <c r="I10745">
        <v>52.353948357504002</v>
      </c>
      <c r="J10745" t="s">
        <v>66430</v>
      </c>
    </row>
    <row r="10746" spans="1:10" x14ac:dyDescent="0.25">
      <c r="A10746" t="s">
        <v>15560</v>
      </c>
      <c r="B10746" t="s">
        <v>15561</v>
      </c>
      <c r="C10746" t="s">
        <v>15562</v>
      </c>
      <c r="D10746" t="s">
        <v>14705</v>
      </c>
      <c r="E10746" t="s">
        <v>13</v>
      </c>
      <c r="F10746">
        <v>3336</v>
      </c>
      <c r="G10746" t="s">
        <v>15563</v>
      </c>
      <c r="H10746">
        <v>4.8612514865829999</v>
      </c>
      <c r="I10746">
        <v>52.351240591946002</v>
      </c>
      <c r="J10746" t="s">
        <v>66431</v>
      </c>
    </row>
    <row r="10747" spans="1:10" x14ac:dyDescent="0.25">
      <c r="A10747" t="s">
        <v>15556</v>
      </c>
      <c r="B10747" t="s">
        <v>15557</v>
      </c>
      <c r="C10747" t="s">
        <v>15558</v>
      </c>
      <c r="D10747" t="s">
        <v>14705</v>
      </c>
      <c r="E10747" t="s">
        <v>13</v>
      </c>
      <c r="F10747">
        <v>3335</v>
      </c>
      <c r="G10747" t="s">
        <v>15559</v>
      </c>
      <c r="H10747">
        <v>4.8671260285529998</v>
      </c>
      <c r="I10747">
        <v>52.352942371432</v>
      </c>
      <c r="J10747" t="s">
        <v>66432</v>
      </c>
    </row>
    <row r="10748" spans="1:10" x14ac:dyDescent="0.25">
      <c r="A10748" t="s">
        <v>15552</v>
      </c>
      <c r="B10748" t="s">
        <v>15553</v>
      </c>
      <c r="C10748" t="s">
        <v>15554</v>
      </c>
      <c r="D10748" t="s">
        <v>14705</v>
      </c>
      <c r="E10748" t="s">
        <v>13</v>
      </c>
      <c r="F10748">
        <v>3334</v>
      </c>
      <c r="G10748" t="s">
        <v>15555</v>
      </c>
      <c r="H10748">
        <v>4.8534007112599999</v>
      </c>
      <c r="I10748">
        <v>52.347790894957001</v>
      </c>
      <c r="J10748" t="s">
        <v>66433</v>
      </c>
    </row>
    <row r="10749" spans="1:10" x14ac:dyDescent="0.25">
      <c r="A10749" t="s">
        <v>15548</v>
      </c>
      <c r="B10749" t="s">
        <v>15549</v>
      </c>
      <c r="C10749" t="s">
        <v>15550</v>
      </c>
      <c r="D10749" t="s">
        <v>14705</v>
      </c>
      <c r="E10749" t="s">
        <v>13</v>
      </c>
      <c r="F10749">
        <v>3333</v>
      </c>
      <c r="G10749" t="s">
        <v>15551</v>
      </c>
      <c r="H10749">
        <v>4.8545540162489997</v>
      </c>
      <c r="I10749">
        <v>52.353334382299998</v>
      </c>
      <c r="J10749" t="s">
        <v>66434</v>
      </c>
    </row>
    <row r="10750" spans="1:10" x14ac:dyDescent="0.25">
      <c r="A10750" t="s">
        <v>15544</v>
      </c>
      <c r="B10750" t="s">
        <v>15545</v>
      </c>
      <c r="C10750" t="s">
        <v>15546</v>
      </c>
      <c r="D10750" t="s">
        <v>14705</v>
      </c>
      <c r="E10750" t="s">
        <v>13</v>
      </c>
      <c r="F10750">
        <v>3332</v>
      </c>
      <c r="G10750" t="s">
        <v>15547</v>
      </c>
      <c r="H10750">
        <v>4.8455429806419996</v>
      </c>
      <c r="I10750">
        <v>52.342823432445002</v>
      </c>
      <c r="J10750" t="s">
        <v>66435</v>
      </c>
    </row>
    <row r="10751" spans="1:10" x14ac:dyDescent="0.25">
      <c r="A10751" t="s">
        <v>15540</v>
      </c>
      <c r="B10751" t="s">
        <v>15541</v>
      </c>
      <c r="C10751" t="s">
        <v>15542</v>
      </c>
      <c r="D10751" t="s">
        <v>14705</v>
      </c>
      <c r="E10751" t="s">
        <v>13</v>
      </c>
      <c r="F10751">
        <v>3331</v>
      </c>
      <c r="G10751" t="s">
        <v>15543</v>
      </c>
      <c r="H10751">
        <v>4.8517254895309998</v>
      </c>
      <c r="I10751">
        <v>52.353172402205999</v>
      </c>
      <c r="J10751" t="s">
        <v>66436</v>
      </c>
    </row>
    <row r="10752" spans="1:10" x14ac:dyDescent="0.25">
      <c r="A10752" t="s">
        <v>15536</v>
      </c>
      <c r="B10752" t="s">
        <v>15537</v>
      </c>
      <c r="C10752" t="s">
        <v>15538</v>
      </c>
      <c r="D10752" t="s">
        <v>14705</v>
      </c>
      <c r="E10752" t="s">
        <v>13</v>
      </c>
      <c r="F10752">
        <v>3330</v>
      </c>
      <c r="G10752" t="s">
        <v>15539</v>
      </c>
      <c r="H10752">
        <v>4.8493798898389997</v>
      </c>
      <c r="I10752">
        <v>52.348590115838</v>
      </c>
      <c r="J10752" t="s">
        <v>66437</v>
      </c>
    </row>
    <row r="10753" spans="1:10" x14ac:dyDescent="0.25">
      <c r="A10753" t="s">
        <v>15532</v>
      </c>
      <c r="B10753" t="s">
        <v>15533</v>
      </c>
      <c r="C10753" t="s">
        <v>15534</v>
      </c>
      <c r="D10753" t="s">
        <v>14705</v>
      </c>
      <c r="E10753" t="s">
        <v>13</v>
      </c>
      <c r="F10753">
        <v>3329</v>
      </c>
      <c r="G10753" t="s">
        <v>15535</v>
      </c>
      <c r="H10753">
        <v>4.8471988089140003</v>
      </c>
      <c r="I10753">
        <v>52.349657436996999</v>
      </c>
      <c r="J10753" t="s">
        <v>66438</v>
      </c>
    </row>
    <row r="10754" spans="1:10" x14ac:dyDescent="0.25">
      <c r="A10754" t="s">
        <v>15528</v>
      </c>
      <c r="B10754" t="s">
        <v>15529</v>
      </c>
      <c r="C10754" t="s">
        <v>15530</v>
      </c>
      <c r="D10754" t="s">
        <v>14705</v>
      </c>
      <c r="E10754" t="s">
        <v>13</v>
      </c>
      <c r="F10754">
        <v>3328</v>
      </c>
      <c r="G10754" t="s">
        <v>15531</v>
      </c>
      <c r="H10754">
        <v>4.8478564199010004</v>
      </c>
      <c r="I10754">
        <v>52.353983779492999</v>
      </c>
      <c r="J10754" t="s">
        <v>66439</v>
      </c>
    </row>
    <row r="10755" spans="1:10" x14ac:dyDescent="0.25">
      <c r="A10755" t="s">
        <v>15524</v>
      </c>
      <c r="B10755" t="s">
        <v>15525</v>
      </c>
      <c r="C10755" t="s">
        <v>15526</v>
      </c>
      <c r="D10755" t="s">
        <v>14705</v>
      </c>
      <c r="E10755" t="s">
        <v>13</v>
      </c>
      <c r="F10755">
        <v>3327</v>
      </c>
      <c r="G10755" t="s">
        <v>15527</v>
      </c>
      <c r="H10755">
        <v>4.852246495927</v>
      </c>
      <c r="I10755">
        <v>52.356479238447001</v>
      </c>
      <c r="J10755" t="s">
        <v>66440</v>
      </c>
    </row>
    <row r="10756" spans="1:10" x14ac:dyDescent="0.25">
      <c r="A10756" t="s">
        <v>15520</v>
      </c>
      <c r="B10756" t="s">
        <v>15521</v>
      </c>
      <c r="C10756" t="s">
        <v>15522</v>
      </c>
      <c r="D10756" t="s">
        <v>14705</v>
      </c>
      <c r="E10756" t="s">
        <v>13</v>
      </c>
      <c r="F10756">
        <v>3326</v>
      </c>
      <c r="G10756" t="s">
        <v>15523</v>
      </c>
      <c r="H10756">
        <v>4.8513578033169997</v>
      </c>
      <c r="I10756">
        <v>52.360569963110002</v>
      </c>
      <c r="J10756" t="s">
        <v>66441</v>
      </c>
    </row>
    <row r="10757" spans="1:10" x14ac:dyDescent="0.25">
      <c r="A10757" t="s">
        <v>15516</v>
      </c>
      <c r="B10757" t="s">
        <v>15517</v>
      </c>
      <c r="C10757" t="s">
        <v>15518</v>
      </c>
      <c r="D10757" t="s">
        <v>14705</v>
      </c>
      <c r="E10757" t="s">
        <v>13</v>
      </c>
      <c r="F10757">
        <v>3325</v>
      </c>
      <c r="G10757" t="s">
        <v>15519</v>
      </c>
      <c r="H10757">
        <v>4.8555886275700004</v>
      </c>
      <c r="I10757">
        <v>52.361634995949998</v>
      </c>
      <c r="J10757" t="s">
        <v>66442</v>
      </c>
    </row>
    <row r="10758" spans="1:10" x14ac:dyDescent="0.25">
      <c r="A10758" t="s">
        <v>15512</v>
      </c>
      <c r="B10758" t="s">
        <v>15513</v>
      </c>
      <c r="C10758" t="s">
        <v>15514</v>
      </c>
      <c r="D10758" t="s">
        <v>14705</v>
      </c>
      <c r="E10758" t="s">
        <v>13</v>
      </c>
      <c r="F10758">
        <v>3324</v>
      </c>
      <c r="G10758" t="s">
        <v>15515</v>
      </c>
      <c r="H10758">
        <v>4.8511571019959998</v>
      </c>
      <c r="I10758">
        <v>52.365105567177999</v>
      </c>
      <c r="J10758" t="s">
        <v>66443</v>
      </c>
    </row>
    <row r="10759" spans="1:10" x14ac:dyDescent="0.25">
      <c r="A10759" t="s">
        <v>15508</v>
      </c>
      <c r="B10759" t="s">
        <v>15509</v>
      </c>
      <c r="C10759" t="s">
        <v>15510</v>
      </c>
      <c r="D10759" t="s">
        <v>14705</v>
      </c>
      <c r="E10759" t="s">
        <v>13</v>
      </c>
      <c r="F10759">
        <v>3323</v>
      </c>
      <c r="G10759" t="s">
        <v>15511</v>
      </c>
      <c r="H10759">
        <v>4.8502538247559999</v>
      </c>
      <c r="I10759">
        <v>52.368318220676002</v>
      </c>
      <c r="J10759" t="s">
        <v>66444</v>
      </c>
    </row>
    <row r="10760" spans="1:10" x14ac:dyDescent="0.25">
      <c r="A10760" t="s">
        <v>15504</v>
      </c>
      <c r="B10760" t="s">
        <v>15505</v>
      </c>
      <c r="C10760" t="s">
        <v>15506</v>
      </c>
      <c r="D10760" t="s">
        <v>14705</v>
      </c>
      <c r="E10760" t="s">
        <v>13</v>
      </c>
      <c r="F10760">
        <v>3322</v>
      </c>
      <c r="G10760" t="s">
        <v>15507</v>
      </c>
      <c r="H10760">
        <v>4.8553864321170002</v>
      </c>
      <c r="I10760">
        <v>52.365860796420002</v>
      </c>
      <c r="J10760" t="s">
        <v>66445</v>
      </c>
    </row>
    <row r="10761" spans="1:10" x14ac:dyDescent="0.25">
      <c r="A10761" t="s">
        <v>15500</v>
      </c>
      <c r="B10761" t="s">
        <v>15501</v>
      </c>
      <c r="C10761" t="s">
        <v>15502</v>
      </c>
      <c r="D10761" t="s">
        <v>14705</v>
      </c>
      <c r="E10761" t="s">
        <v>13</v>
      </c>
      <c r="F10761">
        <v>3321</v>
      </c>
      <c r="G10761" t="s">
        <v>15503</v>
      </c>
      <c r="H10761">
        <v>4.8540627165450001</v>
      </c>
      <c r="I10761">
        <v>52.369236127009003</v>
      </c>
      <c r="J10761" t="s">
        <v>66446</v>
      </c>
    </row>
    <row r="10762" spans="1:10" x14ac:dyDescent="0.25">
      <c r="A10762" t="s">
        <v>15496</v>
      </c>
      <c r="B10762" t="s">
        <v>15497</v>
      </c>
      <c r="C10762" t="s">
        <v>15498</v>
      </c>
      <c r="D10762" t="s">
        <v>14705</v>
      </c>
      <c r="E10762" t="s">
        <v>13</v>
      </c>
      <c r="F10762">
        <v>3320</v>
      </c>
      <c r="G10762" t="s">
        <v>15499</v>
      </c>
      <c r="H10762">
        <v>4.8452213242979996</v>
      </c>
      <c r="I10762">
        <v>52.370887702339999</v>
      </c>
      <c r="J10762" t="s">
        <v>66447</v>
      </c>
    </row>
    <row r="10763" spans="1:10" x14ac:dyDescent="0.25">
      <c r="A10763" t="s">
        <v>15492</v>
      </c>
      <c r="B10763" t="s">
        <v>15493</v>
      </c>
      <c r="C10763" t="s">
        <v>15494</v>
      </c>
      <c r="D10763" t="s">
        <v>14705</v>
      </c>
      <c r="E10763" t="s">
        <v>13</v>
      </c>
      <c r="F10763">
        <v>3319</v>
      </c>
      <c r="G10763" t="s">
        <v>15495</v>
      </c>
      <c r="H10763">
        <v>4.8485539801590001</v>
      </c>
      <c r="I10763">
        <v>52.371245470317</v>
      </c>
      <c r="J10763" t="s">
        <v>66448</v>
      </c>
    </row>
    <row r="10764" spans="1:10" x14ac:dyDescent="0.25">
      <c r="A10764" t="s">
        <v>15488</v>
      </c>
      <c r="B10764" t="s">
        <v>15489</v>
      </c>
      <c r="C10764" t="s">
        <v>15490</v>
      </c>
      <c r="D10764" t="s">
        <v>14705</v>
      </c>
      <c r="E10764" t="s">
        <v>13</v>
      </c>
      <c r="F10764">
        <v>3318</v>
      </c>
      <c r="G10764" t="s">
        <v>15491</v>
      </c>
      <c r="H10764">
        <v>4.8513093253089998</v>
      </c>
      <c r="I10764">
        <v>52.371710707433998</v>
      </c>
      <c r="J10764" t="s">
        <v>66449</v>
      </c>
    </row>
    <row r="10765" spans="1:10" x14ac:dyDescent="0.25">
      <c r="A10765" t="s">
        <v>15484</v>
      </c>
      <c r="B10765" t="s">
        <v>15485</v>
      </c>
      <c r="C10765" t="s">
        <v>15486</v>
      </c>
      <c r="D10765" t="s">
        <v>14705</v>
      </c>
      <c r="E10765" t="s">
        <v>13</v>
      </c>
      <c r="F10765">
        <v>3317</v>
      </c>
      <c r="G10765" t="s">
        <v>15487</v>
      </c>
      <c r="H10765">
        <v>4.8545699657060002</v>
      </c>
      <c r="I10765">
        <v>52.372421173511</v>
      </c>
      <c r="J10765" t="s">
        <v>66450</v>
      </c>
    </row>
    <row r="10766" spans="1:10" x14ac:dyDescent="0.25">
      <c r="A10766" t="s">
        <v>15480</v>
      </c>
      <c r="B10766" t="s">
        <v>15481</v>
      </c>
      <c r="C10766" t="s">
        <v>15482</v>
      </c>
      <c r="D10766" t="s">
        <v>14705</v>
      </c>
      <c r="E10766" t="s">
        <v>13</v>
      </c>
      <c r="F10766">
        <v>3316</v>
      </c>
      <c r="G10766" t="s">
        <v>15483</v>
      </c>
      <c r="H10766">
        <v>4.8575628592899998</v>
      </c>
      <c r="I10766">
        <v>52.372909478251998</v>
      </c>
      <c r="J10766" t="s">
        <v>66451</v>
      </c>
    </row>
    <row r="10767" spans="1:10" x14ac:dyDescent="0.25">
      <c r="A10767" t="s">
        <v>15476</v>
      </c>
      <c r="B10767" t="s">
        <v>15477</v>
      </c>
      <c r="C10767" t="s">
        <v>15478</v>
      </c>
      <c r="D10767" t="s">
        <v>14705</v>
      </c>
      <c r="E10767" t="s">
        <v>13</v>
      </c>
      <c r="F10767">
        <v>3315</v>
      </c>
      <c r="G10767" t="s">
        <v>15479</v>
      </c>
      <c r="H10767">
        <v>4.8612867617650002</v>
      </c>
      <c r="I10767">
        <v>52.373047535369999</v>
      </c>
      <c r="J10767" t="s">
        <v>66452</v>
      </c>
    </row>
    <row r="10768" spans="1:10" x14ac:dyDescent="0.25">
      <c r="A10768" t="s">
        <v>15472</v>
      </c>
      <c r="B10768" t="s">
        <v>15473</v>
      </c>
      <c r="C10768" t="s">
        <v>15474</v>
      </c>
      <c r="D10768" t="s">
        <v>14705</v>
      </c>
      <c r="E10768" t="s">
        <v>13</v>
      </c>
      <c r="F10768">
        <v>3314</v>
      </c>
      <c r="G10768" t="s">
        <v>15475</v>
      </c>
      <c r="H10768">
        <v>4.8647474390490002</v>
      </c>
      <c r="I10768">
        <v>52.372821499087003</v>
      </c>
      <c r="J10768" t="s">
        <v>66453</v>
      </c>
    </row>
    <row r="10769" spans="1:10" x14ac:dyDescent="0.25">
      <c r="A10769" t="s">
        <v>15468</v>
      </c>
      <c r="B10769" t="s">
        <v>15469</v>
      </c>
      <c r="C10769" t="s">
        <v>15470</v>
      </c>
      <c r="D10769" t="s">
        <v>14705</v>
      </c>
      <c r="E10769" t="s">
        <v>13</v>
      </c>
      <c r="F10769">
        <v>3313</v>
      </c>
      <c r="G10769" t="s">
        <v>15471</v>
      </c>
      <c r="H10769">
        <v>4.8415904486650003</v>
      </c>
      <c r="I10769">
        <v>52.381572766182998</v>
      </c>
      <c r="J10769" t="s">
        <v>66454</v>
      </c>
    </row>
    <row r="10770" spans="1:10" x14ac:dyDescent="0.25">
      <c r="A10770" t="s">
        <v>15464</v>
      </c>
      <c r="B10770" t="s">
        <v>15465</v>
      </c>
      <c r="C10770" t="s">
        <v>15466</v>
      </c>
      <c r="D10770" t="s">
        <v>14705</v>
      </c>
      <c r="E10770" t="s">
        <v>13</v>
      </c>
      <c r="F10770">
        <v>3312</v>
      </c>
      <c r="G10770" t="s">
        <v>15467</v>
      </c>
      <c r="H10770">
        <v>4.8403776445490001</v>
      </c>
      <c r="I10770">
        <v>52.377117632927003</v>
      </c>
      <c r="J10770" t="s">
        <v>66455</v>
      </c>
    </row>
    <row r="10771" spans="1:10" x14ac:dyDescent="0.25">
      <c r="A10771" t="s">
        <v>15460</v>
      </c>
      <c r="B10771" t="s">
        <v>15461</v>
      </c>
      <c r="C10771" t="s">
        <v>15462</v>
      </c>
      <c r="D10771" t="s">
        <v>14705</v>
      </c>
      <c r="E10771" t="s">
        <v>13</v>
      </c>
      <c r="F10771">
        <v>3311</v>
      </c>
      <c r="G10771" t="s">
        <v>15463</v>
      </c>
      <c r="H10771">
        <v>4.8392602955669997</v>
      </c>
      <c r="I10771">
        <v>52.374261315483999</v>
      </c>
      <c r="J10771" t="s">
        <v>66456</v>
      </c>
    </row>
    <row r="10772" spans="1:10" x14ac:dyDescent="0.25">
      <c r="A10772" t="s">
        <v>15456</v>
      </c>
      <c r="B10772" t="s">
        <v>15457</v>
      </c>
      <c r="C10772" t="s">
        <v>15458</v>
      </c>
      <c r="D10772" t="s">
        <v>14705</v>
      </c>
      <c r="E10772" t="s">
        <v>13</v>
      </c>
      <c r="F10772">
        <v>3310</v>
      </c>
      <c r="G10772" t="s">
        <v>15459</v>
      </c>
      <c r="H10772">
        <v>4.8449350987470003</v>
      </c>
      <c r="I10772">
        <v>52.374817763322</v>
      </c>
      <c r="J10772" t="s">
        <v>66457</v>
      </c>
    </row>
    <row r="10773" spans="1:10" x14ac:dyDescent="0.25">
      <c r="A10773" t="s">
        <v>15452</v>
      </c>
      <c r="B10773" t="s">
        <v>15453</v>
      </c>
      <c r="C10773" t="s">
        <v>15454</v>
      </c>
      <c r="D10773" t="s">
        <v>14705</v>
      </c>
      <c r="E10773" t="s">
        <v>13</v>
      </c>
      <c r="F10773">
        <v>3309</v>
      </c>
      <c r="G10773" t="s">
        <v>15455</v>
      </c>
      <c r="H10773">
        <v>4.8481811060969999</v>
      </c>
      <c r="I10773">
        <v>52.373854369714003</v>
      </c>
      <c r="J10773" t="s">
        <v>66458</v>
      </c>
    </row>
    <row r="10774" spans="1:10" x14ac:dyDescent="0.25">
      <c r="A10774" t="s">
        <v>15448</v>
      </c>
      <c r="B10774" t="s">
        <v>15449</v>
      </c>
      <c r="C10774" t="s">
        <v>15450</v>
      </c>
      <c r="D10774" t="s">
        <v>14705</v>
      </c>
      <c r="E10774" t="s">
        <v>13</v>
      </c>
      <c r="F10774">
        <v>3308</v>
      </c>
      <c r="G10774" t="s">
        <v>15451</v>
      </c>
      <c r="H10774">
        <v>4.8516984862120003</v>
      </c>
      <c r="I10774">
        <v>52.376539412988997</v>
      </c>
      <c r="J10774" t="s">
        <v>66459</v>
      </c>
    </row>
    <row r="10775" spans="1:10" x14ac:dyDescent="0.25">
      <c r="A10775" t="s">
        <v>15444</v>
      </c>
      <c r="B10775" t="s">
        <v>15445</v>
      </c>
      <c r="C10775" t="s">
        <v>15446</v>
      </c>
      <c r="D10775" t="s">
        <v>14705</v>
      </c>
      <c r="E10775" t="s">
        <v>13</v>
      </c>
      <c r="F10775">
        <v>3307</v>
      </c>
      <c r="G10775" t="s">
        <v>15447</v>
      </c>
      <c r="H10775">
        <v>4.8574767883329999</v>
      </c>
      <c r="I10775">
        <v>52.380773184440997</v>
      </c>
      <c r="J10775" t="s">
        <v>66460</v>
      </c>
    </row>
    <row r="10776" spans="1:10" x14ac:dyDescent="0.25">
      <c r="A10776" t="s">
        <v>15440</v>
      </c>
      <c r="B10776" t="s">
        <v>15441</v>
      </c>
      <c r="C10776" t="s">
        <v>15442</v>
      </c>
      <c r="D10776" t="s">
        <v>14705</v>
      </c>
      <c r="E10776" t="s">
        <v>13</v>
      </c>
      <c r="F10776">
        <v>3306</v>
      </c>
      <c r="G10776" t="s">
        <v>15443</v>
      </c>
      <c r="H10776">
        <v>4.8529592979430003</v>
      </c>
      <c r="I10776">
        <v>52.383649843524999</v>
      </c>
      <c r="J10776" t="s">
        <v>66461</v>
      </c>
    </row>
    <row r="10777" spans="1:10" x14ac:dyDescent="0.25">
      <c r="A10777" t="s">
        <v>15436</v>
      </c>
      <c r="B10777" t="s">
        <v>15437</v>
      </c>
      <c r="C10777" t="s">
        <v>15438</v>
      </c>
      <c r="D10777" t="s">
        <v>14705</v>
      </c>
      <c r="E10777" t="s">
        <v>13</v>
      </c>
      <c r="F10777">
        <v>3305</v>
      </c>
      <c r="G10777" t="s">
        <v>15439</v>
      </c>
      <c r="H10777">
        <v>4.8562932863060002</v>
      </c>
      <c r="I10777">
        <v>52.376944504020003</v>
      </c>
      <c r="J10777" t="s">
        <v>66462</v>
      </c>
    </row>
    <row r="10778" spans="1:10" x14ac:dyDescent="0.25">
      <c r="A10778" t="s">
        <v>15432</v>
      </c>
      <c r="B10778" t="s">
        <v>15433</v>
      </c>
      <c r="C10778" t="s">
        <v>15434</v>
      </c>
      <c r="D10778" t="s">
        <v>14705</v>
      </c>
      <c r="E10778" t="s">
        <v>13</v>
      </c>
      <c r="F10778">
        <v>3304</v>
      </c>
      <c r="G10778" t="s">
        <v>15435</v>
      </c>
      <c r="H10778">
        <v>4.8606479263860001</v>
      </c>
      <c r="I10778">
        <v>52.377398015528001</v>
      </c>
      <c r="J10778" t="s">
        <v>66463</v>
      </c>
    </row>
    <row r="10779" spans="1:10" x14ac:dyDescent="0.25">
      <c r="A10779" t="s">
        <v>15428</v>
      </c>
      <c r="B10779" t="s">
        <v>15429</v>
      </c>
      <c r="C10779" t="s">
        <v>15430</v>
      </c>
      <c r="D10779" t="s">
        <v>14705</v>
      </c>
      <c r="E10779" t="s">
        <v>13</v>
      </c>
      <c r="F10779">
        <v>3303</v>
      </c>
      <c r="G10779" t="s">
        <v>15431</v>
      </c>
      <c r="H10779">
        <v>4.848009849146</v>
      </c>
      <c r="I10779">
        <v>52.381213162446997</v>
      </c>
      <c r="J10779" t="s">
        <v>66464</v>
      </c>
    </row>
    <row r="10780" spans="1:10" x14ac:dyDescent="0.25">
      <c r="A10780" t="s">
        <v>15424</v>
      </c>
      <c r="B10780" t="s">
        <v>15425</v>
      </c>
      <c r="C10780" t="s">
        <v>15426</v>
      </c>
      <c r="D10780" t="s">
        <v>14705</v>
      </c>
      <c r="E10780" t="s">
        <v>13</v>
      </c>
      <c r="F10780">
        <v>3302</v>
      </c>
      <c r="G10780" t="s">
        <v>15427</v>
      </c>
      <c r="H10780">
        <v>4.8595704259700003</v>
      </c>
      <c r="I10780">
        <v>52.383067821140003</v>
      </c>
      <c r="J10780" t="s">
        <v>66465</v>
      </c>
    </row>
    <row r="10781" spans="1:10" x14ac:dyDescent="0.25">
      <c r="A10781" t="s">
        <v>15420</v>
      </c>
      <c r="B10781" t="s">
        <v>15421</v>
      </c>
      <c r="C10781" t="s">
        <v>15422</v>
      </c>
      <c r="D10781" t="s">
        <v>14705</v>
      </c>
      <c r="E10781" t="s">
        <v>13</v>
      </c>
      <c r="F10781">
        <v>3301</v>
      </c>
      <c r="G10781" t="s">
        <v>15423</v>
      </c>
      <c r="H10781">
        <v>4.8511352693900003</v>
      </c>
      <c r="I10781">
        <v>52.392059557067</v>
      </c>
      <c r="J10781" t="s">
        <v>66466</v>
      </c>
    </row>
    <row r="10782" spans="1:10" x14ac:dyDescent="0.25">
      <c r="A10782" t="s">
        <v>15416</v>
      </c>
      <c r="B10782" t="s">
        <v>15417</v>
      </c>
      <c r="C10782" t="s">
        <v>15418</v>
      </c>
      <c r="D10782" t="s">
        <v>14705</v>
      </c>
      <c r="E10782" t="s">
        <v>13</v>
      </c>
      <c r="F10782">
        <v>3300</v>
      </c>
      <c r="G10782" t="s">
        <v>15419</v>
      </c>
      <c r="H10782">
        <v>4.854278305327</v>
      </c>
      <c r="I10782">
        <v>52.387116736460001</v>
      </c>
      <c r="J10782" t="s">
        <v>66467</v>
      </c>
    </row>
    <row r="10783" spans="1:10" x14ac:dyDescent="0.25">
      <c r="A10783" t="s">
        <v>15412</v>
      </c>
      <c r="B10783" t="s">
        <v>15413</v>
      </c>
      <c r="C10783" t="s">
        <v>15414</v>
      </c>
      <c r="D10783" t="s">
        <v>14705</v>
      </c>
      <c r="E10783" t="s">
        <v>13</v>
      </c>
      <c r="F10783">
        <v>3299</v>
      </c>
      <c r="G10783" t="s">
        <v>15415</v>
      </c>
      <c r="H10783">
        <v>4.9987614270399998</v>
      </c>
      <c r="I10783">
        <v>52.355956635196002</v>
      </c>
      <c r="J10783" t="s">
        <v>66468</v>
      </c>
    </row>
    <row r="10784" spans="1:10" x14ac:dyDescent="0.25">
      <c r="A10784" t="s">
        <v>15408</v>
      </c>
      <c r="B10784" t="s">
        <v>15409</v>
      </c>
      <c r="C10784" t="s">
        <v>15410</v>
      </c>
      <c r="D10784" t="s">
        <v>14705</v>
      </c>
      <c r="E10784" t="s">
        <v>13</v>
      </c>
      <c r="F10784">
        <v>3298</v>
      </c>
      <c r="G10784" t="s">
        <v>15411</v>
      </c>
      <c r="H10784">
        <v>4.9919334543630001</v>
      </c>
      <c r="I10784">
        <v>52.359448608996999</v>
      </c>
      <c r="J10784" t="s">
        <v>66469</v>
      </c>
    </row>
    <row r="10785" spans="1:10" x14ac:dyDescent="0.25">
      <c r="A10785" t="s">
        <v>15404</v>
      </c>
      <c r="B10785" t="s">
        <v>15405</v>
      </c>
      <c r="C10785" t="s">
        <v>15406</v>
      </c>
      <c r="D10785" t="s">
        <v>14705</v>
      </c>
      <c r="E10785" t="s">
        <v>13</v>
      </c>
      <c r="F10785">
        <v>3297</v>
      </c>
      <c r="G10785" t="s">
        <v>15407</v>
      </c>
      <c r="H10785">
        <v>4.9933071775259998</v>
      </c>
      <c r="I10785">
        <v>52.354449830188003</v>
      </c>
      <c r="J10785" t="s">
        <v>66470</v>
      </c>
    </row>
    <row r="10786" spans="1:10" x14ac:dyDescent="0.25">
      <c r="A10786" t="s">
        <v>15400</v>
      </c>
      <c r="B10786" t="s">
        <v>15401</v>
      </c>
      <c r="C10786" t="s">
        <v>15402</v>
      </c>
      <c r="D10786" t="s">
        <v>14705</v>
      </c>
      <c r="E10786" t="s">
        <v>13</v>
      </c>
      <c r="F10786">
        <v>3296</v>
      </c>
      <c r="G10786" t="s">
        <v>15403</v>
      </c>
      <c r="H10786">
        <v>4.9795259350260004</v>
      </c>
      <c r="I10786">
        <v>52.361505280902001</v>
      </c>
      <c r="J10786" t="s">
        <v>66471</v>
      </c>
    </row>
    <row r="10787" spans="1:10" x14ac:dyDescent="0.25">
      <c r="A10787" t="s">
        <v>15396</v>
      </c>
      <c r="B10787" t="s">
        <v>15397</v>
      </c>
      <c r="C10787" t="s">
        <v>15398</v>
      </c>
      <c r="D10787" t="s">
        <v>14705</v>
      </c>
      <c r="E10787" t="s">
        <v>13</v>
      </c>
      <c r="F10787">
        <v>3295</v>
      </c>
      <c r="G10787" t="s">
        <v>15399</v>
      </c>
      <c r="H10787">
        <v>4.9854429007779997</v>
      </c>
      <c r="I10787">
        <v>52.363081156638998</v>
      </c>
      <c r="J10787" t="s">
        <v>66472</v>
      </c>
    </row>
    <row r="10788" spans="1:10" x14ac:dyDescent="0.25">
      <c r="A10788" t="s">
        <v>15392</v>
      </c>
      <c r="B10788" t="s">
        <v>15393</v>
      </c>
      <c r="C10788" t="s">
        <v>15394</v>
      </c>
      <c r="D10788" t="s">
        <v>14705</v>
      </c>
      <c r="E10788" t="s">
        <v>13</v>
      </c>
      <c r="F10788">
        <v>3294</v>
      </c>
      <c r="G10788" t="s">
        <v>15395</v>
      </c>
      <c r="H10788">
        <v>4.9733031513680004</v>
      </c>
      <c r="I10788">
        <v>52.369843634132003</v>
      </c>
      <c r="J10788" t="s">
        <v>66473</v>
      </c>
    </row>
    <row r="10789" spans="1:10" x14ac:dyDescent="0.25">
      <c r="A10789" t="s">
        <v>15388</v>
      </c>
      <c r="B10789" t="s">
        <v>15389</v>
      </c>
      <c r="C10789" t="s">
        <v>15390</v>
      </c>
      <c r="D10789" t="s">
        <v>14705</v>
      </c>
      <c r="E10789" t="s">
        <v>13</v>
      </c>
      <c r="F10789">
        <v>3293</v>
      </c>
      <c r="G10789" t="s">
        <v>15391</v>
      </c>
      <c r="H10789">
        <v>4.9666350125439997</v>
      </c>
      <c r="I10789">
        <v>52.373142435886002</v>
      </c>
      <c r="J10789" t="s">
        <v>66474</v>
      </c>
    </row>
    <row r="10790" spans="1:10" x14ac:dyDescent="0.25">
      <c r="A10790" t="s">
        <v>15384</v>
      </c>
      <c r="B10790" t="s">
        <v>15385</v>
      </c>
      <c r="C10790" t="s">
        <v>15386</v>
      </c>
      <c r="D10790" t="s">
        <v>14705</v>
      </c>
      <c r="E10790" t="s">
        <v>13</v>
      </c>
      <c r="F10790">
        <v>3292</v>
      </c>
      <c r="G10790" t="s">
        <v>15387</v>
      </c>
      <c r="H10790">
        <v>4.9822871940029998</v>
      </c>
      <c r="I10790">
        <v>52.353164409359998</v>
      </c>
      <c r="J10790" t="s">
        <v>66475</v>
      </c>
    </row>
    <row r="10791" spans="1:10" x14ac:dyDescent="0.25">
      <c r="A10791" t="s">
        <v>15380</v>
      </c>
      <c r="B10791" t="s">
        <v>15381</v>
      </c>
      <c r="C10791" t="s">
        <v>15382</v>
      </c>
      <c r="D10791" t="s">
        <v>14705</v>
      </c>
      <c r="E10791" t="s">
        <v>13</v>
      </c>
      <c r="F10791">
        <v>3291</v>
      </c>
      <c r="G10791" t="s">
        <v>15383</v>
      </c>
      <c r="H10791">
        <v>4.9589134823650003</v>
      </c>
      <c r="I10791">
        <v>52.370139898380003</v>
      </c>
      <c r="J10791" t="s">
        <v>66476</v>
      </c>
    </row>
    <row r="10792" spans="1:10" x14ac:dyDescent="0.25">
      <c r="A10792" t="s">
        <v>15376</v>
      </c>
      <c r="B10792" t="s">
        <v>15377</v>
      </c>
      <c r="C10792" t="s">
        <v>15378</v>
      </c>
      <c r="D10792" t="s">
        <v>14705</v>
      </c>
      <c r="E10792" t="s">
        <v>13</v>
      </c>
      <c r="F10792">
        <v>3290</v>
      </c>
      <c r="G10792" t="s">
        <v>15379</v>
      </c>
      <c r="H10792">
        <v>4.968378412711</v>
      </c>
      <c r="I10792">
        <v>52.367863760653997</v>
      </c>
      <c r="J10792" t="s">
        <v>66477</v>
      </c>
    </row>
    <row r="10793" spans="1:10" x14ac:dyDescent="0.25">
      <c r="A10793" t="s">
        <v>15372</v>
      </c>
      <c r="B10793" t="s">
        <v>15373</v>
      </c>
      <c r="C10793" t="s">
        <v>15374</v>
      </c>
      <c r="D10793" t="s">
        <v>14705</v>
      </c>
      <c r="E10793" t="s">
        <v>13</v>
      </c>
      <c r="F10793">
        <v>3289</v>
      </c>
      <c r="G10793" t="s">
        <v>15375</v>
      </c>
      <c r="H10793">
        <v>4.9595684224300003</v>
      </c>
      <c r="I10793">
        <v>52.376150652725002</v>
      </c>
      <c r="J10793" t="s">
        <v>66478</v>
      </c>
    </row>
    <row r="10794" spans="1:10" x14ac:dyDescent="0.25">
      <c r="A10794" t="s">
        <v>15368</v>
      </c>
      <c r="B10794" t="s">
        <v>15369</v>
      </c>
      <c r="C10794" t="s">
        <v>15370</v>
      </c>
      <c r="D10794" t="s">
        <v>14705</v>
      </c>
      <c r="E10794" t="s">
        <v>13</v>
      </c>
      <c r="F10794">
        <v>3288</v>
      </c>
      <c r="G10794" t="s">
        <v>15371</v>
      </c>
      <c r="H10794">
        <v>4.9414864300710004</v>
      </c>
      <c r="I10794">
        <v>52.366985007501</v>
      </c>
      <c r="J10794" t="s">
        <v>66479</v>
      </c>
    </row>
    <row r="10795" spans="1:10" x14ac:dyDescent="0.25">
      <c r="A10795" t="s">
        <v>15364</v>
      </c>
      <c r="B10795" t="s">
        <v>15365</v>
      </c>
      <c r="C10795" t="s">
        <v>15366</v>
      </c>
      <c r="D10795" t="s">
        <v>14705</v>
      </c>
      <c r="E10795" t="s">
        <v>13</v>
      </c>
      <c r="F10795">
        <v>3287</v>
      </c>
      <c r="G10795" t="s">
        <v>15367</v>
      </c>
      <c r="H10795">
        <v>4.9516821862059999</v>
      </c>
      <c r="I10795">
        <v>52.369618582019001</v>
      </c>
      <c r="J10795" t="s">
        <v>66480</v>
      </c>
    </row>
    <row r="10796" spans="1:10" x14ac:dyDescent="0.25">
      <c r="A10796" t="s">
        <v>15360</v>
      </c>
      <c r="B10796" t="s">
        <v>15361</v>
      </c>
      <c r="C10796" t="s">
        <v>15362</v>
      </c>
      <c r="D10796" t="s">
        <v>14705</v>
      </c>
      <c r="E10796" t="s">
        <v>13</v>
      </c>
      <c r="F10796">
        <v>3286</v>
      </c>
      <c r="G10796" t="s">
        <v>15363</v>
      </c>
      <c r="H10796">
        <v>4.9374042144899999</v>
      </c>
      <c r="I10796">
        <v>52.367693297750002</v>
      </c>
      <c r="J10796" t="s">
        <v>66481</v>
      </c>
    </row>
    <row r="10797" spans="1:10" x14ac:dyDescent="0.25">
      <c r="A10797" t="s">
        <v>15356</v>
      </c>
      <c r="B10797" t="s">
        <v>15357</v>
      </c>
      <c r="C10797" t="s">
        <v>15358</v>
      </c>
      <c r="D10797" t="s">
        <v>14705</v>
      </c>
      <c r="E10797" t="s">
        <v>13</v>
      </c>
      <c r="F10797">
        <v>3285</v>
      </c>
      <c r="G10797" t="s">
        <v>15359</v>
      </c>
      <c r="H10797">
        <v>4.9423480942150002</v>
      </c>
      <c r="I10797">
        <v>52.368706321368002</v>
      </c>
      <c r="J10797" t="s">
        <v>66482</v>
      </c>
    </row>
    <row r="10798" spans="1:10" x14ac:dyDescent="0.25">
      <c r="A10798" t="s">
        <v>15352</v>
      </c>
      <c r="B10798" t="s">
        <v>15353</v>
      </c>
      <c r="C10798" t="s">
        <v>15354</v>
      </c>
      <c r="D10798" t="s">
        <v>14705</v>
      </c>
      <c r="E10798" t="s">
        <v>13</v>
      </c>
      <c r="F10798">
        <v>3284</v>
      </c>
      <c r="G10798" t="s">
        <v>15355</v>
      </c>
      <c r="H10798">
        <v>4.9353485571829996</v>
      </c>
      <c r="I10798">
        <v>52.369191276133002</v>
      </c>
      <c r="J10798" t="s">
        <v>66483</v>
      </c>
    </row>
    <row r="10799" spans="1:10" x14ac:dyDescent="0.25">
      <c r="A10799" t="s">
        <v>15348</v>
      </c>
      <c r="B10799" t="s">
        <v>15349</v>
      </c>
      <c r="C10799" t="s">
        <v>15350</v>
      </c>
      <c r="D10799" t="s">
        <v>14705</v>
      </c>
      <c r="E10799" t="s">
        <v>13</v>
      </c>
      <c r="F10799">
        <v>3283</v>
      </c>
      <c r="G10799" t="s">
        <v>15351</v>
      </c>
      <c r="H10799">
        <v>4.94613085672</v>
      </c>
      <c r="I10799">
        <v>52.371487073693999</v>
      </c>
      <c r="J10799" t="s">
        <v>66484</v>
      </c>
    </row>
    <row r="10800" spans="1:10" x14ac:dyDescent="0.25">
      <c r="A10800" t="s">
        <v>15344</v>
      </c>
      <c r="B10800" t="s">
        <v>15345</v>
      </c>
      <c r="C10800" t="s">
        <v>15346</v>
      </c>
      <c r="D10800" t="s">
        <v>14705</v>
      </c>
      <c r="E10800" t="s">
        <v>13</v>
      </c>
      <c r="F10800">
        <v>3282</v>
      </c>
      <c r="G10800" t="s">
        <v>15347</v>
      </c>
      <c r="H10800">
        <v>4.9469086706079999</v>
      </c>
      <c r="I10800">
        <v>52.374241583992003</v>
      </c>
      <c r="J10800" t="s">
        <v>66485</v>
      </c>
    </row>
    <row r="10801" spans="1:10" x14ac:dyDescent="0.25">
      <c r="A10801" t="s">
        <v>15340</v>
      </c>
      <c r="B10801" t="s">
        <v>15341</v>
      </c>
      <c r="C10801" t="s">
        <v>15342</v>
      </c>
      <c r="D10801" t="s">
        <v>14705</v>
      </c>
      <c r="E10801" t="s">
        <v>13</v>
      </c>
      <c r="F10801">
        <v>3281</v>
      </c>
      <c r="G10801" t="s">
        <v>15343</v>
      </c>
      <c r="H10801">
        <v>4.947284151681</v>
      </c>
      <c r="I10801">
        <v>52.379330646642003</v>
      </c>
      <c r="J10801" t="s">
        <v>66486</v>
      </c>
    </row>
    <row r="10802" spans="1:10" x14ac:dyDescent="0.25">
      <c r="A10802" t="s">
        <v>15336</v>
      </c>
      <c r="B10802" t="s">
        <v>15337</v>
      </c>
      <c r="C10802" t="s">
        <v>15338</v>
      </c>
      <c r="D10802" t="s">
        <v>14705</v>
      </c>
      <c r="E10802" t="s">
        <v>13</v>
      </c>
      <c r="F10802">
        <v>3280</v>
      </c>
      <c r="G10802" t="s">
        <v>15339</v>
      </c>
      <c r="H10802">
        <v>4.9285690751129998</v>
      </c>
      <c r="I10802">
        <v>52.379253248935001</v>
      </c>
      <c r="J10802" t="s">
        <v>66487</v>
      </c>
    </row>
    <row r="10803" spans="1:10" x14ac:dyDescent="0.25">
      <c r="A10803" t="s">
        <v>15333</v>
      </c>
      <c r="B10803" t="s">
        <v>15334</v>
      </c>
      <c r="C10803" t="s">
        <v>7496</v>
      </c>
      <c r="D10803" t="s">
        <v>14705</v>
      </c>
      <c r="E10803" t="s">
        <v>13</v>
      </c>
      <c r="F10803">
        <v>3279</v>
      </c>
      <c r="G10803" t="s">
        <v>15335</v>
      </c>
      <c r="H10803">
        <v>4.9337384317930004</v>
      </c>
      <c r="I10803">
        <v>52.373798455199001</v>
      </c>
      <c r="J10803" t="s">
        <v>66488</v>
      </c>
    </row>
    <row r="10804" spans="1:10" x14ac:dyDescent="0.25">
      <c r="A10804" t="s">
        <v>15329</v>
      </c>
      <c r="B10804" t="s">
        <v>15330</v>
      </c>
      <c r="C10804" t="s">
        <v>15331</v>
      </c>
      <c r="D10804" t="s">
        <v>14705</v>
      </c>
      <c r="E10804" t="s">
        <v>13</v>
      </c>
      <c r="F10804">
        <v>3278</v>
      </c>
      <c r="G10804" t="s">
        <v>15332</v>
      </c>
      <c r="H10804">
        <v>4.9198729892599999</v>
      </c>
      <c r="I10804">
        <v>52.377099908932003</v>
      </c>
      <c r="J10804" t="s">
        <v>66489</v>
      </c>
    </row>
    <row r="10805" spans="1:10" x14ac:dyDescent="0.25">
      <c r="A10805" t="s">
        <v>15325</v>
      </c>
      <c r="B10805" t="s">
        <v>15326</v>
      </c>
      <c r="C10805" t="s">
        <v>15327</v>
      </c>
      <c r="D10805" t="s">
        <v>14705</v>
      </c>
      <c r="E10805" t="s">
        <v>13</v>
      </c>
      <c r="F10805">
        <v>3277</v>
      </c>
      <c r="G10805" t="s">
        <v>15328</v>
      </c>
      <c r="H10805">
        <v>4.9528439570070004</v>
      </c>
      <c r="I10805">
        <v>52.361488978768001</v>
      </c>
      <c r="J10805" t="s">
        <v>66490</v>
      </c>
    </row>
    <row r="10806" spans="1:10" x14ac:dyDescent="0.25">
      <c r="A10806" t="s">
        <v>15321</v>
      </c>
      <c r="B10806" t="s">
        <v>15322</v>
      </c>
      <c r="C10806" t="s">
        <v>15323</v>
      </c>
      <c r="D10806" t="s">
        <v>14705</v>
      </c>
      <c r="E10806" t="s">
        <v>13</v>
      </c>
      <c r="F10806">
        <v>3276</v>
      </c>
      <c r="G10806" t="s">
        <v>15324</v>
      </c>
      <c r="H10806">
        <v>4.9527299110770002</v>
      </c>
      <c r="I10806">
        <v>52.366576795619999</v>
      </c>
      <c r="J10806" t="s">
        <v>66491</v>
      </c>
    </row>
    <row r="10807" spans="1:10" x14ac:dyDescent="0.25">
      <c r="A10807" t="s">
        <v>15317</v>
      </c>
      <c r="B10807" t="s">
        <v>15318</v>
      </c>
      <c r="C10807" t="s">
        <v>15319</v>
      </c>
      <c r="D10807" t="s">
        <v>14705</v>
      </c>
      <c r="E10807" t="s">
        <v>13</v>
      </c>
      <c r="F10807">
        <v>3275</v>
      </c>
      <c r="G10807" t="s">
        <v>15320</v>
      </c>
      <c r="H10807">
        <v>4.9429137957569997</v>
      </c>
      <c r="I10807">
        <v>52.360368649662</v>
      </c>
      <c r="J10807" t="s">
        <v>66492</v>
      </c>
    </row>
    <row r="10808" spans="1:10" x14ac:dyDescent="0.25">
      <c r="A10808" t="s">
        <v>15313</v>
      </c>
      <c r="B10808" t="s">
        <v>15314</v>
      </c>
      <c r="C10808" t="s">
        <v>15315</v>
      </c>
      <c r="D10808" t="s">
        <v>14705</v>
      </c>
      <c r="E10808" t="s">
        <v>13</v>
      </c>
      <c r="F10808">
        <v>3274</v>
      </c>
      <c r="G10808" t="s">
        <v>15316</v>
      </c>
      <c r="H10808">
        <v>4.9432965051220004</v>
      </c>
      <c r="I10808">
        <v>52.364451686198002</v>
      </c>
      <c r="J10808" t="s">
        <v>66493</v>
      </c>
    </row>
    <row r="10809" spans="1:10" x14ac:dyDescent="0.25">
      <c r="A10809" t="s">
        <v>15309</v>
      </c>
      <c r="B10809" t="s">
        <v>15310</v>
      </c>
      <c r="C10809" t="s">
        <v>15311</v>
      </c>
      <c r="D10809" t="s">
        <v>14705</v>
      </c>
      <c r="E10809" t="s">
        <v>13</v>
      </c>
      <c r="F10809">
        <v>3273</v>
      </c>
      <c r="G10809" t="s">
        <v>15312</v>
      </c>
      <c r="H10809">
        <v>4.9373030583539999</v>
      </c>
      <c r="I10809">
        <v>52.359917393455</v>
      </c>
      <c r="J10809" t="s">
        <v>66494</v>
      </c>
    </row>
    <row r="10810" spans="1:10" x14ac:dyDescent="0.25">
      <c r="A10810" t="s">
        <v>15305</v>
      </c>
      <c r="B10810" t="s">
        <v>15306</v>
      </c>
      <c r="C10810" t="s">
        <v>15307</v>
      </c>
      <c r="D10810" t="s">
        <v>14705</v>
      </c>
      <c r="E10810" t="s">
        <v>13</v>
      </c>
      <c r="F10810">
        <v>3272</v>
      </c>
      <c r="G10810" t="s">
        <v>15308</v>
      </c>
      <c r="H10810">
        <v>4.9356537070639996</v>
      </c>
      <c r="I10810">
        <v>52.362513866915997</v>
      </c>
      <c r="J10810" t="s">
        <v>66495</v>
      </c>
    </row>
    <row r="10811" spans="1:10" x14ac:dyDescent="0.25">
      <c r="A10811" t="s">
        <v>15301</v>
      </c>
      <c r="B10811" t="s">
        <v>15302</v>
      </c>
      <c r="C10811" t="s">
        <v>15303</v>
      </c>
      <c r="D10811" t="s">
        <v>14705</v>
      </c>
      <c r="E10811" t="s">
        <v>13</v>
      </c>
      <c r="F10811">
        <v>3271</v>
      </c>
      <c r="G10811" t="s">
        <v>15304</v>
      </c>
      <c r="H10811">
        <v>4.9355102376120001</v>
      </c>
      <c r="I10811">
        <v>52.365063875013</v>
      </c>
      <c r="J10811" t="s">
        <v>66496</v>
      </c>
    </row>
    <row r="10812" spans="1:10" x14ac:dyDescent="0.25">
      <c r="A10812" t="s">
        <v>15297</v>
      </c>
      <c r="B10812" t="s">
        <v>15298</v>
      </c>
      <c r="C10812" t="s">
        <v>15299</v>
      </c>
      <c r="D10812" t="s">
        <v>14705</v>
      </c>
      <c r="E10812" t="s">
        <v>13</v>
      </c>
      <c r="F10812">
        <v>3270</v>
      </c>
      <c r="G10812" t="s">
        <v>15300</v>
      </c>
      <c r="H10812">
        <v>4.9237394284159999</v>
      </c>
      <c r="I10812">
        <v>52.355239196825998</v>
      </c>
      <c r="J10812" t="s">
        <v>66497</v>
      </c>
    </row>
    <row r="10813" spans="1:10" x14ac:dyDescent="0.25">
      <c r="A10813" t="s">
        <v>15293</v>
      </c>
      <c r="B10813" t="s">
        <v>15294</v>
      </c>
      <c r="C10813" t="s">
        <v>15295</v>
      </c>
      <c r="D10813" t="s">
        <v>14705</v>
      </c>
      <c r="E10813" t="s">
        <v>13</v>
      </c>
      <c r="F10813">
        <v>3269</v>
      </c>
      <c r="G10813" t="s">
        <v>15296</v>
      </c>
      <c r="H10813">
        <v>4.917894530311</v>
      </c>
      <c r="I10813">
        <v>52.352770649607997</v>
      </c>
      <c r="J10813" t="s">
        <v>66498</v>
      </c>
    </row>
    <row r="10814" spans="1:10" x14ac:dyDescent="0.25">
      <c r="A10814" t="s">
        <v>15289</v>
      </c>
      <c r="B10814" t="s">
        <v>15290</v>
      </c>
      <c r="C10814" t="s">
        <v>15291</v>
      </c>
      <c r="D10814" t="s">
        <v>14705</v>
      </c>
      <c r="E10814" t="s">
        <v>13</v>
      </c>
      <c r="F10814">
        <v>3268</v>
      </c>
      <c r="G10814" t="s">
        <v>15292</v>
      </c>
      <c r="H10814">
        <v>4.9314918830970003</v>
      </c>
      <c r="I10814">
        <v>52.358366687838</v>
      </c>
      <c r="J10814" t="s">
        <v>66499</v>
      </c>
    </row>
    <row r="10815" spans="1:10" x14ac:dyDescent="0.25">
      <c r="A10815" t="s">
        <v>15285</v>
      </c>
      <c r="B10815" t="s">
        <v>15286</v>
      </c>
      <c r="C10815" t="s">
        <v>15287</v>
      </c>
      <c r="D10815" t="s">
        <v>14705</v>
      </c>
      <c r="E10815" t="s">
        <v>13</v>
      </c>
      <c r="F10815">
        <v>3267</v>
      </c>
      <c r="G10815" t="s">
        <v>15288</v>
      </c>
      <c r="H10815">
        <v>4.9277856072999997</v>
      </c>
      <c r="I10815">
        <v>52.360935802636</v>
      </c>
      <c r="J10815" t="s">
        <v>66500</v>
      </c>
    </row>
    <row r="10816" spans="1:10" x14ac:dyDescent="0.25">
      <c r="A10816" t="s">
        <v>15281</v>
      </c>
      <c r="B10816" t="s">
        <v>15282</v>
      </c>
      <c r="C10816" t="s">
        <v>15283</v>
      </c>
      <c r="D10816" t="s">
        <v>14705</v>
      </c>
      <c r="E10816" t="s">
        <v>13</v>
      </c>
      <c r="F10816">
        <v>3266</v>
      </c>
      <c r="G10816" t="s">
        <v>15284</v>
      </c>
      <c r="H10816">
        <v>4.9274976840990004</v>
      </c>
      <c r="I10816">
        <v>52.364378492786997</v>
      </c>
      <c r="J10816" t="s">
        <v>66501</v>
      </c>
    </row>
    <row r="10817" spans="1:10" x14ac:dyDescent="0.25">
      <c r="A10817" t="s">
        <v>15277</v>
      </c>
      <c r="B10817" t="s">
        <v>15278</v>
      </c>
      <c r="C10817" t="s">
        <v>15279</v>
      </c>
      <c r="D10817" t="s">
        <v>14705</v>
      </c>
      <c r="E10817" t="s">
        <v>13</v>
      </c>
      <c r="F10817">
        <v>3265</v>
      </c>
      <c r="G10817" t="s">
        <v>15280</v>
      </c>
      <c r="H10817">
        <v>4.9153579454480001</v>
      </c>
      <c r="I10817">
        <v>52.356115307728999</v>
      </c>
      <c r="J10817" t="s">
        <v>66502</v>
      </c>
    </row>
    <row r="10818" spans="1:10" x14ac:dyDescent="0.25">
      <c r="A10818" t="s">
        <v>15273</v>
      </c>
      <c r="B10818" t="s">
        <v>15274</v>
      </c>
      <c r="C10818" t="s">
        <v>15275</v>
      </c>
      <c r="D10818" t="s">
        <v>14705</v>
      </c>
      <c r="E10818" t="s">
        <v>13</v>
      </c>
      <c r="F10818">
        <v>3264</v>
      </c>
      <c r="G10818" t="s">
        <v>15276</v>
      </c>
      <c r="H10818">
        <v>4.9220708218500002</v>
      </c>
      <c r="I10818">
        <v>52.357880264530003</v>
      </c>
      <c r="J10818" t="s">
        <v>66503</v>
      </c>
    </row>
    <row r="10819" spans="1:10" x14ac:dyDescent="0.25">
      <c r="A10819" t="s">
        <v>15270</v>
      </c>
      <c r="B10819" t="s">
        <v>15271</v>
      </c>
      <c r="C10819" t="s">
        <v>5659</v>
      </c>
      <c r="D10819" t="s">
        <v>14705</v>
      </c>
      <c r="E10819" t="s">
        <v>13</v>
      </c>
      <c r="F10819">
        <v>3263</v>
      </c>
      <c r="G10819" t="s">
        <v>15272</v>
      </c>
      <c r="H10819">
        <v>4.92017259094</v>
      </c>
      <c r="I10819">
        <v>52.360841214567003</v>
      </c>
      <c r="J10819" t="s">
        <v>66504</v>
      </c>
    </row>
    <row r="10820" spans="1:10" x14ac:dyDescent="0.25">
      <c r="A10820" t="s">
        <v>15266</v>
      </c>
      <c r="B10820" t="s">
        <v>15267</v>
      </c>
      <c r="C10820" t="s">
        <v>15268</v>
      </c>
      <c r="D10820" t="s">
        <v>14705</v>
      </c>
      <c r="E10820" t="s">
        <v>13</v>
      </c>
      <c r="F10820">
        <v>3262</v>
      </c>
      <c r="G10820" t="s">
        <v>15269</v>
      </c>
      <c r="H10820">
        <v>4.9128685673949999</v>
      </c>
      <c r="I10820">
        <v>52.359187134514002</v>
      </c>
      <c r="J10820" t="s">
        <v>66505</v>
      </c>
    </row>
    <row r="10821" spans="1:10" x14ac:dyDescent="0.25">
      <c r="A10821" t="s">
        <v>15262</v>
      </c>
      <c r="B10821" t="s">
        <v>15263</v>
      </c>
      <c r="C10821" t="s">
        <v>15264</v>
      </c>
      <c r="D10821" t="s">
        <v>14705</v>
      </c>
      <c r="E10821" t="s">
        <v>13</v>
      </c>
      <c r="F10821">
        <v>3261</v>
      </c>
      <c r="G10821" t="s">
        <v>15265</v>
      </c>
      <c r="H10821">
        <v>4.9139296962800003</v>
      </c>
      <c r="I10821">
        <v>52.353681761628003</v>
      </c>
      <c r="J10821" t="s">
        <v>66506</v>
      </c>
    </row>
    <row r="10822" spans="1:10" x14ac:dyDescent="0.25">
      <c r="A10822" t="s">
        <v>15258</v>
      </c>
      <c r="B10822" t="s">
        <v>15259</v>
      </c>
      <c r="C10822" t="s">
        <v>15260</v>
      </c>
      <c r="D10822" t="s">
        <v>14705</v>
      </c>
      <c r="E10822" t="s">
        <v>13</v>
      </c>
      <c r="F10822">
        <v>3260</v>
      </c>
      <c r="G10822" t="s">
        <v>15261</v>
      </c>
      <c r="H10822">
        <v>4.9114399922959997</v>
      </c>
      <c r="I10822">
        <v>52.352410032541997</v>
      </c>
      <c r="J10822" t="s">
        <v>66507</v>
      </c>
    </row>
    <row r="10823" spans="1:10" x14ac:dyDescent="0.25">
      <c r="A10823" t="s">
        <v>15254</v>
      </c>
      <c r="B10823" t="s">
        <v>15255</v>
      </c>
      <c r="C10823" t="s">
        <v>15256</v>
      </c>
      <c r="D10823" t="s">
        <v>14705</v>
      </c>
      <c r="E10823" t="s">
        <v>13</v>
      </c>
      <c r="F10823">
        <v>3259</v>
      </c>
      <c r="G10823" t="s">
        <v>15257</v>
      </c>
      <c r="H10823">
        <v>4.9076286469749997</v>
      </c>
      <c r="I10823">
        <v>52.357865879518997</v>
      </c>
      <c r="J10823" t="s">
        <v>66508</v>
      </c>
    </row>
    <row r="10824" spans="1:10" x14ac:dyDescent="0.25">
      <c r="A10824" t="s">
        <v>15250</v>
      </c>
      <c r="B10824" t="s">
        <v>15251</v>
      </c>
      <c r="C10824" t="s">
        <v>15252</v>
      </c>
      <c r="D10824" t="s">
        <v>14705</v>
      </c>
      <c r="E10824" t="s">
        <v>13</v>
      </c>
      <c r="F10824">
        <v>3258</v>
      </c>
      <c r="G10824" t="s">
        <v>15253</v>
      </c>
      <c r="H10824">
        <v>4.8969096040610003</v>
      </c>
      <c r="I10824">
        <v>52.349758752382002</v>
      </c>
      <c r="J10824" t="s">
        <v>66509</v>
      </c>
    </row>
    <row r="10825" spans="1:10" x14ac:dyDescent="0.25">
      <c r="A10825" t="s">
        <v>15246</v>
      </c>
      <c r="B10825" t="s">
        <v>15247</v>
      </c>
      <c r="C10825" t="s">
        <v>15248</v>
      </c>
      <c r="D10825" t="s">
        <v>14705</v>
      </c>
      <c r="E10825" t="s">
        <v>13</v>
      </c>
      <c r="F10825">
        <v>3257</v>
      </c>
      <c r="G10825" t="s">
        <v>15249</v>
      </c>
      <c r="H10825">
        <v>4.9010900608750001</v>
      </c>
      <c r="I10825">
        <v>52.350402717016003</v>
      </c>
      <c r="J10825" t="s">
        <v>66510</v>
      </c>
    </row>
    <row r="10826" spans="1:10" x14ac:dyDescent="0.25">
      <c r="A10826" t="s">
        <v>15242</v>
      </c>
      <c r="B10826" t="s">
        <v>15243</v>
      </c>
      <c r="C10826" t="s">
        <v>15244</v>
      </c>
      <c r="D10826" t="s">
        <v>14705</v>
      </c>
      <c r="E10826" t="s">
        <v>13</v>
      </c>
      <c r="F10826">
        <v>3256</v>
      </c>
      <c r="G10826" t="s">
        <v>15245</v>
      </c>
      <c r="H10826">
        <v>4.9067687012730001</v>
      </c>
      <c r="I10826">
        <v>52.351123639009003</v>
      </c>
      <c r="J10826" t="s">
        <v>66511</v>
      </c>
    </row>
    <row r="10827" spans="1:10" x14ac:dyDescent="0.25">
      <c r="A10827" t="s">
        <v>15238</v>
      </c>
      <c r="B10827" t="s">
        <v>15239</v>
      </c>
      <c r="C10827" t="s">
        <v>15240</v>
      </c>
      <c r="D10827" t="s">
        <v>14705</v>
      </c>
      <c r="E10827" t="s">
        <v>13</v>
      </c>
      <c r="F10827">
        <v>3255</v>
      </c>
      <c r="G10827" t="s">
        <v>15241</v>
      </c>
      <c r="H10827">
        <v>4.888868863201</v>
      </c>
      <c r="I10827">
        <v>52.350407756317999</v>
      </c>
      <c r="J10827" t="s">
        <v>66512</v>
      </c>
    </row>
    <row r="10828" spans="1:10" x14ac:dyDescent="0.25">
      <c r="A10828" t="s">
        <v>15234</v>
      </c>
      <c r="B10828" t="s">
        <v>15235</v>
      </c>
      <c r="C10828" t="s">
        <v>15236</v>
      </c>
      <c r="D10828" t="s">
        <v>14705</v>
      </c>
      <c r="E10828" t="s">
        <v>13</v>
      </c>
      <c r="F10828">
        <v>3254</v>
      </c>
      <c r="G10828" t="s">
        <v>15237</v>
      </c>
      <c r="H10828">
        <v>4.8930844724440004</v>
      </c>
      <c r="I10828">
        <v>52.350511645643998</v>
      </c>
      <c r="J10828" t="s">
        <v>66513</v>
      </c>
    </row>
    <row r="10829" spans="1:10" x14ac:dyDescent="0.25">
      <c r="A10829" t="s">
        <v>15230</v>
      </c>
      <c r="B10829" t="s">
        <v>15231</v>
      </c>
      <c r="C10829" t="s">
        <v>15232</v>
      </c>
      <c r="D10829" t="s">
        <v>14705</v>
      </c>
      <c r="E10829" t="s">
        <v>13</v>
      </c>
      <c r="F10829">
        <v>3253</v>
      </c>
      <c r="G10829" t="s">
        <v>15233</v>
      </c>
      <c r="H10829">
        <v>4.8986605625669997</v>
      </c>
      <c r="I10829">
        <v>52.352931285929003</v>
      </c>
      <c r="J10829" t="s">
        <v>66514</v>
      </c>
    </row>
    <row r="10830" spans="1:10" x14ac:dyDescent="0.25">
      <c r="A10830" t="s">
        <v>15226</v>
      </c>
      <c r="B10830" t="s">
        <v>15227</v>
      </c>
      <c r="C10830" t="s">
        <v>15228</v>
      </c>
      <c r="D10830" t="s">
        <v>14705</v>
      </c>
      <c r="E10830" t="s">
        <v>13</v>
      </c>
      <c r="F10830">
        <v>3252</v>
      </c>
      <c r="G10830" t="s">
        <v>15229</v>
      </c>
      <c r="H10830">
        <v>4.9046848052560001</v>
      </c>
      <c r="I10830">
        <v>52.354119068343998</v>
      </c>
      <c r="J10830" t="s">
        <v>66515</v>
      </c>
    </row>
    <row r="10831" spans="1:10" x14ac:dyDescent="0.25">
      <c r="A10831" t="s">
        <v>15222</v>
      </c>
      <c r="B10831" t="s">
        <v>15223</v>
      </c>
      <c r="C10831" t="s">
        <v>15224</v>
      </c>
      <c r="D10831" t="s">
        <v>14705</v>
      </c>
      <c r="E10831" t="s">
        <v>13</v>
      </c>
      <c r="F10831">
        <v>3251</v>
      </c>
      <c r="G10831" t="s">
        <v>15225</v>
      </c>
      <c r="H10831">
        <v>4.8957457325959997</v>
      </c>
      <c r="I10831">
        <v>52.355156943053998</v>
      </c>
      <c r="J10831" t="s">
        <v>66516</v>
      </c>
    </row>
    <row r="10832" spans="1:10" x14ac:dyDescent="0.25">
      <c r="A10832" t="s">
        <v>15218</v>
      </c>
      <c r="B10832" t="s">
        <v>15219</v>
      </c>
      <c r="C10832" t="s">
        <v>15220</v>
      </c>
      <c r="D10832" t="s">
        <v>14705</v>
      </c>
      <c r="E10832" t="s">
        <v>13</v>
      </c>
      <c r="F10832">
        <v>3250</v>
      </c>
      <c r="G10832" t="s">
        <v>15221</v>
      </c>
      <c r="H10832">
        <v>4.8886707122299997</v>
      </c>
      <c r="I10832">
        <v>52.353877890021998</v>
      </c>
      <c r="J10832" t="s">
        <v>66517</v>
      </c>
    </row>
    <row r="10833" spans="1:10" x14ac:dyDescent="0.25">
      <c r="A10833" t="s">
        <v>15214</v>
      </c>
      <c r="B10833" t="s">
        <v>15215</v>
      </c>
      <c r="C10833" t="s">
        <v>15216</v>
      </c>
      <c r="D10833" t="s">
        <v>14705</v>
      </c>
      <c r="E10833" t="s">
        <v>13</v>
      </c>
      <c r="F10833">
        <v>3249</v>
      </c>
      <c r="G10833" t="s">
        <v>15217</v>
      </c>
      <c r="H10833">
        <v>4.8885649367889998</v>
      </c>
      <c r="I10833">
        <v>52.357424355631998</v>
      </c>
      <c r="J10833" t="s">
        <v>66518</v>
      </c>
    </row>
    <row r="10834" spans="1:10" x14ac:dyDescent="0.25">
      <c r="A10834" t="s">
        <v>15210</v>
      </c>
      <c r="B10834" t="s">
        <v>15211</v>
      </c>
      <c r="C10834" t="s">
        <v>15212</v>
      </c>
      <c r="D10834" t="s">
        <v>14705</v>
      </c>
      <c r="E10834" t="s">
        <v>13</v>
      </c>
      <c r="F10834">
        <v>3248</v>
      </c>
      <c r="G10834" t="s">
        <v>15213</v>
      </c>
      <c r="H10834">
        <v>4.8936647728829996</v>
      </c>
      <c r="I10834">
        <v>52.357179518153004</v>
      </c>
      <c r="J10834" t="s">
        <v>66519</v>
      </c>
    </row>
    <row r="10835" spans="1:10" x14ac:dyDescent="0.25">
      <c r="A10835" t="s">
        <v>15206</v>
      </c>
      <c r="B10835" t="s">
        <v>15207</v>
      </c>
      <c r="C10835" t="s">
        <v>15208</v>
      </c>
      <c r="D10835" t="s">
        <v>14705</v>
      </c>
      <c r="E10835" t="s">
        <v>13</v>
      </c>
      <c r="F10835">
        <v>3247</v>
      </c>
      <c r="G10835" t="s">
        <v>15209</v>
      </c>
      <c r="H10835">
        <v>4.9027355156960004</v>
      </c>
      <c r="I10835">
        <v>52.357086037725999</v>
      </c>
      <c r="J10835" t="s">
        <v>66520</v>
      </c>
    </row>
    <row r="10836" spans="1:10" x14ac:dyDescent="0.25">
      <c r="A10836" t="s">
        <v>15202</v>
      </c>
      <c r="B10836" t="s">
        <v>15203</v>
      </c>
      <c r="C10836" t="s">
        <v>15204</v>
      </c>
      <c r="D10836" t="s">
        <v>14705</v>
      </c>
      <c r="E10836" t="s">
        <v>13</v>
      </c>
      <c r="F10836">
        <v>3246</v>
      </c>
      <c r="G10836" t="s">
        <v>15205</v>
      </c>
      <c r="H10836">
        <v>4.883263310717</v>
      </c>
      <c r="I10836">
        <v>52.336450582059001</v>
      </c>
      <c r="J10836" t="s">
        <v>66521</v>
      </c>
    </row>
    <row r="10837" spans="1:10" x14ac:dyDescent="0.25">
      <c r="A10837" t="s">
        <v>15198</v>
      </c>
      <c r="B10837" t="s">
        <v>15199</v>
      </c>
      <c r="C10837" t="s">
        <v>15200</v>
      </c>
      <c r="D10837" t="s">
        <v>14705</v>
      </c>
      <c r="E10837" t="s">
        <v>13</v>
      </c>
      <c r="F10837">
        <v>3245</v>
      </c>
      <c r="G10837" t="s">
        <v>15201</v>
      </c>
      <c r="H10837">
        <v>4.8732625005720003</v>
      </c>
      <c r="I10837">
        <v>52.336584965557002</v>
      </c>
      <c r="J10837" t="s">
        <v>66522</v>
      </c>
    </row>
    <row r="10838" spans="1:10" x14ac:dyDescent="0.25">
      <c r="A10838" t="s">
        <v>15194</v>
      </c>
      <c r="B10838" t="s">
        <v>15195</v>
      </c>
      <c r="C10838" t="s">
        <v>15196</v>
      </c>
      <c r="D10838" t="s">
        <v>14705</v>
      </c>
      <c r="E10838" t="s">
        <v>13</v>
      </c>
      <c r="F10838">
        <v>3244</v>
      </c>
      <c r="G10838" t="s">
        <v>15197</v>
      </c>
      <c r="H10838">
        <v>4.863372624937</v>
      </c>
      <c r="I10838">
        <v>52.334871077552002</v>
      </c>
      <c r="J10838" t="s">
        <v>66523</v>
      </c>
    </row>
    <row r="10839" spans="1:10" x14ac:dyDescent="0.25">
      <c r="A10839" t="s">
        <v>15190</v>
      </c>
      <c r="B10839" t="s">
        <v>15191</v>
      </c>
      <c r="C10839" t="s">
        <v>15192</v>
      </c>
      <c r="D10839" t="s">
        <v>14705</v>
      </c>
      <c r="E10839" t="s">
        <v>13</v>
      </c>
      <c r="F10839">
        <v>3243</v>
      </c>
      <c r="G10839" t="s">
        <v>15193</v>
      </c>
      <c r="H10839">
        <v>4.8885621023520001</v>
      </c>
      <c r="I10839">
        <v>52.340484650241997</v>
      </c>
      <c r="J10839" t="s">
        <v>66524</v>
      </c>
    </row>
    <row r="10840" spans="1:10" x14ac:dyDescent="0.25">
      <c r="A10840" t="s">
        <v>15186</v>
      </c>
      <c r="B10840" t="s">
        <v>15187</v>
      </c>
      <c r="C10840" t="s">
        <v>15188</v>
      </c>
      <c r="D10840" t="s">
        <v>14705</v>
      </c>
      <c r="E10840" t="s">
        <v>13</v>
      </c>
      <c r="F10840">
        <v>3242</v>
      </c>
      <c r="G10840" t="s">
        <v>15189</v>
      </c>
      <c r="H10840">
        <v>4.8699527433579997</v>
      </c>
      <c r="I10840">
        <v>52.339982432094999</v>
      </c>
      <c r="J10840" t="s">
        <v>66525</v>
      </c>
    </row>
    <row r="10841" spans="1:10" x14ac:dyDescent="0.25">
      <c r="A10841" t="s">
        <v>15182</v>
      </c>
      <c r="B10841" t="s">
        <v>15183</v>
      </c>
      <c r="C10841" t="s">
        <v>15184</v>
      </c>
      <c r="D10841" t="s">
        <v>14705</v>
      </c>
      <c r="E10841" t="s">
        <v>13</v>
      </c>
      <c r="F10841">
        <v>3241</v>
      </c>
      <c r="G10841" t="s">
        <v>15185</v>
      </c>
      <c r="H10841">
        <v>4.8694321003740004</v>
      </c>
      <c r="I10841">
        <v>52.360553632047001</v>
      </c>
      <c r="J10841" t="s">
        <v>66526</v>
      </c>
    </row>
    <row r="10842" spans="1:10" x14ac:dyDescent="0.25">
      <c r="A10842" t="s">
        <v>15178</v>
      </c>
      <c r="B10842" t="s">
        <v>15179</v>
      </c>
      <c r="C10842" t="s">
        <v>15180</v>
      </c>
      <c r="D10842" t="s">
        <v>14705</v>
      </c>
      <c r="E10842" t="s">
        <v>13</v>
      </c>
      <c r="F10842">
        <v>3240</v>
      </c>
      <c r="G10842" t="s">
        <v>15181</v>
      </c>
      <c r="H10842">
        <v>4.877861738</v>
      </c>
      <c r="I10842">
        <v>52.362314118756998</v>
      </c>
      <c r="J10842" t="s">
        <v>66527</v>
      </c>
    </row>
    <row r="10843" spans="1:10" x14ac:dyDescent="0.25">
      <c r="A10843" t="s">
        <v>15174</v>
      </c>
      <c r="B10843" t="s">
        <v>15175</v>
      </c>
      <c r="C10843" t="s">
        <v>15176</v>
      </c>
      <c r="D10843" t="s">
        <v>14705</v>
      </c>
      <c r="E10843" t="s">
        <v>13</v>
      </c>
      <c r="F10843">
        <v>3239</v>
      </c>
      <c r="G10843" t="s">
        <v>15177</v>
      </c>
      <c r="H10843">
        <v>4.8596330514090003</v>
      </c>
      <c r="I10843">
        <v>52.358238223809003</v>
      </c>
      <c r="J10843" t="s">
        <v>66528</v>
      </c>
    </row>
    <row r="10844" spans="1:10" x14ac:dyDescent="0.25">
      <c r="A10844" t="s">
        <v>15170</v>
      </c>
      <c r="B10844" t="s">
        <v>15171</v>
      </c>
      <c r="C10844" t="s">
        <v>15172</v>
      </c>
      <c r="D10844" t="s">
        <v>14705</v>
      </c>
      <c r="E10844" t="s">
        <v>13</v>
      </c>
      <c r="F10844">
        <v>3238</v>
      </c>
      <c r="G10844" t="s">
        <v>15173</v>
      </c>
      <c r="H10844">
        <v>4.8604092610559997</v>
      </c>
      <c r="I10844">
        <v>52.360558051871998</v>
      </c>
      <c r="J10844" t="s">
        <v>66529</v>
      </c>
    </row>
    <row r="10845" spans="1:10" x14ac:dyDescent="0.25">
      <c r="A10845" t="s">
        <v>15166</v>
      </c>
      <c r="B10845" t="s">
        <v>15167</v>
      </c>
      <c r="C10845" t="s">
        <v>15168</v>
      </c>
      <c r="D10845" t="s">
        <v>14705</v>
      </c>
      <c r="E10845" t="s">
        <v>13</v>
      </c>
      <c r="F10845">
        <v>3237</v>
      </c>
      <c r="G10845" t="s">
        <v>15169</v>
      </c>
      <c r="H10845">
        <v>4.8659593727379997</v>
      </c>
      <c r="I10845">
        <v>52.362044894649998</v>
      </c>
      <c r="J10845" t="s">
        <v>66530</v>
      </c>
    </row>
    <row r="10846" spans="1:10" x14ac:dyDescent="0.25">
      <c r="A10846" t="s">
        <v>15162</v>
      </c>
      <c r="B10846" t="s">
        <v>15163</v>
      </c>
      <c r="C10846" t="s">
        <v>15164</v>
      </c>
      <c r="D10846" t="s">
        <v>14705</v>
      </c>
      <c r="E10846" t="s">
        <v>13</v>
      </c>
      <c r="F10846">
        <v>3236</v>
      </c>
      <c r="G10846" t="s">
        <v>15165</v>
      </c>
      <c r="H10846">
        <v>4.8708342024829996</v>
      </c>
      <c r="I10846">
        <v>52.363196791229001</v>
      </c>
      <c r="J10846" t="s">
        <v>66531</v>
      </c>
    </row>
    <row r="10847" spans="1:10" x14ac:dyDescent="0.25">
      <c r="A10847" t="s">
        <v>15158</v>
      </c>
      <c r="B10847" t="s">
        <v>15159</v>
      </c>
      <c r="C10847" t="s">
        <v>15160</v>
      </c>
      <c r="D10847" t="s">
        <v>14705</v>
      </c>
      <c r="E10847" t="s">
        <v>13</v>
      </c>
      <c r="F10847">
        <v>3235</v>
      </c>
      <c r="G10847" t="s">
        <v>15161</v>
      </c>
      <c r="H10847">
        <v>4.8763949204469998</v>
      </c>
      <c r="I10847">
        <v>52.364847509116998</v>
      </c>
      <c r="J10847" t="s">
        <v>66532</v>
      </c>
    </row>
    <row r="10848" spans="1:10" x14ac:dyDescent="0.25">
      <c r="A10848" t="s">
        <v>15154</v>
      </c>
      <c r="B10848" t="s">
        <v>15155</v>
      </c>
      <c r="C10848" t="s">
        <v>15156</v>
      </c>
      <c r="D10848" t="s">
        <v>14705</v>
      </c>
      <c r="E10848" t="s">
        <v>13</v>
      </c>
      <c r="F10848">
        <v>3234</v>
      </c>
      <c r="G10848" t="s">
        <v>15157</v>
      </c>
      <c r="H10848">
        <v>4.8608351729430002</v>
      </c>
      <c r="I10848">
        <v>52.363327935976997</v>
      </c>
      <c r="J10848" t="s">
        <v>66533</v>
      </c>
    </row>
    <row r="10849" spans="1:10" x14ac:dyDescent="0.25">
      <c r="A10849" t="s">
        <v>15150</v>
      </c>
      <c r="B10849" t="s">
        <v>15151</v>
      </c>
      <c r="C10849" t="s">
        <v>15152</v>
      </c>
      <c r="D10849" t="s">
        <v>14705</v>
      </c>
      <c r="E10849" t="s">
        <v>13</v>
      </c>
      <c r="F10849">
        <v>3233</v>
      </c>
      <c r="G10849" t="s">
        <v>15153</v>
      </c>
      <c r="H10849">
        <v>4.8673052570030002</v>
      </c>
      <c r="I10849">
        <v>52.364956702877997</v>
      </c>
      <c r="J10849" t="s">
        <v>66534</v>
      </c>
    </row>
    <row r="10850" spans="1:10" x14ac:dyDescent="0.25">
      <c r="A10850" t="s">
        <v>15146</v>
      </c>
      <c r="B10850" t="s">
        <v>15147</v>
      </c>
      <c r="C10850" t="s">
        <v>15148</v>
      </c>
      <c r="D10850" t="s">
        <v>14705</v>
      </c>
      <c r="E10850" t="s">
        <v>13</v>
      </c>
      <c r="F10850">
        <v>3232</v>
      </c>
      <c r="G10850" t="s">
        <v>15149</v>
      </c>
      <c r="H10850">
        <v>4.874243738054</v>
      </c>
      <c r="I10850">
        <v>52.366819985425998</v>
      </c>
      <c r="J10850" t="s">
        <v>66535</v>
      </c>
    </row>
    <row r="10851" spans="1:10" x14ac:dyDescent="0.25">
      <c r="A10851" t="s">
        <v>15142</v>
      </c>
      <c r="B10851" t="s">
        <v>15143</v>
      </c>
      <c r="C10851" t="s">
        <v>15144</v>
      </c>
      <c r="D10851" t="s">
        <v>14705</v>
      </c>
      <c r="E10851" t="s">
        <v>13</v>
      </c>
      <c r="F10851">
        <v>3231</v>
      </c>
      <c r="G10851" t="s">
        <v>15145</v>
      </c>
      <c r="H10851">
        <v>4.8655362369950002</v>
      </c>
      <c r="I10851">
        <v>52.366603526760002</v>
      </c>
      <c r="J10851" t="s">
        <v>66536</v>
      </c>
    </row>
    <row r="10852" spans="1:10" x14ac:dyDescent="0.25">
      <c r="A10852" t="s">
        <v>15138</v>
      </c>
      <c r="B10852" t="s">
        <v>15139</v>
      </c>
      <c r="C10852" t="s">
        <v>15140</v>
      </c>
      <c r="D10852" t="s">
        <v>14705</v>
      </c>
      <c r="E10852" t="s">
        <v>13</v>
      </c>
      <c r="F10852">
        <v>3230</v>
      </c>
      <c r="G10852" t="s">
        <v>15141</v>
      </c>
      <c r="H10852">
        <v>4.8662758926010001</v>
      </c>
      <c r="I10852">
        <v>52.369297735384002</v>
      </c>
      <c r="J10852" t="s">
        <v>66537</v>
      </c>
    </row>
    <row r="10853" spans="1:10" x14ac:dyDescent="0.25">
      <c r="A10853" t="s">
        <v>15134</v>
      </c>
      <c r="B10853" t="s">
        <v>15135</v>
      </c>
      <c r="C10853" t="s">
        <v>15136</v>
      </c>
      <c r="D10853" t="s">
        <v>14705</v>
      </c>
      <c r="E10853" t="s">
        <v>13</v>
      </c>
      <c r="F10853">
        <v>3229</v>
      </c>
      <c r="G10853" t="s">
        <v>15137</v>
      </c>
      <c r="H10853">
        <v>4.8722110622030002</v>
      </c>
      <c r="I10853">
        <v>52.370131987442001</v>
      </c>
      <c r="J10853" t="s">
        <v>66538</v>
      </c>
    </row>
    <row r="10854" spans="1:10" x14ac:dyDescent="0.25">
      <c r="A10854" t="s">
        <v>15130</v>
      </c>
      <c r="B10854" t="s">
        <v>15131</v>
      </c>
      <c r="C10854" t="s">
        <v>15132</v>
      </c>
      <c r="D10854" t="s">
        <v>14705</v>
      </c>
      <c r="E10854" t="s">
        <v>13</v>
      </c>
      <c r="F10854">
        <v>3228</v>
      </c>
      <c r="G10854" t="s">
        <v>15133</v>
      </c>
      <c r="H10854">
        <v>4.8697623864860002</v>
      </c>
      <c r="I10854">
        <v>52.374317745047001</v>
      </c>
      <c r="J10854" t="s">
        <v>66539</v>
      </c>
    </row>
    <row r="10855" spans="1:10" x14ac:dyDescent="0.25">
      <c r="A10855" t="s">
        <v>15126</v>
      </c>
      <c r="B10855" t="s">
        <v>15127</v>
      </c>
      <c r="C10855" t="s">
        <v>15128</v>
      </c>
      <c r="D10855" t="s">
        <v>14705</v>
      </c>
      <c r="E10855" t="s">
        <v>13</v>
      </c>
      <c r="F10855">
        <v>3227</v>
      </c>
      <c r="G10855" t="s">
        <v>15129</v>
      </c>
      <c r="H10855">
        <v>4.8730912898490004</v>
      </c>
      <c r="I10855">
        <v>52.374416054171</v>
      </c>
      <c r="J10855" t="s">
        <v>66540</v>
      </c>
    </row>
    <row r="10856" spans="1:10" x14ac:dyDescent="0.25">
      <c r="A10856" t="s">
        <v>15122</v>
      </c>
      <c r="B10856" t="s">
        <v>15123</v>
      </c>
      <c r="C10856" t="s">
        <v>15124</v>
      </c>
      <c r="D10856" t="s">
        <v>14705</v>
      </c>
      <c r="E10856" t="s">
        <v>13</v>
      </c>
      <c r="F10856">
        <v>3226</v>
      </c>
      <c r="G10856" t="s">
        <v>15125</v>
      </c>
      <c r="H10856">
        <v>4.8756893699269996</v>
      </c>
      <c r="I10856">
        <v>52.378634355195999</v>
      </c>
      <c r="J10856" t="s">
        <v>66541</v>
      </c>
    </row>
    <row r="10857" spans="1:10" x14ac:dyDescent="0.25">
      <c r="A10857" t="s">
        <v>15118</v>
      </c>
      <c r="B10857" t="s">
        <v>15119</v>
      </c>
      <c r="C10857" t="s">
        <v>15120</v>
      </c>
      <c r="D10857" t="s">
        <v>14705</v>
      </c>
      <c r="E10857" t="s">
        <v>13</v>
      </c>
      <c r="F10857">
        <v>3225</v>
      </c>
      <c r="G10857" t="s">
        <v>15121</v>
      </c>
      <c r="H10857">
        <v>4.8671568567280001</v>
      </c>
      <c r="I10857">
        <v>52.374454778184003</v>
      </c>
      <c r="J10857" t="s">
        <v>66542</v>
      </c>
    </row>
    <row r="10858" spans="1:10" x14ac:dyDescent="0.25">
      <c r="A10858" t="s">
        <v>15114</v>
      </c>
      <c r="B10858" t="s">
        <v>15115</v>
      </c>
      <c r="C10858" t="s">
        <v>15116</v>
      </c>
      <c r="D10858" t="s">
        <v>14705</v>
      </c>
      <c r="E10858" t="s">
        <v>13</v>
      </c>
      <c r="F10858">
        <v>3224</v>
      </c>
      <c r="G10858" t="s">
        <v>15117</v>
      </c>
      <c r="H10858">
        <v>4.8643901785799999</v>
      </c>
      <c r="I10858">
        <v>52.383663759055999</v>
      </c>
      <c r="J10858" t="s">
        <v>66543</v>
      </c>
    </row>
    <row r="10859" spans="1:10" x14ac:dyDescent="0.25">
      <c r="A10859" t="s">
        <v>15110</v>
      </c>
      <c r="B10859" t="s">
        <v>15111</v>
      </c>
      <c r="C10859" t="s">
        <v>15112</v>
      </c>
      <c r="D10859" t="s">
        <v>14705</v>
      </c>
      <c r="E10859" t="s">
        <v>13</v>
      </c>
      <c r="F10859">
        <v>3223</v>
      </c>
      <c r="G10859" t="s">
        <v>15113</v>
      </c>
      <c r="H10859">
        <v>4.8661734183940002</v>
      </c>
      <c r="I10859">
        <v>52.378630880153999</v>
      </c>
      <c r="J10859" t="s">
        <v>66544</v>
      </c>
    </row>
    <row r="10860" spans="1:10" x14ac:dyDescent="0.25">
      <c r="A10860" t="s">
        <v>15106</v>
      </c>
      <c r="B10860" t="s">
        <v>15107</v>
      </c>
      <c r="C10860" t="s">
        <v>15108</v>
      </c>
      <c r="D10860" t="s">
        <v>14705</v>
      </c>
      <c r="E10860" t="s">
        <v>13</v>
      </c>
      <c r="F10860">
        <v>3222</v>
      </c>
      <c r="G10860" t="s">
        <v>15109</v>
      </c>
      <c r="H10860">
        <v>4.868726584549</v>
      </c>
      <c r="I10860">
        <v>52.383885395432998</v>
      </c>
      <c r="J10860" t="s">
        <v>66545</v>
      </c>
    </row>
    <row r="10861" spans="1:10" x14ac:dyDescent="0.25">
      <c r="A10861" t="s">
        <v>15102</v>
      </c>
      <c r="B10861" t="s">
        <v>15103</v>
      </c>
      <c r="C10861" t="s">
        <v>15104</v>
      </c>
      <c r="D10861" t="s">
        <v>14705</v>
      </c>
      <c r="E10861" t="s">
        <v>13</v>
      </c>
      <c r="F10861">
        <v>3221</v>
      </c>
      <c r="G10861" t="s">
        <v>15105</v>
      </c>
      <c r="H10861">
        <v>4.8709972404919997</v>
      </c>
      <c r="I10861">
        <v>52.379180449815003</v>
      </c>
      <c r="J10861" t="s">
        <v>66546</v>
      </c>
    </row>
    <row r="10862" spans="1:10" x14ac:dyDescent="0.25">
      <c r="A10862" t="s">
        <v>15098</v>
      </c>
      <c r="B10862" t="s">
        <v>15099</v>
      </c>
      <c r="C10862" t="s">
        <v>15100</v>
      </c>
      <c r="D10862" t="s">
        <v>14705</v>
      </c>
      <c r="E10862" t="s">
        <v>13</v>
      </c>
      <c r="F10862">
        <v>3220</v>
      </c>
      <c r="G10862" t="s">
        <v>15101</v>
      </c>
      <c r="H10862">
        <v>4.8706601134950001</v>
      </c>
      <c r="I10862">
        <v>52.382694559606001</v>
      </c>
      <c r="J10862" t="s">
        <v>66547</v>
      </c>
    </row>
    <row r="10863" spans="1:10" x14ac:dyDescent="0.25">
      <c r="A10863" t="s">
        <v>15094</v>
      </c>
      <c r="B10863" t="s">
        <v>15095</v>
      </c>
      <c r="C10863" t="s">
        <v>15096</v>
      </c>
      <c r="D10863" t="s">
        <v>14705</v>
      </c>
      <c r="E10863" t="s">
        <v>13</v>
      </c>
      <c r="F10863">
        <v>3219</v>
      </c>
      <c r="G10863" t="s">
        <v>15097</v>
      </c>
      <c r="H10863">
        <v>4.8740986754530002</v>
      </c>
      <c r="I10863">
        <v>52.383623308350998</v>
      </c>
      <c r="J10863" t="s">
        <v>66548</v>
      </c>
    </row>
    <row r="10864" spans="1:10" x14ac:dyDescent="0.25">
      <c r="A10864" t="s">
        <v>15090</v>
      </c>
      <c r="B10864" t="s">
        <v>15091</v>
      </c>
      <c r="C10864" t="s">
        <v>15092</v>
      </c>
      <c r="D10864" t="s">
        <v>14705</v>
      </c>
      <c r="E10864" t="s">
        <v>13</v>
      </c>
      <c r="F10864">
        <v>3218</v>
      </c>
      <c r="G10864" t="s">
        <v>15093</v>
      </c>
      <c r="H10864">
        <v>4.8777593045180003</v>
      </c>
      <c r="I10864">
        <v>52.384842524680003</v>
      </c>
      <c r="J10864" t="s">
        <v>66549</v>
      </c>
    </row>
    <row r="10865" spans="1:10" x14ac:dyDescent="0.25">
      <c r="A10865" t="s">
        <v>15086</v>
      </c>
      <c r="B10865" t="s">
        <v>15087</v>
      </c>
      <c r="C10865" t="s">
        <v>15088</v>
      </c>
      <c r="D10865" t="s">
        <v>14705</v>
      </c>
      <c r="E10865" t="s">
        <v>13</v>
      </c>
      <c r="F10865">
        <v>3217</v>
      </c>
      <c r="G10865" t="s">
        <v>15089</v>
      </c>
      <c r="H10865">
        <v>4.8764141002689998</v>
      </c>
      <c r="I10865">
        <v>52.381801903194997</v>
      </c>
      <c r="J10865" t="s">
        <v>66550</v>
      </c>
    </row>
    <row r="10866" spans="1:10" x14ac:dyDescent="0.25">
      <c r="A10866" t="s">
        <v>15082</v>
      </c>
      <c r="B10866" t="s">
        <v>15083</v>
      </c>
      <c r="C10866" t="s">
        <v>15084</v>
      </c>
      <c r="D10866" t="s">
        <v>14705</v>
      </c>
      <c r="E10866" t="s">
        <v>13</v>
      </c>
      <c r="F10866">
        <v>3216</v>
      </c>
      <c r="G10866" t="s">
        <v>15085</v>
      </c>
      <c r="H10866">
        <v>4.8798606571679999</v>
      </c>
      <c r="I10866">
        <v>52.383762688364001</v>
      </c>
      <c r="J10866" t="s">
        <v>66551</v>
      </c>
    </row>
    <row r="10867" spans="1:10" x14ac:dyDescent="0.25">
      <c r="A10867" t="s">
        <v>15078</v>
      </c>
      <c r="B10867" t="s">
        <v>15079</v>
      </c>
      <c r="C10867" t="s">
        <v>15080</v>
      </c>
      <c r="D10867" t="s">
        <v>14705</v>
      </c>
      <c r="E10867" t="s">
        <v>13</v>
      </c>
      <c r="F10867">
        <v>3215</v>
      </c>
      <c r="G10867" t="s">
        <v>15081</v>
      </c>
      <c r="H10867">
        <v>4.8651463779519997</v>
      </c>
      <c r="I10867">
        <v>52.390627451009998</v>
      </c>
      <c r="J10867" t="s">
        <v>66552</v>
      </c>
    </row>
    <row r="10868" spans="1:10" x14ac:dyDescent="0.25">
      <c r="A10868" t="s">
        <v>15074</v>
      </c>
      <c r="B10868" t="s">
        <v>15075</v>
      </c>
      <c r="C10868" t="s">
        <v>15076</v>
      </c>
      <c r="D10868" t="s">
        <v>14705</v>
      </c>
      <c r="E10868" t="s">
        <v>13</v>
      </c>
      <c r="F10868">
        <v>3214</v>
      </c>
      <c r="G10868" t="s">
        <v>15077</v>
      </c>
      <c r="H10868">
        <v>4.8736689980280001</v>
      </c>
      <c r="I10868">
        <v>52.386638193022002</v>
      </c>
      <c r="J10868" t="s">
        <v>66553</v>
      </c>
    </row>
    <row r="10869" spans="1:10" x14ac:dyDescent="0.25">
      <c r="A10869" t="s">
        <v>15070</v>
      </c>
      <c r="B10869" t="s">
        <v>15071</v>
      </c>
      <c r="C10869" t="s">
        <v>15072</v>
      </c>
      <c r="D10869" t="s">
        <v>14705</v>
      </c>
      <c r="E10869" t="s">
        <v>13</v>
      </c>
      <c r="F10869">
        <v>3213</v>
      </c>
      <c r="G10869" t="s">
        <v>15073</v>
      </c>
      <c r="H10869">
        <v>4.872356777257</v>
      </c>
      <c r="I10869">
        <v>52.392072605571997</v>
      </c>
      <c r="J10869" t="s">
        <v>66554</v>
      </c>
    </row>
    <row r="10870" spans="1:10" x14ac:dyDescent="0.25">
      <c r="A10870" t="s">
        <v>15066</v>
      </c>
      <c r="B10870" t="s">
        <v>15067</v>
      </c>
      <c r="C10870" t="s">
        <v>15068</v>
      </c>
      <c r="D10870" t="s">
        <v>14705</v>
      </c>
      <c r="E10870" t="s">
        <v>13</v>
      </c>
      <c r="F10870">
        <v>3212</v>
      </c>
      <c r="G10870" t="s">
        <v>15069</v>
      </c>
      <c r="H10870">
        <v>4.8758576424219999</v>
      </c>
      <c r="I10870">
        <v>52.390812457669</v>
      </c>
      <c r="J10870" t="s">
        <v>66555</v>
      </c>
    </row>
    <row r="10871" spans="1:10" x14ac:dyDescent="0.25">
      <c r="A10871" t="s">
        <v>15062</v>
      </c>
      <c r="B10871" t="s">
        <v>15063</v>
      </c>
      <c r="C10871" t="s">
        <v>15064</v>
      </c>
      <c r="D10871" t="s">
        <v>14705</v>
      </c>
      <c r="E10871" t="s">
        <v>13</v>
      </c>
      <c r="F10871">
        <v>3211</v>
      </c>
      <c r="G10871" t="s">
        <v>15065</v>
      </c>
      <c r="H10871">
        <v>4.8781439670109998</v>
      </c>
      <c r="I10871">
        <v>52.388958874735003</v>
      </c>
      <c r="J10871" t="s">
        <v>66556</v>
      </c>
    </row>
    <row r="10872" spans="1:10" x14ac:dyDescent="0.25">
      <c r="A10872" t="s">
        <v>15058</v>
      </c>
      <c r="B10872" t="s">
        <v>15059</v>
      </c>
      <c r="C10872" t="s">
        <v>15060</v>
      </c>
      <c r="D10872" t="s">
        <v>14705</v>
      </c>
      <c r="E10872" t="s">
        <v>13</v>
      </c>
      <c r="F10872">
        <v>3210</v>
      </c>
      <c r="G10872" t="s">
        <v>15061</v>
      </c>
      <c r="H10872">
        <v>4.8822659210369999</v>
      </c>
      <c r="I10872">
        <v>52.387774166645002</v>
      </c>
      <c r="J10872" t="s">
        <v>66557</v>
      </c>
    </row>
    <row r="10873" spans="1:10" x14ac:dyDescent="0.25">
      <c r="A10873" t="s">
        <v>15054</v>
      </c>
      <c r="B10873" t="s">
        <v>15055</v>
      </c>
      <c r="C10873" t="s">
        <v>15056</v>
      </c>
      <c r="D10873" t="s">
        <v>14705</v>
      </c>
      <c r="E10873" t="s">
        <v>13</v>
      </c>
      <c r="F10873">
        <v>3209</v>
      </c>
      <c r="G10873" t="s">
        <v>15057</v>
      </c>
      <c r="H10873">
        <v>4.8818257716320002</v>
      </c>
      <c r="I10873">
        <v>52.389988381864001</v>
      </c>
      <c r="J10873" t="s">
        <v>66558</v>
      </c>
    </row>
    <row r="10874" spans="1:10" x14ac:dyDescent="0.25">
      <c r="A10874" t="s">
        <v>15051</v>
      </c>
      <c r="B10874" t="s">
        <v>15052</v>
      </c>
      <c r="C10874" t="s">
        <v>1376</v>
      </c>
      <c r="D10874" t="s">
        <v>14705</v>
      </c>
      <c r="E10874" t="s">
        <v>13</v>
      </c>
      <c r="F10874">
        <v>3208</v>
      </c>
      <c r="G10874" t="s">
        <v>15053</v>
      </c>
      <c r="H10874">
        <v>4.8880279624999998</v>
      </c>
      <c r="I10874">
        <v>52.389331983776998</v>
      </c>
      <c r="J10874" t="s">
        <v>66559</v>
      </c>
    </row>
    <row r="10875" spans="1:10" x14ac:dyDescent="0.25">
      <c r="A10875" t="s">
        <v>15047</v>
      </c>
      <c r="B10875" t="s">
        <v>15048</v>
      </c>
      <c r="C10875" t="s">
        <v>15049</v>
      </c>
      <c r="D10875" t="s">
        <v>14705</v>
      </c>
      <c r="E10875" t="s">
        <v>13</v>
      </c>
      <c r="F10875">
        <v>3207</v>
      </c>
      <c r="G10875" t="s">
        <v>15050</v>
      </c>
      <c r="H10875">
        <v>4.8908618888430002</v>
      </c>
      <c r="I10875">
        <v>52.391708129145002</v>
      </c>
      <c r="J10875" t="s">
        <v>66560</v>
      </c>
    </row>
    <row r="10876" spans="1:10" x14ac:dyDescent="0.25">
      <c r="A10876" t="s">
        <v>15043</v>
      </c>
      <c r="B10876" t="s">
        <v>15044</v>
      </c>
      <c r="C10876" t="s">
        <v>15045</v>
      </c>
      <c r="D10876" t="s">
        <v>14705</v>
      </c>
      <c r="E10876" t="s">
        <v>13</v>
      </c>
      <c r="F10876">
        <v>3206</v>
      </c>
      <c r="G10876" t="s">
        <v>15046</v>
      </c>
      <c r="H10876">
        <v>4.8815847597420001</v>
      </c>
      <c r="I10876">
        <v>52.394460010228997</v>
      </c>
      <c r="J10876" t="s">
        <v>66561</v>
      </c>
    </row>
    <row r="10877" spans="1:10" x14ac:dyDescent="0.25">
      <c r="A10877" t="s">
        <v>15039</v>
      </c>
      <c r="B10877" t="s">
        <v>15040</v>
      </c>
      <c r="C10877" t="s">
        <v>15041</v>
      </c>
      <c r="D10877" t="s">
        <v>14705</v>
      </c>
      <c r="E10877" t="s">
        <v>13</v>
      </c>
      <c r="F10877">
        <v>3205</v>
      </c>
      <c r="G10877" t="s">
        <v>15042</v>
      </c>
      <c r="H10877">
        <v>4.7809125528919996</v>
      </c>
      <c r="I10877">
        <v>52.386621186237001</v>
      </c>
      <c r="J10877" t="s">
        <v>66562</v>
      </c>
    </row>
    <row r="10878" spans="1:10" x14ac:dyDescent="0.25">
      <c r="A10878" t="s">
        <v>15035</v>
      </c>
      <c r="B10878" t="s">
        <v>15036</v>
      </c>
      <c r="C10878" t="s">
        <v>15037</v>
      </c>
      <c r="D10878" t="s">
        <v>14705</v>
      </c>
      <c r="E10878" t="s">
        <v>13</v>
      </c>
      <c r="F10878">
        <v>3204</v>
      </c>
      <c r="G10878" t="s">
        <v>15038</v>
      </c>
      <c r="H10878">
        <v>4.8148300778530002</v>
      </c>
      <c r="I10878">
        <v>52.386649638864</v>
      </c>
      <c r="J10878" t="s">
        <v>66563</v>
      </c>
    </row>
    <row r="10879" spans="1:10" x14ac:dyDescent="0.25">
      <c r="A10879" t="s">
        <v>15031</v>
      </c>
      <c r="B10879" t="s">
        <v>15032</v>
      </c>
      <c r="C10879" t="s">
        <v>15033</v>
      </c>
      <c r="D10879" t="s">
        <v>14705</v>
      </c>
      <c r="E10879" t="s">
        <v>13</v>
      </c>
      <c r="F10879">
        <v>3203</v>
      </c>
      <c r="G10879" t="s">
        <v>15034</v>
      </c>
      <c r="H10879">
        <v>4.836647338423</v>
      </c>
      <c r="I10879">
        <v>52.388791604883998</v>
      </c>
      <c r="J10879" t="s">
        <v>66564</v>
      </c>
    </row>
    <row r="10880" spans="1:10" x14ac:dyDescent="0.25">
      <c r="A10880" t="s">
        <v>15027</v>
      </c>
      <c r="B10880" t="s">
        <v>15028</v>
      </c>
      <c r="C10880" t="s">
        <v>15029</v>
      </c>
      <c r="D10880" t="s">
        <v>14705</v>
      </c>
      <c r="E10880" t="s">
        <v>13</v>
      </c>
      <c r="F10880">
        <v>3202</v>
      </c>
      <c r="G10880" t="s">
        <v>15030</v>
      </c>
      <c r="H10880">
        <v>4.7644101608440002</v>
      </c>
      <c r="I10880">
        <v>52.393841546423999</v>
      </c>
      <c r="J10880" t="s">
        <v>66565</v>
      </c>
    </row>
    <row r="10881" spans="1:10" x14ac:dyDescent="0.25">
      <c r="A10881" t="s">
        <v>15023</v>
      </c>
      <c r="B10881" t="s">
        <v>15024</v>
      </c>
      <c r="C10881" t="s">
        <v>15025</v>
      </c>
      <c r="D10881" t="s">
        <v>14705</v>
      </c>
      <c r="E10881" t="s">
        <v>13</v>
      </c>
      <c r="F10881">
        <v>3201</v>
      </c>
      <c r="G10881" t="s">
        <v>15026</v>
      </c>
      <c r="H10881">
        <v>4.7867868486929996</v>
      </c>
      <c r="I10881">
        <v>52.394474494272998</v>
      </c>
      <c r="J10881" t="s">
        <v>66566</v>
      </c>
    </row>
    <row r="10882" spans="1:10" x14ac:dyDescent="0.25">
      <c r="A10882" t="s">
        <v>15019</v>
      </c>
      <c r="B10882" t="s">
        <v>15020</v>
      </c>
      <c r="C10882" t="s">
        <v>15021</v>
      </c>
      <c r="D10882" t="s">
        <v>14705</v>
      </c>
      <c r="E10882" t="s">
        <v>13</v>
      </c>
      <c r="F10882">
        <v>3200</v>
      </c>
      <c r="G10882" t="s">
        <v>15022</v>
      </c>
      <c r="H10882">
        <v>4.8061408150749996</v>
      </c>
      <c r="I10882">
        <v>52.391376066486004</v>
      </c>
      <c r="J10882" t="s">
        <v>66567</v>
      </c>
    </row>
    <row r="10883" spans="1:10" x14ac:dyDescent="0.25">
      <c r="A10883" t="s">
        <v>15015</v>
      </c>
      <c r="B10883" t="s">
        <v>15016</v>
      </c>
      <c r="C10883" t="s">
        <v>15017</v>
      </c>
      <c r="D10883" t="s">
        <v>14705</v>
      </c>
      <c r="E10883" t="s">
        <v>13</v>
      </c>
      <c r="F10883">
        <v>3199</v>
      </c>
      <c r="G10883" t="s">
        <v>15018</v>
      </c>
      <c r="H10883">
        <v>4.8297584399069997</v>
      </c>
      <c r="I10883">
        <v>52.391525561324002</v>
      </c>
      <c r="J10883" t="s">
        <v>66568</v>
      </c>
    </row>
    <row r="10884" spans="1:10" x14ac:dyDescent="0.25">
      <c r="A10884" t="s">
        <v>15011</v>
      </c>
      <c r="B10884" t="s">
        <v>15012</v>
      </c>
      <c r="C10884" t="s">
        <v>15013</v>
      </c>
      <c r="D10884" t="s">
        <v>14705</v>
      </c>
      <c r="E10884" t="s">
        <v>13</v>
      </c>
      <c r="F10884">
        <v>3198</v>
      </c>
      <c r="G10884" t="s">
        <v>15014</v>
      </c>
      <c r="H10884">
        <v>4.8229894176489996</v>
      </c>
      <c r="I10884">
        <v>52.393361845152</v>
      </c>
      <c r="J10884" t="s">
        <v>66569</v>
      </c>
    </row>
    <row r="10885" spans="1:10" x14ac:dyDescent="0.25">
      <c r="A10885" t="s">
        <v>15007</v>
      </c>
      <c r="B10885" t="s">
        <v>15008</v>
      </c>
      <c r="C10885" t="s">
        <v>15009</v>
      </c>
      <c r="D10885" t="s">
        <v>14705</v>
      </c>
      <c r="E10885" t="s">
        <v>13</v>
      </c>
      <c r="F10885">
        <v>3197</v>
      </c>
      <c r="G10885" t="s">
        <v>15010</v>
      </c>
      <c r="H10885">
        <v>4.7451774070499999</v>
      </c>
      <c r="I10885">
        <v>52.412253063419001</v>
      </c>
      <c r="J10885" t="s">
        <v>66570</v>
      </c>
    </row>
    <row r="10886" spans="1:10" x14ac:dyDescent="0.25">
      <c r="A10886" t="s">
        <v>15003</v>
      </c>
      <c r="B10886" t="s">
        <v>15004</v>
      </c>
      <c r="C10886" t="s">
        <v>15005</v>
      </c>
      <c r="D10886" t="s">
        <v>14705</v>
      </c>
      <c r="E10886" t="s">
        <v>13</v>
      </c>
      <c r="F10886">
        <v>3196</v>
      </c>
      <c r="G10886" t="s">
        <v>15006</v>
      </c>
      <c r="H10886">
        <v>4.7798180429160002</v>
      </c>
      <c r="I10886">
        <v>52.413600404128999</v>
      </c>
      <c r="J10886" t="s">
        <v>66571</v>
      </c>
    </row>
    <row r="10887" spans="1:10" x14ac:dyDescent="0.25">
      <c r="A10887" t="s">
        <v>14999</v>
      </c>
      <c r="B10887" t="s">
        <v>15000</v>
      </c>
      <c r="C10887" t="s">
        <v>15001</v>
      </c>
      <c r="D10887" t="s">
        <v>14705</v>
      </c>
      <c r="E10887" t="s">
        <v>13</v>
      </c>
      <c r="F10887">
        <v>3195</v>
      </c>
      <c r="G10887" t="s">
        <v>15002</v>
      </c>
      <c r="H10887">
        <v>4.8413740619689998</v>
      </c>
      <c r="I10887">
        <v>52.400057928236997</v>
      </c>
      <c r="J10887" t="s">
        <v>66572</v>
      </c>
    </row>
    <row r="10888" spans="1:10" x14ac:dyDescent="0.25">
      <c r="A10888" t="s">
        <v>14995</v>
      </c>
      <c r="B10888" t="s">
        <v>14996</v>
      </c>
      <c r="C10888" t="s">
        <v>14997</v>
      </c>
      <c r="D10888" t="s">
        <v>14705</v>
      </c>
      <c r="E10888" t="s">
        <v>13</v>
      </c>
      <c r="F10888">
        <v>3194</v>
      </c>
      <c r="G10888" t="s">
        <v>14998</v>
      </c>
      <c r="H10888">
        <v>4.8186242502320003</v>
      </c>
      <c r="I10888">
        <v>52.406624555485003</v>
      </c>
      <c r="J10888" t="s">
        <v>66573</v>
      </c>
    </row>
    <row r="10889" spans="1:10" x14ac:dyDescent="0.25">
      <c r="A10889" t="s">
        <v>14991</v>
      </c>
      <c r="B10889" t="s">
        <v>14992</v>
      </c>
      <c r="C10889" t="s">
        <v>14993</v>
      </c>
      <c r="D10889" t="s">
        <v>14705</v>
      </c>
      <c r="E10889" t="s">
        <v>13</v>
      </c>
      <c r="F10889">
        <v>3193</v>
      </c>
      <c r="G10889" t="s">
        <v>14994</v>
      </c>
      <c r="H10889">
        <v>4.8436009651629996</v>
      </c>
      <c r="I10889">
        <v>52.412060912603998</v>
      </c>
      <c r="J10889" t="s">
        <v>66574</v>
      </c>
    </row>
    <row r="10890" spans="1:10" x14ac:dyDescent="0.25">
      <c r="A10890" t="s">
        <v>14987</v>
      </c>
      <c r="B10890" t="s">
        <v>14988</v>
      </c>
      <c r="C10890" t="s">
        <v>14989</v>
      </c>
      <c r="D10890" t="s">
        <v>14705</v>
      </c>
      <c r="E10890" t="s">
        <v>13</v>
      </c>
      <c r="F10890">
        <v>3192</v>
      </c>
      <c r="G10890" t="s">
        <v>14990</v>
      </c>
      <c r="H10890">
        <v>4.8520815941470001</v>
      </c>
      <c r="I10890">
        <v>52.397159766515998</v>
      </c>
      <c r="J10890" t="s">
        <v>66575</v>
      </c>
    </row>
    <row r="10891" spans="1:10" x14ac:dyDescent="0.25">
      <c r="A10891" t="s">
        <v>14983</v>
      </c>
      <c r="B10891" t="s">
        <v>14984</v>
      </c>
      <c r="C10891" t="s">
        <v>14985</v>
      </c>
      <c r="D10891" t="s">
        <v>14705</v>
      </c>
      <c r="E10891" t="s">
        <v>13</v>
      </c>
      <c r="F10891">
        <v>3191</v>
      </c>
      <c r="G10891" t="s">
        <v>14986</v>
      </c>
      <c r="H10891">
        <v>4.8672467924919998</v>
      </c>
      <c r="I10891">
        <v>52.402293894719001</v>
      </c>
      <c r="J10891" t="s">
        <v>66576</v>
      </c>
    </row>
    <row r="10892" spans="1:10" x14ac:dyDescent="0.25">
      <c r="A10892" t="s">
        <v>14979</v>
      </c>
      <c r="B10892" t="s">
        <v>14980</v>
      </c>
      <c r="C10892" t="s">
        <v>14981</v>
      </c>
      <c r="D10892" t="s">
        <v>14705</v>
      </c>
      <c r="E10892" t="s">
        <v>13</v>
      </c>
      <c r="F10892">
        <v>3190</v>
      </c>
      <c r="G10892" t="s">
        <v>14982</v>
      </c>
      <c r="H10892">
        <v>4.9177400093779999</v>
      </c>
      <c r="I10892">
        <v>52.368400685506003</v>
      </c>
      <c r="J10892" t="s">
        <v>66577</v>
      </c>
    </row>
    <row r="10893" spans="1:10" x14ac:dyDescent="0.25">
      <c r="A10893" t="s">
        <v>14975</v>
      </c>
      <c r="B10893" t="s">
        <v>14976</v>
      </c>
      <c r="C10893" t="s">
        <v>14977</v>
      </c>
      <c r="D10893" t="s">
        <v>14705</v>
      </c>
      <c r="E10893" t="s">
        <v>13</v>
      </c>
      <c r="F10893">
        <v>3189</v>
      </c>
      <c r="G10893" t="s">
        <v>14978</v>
      </c>
      <c r="H10893">
        <v>4.9238220656229998</v>
      </c>
      <c r="I10893">
        <v>52.365606825119002</v>
      </c>
      <c r="J10893" t="s">
        <v>66578</v>
      </c>
    </row>
    <row r="10894" spans="1:10" x14ac:dyDescent="0.25">
      <c r="A10894" t="s">
        <v>14971</v>
      </c>
      <c r="B10894" t="s">
        <v>14972</v>
      </c>
      <c r="C10894" t="s">
        <v>14973</v>
      </c>
      <c r="D10894" t="s">
        <v>14705</v>
      </c>
      <c r="E10894" t="s">
        <v>13</v>
      </c>
      <c r="F10894">
        <v>3188</v>
      </c>
      <c r="G10894" t="s">
        <v>14974</v>
      </c>
      <c r="H10894">
        <v>4.9302210037840002</v>
      </c>
      <c r="I10894">
        <v>52.367906321451997</v>
      </c>
      <c r="J10894" t="s">
        <v>66579</v>
      </c>
    </row>
    <row r="10895" spans="1:10" x14ac:dyDescent="0.25">
      <c r="A10895" t="s">
        <v>14967</v>
      </c>
      <c r="B10895" t="s">
        <v>14968</v>
      </c>
      <c r="C10895" t="s">
        <v>14969</v>
      </c>
      <c r="D10895" t="s">
        <v>14705</v>
      </c>
      <c r="E10895" t="s">
        <v>13</v>
      </c>
      <c r="F10895">
        <v>3187</v>
      </c>
      <c r="G10895" t="s">
        <v>14970</v>
      </c>
      <c r="H10895">
        <v>4.9290407221889998</v>
      </c>
      <c r="I10895">
        <v>52.369391498896</v>
      </c>
      <c r="J10895" t="s">
        <v>66580</v>
      </c>
    </row>
    <row r="10896" spans="1:10" x14ac:dyDescent="0.25">
      <c r="A10896" t="s">
        <v>14963</v>
      </c>
      <c r="B10896" t="s">
        <v>14964</v>
      </c>
      <c r="C10896" t="s">
        <v>14965</v>
      </c>
      <c r="D10896" t="s">
        <v>14705</v>
      </c>
      <c r="E10896" t="s">
        <v>13</v>
      </c>
      <c r="F10896">
        <v>3186</v>
      </c>
      <c r="G10896" t="s">
        <v>14966</v>
      </c>
      <c r="H10896">
        <v>4.9261301524669996</v>
      </c>
      <c r="I10896">
        <v>52.370592463521</v>
      </c>
      <c r="J10896" t="s">
        <v>66581</v>
      </c>
    </row>
    <row r="10897" spans="1:10" x14ac:dyDescent="0.25">
      <c r="A10897" t="s">
        <v>14959</v>
      </c>
      <c r="B10897" t="s">
        <v>14960</v>
      </c>
      <c r="C10897" t="s">
        <v>14961</v>
      </c>
      <c r="D10897" t="s">
        <v>14705</v>
      </c>
      <c r="E10897" t="s">
        <v>13</v>
      </c>
      <c r="F10897">
        <v>3185</v>
      </c>
      <c r="G10897" t="s">
        <v>14962</v>
      </c>
      <c r="H10897">
        <v>4.9224372477070002</v>
      </c>
      <c r="I10897">
        <v>52.371779963987002</v>
      </c>
      <c r="J10897" t="s">
        <v>66582</v>
      </c>
    </row>
    <row r="10898" spans="1:10" x14ac:dyDescent="0.25">
      <c r="A10898" t="s">
        <v>14955</v>
      </c>
      <c r="B10898" t="s">
        <v>14956</v>
      </c>
      <c r="C10898" t="s">
        <v>14957</v>
      </c>
      <c r="D10898" t="s">
        <v>14705</v>
      </c>
      <c r="E10898" t="s">
        <v>13</v>
      </c>
      <c r="F10898">
        <v>3184</v>
      </c>
      <c r="G10898" t="s">
        <v>14958</v>
      </c>
      <c r="H10898">
        <v>4.9197077757230003</v>
      </c>
      <c r="I10898">
        <v>52.372706831160002</v>
      </c>
      <c r="J10898" t="s">
        <v>66583</v>
      </c>
    </row>
    <row r="10899" spans="1:10" x14ac:dyDescent="0.25">
      <c r="A10899" t="s">
        <v>14951</v>
      </c>
      <c r="B10899" t="s">
        <v>14952</v>
      </c>
      <c r="C10899" t="s">
        <v>14953</v>
      </c>
      <c r="D10899" t="s">
        <v>14705</v>
      </c>
      <c r="E10899" t="s">
        <v>13</v>
      </c>
      <c r="F10899">
        <v>3183</v>
      </c>
      <c r="G10899" t="s">
        <v>14954</v>
      </c>
      <c r="H10899">
        <v>4.9158806443090004</v>
      </c>
      <c r="I10899">
        <v>52.374415615709999</v>
      </c>
      <c r="J10899" t="s">
        <v>66584</v>
      </c>
    </row>
    <row r="10900" spans="1:10" x14ac:dyDescent="0.25">
      <c r="A10900" t="s">
        <v>14947</v>
      </c>
      <c r="B10900" t="s">
        <v>14948</v>
      </c>
      <c r="C10900" t="s">
        <v>14949</v>
      </c>
      <c r="D10900" t="s">
        <v>14705</v>
      </c>
      <c r="E10900" t="s">
        <v>13</v>
      </c>
      <c r="F10900">
        <v>3182</v>
      </c>
      <c r="G10900" t="s">
        <v>14950</v>
      </c>
      <c r="H10900">
        <v>4.9193323322709999</v>
      </c>
      <c r="I10900">
        <v>52.363521191514003</v>
      </c>
      <c r="J10900" t="s">
        <v>66585</v>
      </c>
    </row>
    <row r="10901" spans="1:10" x14ac:dyDescent="0.25">
      <c r="A10901" t="s">
        <v>14943</v>
      </c>
      <c r="B10901" t="s">
        <v>14944</v>
      </c>
      <c r="C10901" t="s">
        <v>14945</v>
      </c>
      <c r="D10901" t="s">
        <v>14705</v>
      </c>
      <c r="E10901" t="s">
        <v>13</v>
      </c>
      <c r="F10901">
        <v>3181</v>
      </c>
      <c r="G10901" t="s">
        <v>14946</v>
      </c>
      <c r="H10901">
        <v>4.9137550045839999</v>
      </c>
      <c r="I10901">
        <v>52.366360906126999</v>
      </c>
      <c r="J10901" t="s">
        <v>66586</v>
      </c>
    </row>
    <row r="10902" spans="1:10" x14ac:dyDescent="0.25">
      <c r="A10902" t="s">
        <v>14939</v>
      </c>
      <c r="B10902" t="s">
        <v>14940</v>
      </c>
      <c r="C10902" t="s">
        <v>14941</v>
      </c>
      <c r="D10902" t="s">
        <v>14705</v>
      </c>
      <c r="E10902" t="s">
        <v>13</v>
      </c>
      <c r="F10902">
        <v>3180</v>
      </c>
      <c r="G10902" t="s">
        <v>14942</v>
      </c>
      <c r="H10902">
        <v>4.9102200267300002</v>
      </c>
      <c r="I10902">
        <v>52.361869546343002</v>
      </c>
      <c r="J10902" t="s">
        <v>66587</v>
      </c>
    </row>
    <row r="10903" spans="1:10" x14ac:dyDescent="0.25">
      <c r="A10903" t="s">
        <v>14935</v>
      </c>
      <c r="B10903" t="s">
        <v>14936</v>
      </c>
      <c r="C10903" t="s">
        <v>14937</v>
      </c>
      <c r="D10903" t="s">
        <v>14705</v>
      </c>
      <c r="E10903" t="s">
        <v>13</v>
      </c>
      <c r="F10903">
        <v>3179</v>
      </c>
      <c r="G10903" t="s">
        <v>14938</v>
      </c>
      <c r="H10903">
        <v>4.9066054119839997</v>
      </c>
      <c r="I10903">
        <v>52.364269408798997</v>
      </c>
      <c r="J10903" t="s">
        <v>66588</v>
      </c>
    </row>
    <row r="10904" spans="1:10" x14ac:dyDescent="0.25">
      <c r="A10904" t="s">
        <v>14931</v>
      </c>
      <c r="B10904" t="s">
        <v>14932</v>
      </c>
      <c r="C10904" t="s">
        <v>14933</v>
      </c>
      <c r="D10904" t="s">
        <v>14705</v>
      </c>
      <c r="E10904" t="s">
        <v>13</v>
      </c>
      <c r="F10904">
        <v>3178</v>
      </c>
      <c r="G10904" t="s">
        <v>14934</v>
      </c>
      <c r="H10904">
        <v>4.90017178087</v>
      </c>
      <c r="I10904">
        <v>52.359663800988997</v>
      </c>
      <c r="J10904" t="s">
        <v>66589</v>
      </c>
    </row>
    <row r="10905" spans="1:10" x14ac:dyDescent="0.25">
      <c r="A10905" t="s">
        <v>14927</v>
      </c>
      <c r="B10905" t="s">
        <v>14928</v>
      </c>
      <c r="C10905" t="s">
        <v>14929</v>
      </c>
      <c r="D10905" t="s">
        <v>14705</v>
      </c>
      <c r="E10905" t="s">
        <v>13</v>
      </c>
      <c r="F10905">
        <v>3177</v>
      </c>
      <c r="G10905" t="s">
        <v>14930</v>
      </c>
      <c r="H10905">
        <v>4.8995386848560001</v>
      </c>
      <c r="I10905">
        <v>52.361563595374001</v>
      </c>
      <c r="J10905" t="s">
        <v>66590</v>
      </c>
    </row>
    <row r="10906" spans="1:10" x14ac:dyDescent="0.25">
      <c r="A10906" t="s">
        <v>14923</v>
      </c>
      <c r="B10906" t="s">
        <v>14924</v>
      </c>
      <c r="C10906" t="s">
        <v>14925</v>
      </c>
      <c r="D10906" t="s">
        <v>14705</v>
      </c>
      <c r="E10906" t="s">
        <v>13</v>
      </c>
      <c r="F10906">
        <v>3176</v>
      </c>
      <c r="G10906" t="s">
        <v>14926</v>
      </c>
      <c r="H10906">
        <v>4.8917908896990001</v>
      </c>
      <c r="I10906">
        <v>52.359410705997</v>
      </c>
      <c r="J10906" t="s">
        <v>66591</v>
      </c>
    </row>
    <row r="10907" spans="1:10" x14ac:dyDescent="0.25">
      <c r="A10907" t="s">
        <v>14919</v>
      </c>
      <c r="B10907" t="s">
        <v>14920</v>
      </c>
      <c r="C10907" t="s">
        <v>14921</v>
      </c>
      <c r="D10907" t="s">
        <v>14705</v>
      </c>
      <c r="E10907" t="s">
        <v>13</v>
      </c>
      <c r="F10907">
        <v>3175</v>
      </c>
      <c r="G10907" t="s">
        <v>14922</v>
      </c>
      <c r="H10907">
        <v>4.8917888104829998</v>
      </c>
      <c r="I10907">
        <v>52.361145012990001</v>
      </c>
      <c r="J10907" t="s">
        <v>66592</v>
      </c>
    </row>
    <row r="10908" spans="1:10" x14ac:dyDescent="0.25">
      <c r="A10908" t="s">
        <v>14915</v>
      </c>
      <c r="B10908" t="s">
        <v>14916</v>
      </c>
      <c r="C10908" t="s">
        <v>14917</v>
      </c>
      <c r="D10908" t="s">
        <v>14705</v>
      </c>
      <c r="E10908" t="s">
        <v>13</v>
      </c>
      <c r="F10908">
        <v>3174</v>
      </c>
      <c r="G10908" t="s">
        <v>14918</v>
      </c>
      <c r="H10908">
        <v>4.8838986602830001</v>
      </c>
      <c r="I10908">
        <v>52.362352632655998</v>
      </c>
      <c r="J10908" t="s">
        <v>66593</v>
      </c>
    </row>
    <row r="10909" spans="1:10" x14ac:dyDescent="0.25">
      <c r="A10909" t="s">
        <v>14911</v>
      </c>
      <c r="B10909" t="s">
        <v>14912</v>
      </c>
      <c r="C10909" t="s">
        <v>14913</v>
      </c>
      <c r="D10909" t="s">
        <v>14705</v>
      </c>
      <c r="E10909" t="s">
        <v>13</v>
      </c>
      <c r="F10909">
        <v>3173</v>
      </c>
      <c r="G10909" t="s">
        <v>14914</v>
      </c>
      <c r="H10909">
        <v>4.8853216314130004</v>
      </c>
      <c r="I10909">
        <v>52.363372048348999</v>
      </c>
      <c r="J10909" t="s">
        <v>66594</v>
      </c>
    </row>
    <row r="10910" spans="1:10" x14ac:dyDescent="0.25">
      <c r="A10910" t="s">
        <v>14907</v>
      </c>
      <c r="B10910" t="s">
        <v>14908</v>
      </c>
      <c r="C10910" t="s">
        <v>14909</v>
      </c>
      <c r="D10910" t="s">
        <v>14705</v>
      </c>
      <c r="E10910" t="s">
        <v>13</v>
      </c>
      <c r="F10910">
        <v>3172</v>
      </c>
      <c r="G10910" t="s">
        <v>14910</v>
      </c>
      <c r="H10910">
        <v>4.8809730035659999</v>
      </c>
      <c r="I10910">
        <v>52.364372888539002</v>
      </c>
      <c r="J10910" t="s">
        <v>66595</v>
      </c>
    </row>
    <row r="10911" spans="1:10" x14ac:dyDescent="0.25">
      <c r="A10911" t="s">
        <v>14903</v>
      </c>
      <c r="B10911" t="s">
        <v>14904</v>
      </c>
      <c r="C10911" t="s">
        <v>14905</v>
      </c>
      <c r="D10911" t="s">
        <v>14705</v>
      </c>
      <c r="E10911" t="s">
        <v>13</v>
      </c>
      <c r="F10911">
        <v>3171</v>
      </c>
      <c r="G10911" t="s">
        <v>14906</v>
      </c>
      <c r="H10911">
        <v>4.8826875942639996</v>
      </c>
      <c r="I10911">
        <v>52.365223646700997</v>
      </c>
      <c r="J10911" t="s">
        <v>66596</v>
      </c>
    </row>
    <row r="10912" spans="1:10" x14ac:dyDescent="0.25">
      <c r="A10912" t="s">
        <v>14899</v>
      </c>
      <c r="B10912" t="s">
        <v>14900</v>
      </c>
      <c r="C10912" t="s">
        <v>14901</v>
      </c>
      <c r="D10912" t="s">
        <v>14705</v>
      </c>
      <c r="E10912" t="s">
        <v>13</v>
      </c>
      <c r="F10912">
        <v>3170</v>
      </c>
      <c r="G10912" t="s">
        <v>14902</v>
      </c>
      <c r="H10912">
        <v>4.8821647443889997</v>
      </c>
      <c r="I10912">
        <v>52.377152357198</v>
      </c>
      <c r="J10912" t="s">
        <v>66597</v>
      </c>
    </row>
    <row r="10913" spans="1:10" x14ac:dyDescent="0.25">
      <c r="A10913" t="s">
        <v>14895</v>
      </c>
      <c r="B10913" t="s">
        <v>14896</v>
      </c>
      <c r="C10913" t="s">
        <v>14897</v>
      </c>
      <c r="D10913" t="s">
        <v>14705</v>
      </c>
      <c r="E10913" t="s">
        <v>13</v>
      </c>
      <c r="F10913">
        <v>3169</v>
      </c>
      <c r="G10913" t="s">
        <v>14898</v>
      </c>
      <c r="H10913">
        <v>4.8837286844249999</v>
      </c>
      <c r="I10913">
        <v>52.379287073459999</v>
      </c>
      <c r="J10913" t="s">
        <v>66598</v>
      </c>
    </row>
    <row r="10914" spans="1:10" x14ac:dyDescent="0.25">
      <c r="A10914" t="s">
        <v>14891</v>
      </c>
      <c r="B10914" t="s">
        <v>14892</v>
      </c>
      <c r="C10914" t="s">
        <v>14893</v>
      </c>
      <c r="D10914" t="s">
        <v>14705</v>
      </c>
      <c r="E10914" t="s">
        <v>13</v>
      </c>
      <c r="F10914">
        <v>3168</v>
      </c>
      <c r="G10914" t="s">
        <v>14894</v>
      </c>
      <c r="H10914">
        <v>4.8787172310970002</v>
      </c>
      <c r="I10914">
        <v>52.366859490354997</v>
      </c>
      <c r="J10914" t="s">
        <v>66599</v>
      </c>
    </row>
    <row r="10915" spans="1:10" x14ac:dyDescent="0.25">
      <c r="A10915" t="s">
        <v>14887</v>
      </c>
      <c r="B10915" t="s">
        <v>14888</v>
      </c>
      <c r="C10915" t="s">
        <v>14889</v>
      </c>
      <c r="D10915" t="s">
        <v>14705</v>
      </c>
      <c r="E10915" t="s">
        <v>13</v>
      </c>
      <c r="F10915">
        <v>3167</v>
      </c>
      <c r="G10915" t="s">
        <v>14890</v>
      </c>
      <c r="H10915">
        <v>4.8764398410440002</v>
      </c>
      <c r="I10915">
        <v>52.370444100196998</v>
      </c>
      <c r="J10915" t="s">
        <v>66600</v>
      </c>
    </row>
    <row r="10916" spans="1:10" x14ac:dyDescent="0.25">
      <c r="A10916" t="s">
        <v>14883</v>
      </c>
      <c r="B10916" t="s">
        <v>14884</v>
      </c>
      <c r="C10916" t="s">
        <v>14885</v>
      </c>
      <c r="D10916" t="s">
        <v>14705</v>
      </c>
      <c r="E10916" t="s">
        <v>13</v>
      </c>
      <c r="F10916">
        <v>3166</v>
      </c>
      <c r="G10916" t="s">
        <v>14886</v>
      </c>
      <c r="H10916">
        <v>4.8812773539160004</v>
      </c>
      <c r="I10916">
        <v>52.367153337083003</v>
      </c>
      <c r="J10916" t="s">
        <v>66601</v>
      </c>
    </row>
    <row r="10917" spans="1:10" x14ac:dyDescent="0.25">
      <c r="A10917" t="s">
        <v>14879</v>
      </c>
      <c r="B10917" t="s">
        <v>14880</v>
      </c>
      <c r="C10917" t="s">
        <v>14881</v>
      </c>
      <c r="D10917" t="s">
        <v>14705</v>
      </c>
      <c r="E10917" t="s">
        <v>13</v>
      </c>
      <c r="F10917">
        <v>3165</v>
      </c>
      <c r="G10917" t="s">
        <v>14882</v>
      </c>
      <c r="H10917">
        <v>4.8801633054579998</v>
      </c>
      <c r="I10917">
        <v>52.370937447023998</v>
      </c>
      <c r="J10917" t="s">
        <v>66602</v>
      </c>
    </row>
    <row r="10918" spans="1:10" x14ac:dyDescent="0.25">
      <c r="A10918" t="s">
        <v>14875</v>
      </c>
      <c r="B10918" t="s">
        <v>14876</v>
      </c>
      <c r="C10918" t="s">
        <v>14877</v>
      </c>
      <c r="D10918" t="s">
        <v>14705</v>
      </c>
      <c r="E10918" t="s">
        <v>13</v>
      </c>
      <c r="F10918">
        <v>3164</v>
      </c>
      <c r="G10918" t="s">
        <v>14878</v>
      </c>
      <c r="H10918">
        <v>4.8758346464270002</v>
      </c>
      <c r="I10918">
        <v>52.373028024629001</v>
      </c>
      <c r="J10918" t="s">
        <v>66603</v>
      </c>
    </row>
    <row r="10919" spans="1:10" x14ac:dyDescent="0.25">
      <c r="A10919" t="s">
        <v>14871</v>
      </c>
      <c r="B10919" t="s">
        <v>14872</v>
      </c>
      <c r="C10919" t="s">
        <v>14873</v>
      </c>
      <c r="D10919" t="s">
        <v>14705</v>
      </c>
      <c r="E10919" t="s">
        <v>13</v>
      </c>
      <c r="F10919">
        <v>3163</v>
      </c>
      <c r="G10919" t="s">
        <v>14874</v>
      </c>
      <c r="H10919">
        <v>4.8774791407659999</v>
      </c>
      <c r="I10919">
        <v>52.376086812787001</v>
      </c>
      <c r="J10919" t="s">
        <v>66604</v>
      </c>
    </row>
    <row r="10920" spans="1:10" x14ac:dyDescent="0.25">
      <c r="A10920" t="s">
        <v>14867</v>
      </c>
      <c r="B10920" t="s">
        <v>14868</v>
      </c>
      <c r="C10920" t="s">
        <v>14869</v>
      </c>
      <c r="D10920" t="s">
        <v>14705</v>
      </c>
      <c r="E10920" t="s">
        <v>13</v>
      </c>
      <c r="F10920">
        <v>3162</v>
      </c>
      <c r="G10920" t="s">
        <v>14870</v>
      </c>
      <c r="H10920">
        <v>4.8804107128899998</v>
      </c>
      <c r="I10920">
        <v>52.381141045177998</v>
      </c>
      <c r="J10920" t="s">
        <v>66605</v>
      </c>
    </row>
    <row r="10921" spans="1:10" x14ac:dyDescent="0.25">
      <c r="A10921" t="s">
        <v>14863</v>
      </c>
      <c r="B10921" t="s">
        <v>14864</v>
      </c>
      <c r="C10921" t="s">
        <v>14865</v>
      </c>
      <c r="D10921" t="s">
        <v>14705</v>
      </c>
      <c r="E10921" t="s">
        <v>13</v>
      </c>
      <c r="F10921">
        <v>3161</v>
      </c>
      <c r="G10921" t="s">
        <v>14866</v>
      </c>
      <c r="H10921">
        <v>4.8803051241290003</v>
      </c>
      <c r="I10921">
        <v>52.374501252572003</v>
      </c>
      <c r="J10921" t="s">
        <v>66606</v>
      </c>
    </row>
    <row r="10922" spans="1:10" x14ac:dyDescent="0.25">
      <c r="A10922" t="s">
        <v>14859</v>
      </c>
      <c r="B10922" t="s">
        <v>14860</v>
      </c>
      <c r="C10922" t="s">
        <v>14861</v>
      </c>
      <c r="D10922" t="s">
        <v>14705</v>
      </c>
      <c r="E10922" t="s">
        <v>13</v>
      </c>
      <c r="F10922">
        <v>3160</v>
      </c>
      <c r="G10922" t="s">
        <v>14862</v>
      </c>
      <c r="H10922">
        <v>4.883794890401</v>
      </c>
      <c r="I10922">
        <v>52.381318923324997</v>
      </c>
      <c r="J10922" t="s">
        <v>66607</v>
      </c>
    </row>
    <row r="10923" spans="1:10" x14ac:dyDescent="0.25">
      <c r="A10923" t="s">
        <v>14855</v>
      </c>
      <c r="B10923" t="s">
        <v>14856</v>
      </c>
      <c r="C10923" t="s">
        <v>14857</v>
      </c>
      <c r="D10923" t="s">
        <v>14705</v>
      </c>
      <c r="E10923" t="s">
        <v>13</v>
      </c>
      <c r="F10923">
        <v>3159</v>
      </c>
      <c r="G10923" t="s">
        <v>14858</v>
      </c>
      <c r="H10923">
        <v>4.8828437023799998</v>
      </c>
      <c r="I10923">
        <v>52.384955040931999</v>
      </c>
      <c r="J10923" t="s">
        <v>66608</v>
      </c>
    </row>
    <row r="10924" spans="1:10" x14ac:dyDescent="0.25">
      <c r="A10924" t="s">
        <v>14851</v>
      </c>
      <c r="B10924" t="s">
        <v>14852</v>
      </c>
      <c r="C10924" t="s">
        <v>14853</v>
      </c>
      <c r="D10924" t="s">
        <v>14705</v>
      </c>
      <c r="E10924" t="s">
        <v>13</v>
      </c>
      <c r="F10924">
        <v>3158</v>
      </c>
      <c r="G10924" t="s">
        <v>14854</v>
      </c>
      <c r="H10924">
        <v>4.8843686018700003</v>
      </c>
      <c r="I10924">
        <v>52.387078717590001</v>
      </c>
      <c r="J10924" t="s">
        <v>66609</v>
      </c>
    </row>
    <row r="10925" spans="1:10" x14ac:dyDescent="0.25">
      <c r="A10925" t="s">
        <v>14847</v>
      </c>
      <c r="B10925" t="s">
        <v>14848</v>
      </c>
      <c r="C10925" t="s">
        <v>14849</v>
      </c>
      <c r="D10925" t="s">
        <v>14705</v>
      </c>
      <c r="E10925" t="s">
        <v>13</v>
      </c>
      <c r="F10925">
        <v>3157</v>
      </c>
      <c r="G10925" t="s">
        <v>14850</v>
      </c>
      <c r="H10925">
        <v>4.8880072037040003</v>
      </c>
      <c r="I10925">
        <v>52.385914119224999</v>
      </c>
      <c r="J10925" t="s">
        <v>66610</v>
      </c>
    </row>
    <row r="10926" spans="1:10" x14ac:dyDescent="0.25">
      <c r="A10926" t="s">
        <v>14843</v>
      </c>
      <c r="B10926" t="s">
        <v>14844</v>
      </c>
      <c r="C10926" t="s">
        <v>14845</v>
      </c>
      <c r="D10926" t="s">
        <v>14705</v>
      </c>
      <c r="E10926" t="s">
        <v>13</v>
      </c>
      <c r="F10926">
        <v>3156</v>
      </c>
      <c r="G10926" t="s">
        <v>14846</v>
      </c>
      <c r="H10926">
        <v>4.8863562973840002</v>
      </c>
      <c r="I10926">
        <v>52.383022516197997</v>
      </c>
      <c r="J10926" t="s">
        <v>66611</v>
      </c>
    </row>
    <row r="10927" spans="1:10" x14ac:dyDescent="0.25">
      <c r="A10927" t="s">
        <v>14839</v>
      </c>
      <c r="B10927" t="s">
        <v>14840</v>
      </c>
      <c r="C10927" t="s">
        <v>14841</v>
      </c>
      <c r="D10927" t="s">
        <v>14705</v>
      </c>
      <c r="E10927" t="s">
        <v>13</v>
      </c>
      <c r="F10927">
        <v>3155</v>
      </c>
      <c r="G10927" t="s">
        <v>14842</v>
      </c>
      <c r="H10927">
        <v>4.8920218079310001</v>
      </c>
      <c r="I10927">
        <v>52.380499030217997</v>
      </c>
      <c r="J10927" t="s">
        <v>66612</v>
      </c>
    </row>
    <row r="10928" spans="1:10" x14ac:dyDescent="0.25">
      <c r="A10928" t="s">
        <v>14835</v>
      </c>
      <c r="B10928" t="s">
        <v>14836</v>
      </c>
      <c r="C10928" t="s">
        <v>14837</v>
      </c>
      <c r="D10928" t="s">
        <v>14705</v>
      </c>
      <c r="E10928" t="s">
        <v>13</v>
      </c>
      <c r="F10928">
        <v>3154</v>
      </c>
      <c r="G10928" t="s">
        <v>14838</v>
      </c>
      <c r="H10928">
        <v>4.8939609287419996</v>
      </c>
      <c r="I10928">
        <v>52.384419887751001</v>
      </c>
      <c r="J10928" t="s">
        <v>66613</v>
      </c>
    </row>
    <row r="10929" spans="1:10" x14ac:dyDescent="0.25">
      <c r="A10929" t="s">
        <v>14831</v>
      </c>
      <c r="B10929" t="s">
        <v>14832</v>
      </c>
      <c r="C10929" t="s">
        <v>14833</v>
      </c>
      <c r="D10929" t="s">
        <v>14705</v>
      </c>
      <c r="E10929" t="s">
        <v>13</v>
      </c>
      <c r="F10929">
        <v>3153</v>
      </c>
      <c r="G10929" t="s">
        <v>14834</v>
      </c>
      <c r="H10929">
        <v>4.902273295574</v>
      </c>
      <c r="I10929">
        <v>52.367513824100001</v>
      </c>
      <c r="J10929" t="s">
        <v>66614</v>
      </c>
    </row>
    <row r="10930" spans="1:10" x14ac:dyDescent="0.25">
      <c r="A10930" t="s">
        <v>14827</v>
      </c>
      <c r="B10930" t="s">
        <v>14828</v>
      </c>
      <c r="C10930" t="s">
        <v>14829</v>
      </c>
      <c r="D10930" t="s">
        <v>14705</v>
      </c>
      <c r="E10930" t="s">
        <v>13</v>
      </c>
      <c r="F10930">
        <v>3152</v>
      </c>
      <c r="G10930" t="s">
        <v>14830</v>
      </c>
      <c r="H10930">
        <v>4.8986006621079996</v>
      </c>
      <c r="I10930">
        <v>52.369270447662998</v>
      </c>
      <c r="J10930" t="s">
        <v>66615</v>
      </c>
    </row>
    <row r="10931" spans="1:10" x14ac:dyDescent="0.25">
      <c r="A10931" t="s">
        <v>14823</v>
      </c>
      <c r="B10931" t="s">
        <v>14824</v>
      </c>
      <c r="C10931" t="s">
        <v>14825</v>
      </c>
      <c r="D10931" t="s">
        <v>14705</v>
      </c>
      <c r="E10931" t="s">
        <v>13</v>
      </c>
      <c r="F10931">
        <v>3151</v>
      </c>
      <c r="G10931" t="s">
        <v>14826</v>
      </c>
      <c r="H10931">
        <v>4.9076051066469999</v>
      </c>
      <c r="I10931">
        <v>52.368909684508999</v>
      </c>
      <c r="J10931" t="s">
        <v>66616</v>
      </c>
    </row>
    <row r="10932" spans="1:10" x14ac:dyDescent="0.25">
      <c r="A10932" t="s">
        <v>14819</v>
      </c>
      <c r="B10932" t="s">
        <v>14820</v>
      </c>
      <c r="C10932" t="s">
        <v>14821</v>
      </c>
      <c r="D10932" t="s">
        <v>14705</v>
      </c>
      <c r="E10932" t="s">
        <v>13</v>
      </c>
      <c r="F10932">
        <v>3150</v>
      </c>
      <c r="G10932" t="s">
        <v>14822</v>
      </c>
      <c r="H10932">
        <v>4.905188564346</v>
      </c>
      <c r="I10932">
        <v>52.370190103989998</v>
      </c>
      <c r="J10932" t="s">
        <v>66617</v>
      </c>
    </row>
    <row r="10933" spans="1:10" x14ac:dyDescent="0.25">
      <c r="A10933" t="s">
        <v>14815</v>
      </c>
      <c r="B10933" t="s">
        <v>14816</v>
      </c>
      <c r="C10933" t="s">
        <v>14817</v>
      </c>
      <c r="D10933" t="s">
        <v>14705</v>
      </c>
      <c r="E10933" t="s">
        <v>13</v>
      </c>
      <c r="F10933">
        <v>3149</v>
      </c>
      <c r="G10933" t="s">
        <v>14818</v>
      </c>
      <c r="H10933">
        <v>4.9019017279149999</v>
      </c>
      <c r="I10933">
        <v>52.371571614993002</v>
      </c>
      <c r="J10933" t="s">
        <v>66618</v>
      </c>
    </row>
    <row r="10934" spans="1:10" x14ac:dyDescent="0.25">
      <c r="A10934" t="s">
        <v>14811</v>
      </c>
      <c r="B10934" t="s">
        <v>14812</v>
      </c>
      <c r="C10934" t="s">
        <v>14813</v>
      </c>
      <c r="D10934" t="s">
        <v>14705</v>
      </c>
      <c r="E10934" t="s">
        <v>13</v>
      </c>
      <c r="F10934">
        <v>3148</v>
      </c>
      <c r="G10934" t="s">
        <v>14814</v>
      </c>
      <c r="H10934">
        <v>4.9033408290459999</v>
      </c>
      <c r="I10934">
        <v>52.373703429271004</v>
      </c>
      <c r="J10934" t="s">
        <v>66619</v>
      </c>
    </row>
    <row r="10935" spans="1:10" x14ac:dyDescent="0.25">
      <c r="A10935" t="s">
        <v>14807</v>
      </c>
      <c r="B10935" t="s">
        <v>14808</v>
      </c>
      <c r="C10935" t="s">
        <v>14809</v>
      </c>
      <c r="D10935" t="s">
        <v>14705</v>
      </c>
      <c r="E10935" t="s">
        <v>13</v>
      </c>
      <c r="F10935">
        <v>3147</v>
      </c>
      <c r="G10935" t="s">
        <v>14810</v>
      </c>
      <c r="H10935">
        <v>4.9105685154409997</v>
      </c>
      <c r="I10935">
        <v>52.372405140147997</v>
      </c>
      <c r="J10935" t="s">
        <v>66620</v>
      </c>
    </row>
    <row r="10936" spans="1:10" x14ac:dyDescent="0.25">
      <c r="A10936" t="s">
        <v>14803</v>
      </c>
      <c r="B10936" t="s">
        <v>14804</v>
      </c>
      <c r="C10936" t="s">
        <v>14805</v>
      </c>
      <c r="D10936" t="s">
        <v>14705</v>
      </c>
      <c r="E10936" t="s">
        <v>13</v>
      </c>
      <c r="F10936">
        <v>3146</v>
      </c>
      <c r="G10936" t="s">
        <v>14806</v>
      </c>
      <c r="H10936">
        <v>4.906015132546</v>
      </c>
      <c r="I10936">
        <v>52.374109218379999</v>
      </c>
      <c r="J10936" t="s">
        <v>66621</v>
      </c>
    </row>
    <row r="10937" spans="1:10" x14ac:dyDescent="0.25">
      <c r="A10937" t="s">
        <v>14799</v>
      </c>
      <c r="B10937" t="s">
        <v>14800</v>
      </c>
      <c r="C10937" t="s">
        <v>14801</v>
      </c>
      <c r="D10937" t="s">
        <v>14705</v>
      </c>
      <c r="E10937" t="s">
        <v>13</v>
      </c>
      <c r="F10937">
        <v>3145</v>
      </c>
      <c r="G10937" t="s">
        <v>14802</v>
      </c>
      <c r="H10937">
        <v>4.9080271555149997</v>
      </c>
      <c r="I10937">
        <v>52.377216471635997</v>
      </c>
      <c r="J10937" t="s">
        <v>66622</v>
      </c>
    </row>
    <row r="10938" spans="1:10" x14ac:dyDescent="0.25">
      <c r="A10938" t="s">
        <v>14795</v>
      </c>
      <c r="B10938" t="s">
        <v>14796</v>
      </c>
      <c r="C10938" t="s">
        <v>14797</v>
      </c>
      <c r="D10938" t="s">
        <v>14705</v>
      </c>
      <c r="E10938" t="s">
        <v>13</v>
      </c>
      <c r="F10938">
        <v>3144</v>
      </c>
      <c r="G10938" t="s">
        <v>14798</v>
      </c>
      <c r="H10938">
        <v>4.8862181014250003</v>
      </c>
      <c r="I10938">
        <v>52.366760163544001</v>
      </c>
      <c r="J10938" t="s">
        <v>66623</v>
      </c>
    </row>
    <row r="10939" spans="1:10" x14ac:dyDescent="0.25">
      <c r="A10939" t="s">
        <v>14791</v>
      </c>
      <c r="B10939" t="s">
        <v>14792</v>
      </c>
      <c r="C10939" t="s">
        <v>14793</v>
      </c>
      <c r="D10939" t="s">
        <v>14705</v>
      </c>
      <c r="E10939" t="s">
        <v>13</v>
      </c>
      <c r="F10939">
        <v>3143</v>
      </c>
      <c r="G10939" t="s">
        <v>14794</v>
      </c>
      <c r="H10939">
        <v>4.893016954158</v>
      </c>
      <c r="I10939">
        <v>52.366713164863</v>
      </c>
      <c r="J10939" t="s">
        <v>66624</v>
      </c>
    </row>
    <row r="10940" spans="1:10" x14ac:dyDescent="0.25">
      <c r="A10940" t="s">
        <v>14787</v>
      </c>
      <c r="B10940" t="s">
        <v>14788</v>
      </c>
      <c r="C10940" t="s">
        <v>14789</v>
      </c>
      <c r="D10940" t="s">
        <v>14705</v>
      </c>
      <c r="E10940" t="s">
        <v>13</v>
      </c>
      <c r="F10940">
        <v>3142</v>
      </c>
      <c r="G10940" t="s">
        <v>14790</v>
      </c>
      <c r="H10940">
        <v>4.8976709292649998</v>
      </c>
      <c r="I10940">
        <v>52.366169414213999</v>
      </c>
      <c r="J10940" t="s">
        <v>66625</v>
      </c>
    </row>
    <row r="10941" spans="1:10" x14ac:dyDescent="0.25">
      <c r="A10941" t="s">
        <v>14783</v>
      </c>
      <c r="B10941" t="s">
        <v>14784</v>
      </c>
      <c r="C10941" t="s">
        <v>14785</v>
      </c>
      <c r="D10941" t="s">
        <v>14705</v>
      </c>
      <c r="E10941" t="s">
        <v>13</v>
      </c>
      <c r="F10941">
        <v>3141</v>
      </c>
      <c r="G10941" t="s">
        <v>14786</v>
      </c>
      <c r="H10941">
        <v>4.8990113920200002</v>
      </c>
      <c r="I10941">
        <v>52.363684697552998</v>
      </c>
      <c r="J10941" t="s">
        <v>66626</v>
      </c>
    </row>
    <row r="10942" spans="1:10" x14ac:dyDescent="0.25">
      <c r="A10942" t="s">
        <v>14779</v>
      </c>
      <c r="B10942" t="s">
        <v>14780</v>
      </c>
      <c r="C10942" t="s">
        <v>14781</v>
      </c>
      <c r="D10942" t="s">
        <v>14705</v>
      </c>
      <c r="E10942" t="s">
        <v>13</v>
      </c>
      <c r="F10942">
        <v>3140</v>
      </c>
      <c r="G10942" t="s">
        <v>14782</v>
      </c>
      <c r="H10942">
        <v>4.8928603435479996</v>
      </c>
      <c r="I10942">
        <v>52.363759165019999</v>
      </c>
      <c r="J10942" t="s">
        <v>66627</v>
      </c>
    </row>
    <row r="10943" spans="1:10" x14ac:dyDescent="0.25">
      <c r="A10943" t="s">
        <v>14775</v>
      </c>
      <c r="B10943" t="s">
        <v>14776</v>
      </c>
      <c r="C10943" t="s">
        <v>14777</v>
      </c>
      <c r="D10943" t="s">
        <v>14705</v>
      </c>
      <c r="E10943" t="s">
        <v>13</v>
      </c>
      <c r="F10943">
        <v>3139</v>
      </c>
      <c r="G10943" t="s">
        <v>14778</v>
      </c>
      <c r="H10943">
        <v>4.8902648289829997</v>
      </c>
      <c r="I10943">
        <v>52.365809412977001</v>
      </c>
      <c r="J10943" t="s">
        <v>66628</v>
      </c>
    </row>
    <row r="10944" spans="1:10" x14ac:dyDescent="0.25">
      <c r="A10944" t="s">
        <v>14771</v>
      </c>
      <c r="B10944" t="s">
        <v>14772</v>
      </c>
      <c r="C10944" t="s">
        <v>14773</v>
      </c>
      <c r="D10944" t="s">
        <v>14705</v>
      </c>
      <c r="E10944" t="s">
        <v>13</v>
      </c>
      <c r="F10944">
        <v>3138</v>
      </c>
      <c r="G10944" t="s">
        <v>14774</v>
      </c>
      <c r="H10944">
        <v>4.8873518525530004</v>
      </c>
      <c r="I10944">
        <v>52.364759560339998</v>
      </c>
      <c r="J10944" t="s">
        <v>66629</v>
      </c>
    </row>
    <row r="10945" spans="1:10" x14ac:dyDescent="0.25">
      <c r="A10945" t="s">
        <v>14767</v>
      </c>
      <c r="B10945" t="s">
        <v>14768</v>
      </c>
      <c r="C10945" t="s">
        <v>14769</v>
      </c>
      <c r="D10945" t="s">
        <v>14705</v>
      </c>
      <c r="E10945" t="s">
        <v>13</v>
      </c>
      <c r="F10945">
        <v>3137</v>
      </c>
      <c r="G10945" t="s">
        <v>14770</v>
      </c>
      <c r="H10945">
        <v>4.8846172599579996</v>
      </c>
      <c r="I10945">
        <v>52.367939208609002</v>
      </c>
      <c r="J10945" t="s">
        <v>66630</v>
      </c>
    </row>
    <row r="10946" spans="1:10" x14ac:dyDescent="0.25">
      <c r="A10946" t="s">
        <v>14763</v>
      </c>
      <c r="B10946" t="s">
        <v>14764</v>
      </c>
      <c r="C10946" t="s">
        <v>14765</v>
      </c>
      <c r="D10946" t="s">
        <v>14705</v>
      </c>
      <c r="E10946" t="s">
        <v>13</v>
      </c>
      <c r="F10946">
        <v>3136</v>
      </c>
      <c r="G10946" t="s">
        <v>14766</v>
      </c>
      <c r="H10946">
        <v>4.8855469747719997</v>
      </c>
      <c r="I10946">
        <v>52.371285749206997</v>
      </c>
      <c r="J10946" t="s">
        <v>66631</v>
      </c>
    </row>
    <row r="10947" spans="1:10" x14ac:dyDescent="0.25">
      <c r="A10947" t="s">
        <v>14759</v>
      </c>
      <c r="B10947" t="s">
        <v>14760</v>
      </c>
      <c r="C10947" t="s">
        <v>14761</v>
      </c>
      <c r="D10947" t="s">
        <v>14705</v>
      </c>
      <c r="E10947" t="s">
        <v>13</v>
      </c>
      <c r="F10947">
        <v>3135</v>
      </c>
      <c r="G10947" t="s">
        <v>14762</v>
      </c>
      <c r="H10947">
        <v>4.8871806781979998</v>
      </c>
      <c r="I10947">
        <v>52.375465540870998</v>
      </c>
      <c r="J10947" t="s">
        <v>66632</v>
      </c>
    </row>
    <row r="10948" spans="1:10" x14ac:dyDescent="0.25">
      <c r="A10948" t="s">
        <v>14755</v>
      </c>
      <c r="B10948" t="s">
        <v>14756</v>
      </c>
      <c r="C10948" t="s">
        <v>14757</v>
      </c>
      <c r="D10948" t="s">
        <v>14705</v>
      </c>
      <c r="E10948" t="s">
        <v>13</v>
      </c>
      <c r="F10948">
        <v>3134</v>
      </c>
      <c r="G10948" t="s">
        <v>14758</v>
      </c>
      <c r="H10948">
        <v>4.8900176007129996</v>
      </c>
      <c r="I10948">
        <v>52.378430457253003</v>
      </c>
      <c r="J10948" t="s">
        <v>66633</v>
      </c>
    </row>
    <row r="10949" spans="1:10" x14ac:dyDescent="0.25">
      <c r="A10949" t="s">
        <v>14751</v>
      </c>
      <c r="B10949" t="s">
        <v>14752</v>
      </c>
      <c r="C10949" t="s">
        <v>14753</v>
      </c>
      <c r="D10949" t="s">
        <v>14705</v>
      </c>
      <c r="E10949" t="s">
        <v>13</v>
      </c>
      <c r="F10949">
        <v>3133</v>
      </c>
      <c r="G10949" t="s">
        <v>14754</v>
      </c>
      <c r="H10949">
        <v>4.8912493983839997</v>
      </c>
      <c r="I10949">
        <v>52.368058419317002</v>
      </c>
      <c r="J10949" t="s">
        <v>66634</v>
      </c>
    </row>
    <row r="10950" spans="1:10" x14ac:dyDescent="0.25">
      <c r="A10950" t="s">
        <v>14747</v>
      </c>
      <c r="B10950" t="s">
        <v>14748</v>
      </c>
      <c r="C10950" t="s">
        <v>14749</v>
      </c>
      <c r="D10950" t="s">
        <v>14705</v>
      </c>
      <c r="E10950" t="s">
        <v>13</v>
      </c>
      <c r="F10950">
        <v>3132</v>
      </c>
      <c r="G10950" t="s">
        <v>14750</v>
      </c>
      <c r="H10950">
        <v>4.8911617030889998</v>
      </c>
      <c r="I10950">
        <v>52.370727963798998</v>
      </c>
      <c r="J10950" t="s">
        <v>66635</v>
      </c>
    </row>
    <row r="10951" spans="1:10" x14ac:dyDescent="0.25">
      <c r="A10951" t="s">
        <v>14743</v>
      </c>
      <c r="B10951" t="s">
        <v>14744</v>
      </c>
      <c r="C10951" t="s">
        <v>14745</v>
      </c>
      <c r="D10951" t="s">
        <v>14705</v>
      </c>
      <c r="E10951" t="s">
        <v>13</v>
      </c>
      <c r="F10951">
        <v>3131</v>
      </c>
      <c r="G10951" t="s">
        <v>14746</v>
      </c>
      <c r="H10951">
        <v>4.8891540961690003</v>
      </c>
      <c r="I10951">
        <v>52.370951207535001</v>
      </c>
      <c r="J10951" t="s">
        <v>66636</v>
      </c>
    </row>
    <row r="10952" spans="1:10" x14ac:dyDescent="0.25">
      <c r="A10952" t="s">
        <v>14739</v>
      </c>
      <c r="B10952" t="s">
        <v>14740</v>
      </c>
      <c r="C10952" t="s">
        <v>14741</v>
      </c>
      <c r="D10952" t="s">
        <v>14705</v>
      </c>
      <c r="E10952" t="s">
        <v>13</v>
      </c>
      <c r="F10952">
        <v>3130</v>
      </c>
      <c r="G10952" t="s">
        <v>14742</v>
      </c>
      <c r="H10952">
        <v>4.8933254510989999</v>
      </c>
      <c r="I10952">
        <v>52.374398062254002</v>
      </c>
      <c r="J10952" t="s">
        <v>66637</v>
      </c>
    </row>
    <row r="10953" spans="1:10" x14ac:dyDescent="0.25">
      <c r="A10953" t="s">
        <v>14735</v>
      </c>
      <c r="B10953" t="s">
        <v>14736</v>
      </c>
      <c r="C10953" t="s">
        <v>14737</v>
      </c>
      <c r="D10953" t="s">
        <v>14705</v>
      </c>
      <c r="E10953" t="s">
        <v>13</v>
      </c>
      <c r="F10953">
        <v>3129</v>
      </c>
      <c r="G10953" t="s">
        <v>14738</v>
      </c>
      <c r="H10953">
        <v>4.8914183359030003</v>
      </c>
      <c r="I10953">
        <v>52.375123270297003</v>
      </c>
      <c r="J10953" t="s">
        <v>66638</v>
      </c>
    </row>
    <row r="10954" spans="1:10" x14ac:dyDescent="0.25">
      <c r="A10954" t="s">
        <v>14731</v>
      </c>
      <c r="B10954" t="s">
        <v>14732</v>
      </c>
      <c r="C10954" t="s">
        <v>14733</v>
      </c>
      <c r="D10954" t="s">
        <v>14705</v>
      </c>
      <c r="E10954" t="s">
        <v>13</v>
      </c>
      <c r="F10954">
        <v>3128</v>
      </c>
      <c r="G10954" t="s">
        <v>14734</v>
      </c>
      <c r="H10954">
        <v>4.8969211700350002</v>
      </c>
      <c r="I10954">
        <v>52.376967703068999</v>
      </c>
      <c r="J10954" t="s">
        <v>66639</v>
      </c>
    </row>
    <row r="10955" spans="1:10" x14ac:dyDescent="0.25">
      <c r="A10955" t="s">
        <v>14727</v>
      </c>
      <c r="B10955" t="s">
        <v>14728</v>
      </c>
      <c r="C10955" t="s">
        <v>14729</v>
      </c>
      <c r="D10955" t="s">
        <v>14705</v>
      </c>
      <c r="E10955" t="s">
        <v>13</v>
      </c>
      <c r="F10955">
        <v>3127</v>
      </c>
      <c r="G10955" t="s">
        <v>14730</v>
      </c>
      <c r="H10955">
        <v>4.8949000862930001</v>
      </c>
      <c r="I10955">
        <v>52.378139788649001</v>
      </c>
      <c r="J10955" t="s">
        <v>66640</v>
      </c>
    </row>
    <row r="10956" spans="1:10" x14ac:dyDescent="0.25">
      <c r="A10956" t="s">
        <v>14723</v>
      </c>
      <c r="B10956" t="s">
        <v>14724</v>
      </c>
      <c r="C10956" t="s">
        <v>14725</v>
      </c>
      <c r="D10956" t="s">
        <v>14705</v>
      </c>
      <c r="E10956" t="s">
        <v>13</v>
      </c>
      <c r="F10956">
        <v>3126</v>
      </c>
      <c r="G10956" t="s">
        <v>14726</v>
      </c>
      <c r="H10956">
        <v>4.900837670334</v>
      </c>
      <c r="I10956">
        <v>52.379586474020002</v>
      </c>
      <c r="J10956" t="s">
        <v>66641</v>
      </c>
    </row>
    <row r="10957" spans="1:10" x14ac:dyDescent="0.25">
      <c r="A10957" t="s">
        <v>14719</v>
      </c>
      <c r="B10957" t="s">
        <v>14720</v>
      </c>
      <c r="C10957" t="s">
        <v>14721</v>
      </c>
      <c r="D10957" t="s">
        <v>14705</v>
      </c>
      <c r="E10957" t="s">
        <v>13</v>
      </c>
      <c r="F10957">
        <v>3125</v>
      </c>
      <c r="G10957" t="s">
        <v>14722</v>
      </c>
      <c r="H10957">
        <v>4.8956667852390003</v>
      </c>
      <c r="I10957">
        <v>52.369531613253002</v>
      </c>
      <c r="J10957" t="s">
        <v>66642</v>
      </c>
    </row>
    <row r="10958" spans="1:10" x14ac:dyDescent="0.25">
      <c r="A10958" t="s">
        <v>14715</v>
      </c>
      <c r="B10958" t="s">
        <v>14716</v>
      </c>
      <c r="C10958" t="s">
        <v>14717</v>
      </c>
      <c r="D10958" t="s">
        <v>14705</v>
      </c>
      <c r="E10958" t="s">
        <v>13</v>
      </c>
      <c r="F10958">
        <v>3124</v>
      </c>
      <c r="G10958" t="s">
        <v>14718</v>
      </c>
      <c r="H10958">
        <v>4.8937582406390003</v>
      </c>
      <c r="I10958">
        <v>52.370824952301</v>
      </c>
      <c r="J10958" t="s">
        <v>66643</v>
      </c>
    </row>
    <row r="10959" spans="1:10" x14ac:dyDescent="0.25">
      <c r="A10959" t="s">
        <v>14711</v>
      </c>
      <c r="B10959" t="s">
        <v>14712</v>
      </c>
      <c r="C10959" t="s">
        <v>14713</v>
      </c>
      <c r="D10959" t="s">
        <v>14705</v>
      </c>
      <c r="E10959" t="s">
        <v>13</v>
      </c>
      <c r="F10959">
        <v>3123</v>
      </c>
      <c r="G10959" t="s">
        <v>14714</v>
      </c>
      <c r="H10959">
        <v>4.8987712230760003</v>
      </c>
      <c r="I10959">
        <v>52.372835778228001</v>
      </c>
      <c r="J10959" t="s">
        <v>66644</v>
      </c>
    </row>
    <row r="10960" spans="1:10" x14ac:dyDescent="0.25">
      <c r="A10960" t="s">
        <v>14707</v>
      </c>
      <c r="B10960" t="s">
        <v>14708</v>
      </c>
      <c r="C10960" t="s">
        <v>14709</v>
      </c>
      <c r="D10960" t="s">
        <v>14705</v>
      </c>
      <c r="E10960" t="s">
        <v>13</v>
      </c>
      <c r="F10960">
        <v>3122</v>
      </c>
      <c r="G10960" t="s">
        <v>14710</v>
      </c>
      <c r="H10960">
        <v>4.89618803769</v>
      </c>
      <c r="I10960">
        <v>52.373778274166</v>
      </c>
      <c r="J10960" t="s">
        <v>66645</v>
      </c>
    </row>
    <row r="10961" spans="1:10" x14ac:dyDescent="0.25">
      <c r="A10961" t="s">
        <v>14702</v>
      </c>
      <c r="B10961" t="s">
        <v>14703</v>
      </c>
      <c r="C10961" t="s">
        <v>14704</v>
      </c>
      <c r="D10961" t="s">
        <v>14705</v>
      </c>
      <c r="E10961" t="s">
        <v>13</v>
      </c>
      <c r="F10961">
        <v>3121</v>
      </c>
      <c r="G10961" t="s">
        <v>14706</v>
      </c>
      <c r="H10961">
        <v>4.9003180466599998</v>
      </c>
      <c r="I10961">
        <v>52.375828246243003</v>
      </c>
      <c r="J10961" t="s">
        <v>66646</v>
      </c>
    </row>
    <row r="10962" spans="1:10" x14ac:dyDescent="0.25">
      <c r="A10962" t="s">
        <v>14698</v>
      </c>
      <c r="B10962" t="s">
        <v>14699</v>
      </c>
      <c r="C10962" t="s">
        <v>14700</v>
      </c>
      <c r="D10962" t="s">
        <v>14521</v>
      </c>
      <c r="E10962" t="s">
        <v>13</v>
      </c>
      <c r="F10962">
        <v>3120</v>
      </c>
      <c r="G10962" t="s">
        <v>14701</v>
      </c>
      <c r="H10962">
        <v>4.8270609067620001</v>
      </c>
      <c r="I10962">
        <v>52.301013329690001</v>
      </c>
      <c r="J10962" t="s">
        <v>66647</v>
      </c>
    </row>
    <row r="10963" spans="1:10" x14ac:dyDescent="0.25">
      <c r="A10963" t="s">
        <v>14694</v>
      </c>
      <c r="B10963" t="s">
        <v>14695</v>
      </c>
      <c r="C10963" t="s">
        <v>14696</v>
      </c>
      <c r="D10963" t="s">
        <v>14521</v>
      </c>
      <c r="E10963" t="s">
        <v>13</v>
      </c>
      <c r="F10963">
        <v>3119</v>
      </c>
      <c r="G10963" t="s">
        <v>14697</v>
      </c>
      <c r="H10963">
        <v>4.836217372029</v>
      </c>
      <c r="I10963">
        <v>52.319007864404</v>
      </c>
      <c r="J10963" t="s">
        <v>66648</v>
      </c>
    </row>
    <row r="10964" spans="1:10" x14ac:dyDescent="0.25">
      <c r="A10964" t="s">
        <v>14690</v>
      </c>
      <c r="B10964" t="s">
        <v>14691</v>
      </c>
      <c r="C10964" t="s">
        <v>14692</v>
      </c>
      <c r="D10964" t="s">
        <v>14521</v>
      </c>
      <c r="E10964" t="s">
        <v>13</v>
      </c>
      <c r="F10964">
        <v>3118</v>
      </c>
      <c r="G10964" t="s">
        <v>14693</v>
      </c>
      <c r="H10964">
        <v>4.8199380186859999</v>
      </c>
      <c r="I10964">
        <v>52.262310418158002</v>
      </c>
      <c r="J10964" t="s">
        <v>66649</v>
      </c>
    </row>
    <row r="10965" spans="1:10" x14ac:dyDescent="0.25">
      <c r="A10965" t="s">
        <v>14686</v>
      </c>
      <c r="B10965" t="s">
        <v>14687</v>
      </c>
      <c r="C10965" t="s">
        <v>14688</v>
      </c>
      <c r="D10965" t="s">
        <v>14521</v>
      </c>
      <c r="E10965" t="s">
        <v>13</v>
      </c>
      <c r="F10965">
        <v>3117</v>
      </c>
      <c r="G10965" t="s">
        <v>14689</v>
      </c>
      <c r="H10965">
        <v>4.860288431941</v>
      </c>
      <c r="I10965">
        <v>52.26627391313</v>
      </c>
      <c r="J10965" t="s">
        <v>66650</v>
      </c>
    </row>
    <row r="10966" spans="1:10" x14ac:dyDescent="0.25">
      <c r="A10966" t="s">
        <v>14683</v>
      </c>
      <c r="B10966" t="s">
        <v>14684</v>
      </c>
      <c r="C10966" t="s">
        <v>2533</v>
      </c>
      <c r="D10966" t="s">
        <v>14521</v>
      </c>
      <c r="E10966" t="s">
        <v>13</v>
      </c>
      <c r="F10966">
        <v>3116</v>
      </c>
      <c r="G10966" t="s">
        <v>14685</v>
      </c>
      <c r="H10966">
        <v>4.817592565779</v>
      </c>
      <c r="I10966">
        <v>52.272820494686997</v>
      </c>
      <c r="J10966" t="s">
        <v>66651</v>
      </c>
    </row>
    <row r="10967" spans="1:10" x14ac:dyDescent="0.25">
      <c r="A10967" t="s">
        <v>14679</v>
      </c>
      <c r="B10967" t="s">
        <v>14680</v>
      </c>
      <c r="C10967" t="s">
        <v>14681</v>
      </c>
      <c r="D10967" t="s">
        <v>14521</v>
      </c>
      <c r="E10967" t="s">
        <v>13</v>
      </c>
      <c r="F10967">
        <v>3115</v>
      </c>
      <c r="G10967" t="s">
        <v>14682</v>
      </c>
      <c r="H10967">
        <v>4.8344458102869998</v>
      </c>
      <c r="I10967">
        <v>52.274190590194003</v>
      </c>
      <c r="J10967" t="s">
        <v>66652</v>
      </c>
    </row>
    <row r="10968" spans="1:10" x14ac:dyDescent="0.25">
      <c r="A10968" t="s">
        <v>14676</v>
      </c>
      <c r="B10968" t="s">
        <v>14677</v>
      </c>
      <c r="C10968" t="s">
        <v>89</v>
      </c>
      <c r="D10968" t="s">
        <v>14521</v>
      </c>
      <c r="E10968" t="s">
        <v>13</v>
      </c>
      <c r="F10968">
        <v>3114</v>
      </c>
      <c r="G10968" t="s">
        <v>14678</v>
      </c>
      <c r="H10968">
        <v>4.8257132086489998</v>
      </c>
      <c r="I10968">
        <v>52.274863746363998</v>
      </c>
      <c r="J10968" t="s">
        <v>66653</v>
      </c>
    </row>
    <row r="10969" spans="1:10" x14ac:dyDescent="0.25">
      <c r="A10969" t="s">
        <v>14672</v>
      </c>
      <c r="B10969" t="s">
        <v>14673</v>
      </c>
      <c r="C10969" t="s">
        <v>14674</v>
      </c>
      <c r="D10969" t="s">
        <v>14521</v>
      </c>
      <c r="E10969" t="s">
        <v>13</v>
      </c>
      <c r="F10969">
        <v>3113</v>
      </c>
      <c r="G10969" t="s">
        <v>14675</v>
      </c>
      <c r="H10969">
        <v>4.8173445125949996</v>
      </c>
      <c r="I10969">
        <v>52.277939908469001</v>
      </c>
      <c r="J10969" t="s">
        <v>66654</v>
      </c>
    </row>
    <row r="10970" spans="1:10" x14ac:dyDescent="0.25">
      <c r="A10970" t="s">
        <v>14668</v>
      </c>
      <c r="B10970" t="s">
        <v>14669</v>
      </c>
      <c r="C10970" t="s">
        <v>14670</v>
      </c>
      <c r="D10970" t="s">
        <v>14521</v>
      </c>
      <c r="E10970" t="s">
        <v>13</v>
      </c>
      <c r="F10970">
        <v>3112</v>
      </c>
      <c r="G10970" t="s">
        <v>14671</v>
      </c>
      <c r="H10970">
        <v>4.8286741661589998</v>
      </c>
      <c r="I10970">
        <v>52.279434418915997</v>
      </c>
      <c r="J10970" t="s">
        <v>66655</v>
      </c>
    </row>
    <row r="10971" spans="1:10" x14ac:dyDescent="0.25">
      <c r="A10971" t="s">
        <v>14664</v>
      </c>
      <c r="B10971" t="s">
        <v>14665</v>
      </c>
      <c r="C10971" t="s">
        <v>14666</v>
      </c>
      <c r="D10971" t="s">
        <v>14521</v>
      </c>
      <c r="E10971" t="s">
        <v>13</v>
      </c>
      <c r="F10971">
        <v>3111</v>
      </c>
      <c r="G10971" t="s">
        <v>14667</v>
      </c>
      <c r="H10971">
        <v>4.8210671304200003</v>
      </c>
      <c r="I10971">
        <v>52.282566036487999</v>
      </c>
      <c r="J10971" t="s">
        <v>66656</v>
      </c>
    </row>
    <row r="10972" spans="1:10" x14ac:dyDescent="0.25">
      <c r="A10972" t="s">
        <v>14660</v>
      </c>
      <c r="B10972" t="s">
        <v>14661</v>
      </c>
      <c r="C10972" t="s">
        <v>14662</v>
      </c>
      <c r="D10972" t="s">
        <v>14521</v>
      </c>
      <c r="E10972" t="s">
        <v>13</v>
      </c>
      <c r="F10972">
        <v>3110</v>
      </c>
      <c r="G10972" t="s">
        <v>14663</v>
      </c>
      <c r="H10972">
        <v>4.8370160574090004</v>
      </c>
      <c r="I10972">
        <v>52.282535583483998</v>
      </c>
      <c r="J10972" t="s">
        <v>66657</v>
      </c>
    </row>
    <row r="10973" spans="1:10" x14ac:dyDescent="0.25">
      <c r="A10973" t="s">
        <v>14656</v>
      </c>
      <c r="B10973" t="s">
        <v>14657</v>
      </c>
      <c r="C10973" t="s">
        <v>14658</v>
      </c>
      <c r="D10973" t="s">
        <v>14521</v>
      </c>
      <c r="E10973" t="s">
        <v>13</v>
      </c>
      <c r="F10973">
        <v>3109</v>
      </c>
      <c r="G10973" t="s">
        <v>14659</v>
      </c>
      <c r="H10973">
        <v>4.8311676456589998</v>
      </c>
      <c r="I10973">
        <v>52.284932092432001</v>
      </c>
      <c r="J10973" t="s">
        <v>66658</v>
      </c>
    </row>
    <row r="10974" spans="1:10" x14ac:dyDescent="0.25">
      <c r="A10974" t="s">
        <v>14652</v>
      </c>
      <c r="B10974" t="s">
        <v>14653</v>
      </c>
      <c r="C10974" t="s">
        <v>14654</v>
      </c>
      <c r="D10974" t="s">
        <v>14521</v>
      </c>
      <c r="E10974" t="s">
        <v>13</v>
      </c>
      <c r="F10974">
        <v>3108</v>
      </c>
      <c r="G10974" t="s">
        <v>14655</v>
      </c>
      <c r="H10974">
        <v>4.8247935277109999</v>
      </c>
      <c r="I10974">
        <v>52.286677069806998</v>
      </c>
      <c r="J10974" t="s">
        <v>66659</v>
      </c>
    </row>
    <row r="10975" spans="1:10" x14ac:dyDescent="0.25">
      <c r="A10975" t="s">
        <v>14648</v>
      </c>
      <c r="B10975" t="s">
        <v>14649</v>
      </c>
      <c r="C10975" t="s">
        <v>14650</v>
      </c>
      <c r="D10975" t="s">
        <v>14521</v>
      </c>
      <c r="E10975" t="s">
        <v>13</v>
      </c>
      <c r="F10975">
        <v>3107</v>
      </c>
      <c r="G10975" t="s">
        <v>14651</v>
      </c>
      <c r="H10975">
        <v>4.8348190197159999</v>
      </c>
      <c r="I10975">
        <v>52.290032078581</v>
      </c>
      <c r="J10975" t="s">
        <v>66660</v>
      </c>
    </row>
    <row r="10976" spans="1:10" x14ac:dyDescent="0.25">
      <c r="A10976" t="s">
        <v>14644</v>
      </c>
      <c r="B10976" t="s">
        <v>14645</v>
      </c>
      <c r="C10976" t="s">
        <v>14646</v>
      </c>
      <c r="D10976" t="s">
        <v>14521</v>
      </c>
      <c r="E10976" t="s">
        <v>13</v>
      </c>
      <c r="F10976">
        <v>3106</v>
      </c>
      <c r="G10976" t="s">
        <v>14647</v>
      </c>
      <c r="H10976">
        <v>4.8618347637469999</v>
      </c>
      <c r="I10976">
        <v>52.276762418574997</v>
      </c>
      <c r="J10976" t="s">
        <v>66661</v>
      </c>
    </row>
    <row r="10977" spans="1:10" x14ac:dyDescent="0.25">
      <c r="A10977" t="s">
        <v>14640</v>
      </c>
      <c r="B10977" t="s">
        <v>14641</v>
      </c>
      <c r="C10977" t="s">
        <v>14642</v>
      </c>
      <c r="D10977" t="s">
        <v>14521</v>
      </c>
      <c r="E10977" t="s">
        <v>13</v>
      </c>
      <c r="F10977">
        <v>3105</v>
      </c>
      <c r="G10977" t="s">
        <v>14643</v>
      </c>
      <c r="H10977">
        <v>4.8450415079819997</v>
      </c>
      <c r="I10977">
        <v>52.279699795173997</v>
      </c>
      <c r="J10977" t="s">
        <v>66662</v>
      </c>
    </row>
    <row r="10978" spans="1:10" x14ac:dyDescent="0.25">
      <c r="A10978" t="s">
        <v>14636</v>
      </c>
      <c r="B10978" t="s">
        <v>14637</v>
      </c>
      <c r="C10978" t="s">
        <v>14638</v>
      </c>
      <c r="D10978" t="s">
        <v>14521</v>
      </c>
      <c r="E10978" t="s">
        <v>13</v>
      </c>
      <c r="F10978">
        <v>3104</v>
      </c>
      <c r="G10978" t="s">
        <v>14639</v>
      </c>
      <c r="H10978">
        <v>4.8637559589429999</v>
      </c>
      <c r="I10978">
        <v>52.280908690526999</v>
      </c>
      <c r="J10978" t="s">
        <v>66663</v>
      </c>
    </row>
    <row r="10979" spans="1:10" x14ac:dyDescent="0.25">
      <c r="A10979" t="s">
        <v>14632</v>
      </c>
      <c r="B10979" t="s">
        <v>14633</v>
      </c>
      <c r="C10979" t="s">
        <v>14634</v>
      </c>
      <c r="D10979" t="s">
        <v>14521</v>
      </c>
      <c r="E10979" t="s">
        <v>13</v>
      </c>
      <c r="F10979">
        <v>3103</v>
      </c>
      <c r="G10979" t="s">
        <v>14635</v>
      </c>
      <c r="H10979">
        <v>4.8547452676300002</v>
      </c>
      <c r="I10979">
        <v>52.281103069497</v>
      </c>
      <c r="J10979" t="s">
        <v>66664</v>
      </c>
    </row>
    <row r="10980" spans="1:10" x14ac:dyDescent="0.25">
      <c r="A10980" t="s">
        <v>14629</v>
      </c>
      <c r="B10980" t="s">
        <v>14630</v>
      </c>
      <c r="C10980" t="s">
        <v>1576</v>
      </c>
      <c r="D10980" t="s">
        <v>14521</v>
      </c>
      <c r="E10980" t="s">
        <v>13</v>
      </c>
      <c r="F10980">
        <v>3102</v>
      </c>
      <c r="G10980" t="s">
        <v>14631</v>
      </c>
      <c r="H10980">
        <v>4.8477094323310004</v>
      </c>
      <c r="I10980">
        <v>52.283913991276997</v>
      </c>
      <c r="J10980" t="s">
        <v>66665</v>
      </c>
    </row>
    <row r="10981" spans="1:10" x14ac:dyDescent="0.25">
      <c r="A10981" t="s">
        <v>14625</v>
      </c>
      <c r="B10981" t="s">
        <v>14626</v>
      </c>
      <c r="C10981" t="s">
        <v>14627</v>
      </c>
      <c r="D10981" t="s">
        <v>14521</v>
      </c>
      <c r="E10981" t="s">
        <v>13</v>
      </c>
      <c r="F10981">
        <v>3101</v>
      </c>
      <c r="G10981" t="s">
        <v>14628</v>
      </c>
      <c r="H10981">
        <v>4.8703910849409997</v>
      </c>
      <c r="I10981">
        <v>52.285703203377999</v>
      </c>
      <c r="J10981" t="s">
        <v>66666</v>
      </c>
    </row>
    <row r="10982" spans="1:10" x14ac:dyDescent="0.25">
      <c r="A10982" t="s">
        <v>14621</v>
      </c>
      <c r="B10982" t="s">
        <v>14622</v>
      </c>
      <c r="C10982" t="s">
        <v>14623</v>
      </c>
      <c r="D10982" t="s">
        <v>14521</v>
      </c>
      <c r="E10982" t="s">
        <v>13</v>
      </c>
      <c r="F10982">
        <v>3100</v>
      </c>
      <c r="G10982" t="s">
        <v>14624</v>
      </c>
      <c r="H10982">
        <v>4.8645403764120001</v>
      </c>
      <c r="I10982">
        <v>52.286457109038999</v>
      </c>
      <c r="J10982" t="s">
        <v>66667</v>
      </c>
    </row>
    <row r="10983" spans="1:10" x14ac:dyDescent="0.25">
      <c r="A10983" t="s">
        <v>14617</v>
      </c>
      <c r="B10983" t="s">
        <v>14618</v>
      </c>
      <c r="C10983" t="s">
        <v>14619</v>
      </c>
      <c r="D10983" t="s">
        <v>14521</v>
      </c>
      <c r="E10983" t="s">
        <v>13</v>
      </c>
      <c r="F10983">
        <v>3099</v>
      </c>
      <c r="G10983" t="s">
        <v>14620</v>
      </c>
      <c r="H10983">
        <v>4.8730603059839996</v>
      </c>
      <c r="I10983">
        <v>52.290503164176002</v>
      </c>
      <c r="J10983" t="s">
        <v>66668</v>
      </c>
    </row>
    <row r="10984" spans="1:10" x14ac:dyDescent="0.25">
      <c r="A10984" t="s">
        <v>14613</v>
      </c>
      <c r="B10984" t="s">
        <v>14614</v>
      </c>
      <c r="C10984" t="s">
        <v>14615</v>
      </c>
      <c r="D10984" t="s">
        <v>14521</v>
      </c>
      <c r="E10984" t="s">
        <v>13</v>
      </c>
      <c r="F10984">
        <v>3098</v>
      </c>
      <c r="G10984" t="s">
        <v>14616</v>
      </c>
      <c r="H10984">
        <v>4.8670909857759996</v>
      </c>
      <c r="I10984">
        <v>52.291565303927001</v>
      </c>
      <c r="J10984" t="s">
        <v>66669</v>
      </c>
    </row>
    <row r="10985" spans="1:10" x14ac:dyDescent="0.25">
      <c r="A10985" t="s">
        <v>14609</v>
      </c>
      <c r="B10985" t="s">
        <v>14610</v>
      </c>
      <c r="C10985" t="s">
        <v>14611</v>
      </c>
      <c r="D10985" t="s">
        <v>14521</v>
      </c>
      <c r="E10985" t="s">
        <v>13</v>
      </c>
      <c r="F10985">
        <v>3097</v>
      </c>
      <c r="G10985" t="s">
        <v>14612</v>
      </c>
      <c r="H10985">
        <v>4.8730658623889997</v>
      </c>
      <c r="I10985">
        <v>52.295043271788003</v>
      </c>
      <c r="J10985" t="s">
        <v>66670</v>
      </c>
    </row>
    <row r="10986" spans="1:10" x14ac:dyDescent="0.25">
      <c r="A10986" t="s">
        <v>14605</v>
      </c>
      <c r="B10986" t="s">
        <v>14606</v>
      </c>
      <c r="C10986" t="s">
        <v>14607</v>
      </c>
      <c r="D10986" t="s">
        <v>14521</v>
      </c>
      <c r="E10986" t="s">
        <v>13</v>
      </c>
      <c r="F10986">
        <v>3096</v>
      </c>
      <c r="G10986" t="s">
        <v>14608</v>
      </c>
      <c r="H10986">
        <v>4.8523253767250001</v>
      </c>
      <c r="I10986">
        <v>52.288263935494001</v>
      </c>
      <c r="J10986" t="s">
        <v>66671</v>
      </c>
    </row>
    <row r="10987" spans="1:10" x14ac:dyDescent="0.25">
      <c r="A10987" t="s">
        <v>14601</v>
      </c>
      <c r="B10987" t="s">
        <v>14602</v>
      </c>
      <c r="C10987" t="s">
        <v>14603</v>
      </c>
      <c r="D10987" t="s">
        <v>14521</v>
      </c>
      <c r="E10987" t="s">
        <v>13</v>
      </c>
      <c r="F10987">
        <v>3095</v>
      </c>
      <c r="G10987" t="s">
        <v>14604</v>
      </c>
      <c r="H10987">
        <v>4.8604264807459998</v>
      </c>
      <c r="I10987">
        <v>52.293092077163998</v>
      </c>
      <c r="J10987" t="s">
        <v>66672</v>
      </c>
    </row>
    <row r="10988" spans="1:10" x14ac:dyDescent="0.25">
      <c r="A10988" t="s">
        <v>14597</v>
      </c>
      <c r="B10988" t="s">
        <v>14598</v>
      </c>
      <c r="C10988" t="s">
        <v>14599</v>
      </c>
      <c r="D10988" t="s">
        <v>14521</v>
      </c>
      <c r="E10988" t="s">
        <v>13</v>
      </c>
      <c r="F10988">
        <v>3094</v>
      </c>
      <c r="G10988" t="s">
        <v>14600</v>
      </c>
      <c r="H10988">
        <v>4.8477329376220002</v>
      </c>
      <c r="I10988">
        <v>52.293858839290003</v>
      </c>
      <c r="J10988" t="s">
        <v>66673</v>
      </c>
    </row>
    <row r="10989" spans="1:10" x14ac:dyDescent="0.25">
      <c r="A10989" t="s">
        <v>14593</v>
      </c>
      <c r="B10989" t="s">
        <v>14594</v>
      </c>
      <c r="C10989" t="s">
        <v>14595</v>
      </c>
      <c r="D10989" t="s">
        <v>14521</v>
      </c>
      <c r="E10989" t="s">
        <v>13</v>
      </c>
      <c r="F10989">
        <v>3093</v>
      </c>
      <c r="G10989" t="s">
        <v>14596</v>
      </c>
      <c r="H10989">
        <v>4.8611137022040003</v>
      </c>
      <c r="I10989">
        <v>52.297855541174002</v>
      </c>
      <c r="J10989" t="s">
        <v>66674</v>
      </c>
    </row>
    <row r="10990" spans="1:10" x14ac:dyDescent="0.25">
      <c r="A10990" t="s">
        <v>14589</v>
      </c>
      <c r="B10990" t="s">
        <v>14590</v>
      </c>
      <c r="C10990" t="s">
        <v>14591</v>
      </c>
      <c r="D10990" t="s">
        <v>14521</v>
      </c>
      <c r="E10990" t="s">
        <v>13</v>
      </c>
      <c r="F10990">
        <v>3092</v>
      </c>
      <c r="G10990" t="s">
        <v>14592</v>
      </c>
      <c r="H10990">
        <v>4.8506532950660004</v>
      </c>
      <c r="I10990">
        <v>52.299262122804997</v>
      </c>
      <c r="J10990" t="s">
        <v>66675</v>
      </c>
    </row>
    <row r="10991" spans="1:10" x14ac:dyDescent="0.25">
      <c r="A10991" t="s">
        <v>14585</v>
      </c>
      <c r="B10991" t="s">
        <v>14586</v>
      </c>
      <c r="C10991" t="s">
        <v>14587</v>
      </c>
      <c r="D10991" t="s">
        <v>14521</v>
      </c>
      <c r="E10991" t="s">
        <v>13</v>
      </c>
      <c r="F10991">
        <v>3091</v>
      </c>
      <c r="G10991" t="s">
        <v>14588</v>
      </c>
      <c r="H10991">
        <v>4.8443441555240003</v>
      </c>
      <c r="I10991">
        <v>52.302753711609</v>
      </c>
      <c r="J10991" t="s">
        <v>66676</v>
      </c>
    </row>
    <row r="10992" spans="1:10" x14ac:dyDescent="0.25">
      <c r="A10992" t="s">
        <v>14581</v>
      </c>
      <c r="B10992" t="s">
        <v>14582</v>
      </c>
      <c r="C10992" t="s">
        <v>14583</v>
      </c>
      <c r="D10992" t="s">
        <v>14521</v>
      </c>
      <c r="E10992" t="s">
        <v>13</v>
      </c>
      <c r="F10992">
        <v>3090</v>
      </c>
      <c r="G10992" t="s">
        <v>14584</v>
      </c>
      <c r="H10992">
        <v>4.8950737902629999</v>
      </c>
      <c r="I10992">
        <v>52.298283653344001</v>
      </c>
      <c r="J10992" t="s">
        <v>66677</v>
      </c>
    </row>
    <row r="10993" spans="1:10" x14ac:dyDescent="0.25">
      <c r="A10993" t="s">
        <v>14577</v>
      </c>
      <c r="B10993" t="s">
        <v>14578</v>
      </c>
      <c r="C10993" t="s">
        <v>14579</v>
      </c>
      <c r="D10993" t="s">
        <v>14521</v>
      </c>
      <c r="E10993" t="s">
        <v>13</v>
      </c>
      <c r="F10993">
        <v>3089</v>
      </c>
      <c r="G10993" t="s">
        <v>14580</v>
      </c>
      <c r="H10993">
        <v>4.8936555294530004</v>
      </c>
      <c r="I10993">
        <v>52.310659676337004</v>
      </c>
      <c r="J10993" t="s">
        <v>66678</v>
      </c>
    </row>
    <row r="10994" spans="1:10" x14ac:dyDescent="0.25">
      <c r="A10994" t="s">
        <v>14573</v>
      </c>
      <c r="B10994" t="s">
        <v>14574</v>
      </c>
      <c r="C10994" t="s">
        <v>14575</v>
      </c>
      <c r="D10994" t="s">
        <v>14521</v>
      </c>
      <c r="E10994" t="s">
        <v>13</v>
      </c>
      <c r="F10994">
        <v>3088</v>
      </c>
      <c r="G10994" t="s">
        <v>14576</v>
      </c>
      <c r="H10994">
        <v>4.8756133875650001</v>
      </c>
      <c r="I10994">
        <v>52.299831247192003</v>
      </c>
      <c r="J10994" t="s">
        <v>66679</v>
      </c>
    </row>
    <row r="10995" spans="1:10" x14ac:dyDescent="0.25">
      <c r="A10995" t="s">
        <v>14569</v>
      </c>
      <c r="B10995" t="s">
        <v>14570</v>
      </c>
      <c r="C10995" t="s">
        <v>14571</v>
      </c>
      <c r="D10995" t="s">
        <v>14521</v>
      </c>
      <c r="E10995" t="s">
        <v>13</v>
      </c>
      <c r="F10995">
        <v>3087</v>
      </c>
      <c r="G10995" t="s">
        <v>14572</v>
      </c>
      <c r="H10995">
        <v>4.8779795084539996</v>
      </c>
      <c r="I10995">
        <v>52.304911138721003</v>
      </c>
      <c r="J10995" t="s">
        <v>66680</v>
      </c>
    </row>
    <row r="10996" spans="1:10" x14ac:dyDescent="0.25">
      <c r="A10996" t="s">
        <v>14565</v>
      </c>
      <c r="B10996" t="s">
        <v>14566</v>
      </c>
      <c r="C10996" t="s">
        <v>14567</v>
      </c>
      <c r="D10996" t="s">
        <v>14521</v>
      </c>
      <c r="E10996" t="s">
        <v>13</v>
      </c>
      <c r="F10996">
        <v>3086</v>
      </c>
      <c r="G10996" t="s">
        <v>14568</v>
      </c>
      <c r="H10996">
        <v>4.8787598303189998</v>
      </c>
      <c r="I10996">
        <v>52.310043990562001</v>
      </c>
      <c r="J10996" t="s">
        <v>66681</v>
      </c>
    </row>
    <row r="10997" spans="1:10" x14ac:dyDescent="0.25">
      <c r="A10997" t="s">
        <v>14561</v>
      </c>
      <c r="B10997" t="s">
        <v>14562</v>
      </c>
      <c r="C10997" t="s">
        <v>14563</v>
      </c>
      <c r="D10997" t="s">
        <v>14521</v>
      </c>
      <c r="E10997" t="s">
        <v>13</v>
      </c>
      <c r="F10997">
        <v>3085</v>
      </c>
      <c r="G10997" t="s">
        <v>14564</v>
      </c>
      <c r="H10997">
        <v>4.8781326387270001</v>
      </c>
      <c r="I10997">
        <v>52.314481014256998</v>
      </c>
      <c r="J10997" t="s">
        <v>66682</v>
      </c>
    </row>
    <row r="10998" spans="1:10" x14ac:dyDescent="0.25">
      <c r="A10998" t="s">
        <v>14558</v>
      </c>
      <c r="B10998" t="s">
        <v>14559</v>
      </c>
      <c r="C10998" t="s">
        <v>3524</v>
      </c>
      <c r="D10998" t="s">
        <v>14521</v>
      </c>
      <c r="E10998" t="s">
        <v>13</v>
      </c>
      <c r="F10998">
        <v>3084</v>
      </c>
      <c r="G10998" t="s">
        <v>14560</v>
      </c>
      <c r="H10998">
        <v>4.8776703725679997</v>
      </c>
      <c r="I10998">
        <v>52.318763150368</v>
      </c>
      <c r="J10998" t="s">
        <v>66683</v>
      </c>
    </row>
    <row r="10999" spans="1:10" x14ac:dyDescent="0.25">
      <c r="A10999" t="s">
        <v>14554</v>
      </c>
      <c r="B10999" t="s">
        <v>14555</v>
      </c>
      <c r="C10999" t="s">
        <v>14556</v>
      </c>
      <c r="D10999" t="s">
        <v>14521</v>
      </c>
      <c r="E10999" t="s">
        <v>13</v>
      </c>
      <c r="F10999">
        <v>3083</v>
      </c>
      <c r="G10999" t="s">
        <v>14557</v>
      </c>
      <c r="H10999">
        <v>4.8737666362949996</v>
      </c>
      <c r="I10999">
        <v>52.320109085681999</v>
      </c>
      <c r="J10999" t="s">
        <v>66684</v>
      </c>
    </row>
    <row r="11000" spans="1:10" x14ac:dyDescent="0.25">
      <c r="A11000" t="s">
        <v>14550</v>
      </c>
      <c r="B11000" t="s">
        <v>14551</v>
      </c>
      <c r="C11000" t="s">
        <v>14552</v>
      </c>
      <c r="D11000" t="s">
        <v>14521</v>
      </c>
      <c r="E11000" t="s">
        <v>13</v>
      </c>
      <c r="F11000">
        <v>3082</v>
      </c>
      <c r="G11000" t="s">
        <v>14553</v>
      </c>
      <c r="H11000">
        <v>4.8638719187920003</v>
      </c>
      <c r="I11000">
        <v>52.302529321107997</v>
      </c>
      <c r="J11000" t="s">
        <v>66685</v>
      </c>
    </row>
    <row r="11001" spans="1:10" x14ac:dyDescent="0.25">
      <c r="A11001" t="s">
        <v>14546</v>
      </c>
      <c r="B11001" t="s">
        <v>14547</v>
      </c>
      <c r="C11001" t="s">
        <v>14548</v>
      </c>
      <c r="D11001" t="s">
        <v>14521</v>
      </c>
      <c r="E11001" t="s">
        <v>13</v>
      </c>
      <c r="F11001">
        <v>3081</v>
      </c>
      <c r="G11001" t="s">
        <v>14549</v>
      </c>
      <c r="H11001">
        <v>4.8681447932950004</v>
      </c>
      <c r="I11001">
        <v>52.307755830272001</v>
      </c>
      <c r="J11001" t="s">
        <v>66686</v>
      </c>
    </row>
    <row r="11002" spans="1:10" x14ac:dyDescent="0.25">
      <c r="A11002" t="s">
        <v>14542</v>
      </c>
      <c r="B11002" t="s">
        <v>14543</v>
      </c>
      <c r="C11002" t="s">
        <v>14544</v>
      </c>
      <c r="D11002" t="s">
        <v>14521</v>
      </c>
      <c r="E11002" t="s">
        <v>13</v>
      </c>
      <c r="F11002">
        <v>3080</v>
      </c>
      <c r="G11002" t="s">
        <v>14545</v>
      </c>
      <c r="H11002">
        <v>4.8676257052740004</v>
      </c>
      <c r="I11002">
        <v>52.313174761688998</v>
      </c>
      <c r="J11002" t="s">
        <v>66687</v>
      </c>
    </row>
    <row r="11003" spans="1:10" x14ac:dyDescent="0.25">
      <c r="A11003" t="s">
        <v>14538</v>
      </c>
      <c r="B11003" t="s">
        <v>14539</v>
      </c>
      <c r="C11003" t="s">
        <v>14540</v>
      </c>
      <c r="D11003" t="s">
        <v>14521</v>
      </c>
      <c r="E11003" t="s">
        <v>13</v>
      </c>
      <c r="F11003">
        <v>3079</v>
      </c>
      <c r="G11003" t="s">
        <v>14541</v>
      </c>
      <c r="H11003">
        <v>4.8598809310310003</v>
      </c>
      <c r="I11003">
        <v>52.309728292500999</v>
      </c>
      <c r="J11003" t="s">
        <v>66688</v>
      </c>
    </row>
    <row r="11004" spans="1:10" x14ac:dyDescent="0.25">
      <c r="A11004" t="s">
        <v>14534</v>
      </c>
      <c r="B11004" t="s">
        <v>14535</v>
      </c>
      <c r="C11004" t="s">
        <v>14536</v>
      </c>
      <c r="D11004" t="s">
        <v>14521</v>
      </c>
      <c r="E11004" t="s">
        <v>13</v>
      </c>
      <c r="F11004">
        <v>3078</v>
      </c>
      <c r="G11004" t="s">
        <v>14537</v>
      </c>
      <c r="H11004">
        <v>4.853777876793</v>
      </c>
      <c r="I11004">
        <v>52.307602271461</v>
      </c>
      <c r="J11004" t="s">
        <v>66689</v>
      </c>
    </row>
    <row r="11005" spans="1:10" x14ac:dyDescent="0.25">
      <c r="A11005" t="s">
        <v>14530</v>
      </c>
      <c r="B11005" t="s">
        <v>14531</v>
      </c>
      <c r="C11005" t="s">
        <v>14532</v>
      </c>
      <c r="D11005" t="s">
        <v>14521</v>
      </c>
      <c r="E11005" t="s">
        <v>13</v>
      </c>
      <c r="F11005">
        <v>3077</v>
      </c>
      <c r="G11005" t="s">
        <v>14533</v>
      </c>
      <c r="H11005">
        <v>4.8458229003969997</v>
      </c>
      <c r="I11005">
        <v>52.308090583942999</v>
      </c>
      <c r="J11005" t="s">
        <v>66690</v>
      </c>
    </row>
    <row r="11006" spans="1:10" x14ac:dyDescent="0.25">
      <c r="A11006" t="s">
        <v>14527</v>
      </c>
      <c r="B11006" t="s">
        <v>14528</v>
      </c>
      <c r="C11006" t="s">
        <v>97</v>
      </c>
      <c r="D11006" t="s">
        <v>14521</v>
      </c>
      <c r="E11006" t="s">
        <v>13</v>
      </c>
      <c r="F11006">
        <v>3076</v>
      </c>
      <c r="G11006" t="s">
        <v>14529</v>
      </c>
      <c r="H11006">
        <v>4.8474262005829996</v>
      </c>
      <c r="I11006">
        <v>52.314290813390997</v>
      </c>
      <c r="J11006" t="s">
        <v>66691</v>
      </c>
    </row>
    <row r="11007" spans="1:10" x14ac:dyDescent="0.25">
      <c r="A11007" t="s">
        <v>14523</v>
      </c>
      <c r="B11007" t="s">
        <v>14524</v>
      </c>
      <c r="C11007" t="s">
        <v>14525</v>
      </c>
      <c r="D11007" t="s">
        <v>14521</v>
      </c>
      <c r="E11007" t="s">
        <v>13</v>
      </c>
      <c r="F11007">
        <v>3075</v>
      </c>
      <c r="G11007" t="s">
        <v>14526</v>
      </c>
      <c r="H11007">
        <v>4.8652950127199999</v>
      </c>
      <c r="I11007">
        <v>52.318041485917</v>
      </c>
      <c r="J11007" t="s">
        <v>66692</v>
      </c>
    </row>
    <row r="11008" spans="1:10" x14ac:dyDescent="0.25">
      <c r="A11008" t="s">
        <v>14518</v>
      </c>
      <c r="B11008" t="s">
        <v>14519</v>
      </c>
      <c r="C11008" t="s">
        <v>14520</v>
      </c>
      <c r="D11008" t="s">
        <v>14521</v>
      </c>
      <c r="E11008" t="s">
        <v>13</v>
      </c>
      <c r="F11008">
        <v>3074</v>
      </c>
      <c r="G11008" t="s">
        <v>14522</v>
      </c>
      <c r="H11008">
        <v>4.8582861397460002</v>
      </c>
      <c r="I11008">
        <v>52.317344727722002</v>
      </c>
      <c r="J11008" t="s">
        <v>66693</v>
      </c>
    </row>
    <row r="11009" spans="1:10" x14ac:dyDescent="0.25">
      <c r="A11009" t="s">
        <v>14514</v>
      </c>
      <c r="B11009" t="s">
        <v>14515</v>
      </c>
      <c r="C11009" t="s">
        <v>14516</v>
      </c>
      <c r="D11009" t="s">
        <v>14484</v>
      </c>
      <c r="E11009" t="s">
        <v>13</v>
      </c>
      <c r="F11009">
        <v>3073</v>
      </c>
      <c r="G11009" t="s">
        <v>14517</v>
      </c>
      <c r="H11009">
        <v>4.8067719453339999</v>
      </c>
      <c r="I11009">
        <v>52.295214763898002</v>
      </c>
      <c r="J11009" t="s">
        <v>66694</v>
      </c>
    </row>
    <row r="11010" spans="1:10" x14ac:dyDescent="0.25">
      <c r="A11010" t="s">
        <v>14510</v>
      </c>
      <c r="B11010" t="s">
        <v>14511</v>
      </c>
      <c r="C11010" t="s">
        <v>14512</v>
      </c>
      <c r="D11010" t="s">
        <v>14484</v>
      </c>
      <c r="E11010" t="s">
        <v>13</v>
      </c>
      <c r="F11010">
        <v>3072</v>
      </c>
      <c r="G11010" t="s">
        <v>14513</v>
      </c>
      <c r="H11010">
        <v>4.8048259123659998</v>
      </c>
      <c r="I11010">
        <v>52.280031204259998</v>
      </c>
      <c r="J11010" t="s">
        <v>66695</v>
      </c>
    </row>
    <row r="11011" spans="1:10" x14ac:dyDescent="0.25">
      <c r="A11011" t="s">
        <v>14506</v>
      </c>
      <c r="B11011" t="s">
        <v>14507</v>
      </c>
      <c r="C11011" t="s">
        <v>14508</v>
      </c>
      <c r="D11011" t="s">
        <v>14484</v>
      </c>
      <c r="E11011" t="s">
        <v>13</v>
      </c>
      <c r="F11011">
        <v>3071</v>
      </c>
      <c r="G11011" t="s">
        <v>14509</v>
      </c>
      <c r="H11011">
        <v>4.784812488139</v>
      </c>
      <c r="I11011">
        <v>52.271067616350003</v>
      </c>
      <c r="J11011" t="s">
        <v>66696</v>
      </c>
    </row>
    <row r="11012" spans="1:10" x14ac:dyDescent="0.25">
      <c r="A11012" t="s">
        <v>14502</v>
      </c>
      <c r="B11012" t="s">
        <v>14503</v>
      </c>
      <c r="C11012" t="s">
        <v>14504</v>
      </c>
      <c r="D11012" t="s">
        <v>14484</v>
      </c>
      <c r="E11012" t="s">
        <v>13</v>
      </c>
      <c r="F11012">
        <v>3070</v>
      </c>
      <c r="G11012" t="s">
        <v>14505</v>
      </c>
      <c r="H11012">
        <v>4.7811051137299998</v>
      </c>
      <c r="I11012">
        <v>52.281266595639998</v>
      </c>
      <c r="J11012" t="s">
        <v>66697</v>
      </c>
    </row>
    <row r="11013" spans="1:10" x14ac:dyDescent="0.25">
      <c r="A11013" t="s">
        <v>14498</v>
      </c>
      <c r="B11013" t="s">
        <v>14499</v>
      </c>
      <c r="C11013" t="s">
        <v>14500</v>
      </c>
      <c r="D11013" t="s">
        <v>14484</v>
      </c>
      <c r="E11013" t="s">
        <v>13</v>
      </c>
      <c r="F11013">
        <v>3069</v>
      </c>
      <c r="G11013" t="s">
        <v>14501</v>
      </c>
      <c r="H11013">
        <v>4.7398945419159997</v>
      </c>
      <c r="I11013">
        <v>52.237029733945</v>
      </c>
      <c r="J11013" t="s">
        <v>66698</v>
      </c>
    </row>
    <row r="11014" spans="1:10" x14ac:dyDescent="0.25">
      <c r="A11014" t="s">
        <v>14494</v>
      </c>
      <c r="B11014" t="s">
        <v>14495</v>
      </c>
      <c r="C11014" t="s">
        <v>14496</v>
      </c>
      <c r="D11014" t="s">
        <v>14484</v>
      </c>
      <c r="E11014" t="s">
        <v>13</v>
      </c>
      <c r="F11014">
        <v>3068</v>
      </c>
      <c r="G11014" t="s">
        <v>14497</v>
      </c>
      <c r="H11014">
        <v>4.7184646409840001</v>
      </c>
      <c r="I11014">
        <v>52.248262947092002</v>
      </c>
      <c r="J11014" t="s">
        <v>66699</v>
      </c>
    </row>
    <row r="11015" spans="1:10" x14ac:dyDescent="0.25">
      <c r="A11015" t="s">
        <v>14490</v>
      </c>
      <c r="B11015" t="s">
        <v>14491</v>
      </c>
      <c r="C11015" t="s">
        <v>14492</v>
      </c>
      <c r="D11015" t="s">
        <v>14484</v>
      </c>
      <c r="E11015" t="s">
        <v>13</v>
      </c>
      <c r="F11015">
        <v>3067</v>
      </c>
      <c r="G11015" t="s">
        <v>14493</v>
      </c>
      <c r="H11015">
        <v>4.7756173745800004</v>
      </c>
      <c r="I11015">
        <v>52.257886571104002</v>
      </c>
      <c r="J11015" t="s">
        <v>66700</v>
      </c>
    </row>
    <row r="11016" spans="1:10" x14ac:dyDescent="0.25">
      <c r="A11016" t="s">
        <v>14486</v>
      </c>
      <c r="B11016" t="s">
        <v>14487</v>
      </c>
      <c r="C11016" t="s">
        <v>14488</v>
      </c>
      <c r="D11016" t="s">
        <v>14484</v>
      </c>
      <c r="E11016" t="s">
        <v>13</v>
      </c>
      <c r="F11016">
        <v>3066</v>
      </c>
      <c r="G11016" t="s">
        <v>14489</v>
      </c>
      <c r="H11016">
        <v>4.7629419254079997</v>
      </c>
      <c r="I11016">
        <v>52.264297795574997</v>
      </c>
      <c r="J11016" t="s">
        <v>66701</v>
      </c>
    </row>
    <row r="11017" spans="1:10" x14ac:dyDescent="0.25">
      <c r="A11017" t="s">
        <v>14482</v>
      </c>
      <c r="B11017" t="s">
        <v>14483</v>
      </c>
      <c r="C11017" t="s">
        <v>129</v>
      </c>
      <c r="D11017" t="s">
        <v>14484</v>
      </c>
      <c r="E11017" t="s">
        <v>13</v>
      </c>
      <c r="F11017">
        <v>3065</v>
      </c>
      <c r="G11017" t="s">
        <v>14485</v>
      </c>
      <c r="H11017">
        <v>4.7513728008570002</v>
      </c>
      <c r="I11017">
        <v>52.270155821145003</v>
      </c>
      <c r="J11017" t="s">
        <v>66702</v>
      </c>
    </row>
    <row r="11018" spans="1:10" x14ac:dyDescent="0.25">
      <c r="A11018" t="s">
        <v>14479</v>
      </c>
      <c r="B11018" t="s">
        <v>14480</v>
      </c>
      <c r="C11018" t="s">
        <v>3429</v>
      </c>
      <c r="D11018" t="s">
        <v>14346</v>
      </c>
      <c r="E11018" t="s">
        <v>13</v>
      </c>
      <c r="F11018">
        <v>3064</v>
      </c>
      <c r="G11018" t="s">
        <v>14481</v>
      </c>
      <c r="H11018">
        <v>5.27345651053</v>
      </c>
      <c r="I11018">
        <v>52.113758206499</v>
      </c>
      <c r="J11018" t="s">
        <v>66703</v>
      </c>
    </row>
    <row r="11019" spans="1:10" x14ac:dyDescent="0.25">
      <c r="A11019" t="s">
        <v>14475</v>
      </c>
      <c r="B11019" t="s">
        <v>14476</v>
      </c>
      <c r="C11019" t="s">
        <v>14477</v>
      </c>
      <c r="D11019" t="s">
        <v>14346</v>
      </c>
      <c r="E11019" t="s">
        <v>13</v>
      </c>
      <c r="F11019">
        <v>3063</v>
      </c>
      <c r="G11019" t="s">
        <v>14478</v>
      </c>
      <c r="H11019">
        <v>5.2369751316600004</v>
      </c>
      <c r="I11019">
        <v>52.160798213771997</v>
      </c>
      <c r="J11019" t="s">
        <v>66704</v>
      </c>
    </row>
    <row r="11020" spans="1:10" x14ac:dyDescent="0.25">
      <c r="A11020" t="s">
        <v>14471</v>
      </c>
      <c r="B11020" t="s">
        <v>14472</v>
      </c>
      <c r="C11020" t="s">
        <v>14473</v>
      </c>
      <c r="D11020" t="s">
        <v>14346</v>
      </c>
      <c r="E11020" t="s">
        <v>13</v>
      </c>
      <c r="F11020">
        <v>3062</v>
      </c>
      <c r="G11020" t="s">
        <v>14474</v>
      </c>
      <c r="H11020">
        <v>5.2406774363249999</v>
      </c>
      <c r="I11020">
        <v>52.147094640654998</v>
      </c>
      <c r="J11020" t="s">
        <v>66705</v>
      </c>
    </row>
    <row r="11021" spans="1:10" x14ac:dyDescent="0.25">
      <c r="A11021" t="s">
        <v>14467</v>
      </c>
      <c r="B11021" t="s">
        <v>14468</v>
      </c>
      <c r="C11021" t="s">
        <v>14469</v>
      </c>
      <c r="D11021" t="s">
        <v>14346</v>
      </c>
      <c r="E11021" t="s">
        <v>13</v>
      </c>
      <c r="F11021">
        <v>3061</v>
      </c>
      <c r="G11021" t="s">
        <v>14470</v>
      </c>
      <c r="H11021">
        <v>5.2478356805699997</v>
      </c>
      <c r="I11021">
        <v>52.136886771058002</v>
      </c>
      <c r="J11021" t="s">
        <v>66706</v>
      </c>
    </row>
    <row r="11022" spans="1:10" x14ac:dyDescent="0.25">
      <c r="A11022" t="s">
        <v>14463</v>
      </c>
      <c r="B11022" t="s">
        <v>14464</v>
      </c>
      <c r="C11022" t="s">
        <v>14465</v>
      </c>
      <c r="D11022" t="s">
        <v>14346</v>
      </c>
      <c r="E11022" t="s">
        <v>13</v>
      </c>
      <c r="F11022">
        <v>3060</v>
      </c>
      <c r="G11022" t="s">
        <v>14466</v>
      </c>
      <c r="H11022">
        <v>5.2631047259469996</v>
      </c>
      <c r="I11022">
        <v>52.123032624910003</v>
      </c>
      <c r="J11022" t="s">
        <v>66707</v>
      </c>
    </row>
    <row r="11023" spans="1:10" x14ac:dyDescent="0.25">
      <c r="A11023" t="s">
        <v>14459</v>
      </c>
      <c r="B11023" t="s">
        <v>14460</v>
      </c>
      <c r="C11023" t="s">
        <v>14461</v>
      </c>
      <c r="D11023" t="s">
        <v>14346</v>
      </c>
      <c r="E11023" t="s">
        <v>13</v>
      </c>
      <c r="F11023">
        <v>3059</v>
      </c>
      <c r="G11023" t="s">
        <v>14462</v>
      </c>
      <c r="H11023">
        <v>5.2368365658169997</v>
      </c>
      <c r="I11023">
        <v>52.120329539914998</v>
      </c>
      <c r="J11023" t="s">
        <v>66708</v>
      </c>
    </row>
    <row r="11024" spans="1:10" x14ac:dyDescent="0.25">
      <c r="A11024" t="s">
        <v>14455</v>
      </c>
      <c r="B11024" t="s">
        <v>14456</v>
      </c>
      <c r="C11024" t="s">
        <v>14457</v>
      </c>
      <c r="D11024" t="s">
        <v>14346</v>
      </c>
      <c r="E11024" t="s">
        <v>13</v>
      </c>
      <c r="F11024">
        <v>3058</v>
      </c>
      <c r="G11024" t="s">
        <v>14458</v>
      </c>
      <c r="H11024">
        <v>5.2521183900599997</v>
      </c>
      <c r="I11024">
        <v>52.118636583232998</v>
      </c>
      <c r="J11024" t="s">
        <v>66709</v>
      </c>
    </row>
    <row r="11025" spans="1:10" x14ac:dyDescent="0.25">
      <c r="A11025" t="s">
        <v>14451</v>
      </c>
      <c r="B11025" t="s">
        <v>14452</v>
      </c>
      <c r="C11025" t="s">
        <v>14453</v>
      </c>
      <c r="D11025" t="s">
        <v>14346</v>
      </c>
      <c r="E11025" t="s">
        <v>13</v>
      </c>
      <c r="F11025">
        <v>3057</v>
      </c>
      <c r="G11025" t="s">
        <v>14454</v>
      </c>
      <c r="H11025">
        <v>5.258843310064</v>
      </c>
      <c r="I11025">
        <v>52.110068385645</v>
      </c>
      <c r="J11025" t="s">
        <v>66710</v>
      </c>
    </row>
    <row r="11026" spans="1:10" x14ac:dyDescent="0.25">
      <c r="A11026" t="s">
        <v>14447</v>
      </c>
      <c r="B11026" t="s">
        <v>14448</v>
      </c>
      <c r="C11026" t="s">
        <v>14449</v>
      </c>
      <c r="D11026" t="s">
        <v>14346</v>
      </c>
      <c r="E11026" t="s">
        <v>13</v>
      </c>
      <c r="F11026">
        <v>3056</v>
      </c>
      <c r="G11026" t="s">
        <v>14450</v>
      </c>
      <c r="H11026">
        <v>5.3123659860750001</v>
      </c>
      <c r="I11026">
        <v>52.084474204335002</v>
      </c>
      <c r="J11026" t="s">
        <v>66711</v>
      </c>
    </row>
    <row r="11027" spans="1:10" x14ac:dyDescent="0.25">
      <c r="A11027" t="s">
        <v>14443</v>
      </c>
      <c r="B11027" t="s">
        <v>14444</v>
      </c>
      <c r="C11027" t="s">
        <v>14445</v>
      </c>
      <c r="D11027" t="s">
        <v>14346</v>
      </c>
      <c r="E11027" t="s">
        <v>13</v>
      </c>
      <c r="F11027">
        <v>3055</v>
      </c>
      <c r="G11027" t="s">
        <v>14446</v>
      </c>
      <c r="H11027">
        <v>5.3118158625470002</v>
      </c>
      <c r="I11027">
        <v>52.081099005787998</v>
      </c>
      <c r="J11027" t="s">
        <v>66712</v>
      </c>
    </row>
    <row r="11028" spans="1:10" x14ac:dyDescent="0.25">
      <c r="A11028" t="s">
        <v>14439</v>
      </c>
      <c r="B11028" t="s">
        <v>14440</v>
      </c>
      <c r="C11028" t="s">
        <v>14441</v>
      </c>
      <c r="D11028" t="s">
        <v>14346</v>
      </c>
      <c r="E11028" t="s">
        <v>13</v>
      </c>
      <c r="F11028">
        <v>3054</v>
      </c>
      <c r="G11028" t="s">
        <v>14442</v>
      </c>
      <c r="H11028">
        <v>5.2843879995799998</v>
      </c>
      <c r="I11028">
        <v>52.096798444826</v>
      </c>
      <c r="J11028" t="s">
        <v>66713</v>
      </c>
    </row>
    <row r="11029" spans="1:10" x14ac:dyDescent="0.25">
      <c r="A11029" t="s">
        <v>14435</v>
      </c>
      <c r="B11029" t="s">
        <v>14436</v>
      </c>
      <c r="C11029" t="s">
        <v>14437</v>
      </c>
      <c r="D11029" t="s">
        <v>14346</v>
      </c>
      <c r="E11029" t="s">
        <v>13</v>
      </c>
      <c r="F11029">
        <v>3053</v>
      </c>
      <c r="G11029" t="s">
        <v>14438</v>
      </c>
      <c r="H11029">
        <v>5.2541044249600004</v>
      </c>
      <c r="I11029">
        <v>52.064880646136999</v>
      </c>
      <c r="J11029" t="s">
        <v>66714</v>
      </c>
    </row>
    <row r="11030" spans="1:10" x14ac:dyDescent="0.25">
      <c r="A11030" t="s">
        <v>14431</v>
      </c>
      <c r="B11030" t="s">
        <v>14432</v>
      </c>
      <c r="C11030" t="s">
        <v>14433</v>
      </c>
      <c r="D11030" t="s">
        <v>14346</v>
      </c>
      <c r="E11030" t="s">
        <v>13</v>
      </c>
      <c r="F11030">
        <v>3052</v>
      </c>
      <c r="G11030" t="s">
        <v>14434</v>
      </c>
      <c r="H11030">
        <v>5.248882122645</v>
      </c>
      <c r="I11030">
        <v>52.072962521739001</v>
      </c>
      <c r="J11030" t="s">
        <v>66715</v>
      </c>
    </row>
    <row r="11031" spans="1:10" x14ac:dyDescent="0.25">
      <c r="A11031" t="s">
        <v>14427</v>
      </c>
      <c r="B11031" t="s">
        <v>14428</v>
      </c>
      <c r="C11031" t="s">
        <v>14429</v>
      </c>
      <c r="D11031" t="s">
        <v>14346</v>
      </c>
      <c r="E11031" t="s">
        <v>13</v>
      </c>
      <c r="F11031">
        <v>3051</v>
      </c>
      <c r="G11031" t="s">
        <v>14430</v>
      </c>
      <c r="H11031">
        <v>5.2679973214659999</v>
      </c>
      <c r="I11031">
        <v>52.077365878012003</v>
      </c>
      <c r="J11031" t="s">
        <v>66716</v>
      </c>
    </row>
    <row r="11032" spans="1:10" x14ac:dyDescent="0.25">
      <c r="A11032" t="s">
        <v>14423</v>
      </c>
      <c r="B11032" t="s">
        <v>14424</v>
      </c>
      <c r="C11032" t="s">
        <v>14425</v>
      </c>
      <c r="D11032" t="s">
        <v>14346</v>
      </c>
      <c r="E11032" t="s">
        <v>13</v>
      </c>
      <c r="F11032">
        <v>3050</v>
      </c>
      <c r="G11032" t="s">
        <v>14426</v>
      </c>
      <c r="H11032">
        <v>5.2574813675480003</v>
      </c>
      <c r="I11032">
        <v>52.077730479567002</v>
      </c>
      <c r="J11032" t="s">
        <v>66717</v>
      </c>
    </row>
    <row r="11033" spans="1:10" x14ac:dyDescent="0.25">
      <c r="A11033" t="s">
        <v>14419</v>
      </c>
      <c r="B11033" t="s">
        <v>14420</v>
      </c>
      <c r="C11033" t="s">
        <v>14421</v>
      </c>
      <c r="D11033" t="s">
        <v>14346</v>
      </c>
      <c r="E11033" t="s">
        <v>13</v>
      </c>
      <c r="F11033">
        <v>3049</v>
      </c>
      <c r="G11033" t="s">
        <v>14422</v>
      </c>
      <c r="H11033">
        <v>5.220883218669</v>
      </c>
      <c r="I11033">
        <v>52.071033896453997</v>
      </c>
      <c r="J11033" t="s">
        <v>66718</v>
      </c>
    </row>
    <row r="11034" spans="1:10" x14ac:dyDescent="0.25">
      <c r="A11034" t="s">
        <v>14415</v>
      </c>
      <c r="B11034" t="s">
        <v>14416</v>
      </c>
      <c r="C11034" t="s">
        <v>14417</v>
      </c>
      <c r="D11034" t="s">
        <v>14346</v>
      </c>
      <c r="E11034" t="s">
        <v>13</v>
      </c>
      <c r="F11034">
        <v>3048</v>
      </c>
      <c r="G11034" t="s">
        <v>14418</v>
      </c>
      <c r="H11034">
        <v>5.239386635362</v>
      </c>
      <c r="I11034">
        <v>52.069446305699998</v>
      </c>
      <c r="J11034" t="s">
        <v>66719</v>
      </c>
    </row>
    <row r="11035" spans="1:10" x14ac:dyDescent="0.25">
      <c r="A11035" t="s">
        <v>14411</v>
      </c>
      <c r="B11035" t="s">
        <v>14412</v>
      </c>
      <c r="C11035" t="s">
        <v>14413</v>
      </c>
      <c r="D11035" t="s">
        <v>14346</v>
      </c>
      <c r="E11035" t="s">
        <v>13</v>
      </c>
      <c r="F11035">
        <v>3047</v>
      </c>
      <c r="G11035" t="s">
        <v>14414</v>
      </c>
      <c r="H11035">
        <v>5.2224059494870003</v>
      </c>
      <c r="I11035">
        <v>52.078139837643</v>
      </c>
      <c r="J11035" t="s">
        <v>66720</v>
      </c>
    </row>
    <row r="11036" spans="1:10" x14ac:dyDescent="0.25">
      <c r="A11036" t="s">
        <v>14407</v>
      </c>
      <c r="B11036" t="s">
        <v>14408</v>
      </c>
      <c r="C11036" t="s">
        <v>14409</v>
      </c>
      <c r="D11036" t="s">
        <v>14346</v>
      </c>
      <c r="E11036" t="s">
        <v>13</v>
      </c>
      <c r="F11036">
        <v>3046</v>
      </c>
      <c r="G11036" t="s">
        <v>14410</v>
      </c>
      <c r="H11036">
        <v>5.2180865579760001</v>
      </c>
      <c r="I11036">
        <v>52.082874025808003</v>
      </c>
      <c r="J11036" t="s">
        <v>66721</v>
      </c>
    </row>
    <row r="11037" spans="1:10" x14ac:dyDescent="0.25">
      <c r="A11037" t="s">
        <v>14403</v>
      </c>
      <c r="B11037" t="s">
        <v>14404</v>
      </c>
      <c r="C11037" t="s">
        <v>14405</v>
      </c>
      <c r="D11037" t="s">
        <v>14346</v>
      </c>
      <c r="E11037" t="s">
        <v>13</v>
      </c>
      <c r="F11037">
        <v>3045</v>
      </c>
      <c r="G11037" t="s">
        <v>14406</v>
      </c>
      <c r="H11037">
        <v>5.2112979777030004</v>
      </c>
      <c r="I11037">
        <v>52.083189328758998</v>
      </c>
      <c r="J11037" t="s">
        <v>66722</v>
      </c>
    </row>
    <row r="11038" spans="1:10" x14ac:dyDescent="0.25">
      <c r="A11038" t="s">
        <v>14399</v>
      </c>
      <c r="B11038" t="s">
        <v>14400</v>
      </c>
      <c r="C11038" t="s">
        <v>14401</v>
      </c>
      <c r="D11038" t="s">
        <v>14346</v>
      </c>
      <c r="E11038" t="s">
        <v>13</v>
      </c>
      <c r="F11038">
        <v>3044</v>
      </c>
      <c r="G11038" t="s">
        <v>14402</v>
      </c>
      <c r="H11038">
        <v>5.2139310275830004</v>
      </c>
      <c r="I11038">
        <v>52.088562124046</v>
      </c>
      <c r="J11038" t="s">
        <v>66723</v>
      </c>
    </row>
    <row r="11039" spans="1:10" x14ac:dyDescent="0.25">
      <c r="A11039" t="s">
        <v>14395</v>
      </c>
      <c r="B11039" t="s">
        <v>14396</v>
      </c>
      <c r="C11039" t="s">
        <v>14397</v>
      </c>
      <c r="D11039" t="s">
        <v>14346</v>
      </c>
      <c r="E11039" t="s">
        <v>13</v>
      </c>
      <c r="F11039">
        <v>3043</v>
      </c>
      <c r="G11039" t="s">
        <v>14398</v>
      </c>
      <c r="H11039">
        <v>5.2172973738400001</v>
      </c>
      <c r="I11039">
        <v>52.091782775010998</v>
      </c>
      <c r="J11039" t="s">
        <v>66724</v>
      </c>
    </row>
    <row r="11040" spans="1:10" x14ac:dyDescent="0.25">
      <c r="A11040" t="s">
        <v>14391</v>
      </c>
      <c r="B11040" t="s">
        <v>14392</v>
      </c>
      <c r="C11040" t="s">
        <v>14393</v>
      </c>
      <c r="D11040" t="s">
        <v>14346</v>
      </c>
      <c r="E11040" t="s">
        <v>13</v>
      </c>
      <c r="F11040">
        <v>3042</v>
      </c>
      <c r="G11040" t="s">
        <v>14394</v>
      </c>
      <c r="H11040">
        <v>5.2215629779299997</v>
      </c>
      <c r="I11040">
        <v>52.086246637636002</v>
      </c>
      <c r="J11040" t="s">
        <v>66725</v>
      </c>
    </row>
    <row r="11041" spans="1:10" x14ac:dyDescent="0.25">
      <c r="A11041" t="s">
        <v>14387</v>
      </c>
      <c r="B11041" t="s">
        <v>14388</v>
      </c>
      <c r="C11041" t="s">
        <v>14389</v>
      </c>
      <c r="D11041" t="s">
        <v>14346</v>
      </c>
      <c r="E11041" t="s">
        <v>13</v>
      </c>
      <c r="F11041">
        <v>3041</v>
      </c>
      <c r="G11041" t="s">
        <v>14390</v>
      </c>
      <c r="H11041">
        <v>5.2284252353539999</v>
      </c>
      <c r="I11041">
        <v>52.081689134732997</v>
      </c>
      <c r="J11041" t="s">
        <v>66726</v>
      </c>
    </row>
    <row r="11042" spans="1:10" x14ac:dyDescent="0.25">
      <c r="A11042" t="s">
        <v>14383</v>
      </c>
      <c r="B11042" t="s">
        <v>14384</v>
      </c>
      <c r="C11042" t="s">
        <v>14385</v>
      </c>
      <c r="D11042" t="s">
        <v>14346</v>
      </c>
      <c r="E11042" t="s">
        <v>13</v>
      </c>
      <c r="F11042">
        <v>3040</v>
      </c>
      <c r="G11042" t="s">
        <v>14386</v>
      </c>
      <c r="H11042">
        <v>5.2219025781130002</v>
      </c>
      <c r="I11042">
        <v>52.091813204772002</v>
      </c>
      <c r="J11042" t="s">
        <v>66727</v>
      </c>
    </row>
    <row r="11043" spans="1:10" x14ac:dyDescent="0.25">
      <c r="A11043" t="s">
        <v>14379</v>
      </c>
      <c r="B11043" t="s">
        <v>14380</v>
      </c>
      <c r="C11043" t="s">
        <v>14381</v>
      </c>
      <c r="D11043" t="s">
        <v>14346</v>
      </c>
      <c r="E11043" t="s">
        <v>13</v>
      </c>
      <c r="F11043">
        <v>3039</v>
      </c>
      <c r="G11043" t="s">
        <v>14382</v>
      </c>
      <c r="H11043">
        <v>5.2279093098620004</v>
      </c>
      <c r="I11043">
        <v>52.103403686531003</v>
      </c>
      <c r="J11043" t="s">
        <v>66728</v>
      </c>
    </row>
    <row r="11044" spans="1:10" x14ac:dyDescent="0.25">
      <c r="A11044" t="s">
        <v>14375</v>
      </c>
      <c r="B11044" t="s">
        <v>14376</v>
      </c>
      <c r="C11044" t="s">
        <v>14377</v>
      </c>
      <c r="D11044" t="s">
        <v>14346</v>
      </c>
      <c r="E11044" t="s">
        <v>13</v>
      </c>
      <c r="F11044">
        <v>3038</v>
      </c>
      <c r="G11044" t="s">
        <v>14378</v>
      </c>
      <c r="H11044">
        <v>5.2242103990190003</v>
      </c>
      <c r="I11044">
        <v>52.098644887626001</v>
      </c>
      <c r="J11044" t="s">
        <v>66729</v>
      </c>
    </row>
    <row r="11045" spans="1:10" x14ac:dyDescent="0.25">
      <c r="A11045" t="s">
        <v>14372</v>
      </c>
      <c r="B11045" t="s">
        <v>14373</v>
      </c>
      <c r="C11045" t="s">
        <v>2963</v>
      </c>
      <c r="D11045" t="s">
        <v>14346</v>
      </c>
      <c r="E11045" t="s">
        <v>13</v>
      </c>
      <c r="F11045">
        <v>3037</v>
      </c>
      <c r="G11045" t="s">
        <v>14374</v>
      </c>
      <c r="H11045">
        <v>5.2376768078360003</v>
      </c>
      <c r="I11045">
        <v>52.099762859099997</v>
      </c>
      <c r="J11045" t="s">
        <v>66730</v>
      </c>
    </row>
    <row r="11046" spans="1:10" x14ac:dyDescent="0.25">
      <c r="A11046" t="s">
        <v>14368</v>
      </c>
      <c r="B11046" t="s">
        <v>14369</v>
      </c>
      <c r="C11046" t="s">
        <v>14370</v>
      </c>
      <c r="D11046" t="s">
        <v>14346</v>
      </c>
      <c r="E11046" t="s">
        <v>13</v>
      </c>
      <c r="F11046">
        <v>3036</v>
      </c>
      <c r="G11046" t="s">
        <v>14371</v>
      </c>
      <c r="H11046">
        <v>5.2493730260640001</v>
      </c>
      <c r="I11046">
        <v>52.104272317026997</v>
      </c>
      <c r="J11046" t="s">
        <v>66731</v>
      </c>
    </row>
    <row r="11047" spans="1:10" x14ac:dyDescent="0.25">
      <c r="A11047" t="s">
        <v>14364</v>
      </c>
      <c r="B11047" t="s">
        <v>14365</v>
      </c>
      <c r="C11047" t="s">
        <v>14366</v>
      </c>
      <c r="D11047" t="s">
        <v>14346</v>
      </c>
      <c r="E11047" t="s">
        <v>13</v>
      </c>
      <c r="F11047">
        <v>3035</v>
      </c>
      <c r="G11047" t="s">
        <v>14367</v>
      </c>
      <c r="H11047">
        <v>5.2330197448840003</v>
      </c>
      <c r="I11047">
        <v>52.094129310894999</v>
      </c>
      <c r="J11047" t="s">
        <v>66732</v>
      </c>
    </row>
    <row r="11048" spans="1:10" x14ac:dyDescent="0.25">
      <c r="A11048" t="s">
        <v>14360</v>
      </c>
      <c r="B11048" t="s">
        <v>14361</v>
      </c>
      <c r="C11048" t="s">
        <v>14362</v>
      </c>
      <c r="D11048" t="s">
        <v>14346</v>
      </c>
      <c r="E11048" t="s">
        <v>13</v>
      </c>
      <c r="F11048">
        <v>3034</v>
      </c>
      <c r="G11048" t="s">
        <v>14363</v>
      </c>
      <c r="H11048">
        <v>5.2354386661219996</v>
      </c>
      <c r="I11048">
        <v>52.077803233726002</v>
      </c>
      <c r="J11048" t="s">
        <v>66733</v>
      </c>
    </row>
    <row r="11049" spans="1:10" x14ac:dyDescent="0.25">
      <c r="A11049" t="s">
        <v>14356</v>
      </c>
      <c r="B11049" t="s">
        <v>14357</v>
      </c>
      <c r="C11049" t="s">
        <v>14358</v>
      </c>
      <c r="D11049" t="s">
        <v>14346</v>
      </c>
      <c r="E11049" t="s">
        <v>13</v>
      </c>
      <c r="F11049">
        <v>3033</v>
      </c>
      <c r="G11049" t="s">
        <v>14359</v>
      </c>
      <c r="H11049">
        <v>5.2597882563390002</v>
      </c>
      <c r="I11049">
        <v>52.097043009391001</v>
      </c>
      <c r="J11049" t="s">
        <v>66734</v>
      </c>
    </row>
    <row r="11050" spans="1:10" x14ac:dyDescent="0.25">
      <c r="A11050" t="s">
        <v>14352</v>
      </c>
      <c r="B11050" t="s">
        <v>14353</v>
      </c>
      <c r="C11050" t="s">
        <v>14354</v>
      </c>
      <c r="D11050" t="s">
        <v>14346</v>
      </c>
      <c r="E11050" t="s">
        <v>13</v>
      </c>
      <c r="F11050">
        <v>3032</v>
      </c>
      <c r="G11050" t="s">
        <v>14355</v>
      </c>
      <c r="H11050">
        <v>5.2398190925449999</v>
      </c>
      <c r="I11050">
        <v>52.090593833118</v>
      </c>
      <c r="J11050" t="s">
        <v>66735</v>
      </c>
    </row>
    <row r="11051" spans="1:10" x14ac:dyDescent="0.25">
      <c r="A11051" t="s">
        <v>14348</v>
      </c>
      <c r="B11051" t="s">
        <v>14349</v>
      </c>
      <c r="C11051" t="s">
        <v>14350</v>
      </c>
      <c r="D11051" t="s">
        <v>14346</v>
      </c>
      <c r="E11051" t="s">
        <v>13</v>
      </c>
      <c r="F11051">
        <v>3031</v>
      </c>
      <c r="G11051" t="s">
        <v>14351</v>
      </c>
      <c r="H11051">
        <v>5.2458629306809996</v>
      </c>
      <c r="I11051">
        <v>52.084900623015997</v>
      </c>
      <c r="J11051" t="s">
        <v>66736</v>
      </c>
    </row>
    <row r="11052" spans="1:10" x14ac:dyDescent="0.25">
      <c r="A11052" t="s">
        <v>14343</v>
      </c>
      <c r="B11052" t="s">
        <v>14344</v>
      </c>
      <c r="C11052" t="s">
        <v>14345</v>
      </c>
      <c r="D11052" t="s">
        <v>14346</v>
      </c>
      <c r="E11052" t="s">
        <v>13</v>
      </c>
      <c r="F11052">
        <v>3030</v>
      </c>
      <c r="G11052" t="s">
        <v>14347</v>
      </c>
      <c r="H11052">
        <v>5.2438963062459996</v>
      </c>
      <c r="I11052">
        <v>52.087896156123001</v>
      </c>
      <c r="J11052" t="s">
        <v>66737</v>
      </c>
    </row>
    <row r="11053" spans="1:10" x14ac:dyDescent="0.25">
      <c r="A11053" t="s">
        <v>14339</v>
      </c>
      <c r="B11053" t="s">
        <v>14340</v>
      </c>
      <c r="C11053" t="s">
        <v>14341</v>
      </c>
      <c r="D11053" t="s">
        <v>14226</v>
      </c>
      <c r="E11053" t="s">
        <v>13</v>
      </c>
      <c r="F11053">
        <v>3029</v>
      </c>
      <c r="G11053" t="s">
        <v>14342</v>
      </c>
      <c r="H11053">
        <v>5.0616469083159998</v>
      </c>
      <c r="I11053">
        <v>52.001834338742</v>
      </c>
      <c r="J11053" t="s">
        <v>66738</v>
      </c>
    </row>
    <row r="11054" spans="1:10" x14ac:dyDescent="0.25">
      <c r="A11054" t="s">
        <v>14335</v>
      </c>
      <c r="B11054" t="s">
        <v>14336</v>
      </c>
      <c r="C11054" t="s">
        <v>14337</v>
      </c>
      <c r="D11054" t="s">
        <v>14226</v>
      </c>
      <c r="E11054" t="s">
        <v>13</v>
      </c>
      <c r="F11054">
        <v>3028</v>
      </c>
      <c r="G11054" t="s">
        <v>14338</v>
      </c>
      <c r="H11054">
        <v>5.0106476638349999</v>
      </c>
      <c r="I11054">
        <v>52.039659888895002</v>
      </c>
      <c r="J11054" t="s">
        <v>66739</v>
      </c>
    </row>
    <row r="11055" spans="1:10" x14ac:dyDescent="0.25">
      <c r="A11055" t="s">
        <v>14331</v>
      </c>
      <c r="B11055" t="s">
        <v>14332</v>
      </c>
      <c r="C11055" t="s">
        <v>14333</v>
      </c>
      <c r="D11055" t="s">
        <v>14226</v>
      </c>
      <c r="E11055" t="s">
        <v>13</v>
      </c>
      <c r="F11055">
        <v>3027</v>
      </c>
      <c r="G11055" t="s">
        <v>14334</v>
      </c>
      <c r="H11055">
        <v>5.0427302363119999</v>
      </c>
      <c r="I11055">
        <v>52.023783319125997</v>
      </c>
      <c r="J11055" t="s">
        <v>66740</v>
      </c>
    </row>
    <row r="11056" spans="1:10" x14ac:dyDescent="0.25">
      <c r="A11056" t="s">
        <v>14327</v>
      </c>
      <c r="B11056" t="s">
        <v>14328</v>
      </c>
      <c r="C11056" t="s">
        <v>14329</v>
      </c>
      <c r="D11056" t="s">
        <v>14226</v>
      </c>
      <c r="E11056" t="s">
        <v>13</v>
      </c>
      <c r="F11056">
        <v>3026</v>
      </c>
      <c r="G11056" t="s">
        <v>14330</v>
      </c>
      <c r="H11056">
        <v>5.0368861673929999</v>
      </c>
      <c r="I11056">
        <v>52.024170815689999</v>
      </c>
      <c r="J11056" t="s">
        <v>66741</v>
      </c>
    </row>
    <row r="11057" spans="1:10" x14ac:dyDescent="0.25">
      <c r="A11057" t="s">
        <v>14323</v>
      </c>
      <c r="B11057" t="s">
        <v>14324</v>
      </c>
      <c r="C11057" t="s">
        <v>14325</v>
      </c>
      <c r="D11057" t="s">
        <v>14226</v>
      </c>
      <c r="E11057" t="s">
        <v>13</v>
      </c>
      <c r="F11057">
        <v>3025</v>
      </c>
      <c r="G11057" t="s">
        <v>14326</v>
      </c>
      <c r="H11057">
        <v>5.0334505762799999</v>
      </c>
      <c r="I11057">
        <v>52.028086404183</v>
      </c>
      <c r="J11057" t="s">
        <v>66742</v>
      </c>
    </row>
    <row r="11058" spans="1:10" x14ac:dyDescent="0.25">
      <c r="A11058" t="s">
        <v>14319</v>
      </c>
      <c r="B11058" t="s">
        <v>14320</v>
      </c>
      <c r="C11058" t="s">
        <v>14321</v>
      </c>
      <c r="D11058" t="s">
        <v>14226</v>
      </c>
      <c r="E11058" t="s">
        <v>13</v>
      </c>
      <c r="F11058">
        <v>3024</v>
      </c>
      <c r="G11058" t="s">
        <v>14322</v>
      </c>
      <c r="H11058">
        <v>5.0260952918799999</v>
      </c>
      <c r="I11058">
        <v>52.024332331651998</v>
      </c>
      <c r="J11058" t="s">
        <v>66743</v>
      </c>
    </row>
    <row r="11059" spans="1:10" x14ac:dyDescent="0.25">
      <c r="A11059" t="s">
        <v>14315</v>
      </c>
      <c r="B11059" t="s">
        <v>14316</v>
      </c>
      <c r="C11059" t="s">
        <v>14317</v>
      </c>
      <c r="D11059" t="s">
        <v>14226</v>
      </c>
      <c r="E11059" t="s">
        <v>13</v>
      </c>
      <c r="F11059">
        <v>3023</v>
      </c>
      <c r="G11059" t="s">
        <v>14318</v>
      </c>
      <c r="H11059">
        <v>5.0315911885669999</v>
      </c>
      <c r="I11059">
        <v>52.021529576585998</v>
      </c>
      <c r="J11059" t="s">
        <v>66744</v>
      </c>
    </row>
    <row r="11060" spans="1:10" x14ac:dyDescent="0.25">
      <c r="A11060" t="s">
        <v>14311</v>
      </c>
      <c r="B11060" t="s">
        <v>14312</v>
      </c>
      <c r="C11060" t="s">
        <v>14313</v>
      </c>
      <c r="D11060" t="s">
        <v>14226</v>
      </c>
      <c r="E11060" t="s">
        <v>13</v>
      </c>
      <c r="F11060">
        <v>3022</v>
      </c>
      <c r="G11060" t="s">
        <v>14314</v>
      </c>
      <c r="H11060">
        <v>5.0413767002069996</v>
      </c>
      <c r="I11060">
        <v>52.016116431679997</v>
      </c>
      <c r="J11060" t="s">
        <v>66745</v>
      </c>
    </row>
    <row r="11061" spans="1:10" x14ac:dyDescent="0.25">
      <c r="A11061" t="s">
        <v>14307</v>
      </c>
      <c r="B11061" t="s">
        <v>14308</v>
      </c>
      <c r="C11061" t="s">
        <v>14309</v>
      </c>
      <c r="D11061" t="s">
        <v>14226</v>
      </c>
      <c r="E11061" t="s">
        <v>13</v>
      </c>
      <c r="F11061">
        <v>3021</v>
      </c>
      <c r="G11061" t="s">
        <v>14310</v>
      </c>
      <c r="H11061">
        <v>5.032994195293</v>
      </c>
      <c r="I11061">
        <v>52.014050228014</v>
      </c>
      <c r="J11061" t="s">
        <v>66746</v>
      </c>
    </row>
    <row r="11062" spans="1:10" x14ac:dyDescent="0.25">
      <c r="A11062" t="s">
        <v>14303</v>
      </c>
      <c r="B11062" t="s">
        <v>14304</v>
      </c>
      <c r="C11062" t="s">
        <v>14305</v>
      </c>
      <c r="D11062" t="s">
        <v>14226</v>
      </c>
      <c r="E11062" t="s">
        <v>13</v>
      </c>
      <c r="F11062">
        <v>3020</v>
      </c>
      <c r="G11062" t="s">
        <v>14306</v>
      </c>
      <c r="H11062">
        <v>5.0344141032890004</v>
      </c>
      <c r="I11062">
        <v>52.011942862860998</v>
      </c>
      <c r="J11062" t="s">
        <v>66747</v>
      </c>
    </row>
    <row r="11063" spans="1:10" x14ac:dyDescent="0.25">
      <c r="A11063" t="s">
        <v>14299</v>
      </c>
      <c r="B11063" t="s">
        <v>14300</v>
      </c>
      <c r="C11063" t="s">
        <v>14301</v>
      </c>
      <c r="D11063" t="s">
        <v>14226</v>
      </c>
      <c r="E11063" t="s">
        <v>13</v>
      </c>
      <c r="F11063">
        <v>3019</v>
      </c>
      <c r="G11063" t="s">
        <v>14302</v>
      </c>
      <c r="H11063">
        <v>5.0346432614949999</v>
      </c>
      <c r="I11063">
        <v>52.008329014178997</v>
      </c>
      <c r="J11063" t="s">
        <v>66748</v>
      </c>
    </row>
    <row r="11064" spans="1:10" x14ac:dyDescent="0.25">
      <c r="A11064" t="s">
        <v>14295</v>
      </c>
      <c r="B11064" t="s">
        <v>14296</v>
      </c>
      <c r="C11064" t="s">
        <v>14297</v>
      </c>
      <c r="D11064" t="s">
        <v>14226</v>
      </c>
      <c r="E11064" t="s">
        <v>13</v>
      </c>
      <c r="F11064">
        <v>3018</v>
      </c>
      <c r="G11064" t="s">
        <v>14298</v>
      </c>
      <c r="H11064">
        <v>5.0409773012340002</v>
      </c>
      <c r="I11064">
        <v>52.012070840440998</v>
      </c>
      <c r="J11064" t="s">
        <v>66749</v>
      </c>
    </row>
    <row r="11065" spans="1:10" x14ac:dyDescent="0.25">
      <c r="A11065" t="s">
        <v>14291</v>
      </c>
      <c r="B11065" t="s">
        <v>14292</v>
      </c>
      <c r="C11065" t="s">
        <v>14293</v>
      </c>
      <c r="D11065" t="s">
        <v>14226</v>
      </c>
      <c r="E11065" t="s">
        <v>13</v>
      </c>
      <c r="F11065">
        <v>3017</v>
      </c>
      <c r="G11065" t="s">
        <v>14294</v>
      </c>
      <c r="H11065">
        <v>5.0470235022640004</v>
      </c>
      <c r="I11065">
        <v>52.012479543505997</v>
      </c>
      <c r="J11065" t="s">
        <v>66750</v>
      </c>
    </row>
    <row r="11066" spans="1:10" x14ac:dyDescent="0.25">
      <c r="A11066" t="s">
        <v>14287</v>
      </c>
      <c r="B11066" t="s">
        <v>14288</v>
      </c>
      <c r="C11066" t="s">
        <v>14289</v>
      </c>
      <c r="D11066" t="s">
        <v>14226</v>
      </c>
      <c r="E11066" t="s">
        <v>13</v>
      </c>
      <c r="F11066">
        <v>3016</v>
      </c>
      <c r="G11066" t="s">
        <v>14290</v>
      </c>
      <c r="H11066">
        <v>5.0444801885019999</v>
      </c>
      <c r="I11066">
        <v>52.008883669444998</v>
      </c>
      <c r="J11066" t="s">
        <v>66751</v>
      </c>
    </row>
    <row r="11067" spans="1:10" x14ac:dyDescent="0.25">
      <c r="A11067" t="s">
        <v>14283</v>
      </c>
      <c r="B11067" t="s">
        <v>14284</v>
      </c>
      <c r="C11067" t="s">
        <v>14285</v>
      </c>
      <c r="D11067" t="s">
        <v>14226</v>
      </c>
      <c r="E11067" t="s">
        <v>13</v>
      </c>
      <c r="F11067">
        <v>3015</v>
      </c>
      <c r="G11067" t="s">
        <v>14286</v>
      </c>
      <c r="H11067">
        <v>5.0432190418790004</v>
      </c>
      <c r="I11067">
        <v>52.006591560101</v>
      </c>
      <c r="J11067" t="s">
        <v>66752</v>
      </c>
    </row>
    <row r="11068" spans="1:10" x14ac:dyDescent="0.25">
      <c r="A11068" t="s">
        <v>14279</v>
      </c>
      <c r="B11068" t="s">
        <v>14280</v>
      </c>
      <c r="C11068" t="s">
        <v>14281</v>
      </c>
      <c r="D11068" t="s">
        <v>14226</v>
      </c>
      <c r="E11068" t="s">
        <v>13</v>
      </c>
      <c r="F11068">
        <v>3014</v>
      </c>
      <c r="G11068" t="s">
        <v>14282</v>
      </c>
      <c r="H11068">
        <v>5.0553851021530001</v>
      </c>
      <c r="I11068">
        <v>52.011474249244003</v>
      </c>
      <c r="J11068" t="s">
        <v>66753</v>
      </c>
    </row>
    <row r="11069" spans="1:10" x14ac:dyDescent="0.25">
      <c r="A11069" t="s">
        <v>14275</v>
      </c>
      <c r="B11069" t="s">
        <v>14276</v>
      </c>
      <c r="C11069" t="s">
        <v>14277</v>
      </c>
      <c r="D11069" t="s">
        <v>14226</v>
      </c>
      <c r="E11069" t="s">
        <v>13</v>
      </c>
      <c r="F11069">
        <v>3013</v>
      </c>
      <c r="G11069" t="s">
        <v>14278</v>
      </c>
      <c r="H11069">
        <v>5.0623231107360001</v>
      </c>
      <c r="I11069">
        <v>52.012812537907998</v>
      </c>
      <c r="J11069" t="s">
        <v>66754</v>
      </c>
    </row>
    <row r="11070" spans="1:10" x14ac:dyDescent="0.25">
      <c r="A11070" t="s">
        <v>14271</v>
      </c>
      <c r="B11070" t="s">
        <v>14272</v>
      </c>
      <c r="C11070" t="s">
        <v>14273</v>
      </c>
      <c r="D11070" t="s">
        <v>14226</v>
      </c>
      <c r="E11070" t="s">
        <v>13</v>
      </c>
      <c r="F11070">
        <v>3012</v>
      </c>
      <c r="G11070" t="s">
        <v>14274</v>
      </c>
      <c r="H11070">
        <v>5.051570056479</v>
      </c>
      <c r="I11070">
        <v>52.016502568055003</v>
      </c>
      <c r="J11070" t="s">
        <v>66755</v>
      </c>
    </row>
    <row r="11071" spans="1:10" x14ac:dyDescent="0.25">
      <c r="A11071" t="s">
        <v>14267</v>
      </c>
      <c r="B11071" t="s">
        <v>14268</v>
      </c>
      <c r="C11071" t="s">
        <v>14269</v>
      </c>
      <c r="D11071" t="s">
        <v>14226</v>
      </c>
      <c r="E11071" t="s">
        <v>13</v>
      </c>
      <c r="F11071">
        <v>3011</v>
      </c>
      <c r="G11071" t="s">
        <v>14270</v>
      </c>
      <c r="H11071">
        <v>5.0589877196520003</v>
      </c>
      <c r="I11071">
        <v>52.017226288654001</v>
      </c>
      <c r="J11071" t="s">
        <v>66756</v>
      </c>
    </row>
    <row r="11072" spans="1:10" x14ac:dyDescent="0.25">
      <c r="A11072" t="s">
        <v>14263</v>
      </c>
      <c r="B11072" t="s">
        <v>14264</v>
      </c>
      <c r="C11072" t="s">
        <v>14265</v>
      </c>
      <c r="D11072" t="s">
        <v>14226</v>
      </c>
      <c r="E11072" t="s">
        <v>13</v>
      </c>
      <c r="F11072">
        <v>3010</v>
      </c>
      <c r="G11072" t="s">
        <v>14266</v>
      </c>
      <c r="H11072">
        <v>5.0652621168470002</v>
      </c>
      <c r="I11072">
        <v>52.017412469269999</v>
      </c>
      <c r="J11072" t="s">
        <v>66757</v>
      </c>
    </row>
    <row r="11073" spans="1:10" x14ac:dyDescent="0.25">
      <c r="A11073" t="s">
        <v>14259</v>
      </c>
      <c r="B11073" t="s">
        <v>14260</v>
      </c>
      <c r="C11073" t="s">
        <v>14261</v>
      </c>
      <c r="D11073" t="s">
        <v>14226</v>
      </c>
      <c r="E11073" t="s">
        <v>13</v>
      </c>
      <c r="F11073">
        <v>3009</v>
      </c>
      <c r="G11073" t="s">
        <v>14262</v>
      </c>
      <c r="H11073">
        <v>5.0555610172019998</v>
      </c>
      <c r="I11073">
        <v>52.02006838997</v>
      </c>
      <c r="J11073" t="s">
        <v>66758</v>
      </c>
    </row>
    <row r="11074" spans="1:10" x14ac:dyDescent="0.25">
      <c r="A11074" t="s">
        <v>14255</v>
      </c>
      <c r="B11074" t="s">
        <v>14256</v>
      </c>
      <c r="C11074" t="s">
        <v>14257</v>
      </c>
      <c r="D11074" t="s">
        <v>14226</v>
      </c>
      <c r="E11074" t="s">
        <v>13</v>
      </c>
      <c r="F11074">
        <v>3008</v>
      </c>
      <c r="G11074" t="s">
        <v>14258</v>
      </c>
      <c r="H11074">
        <v>5.0439396522309998</v>
      </c>
      <c r="I11074">
        <v>52.024635811533003</v>
      </c>
      <c r="J11074" t="s">
        <v>66759</v>
      </c>
    </row>
    <row r="11075" spans="1:10" x14ac:dyDescent="0.25">
      <c r="A11075" t="s">
        <v>14251</v>
      </c>
      <c r="B11075" t="s">
        <v>14252</v>
      </c>
      <c r="C11075" t="s">
        <v>14253</v>
      </c>
      <c r="D11075" t="s">
        <v>14226</v>
      </c>
      <c r="E11075" t="s">
        <v>13</v>
      </c>
      <c r="F11075">
        <v>3007</v>
      </c>
      <c r="G11075" t="s">
        <v>14254</v>
      </c>
      <c r="H11075">
        <v>5.0442987981930001</v>
      </c>
      <c r="I11075">
        <v>52.029873482551999</v>
      </c>
      <c r="J11075" t="s">
        <v>66760</v>
      </c>
    </row>
    <row r="11076" spans="1:10" x14ac:dyDescent="0.25">
      <c r="A11076" t="s">
        <v>14247</v>
      </c>
      <c r="B11076" t="s">
        <v>14248</v>
      </c>
      <c r="C11076" t="s">
        <v>14249</v>
      </c>
      <c r="D11076" t="s">
        <v>14226</v>
      </c>
      <c r="E11076" t="s">
        <v>13</v>
      </c>
      <c r="F11076">
        <v>3006</v>
      </c>
      <c r="G11076" t="s">
        <v>14250</v>
      </c>
      <c r="H11076">
        <v>5.0550268451980003</v>
      </c>
      <c r="I11076">
        <v>52.026620005875003</v>
      </c>
      <c r="J11076" t="s">
        <v>66761</v>
      </c>
    </row>
    <row r="11077" spans="1:10" x14ac:dyDescent="0.25">
      <c r="A11077" t="s">
        <v>14244</v>
      </c>
      <c r="B11077" t="s">
        <v>14245</v>
      </c>
      <c r="C11077" t="s">
        <v>2451</v>
      </c>
      <c r="D11077" t="s">
        <v>14226</v>
      </c>
      <c r="E11077" t="s">
        <v>13</v>
      </c>
      <c r="F11077">
        <v>3005</v>
      </c>
      <c r="G11077" t="s">
        <v>14246</v>
      </c>
      <c r="H11077">
        <v>5.0490629282809998</v>
      </c>
      <c r="I11077">
        <v>52.024346724167003</v>
      </c>
      <c r="J11077" t="s">
        <v>66762</v>
      </c>
    </row>
    <row r="11078" spans="1:10" x14ac:dyDescent="0.25">
      <c r="A11078" t="s">
        <v>14240</v>
      </c>
      <c r="B11078" t="s">
        <v>14241</v>
      </c>
      <c r="C11078" t="s">
        <v>14242</v>
      </c>
      <c r="D11078" t="s">
        <v>14226</v>
      </c>
      <c r="E11078" t="s">
        <v>13</v>
      </c>
      <c r="F11078">
        <v>3004</v>
      </c>
      <c r="G11078" t="s">
        <v>14243</v>
      </c>
      <c r="H11078">
        <v>5.0555638974589998</v>
      </c>
      <c r="I11078">
        <v>52.022279648763998</v>
      </c>
      <c r="J11078" t="s">
        <v>66763</v>
      </c>
    </row>
    <row r="11079" spans="1:10" x14ac:dyDescent="0.25">
      <c r="A11079" t="s">
        <v>14236</v>
      </c>
      <c r="B11079" t="s">
        <v>14237</v>
      </c>
      <c r="C11079" t="s">
        <v>14238</v>
      </c>
      <c r="D11079" t="s">
        <v>14226</v>
      </c>
      <c r="E11079" t="s">
        <v>13</v>
      </c>
      <c r="F11079">
        <v>3003</v>
      </c>
      <c r="G11079" t="s">
        <v>14239</v>
      </c>
      <c r="H11079">
        <v>5.0404299975939999</v>
      </c>
      <c r="I11079">
        <v>52.021577179754999</v>
      </c>
      <c r="J11079" t="s">
        <v>66764</v>
      </c>
    </row>
    <row r="11080" spans="1:10" x14ac:dyDescent="0.25">
      <c r="A11080" t="s">
        <v>14232</v>
      </c>
      <c r="B11080" t="s">
        <v>14233</v>
      </c>
      <c r="C11080" t="s">
        <v>14234</v>
      </c>
      <c r="D11080" t="s">
        <v>14226</v>
      </c>
      <c r="E11080" t="s">
        <v>13</v>
      </c>
      <c r="F11080">
        <v>3002</v>
      </c>
      <c r="G11080" t="s">
        <v>14235</v>
      </c>
      <c r="H11080">
        <v>5.0316976168589997</v>
      </c>
      <c r="I11080">
        <v>52.018218054218003</v>
      </c>
      <c r="J11080" t="s">
        <v>66765</v>
      </c>
    </row>
    <row r="11081" spans="1:10" x14ac:dyDescent="0.25">
      <c r="A11081" t="s">
        <v>14228</v>
      </c>
      <c r="B11081" t="s">
        <v>14229</v>
      </c>
      <c r="C11081" t="s">
        <v>14230</v>
      </c>
      <c r="D11081" t="s">
        <v>14226</v>
      </c>
      <c r="E11081" t="s">
        <v>13</v>
      </c>
      <c r="F11081">
        <v>3001</v>
      </c>
      <c r="G11081" t="s">
        <v>14231</v>
      </c>
      <c r="H11081">
        <v>5.0475875039169997</v>
      </c>
      <c r="I11081">
        <v>52.018342723688001</v>
      </c>
      <c r="J11081" t="s">
        <v>66766</v>
      </c>
    </row>
    <row r="11082" spans="1:10" x14ac:dyDescent="0.25">
      <c r="A11082" t="s">
        <v>14223</v>
      </c>
      <c r="B11082" t="s">
        <v>14224</v>
      </c>
      <c r="C11082" t="s">
        <v>14225</v>
      </c>
      <c r="D11082" t="s">
        <v>14226</v>
      </c>
      <c r="E11082" t="s">
        <v>13</v>
      </c>
      <c r="F11082">
        <v>3000</v>
      </c>
      <c r="G11082" t="s">
        <v>14227</v>
      </c>
      <c r="H11082">
        <v>5.0439924610159999</v>
      </c>
      <c r="I11082">
        <v>52.019339025575</v>
      </c>
      <c r="J11082" t="s">
        <v>66767</v>
      </c>
    </row>
    <row r="11083" spans="1:10" x14ac:dyDescent="0.25">
      <c r="A11083" t="s">
        <v>14219</v>
      </c>
      <c r="B11083" t="s">
        <v>14220</v>
      </c>
      <c r="C11083" t="s">
        <v>14221</v>
      </c>
      <c r="D11083" t="s">
        <v>14154</v>
      </c>
      <c r="E11083" t="s">
        <v>13</v>
      </c>
      <c r="F11083">
        <v>2999</v>
      </c>
      <c r="G11083" t="s">
        <v>14222</v>
      </c>
      <c r="H11083">
        <v>5.3506750637179996</v>
      </c>
      <c r="I11083">
        <v>52.002981541253</v>
      </c>
      <c r="J11083" t="s">
        <v>66768</v>
      </c>
    </row>
    <row r="11084" spans="1:10" x14ac:dyDescent="0.25">
      <c r="A11084" t="s">
        <v>14215</v>
      </c>
      <c r="B11084" t="s">
        <v>14216</v>
      </c>
      <c r="C11084" t="s">
        <v>14217</v>
      </c>
      <c r="D11084" t="s">
        <v>14154</v>
      </c>
      <c r="E11084" t="s">
        <v>13</v>
      </c>
      <c r="F11084">
        <v>2998</v>
      </c>
      <c r="G11084" t="s">
        <v>14218</v>
      </c>
      <c r="H11084">
        <v>5.327716378092</v>
      </c>
      <c r="I11084">
        <v>52.013360649840003</v>
      </c>
      <c r="J11084" t="s">
        <v>66769</v>
      </c>
    </row>
    <row r="11085" spans="1:10" x14ac:dyDescent="0.25">
      <c r="A11085" t="s">
        <v>14211</v>
      </c>
      <c r="B11085" t="s">
        <v>14212</v>
      </c>
      <c r="C11085" t="s">
        <v>14213</v>
      </c>
      <c r="D11085" t="s">
        <v>14154</v>
      </c>
      <c r="E11085" t="s">
        <v>13</v>
      </c>
      <c r="F11085">
        <v>2997</v>
      </c>
      <c r="G11085" t="s">
        <v>14214</v>
      </c>
      <c r="H11085">
        <v>5.2885854404000003</v>
      </c>
      <c r="I11085">
        <v>51.993589589248998</v>
      </c>
      <c r="J11085" t="s">
        <v>66770</v>
      </c>
    </row>
    <row r="11086" spans="1:10" x14ac:dyDescent="0.25">
      <c r="A11086" t="s">
        <v>14207</v>
      </c>
      <c r="B11086" t="s">
        <v>14208</v>
      </c>
      <c r="C11086" t="s">
        <v>14209</v>
      </c>
      <c r="D11086" t="s">
        <v>14154</v>
      </c>
      <c r="E11086" t="s">
        <v>13</v>
      </c>
      <c r="F11086">
        <v>2996</v>
      </c>
      <c r="G11086" t="s">
        <v>14210</v>
      </c>
      <c r="H11086">
        <v>5.3092450645770004</v>
      </c>
      <c r="I11086">
        <v>51.996403365492</v>
      </c>
      <c r="J11086" t="s">
        <v>66771</v>
      </c>
    </row>
    <row r="11087" spans="1:10" x14ac:dyDescent="0.25">
      <c r="A11087" t="s">
        <v>14203</v>
      </c>
      <c r="B11087" t="s">
        <v>14204</v>
      </c>
      <c r="C11087" t="s">
        <v>14205</v>
      </c>
      <c r="D11087" t="s">
        <v>14154</v>
      </c>
      <c r="E11087" t="s">
        <v>13</v>
      </c>
      <c r="F11087">
        <v>2995</v>
      </c>
      <c r="G11087" t="s">
        <v>14206</v>
      </c>
      <c r="H11087">
        <v>5.2964824499720002</v>
      </c>
      <c r="I11087">
        <v>51.967145016902002</v>
      </c>
      <c r="J11087" t="s">
        <v>66772</v>
      </c>
    </row>
    <row r="11088" spans="1:10" x14ac:dyDescent="0.25">
      <c r="A11088" t="s">
        <v>14199</v>
      </c>
      <c r="B11088" t="s">
        <v>14200</v>
      </c>
      <c r="C11088" t="s">
        <v>14201</v>
      </c>
      <c r="D11088" t="s">
        <v>14154</v>
      </c>
      <c r="E11088" t="s">
        <v>13</v>
      </c>
      <c r="F11088">
        <v>2994</v>
      </c>
      <c r="G11088" t="s">
        <v>14202</v>
      </c>
      <c r="H11088">
        <v>5.3401987213590001</v>
      </c>
      <c r="I11088">
        <v>51.978611387777001</v>
      </c>
      <c r="J11088" t="s">
        <v>66773</v>
      </c>
    </row>
    <row r="11089" spans="1:10" x14ac:dyDescent="0.25">
      <c r="A11089" t="s">
        <v>14196</v>
      </c>
      <c r="B11089" t="s">
        <v>14197</v>
      </c>
      <c r="C11089" t="s">
        <v>12201</v>
      </c>
      <c r="D11089" t="s">
        <v>14154</v>
      </c>
      <c r="E11089" t="s">
        <v>13</v>
      </c>
      <c r="F11089">
        <v>2993</v>
      </c>
      <c r="G11089" t="s">
        <v>14198</v>
      </c>
      <c r="H11089">
        <v>5.3325914616050003</v>
      </c>
      <c r="I11089">
        <v>51.982847284030001</v>
      </c>
      <c r="J11089" t="s">
        <v>66774</v>
      </c>
    </row>
    <row r="11090" spans="1:10" x14ac:dyDescent="0.25">
      <c r="A11090" t="s">
        <v>14192</v>
      </c>
      <c r="B11090" t="s">
        <v>14193</v>
      </c>
      <c r="C11090" t="s">
        <v>14194</v>
      </c>
      <c r="D11090" t="s">
        <v>14154</v>
      </c>
      <c r="E11090" t="s">
        <v>13</v>
      </c>
      <c r="F11090">
        <v>2992</v>
      </c>
      <c r="G11090" t="s">
        <v>14195</v>
      </c>
      <c r="H11090">
        <v>5.3126305114569998</v>
      </c>
      <c r="I11090">
        <v>51.972966474463</v>
      </c>
      <c r="J11090" t="s">
        <v>66775</v>
      </c>
    </row>
    <row r="11091" spans="1:10" x14ac:dyDescent="0.25">
      <c r="A11091" t="s">
        <v>14188</v>
      </c>
      <c r="B11091" t="s">
        <v>14189</v>
      </c>
      <c r="C11091" t="s">
        <v>14190</v>
      </c>
      <c r="D11091" t="s">
        <v>14154</v>
      </c>
      <c r="E11091" t="s">
        <v>13</v>
      </c>
      <c r="F11091">
        <v>2991</v>
      </c>
      <c r="G11091" t="s">
        <v>14191</v>
      </c>
      <c r="H11091">
        <v>5.3317620496430003</v>
      </c>
      <c r="I11091">
        <v>51.97388803898</v>
      </c>
      <c r="J11091" t="s">
        <v>66776</v>
      </c>
    </row>
    <row r="11092" spans="1:10" x14ac:dyDescent="0.25">
      <c r="A11092" t="s">
        <v>14184</v>
      </c>
      <c r="B11092" t="s">
        <v>14185</v>
      </c>
      <c r="C11092" t="s">
        <v>14186</v>
      </c>
      <c r="D11092" t="s">
        <v>14154</v>
      </c>
      <c r="E11092" t="s">
        <v>13</v>
      </c>
      <c r="F11092">
        <v>2990</v>
      </c>
      <c r="G11092" t="s">
        <v>14187</v>
      </c>
      <c r="H11092">
        <v>5.3290820771140002</v>
      </c>
      <c r="I11092">
        <v>51.971158672228</v>
      </c>
      <c r="J11092" t="s">
        <v>66777</v>
      </c>
    </row>
    <row r="11093" spans="1:10" x14ac:dyDescent="0.25">
      <c r="A11093" t="s">
        <v>14180</v>
      </c>
      <c r="B11093" t="s">
        <v>14181</v>
      </c>
      <c r="C11093" t="s">
        <v>14182</v>
      </c>
      <c r="D11093" t="s">
        <v>14154</v>
      </c>
      <c r="E11093" t="s">
        <v>13</v>
      </c>
      <c r="F11093">
        <v>2989</v>
      </c>
      <c r="G11093" t="s">
        <v>14183</v>
      </c>
      <c r="H11093">
        <v>5.3225091764489996</v>
      </c>
      <c r="I11093">
        <v>51.971902352092002</v>
      </c>
      <c r="J11093" t="s">
        <v>66778</v>
      </c>
    </row>
    <row r="11094" spans="1:10" x14ac:dyDescent="0.25">
      <c r="A11094" t="s">
        <v>14176</v>
      </c>
      <c r="B11094" t="s">
        <v>14177</v>
      </c>
      <c r="C11094" t="s">
        <v>14178</v>
      </c>
      <c r="D11094" t="s">
        <v>14154</v>
      </c>
      <c r="E11094" t="s">
        <v>13</v>
      </c>
      <c r="F11094">
        <v>2988</v>
      </c>
      <c r="G11094" t="s">
        <v>14179</v>
      </c>
      <c r="H11094">
        <v>5.3289184354810004</v>
      </c>
      <c r="I11094">
        <v>51.976903119654999</v>
      </c>
      <c r="J11094" t="s">
        <v>66779</v>
      </c>
    </row>
    <row r="11095" spans="1:10" x14ac:dyDescent="0.25">
      <c r="A11095" t="s">
        <v>14172</v>
      </c>
      <c r="B11095" t="s">
        <v>14173</v>
      </c>
      <c r="C11095" t="s">
        <v>14174</v>
      </c>
      <c r="D11095" t="s">
        <v>14154</v>
      </c>
      <c r="E11095" t="s">
        <v>13</v>
      </c>
      <c r="F11095">
        <v>2987</v>
      </c>
      <c r="G11095" t="s">
        <v>14175</v>
      </c>
      <c r="H11095">
        <v>5.3480935841240003</v>
      </c>
      <c r="I11095">
        <v>51.977658386188999</v>
      </c>
      <c r="J11095" t="s">
        <v>66780</v>
      </c>
    </row>
    <row r="11096" spans="1:10" x14ac:dyDescent="0.25">
      <c r="A11096" t="s">
        <v>14168</v>
      </c>
      <c r="B11096" t="s">
        <v>14169</v>
      </c>
      <c r="C11096" t="s">
        <v>14170</v>
      </c>
      <c r="D11096" t="s">
        <v>14154</v>
      </c>
      <c r="E11096" t="s">
        <v>13</v>
      </c>
      <c r="F11096">
        <v>2986</v>
      </c>
      <c r="G11096" t="s">
        <v>14171</v>
      </c>
      <c r="H11096">
        <v>5.3454044484159997</v>
      </c>
      <c r="I11096">
        <v>51.982131456771</v>
      </c>
      <c r="J11096" t="s">
        <v>66781</v>
      </c>
    </row>
    <row r="11097" spans="1:10" x14ac:dyDescent="0.25">
      <c r="A11097" t="s">
        <v>14164</v>
      </c>
      <c r="B11097" t="s">
        <v>14165</v>
      </c>
      <c r="C11097" t="s">
        <v>14166</v>
      </c>
      <c r="D11097" t="s">
        <v>14154</v>
      </c>
      <c r="E11097" t="s">
        <v>13</v>
      </c>
      <c r="F11097">
        <v>2985</v>
      </c>
      <c r="G11097" t="s">
        <v>14167</v>
      </c>
      <c r="H11097">
        <v>5.3374492371180002</v>
      </c>
      <c r="I11097">
        <v>51.978641234987002</v>
      </c>
      <c r="J11097" t="s">
        <v>66782</v>
      </c>
    </row>
    <row r="11098" spans="1:10" x14ac:dyDescent="0.25">
      <c r="A11098" t="s">
        <v>14160</v>
      </c>
      <c r="B11098" t="s">
        <v>14161</v>
      </c>
      <c r="C11098" t="s">
        <v>14162</v>
      </c>
      <c r="D11098" t="s">
        <v>14154</v>
      </c>
      <c r="E11098" t="s">
        <v>13</v>
      </c>
      <c r="F11098">
        <v>2984</v>
      </c>
      <c r="G11098" t="s">
        <v>14163</v>
      </c>
      <c r="H11098">
        <v>5.3417590794630003</v>
      </c>
      <c r="I11098">
        <v>51.976063660206997</v>
      </c>
      <c r="J11098" t="s">
        <v>66783</v>
      </c>
    </row>
    <row r="11099" spans="1:10" x14ac:dyDescent="0.25">
      <c r="A11099" t="s">
        <v>14156</v>
      </c>
      <c r="B11099" t="s">
        <v>14157</v>
      </c>
      <c r="C11099" t="s">
        <v>14158</v>
      </c>
      <c r="D11099" t="s">
        <v>14154</v>
      </c>
      <c r="E11099" t="s">
        <v>13</v>
      </c>
      <c r="F11099">
        <v>2983</v>
      </c>
      <c r="G11099" t="s">
        <v>14159</v>
      </c>
      <c r="H11099">
        <v>5.3397250390859998</v>
      </c>
      <c r="I11099">
        <v>51.9725832309</v>
      </c>
      <c r="J11099" t="s">
        <v>66784</v>
      </c>
    </row>
    <row r="11100" spans="1:10" x14ac:dyDescent="0.25">
      <c r="A11100" t="s">
        <v>14152</v>
      </c>
      <c r="B11100" t="s">
        <v>14153</v>
      </c>
      <c r="C11100" t="s">
        <v>2874</v>
      </c>
      <c r="D11100" t="s">
        <v>14154</v>
      </c>
      <c r="E11100" t="s">
        <v>13</v>
      </c>
      <c r="F11100">
        <v>2982</v>
      </c>
      <c r="G11100" t="s">
        <v>14155</v>
      </c>
      <c r="H11100">
        <v>5.345436186763</v>
      </c>
      <c r="I11100">
        <v>51.970982995619998</v>
      </c>
      <c r="J11100" t="s">
        <v>66785</v>
      </c>
    </row>
    <row r="11101" spans="1:10" x14ac:dyDescent="0.25">
      <c r="A11101" t="s">
        <v>14148</v>
      </c>
      <c r="B11101" t="s">
        <v>14149</v>
      </c>
      <c r="C11101" t="s">
        <v>14150</v>
      </c>
      <c r="D11101" t="s">
        <v>14107</v>
      </c>
      <c r="E11101" t="s">
        <v>13</v>
      </c>
      <c r="F11101">
        <v>2981</v>
      </c>
      <c r="G11101" t="s">
        <v>14151</v>
      </c>
      <c r="H11101">
        <v>5.4578786082380004</v>
      </c>
      <c r="I11101">
        <v>52.063318422960997</v>
      </c>
      <c r="J11101" t="s">
        <v>66786</v>
      </c>
    </row>
    <row r="11102" spans="1:10" x14ac:dyDescent="0.25">
      <c r="A11102" t="s">
        <v>14144</v>
      </c>
      <c r="B11102" t="s">
        <v>14145</v>
      </c>
      <c r="C11102" t="s">
        <v>14146</v>
      </c>
      <c r="D11102" t="s">
        <v>14107</v>
      </c>
      <c r="E11102" t="s">
        <v>13</v>
      </c>
      <c r="F11102">
        <v>2980</v>
      </c>
      <c r="G11102" t="s">
        <v>14147</v>
      </c>
      <c r="H11102">
        <v>5.4652195475549998</v>
      </c>
      <c r="I11102">
        <v>52.098331298232999</v>
      </c>
      <c r="J11102" t="s">
        <v>66787</v>
      </c>
    </row>
    <row r="11103" spans="1:10" x14ac:dyDescent="0.25">
      <c r="A11103" t="s">
        <v>14140</v>
      </c>
      <c r="B11103" t="s">
        <v>14141</v>
      </c>
      <c r="C11103" t="s">
        <v>14142</v>
      </c>
      <c r="D11103" t="s">
        <v>14107</v>
      </c>
      <c r="E11103" t="s">
        <v>13</v>
      </c>
      <c r="F11103">
        <v>2979</v>
      </c>
      <c r="G11103" t="s">
        <v>14143</v>
      </c>
      <c r="H11103">
        <v>5.4226902509419999</v>
      </c>
      <c r="I11103">
        <v>52.092238953410998</v>
      </c>
      <c r="J11103" t="s">
        <v>66788</v>
      </c>
    </row>
    <row r="11104" spans="1:10" x14ac:dyDescent="0.25">
      <c r="A11104" t="s">
        <v>14136</v>
      </c>
      <c r="B11104" t="s">
        <v>14137</v>
      </c>
      <c r="C11104" t="s">
        <v>14138</v>
      </c>
      <c r="D11104" t="s">
        <v>14107</v>
      </c>
      <c r="E11104" t="s">
        <v>13</v>
      </c>
      <c r="F11104">
        <v>2978</v>
      </c>
      <c r="G11104" t="s">
        <v>14139</v>
      </c>
      <c r="H11104">
        <v>5.359542496365</v>
      </c>
      <c r="I11104">
        <v>52.086876377705998</v>
      </c>
      <c r="J11104" t="s">
        <v>66789</v>
      </c>
    </row>
    <row r="11105" spans="1:10" x14ac:dyDescent="0.25">
      <c r="A11105" t="s">
        <v>14133</v>
      </c>
      <c r="B11105" t="s">
        <v>14134</v>
      </c>
      <c r="C11105" t="s">
        <v>4709</v>
      </c>
      <c r="D11105" t="s">
        <v>14107</v>
      </c>
      <c r="E11105" t="s">
        <v>13</v>
      </c>
      <c r="F11105">
        <v>2977</v>
      </c>
      <c r="G11105" t="s">
        <v>14135</v>
      </c>
      <c r="H11105">
        <v>5.4500249249930004</v>
      </c>
      <c r="I11105">
        <v>52.084110550542</v>
      </c>
      <c r="J11105" t="s">
        <v>66790</v>
      </c>
    </row>
    <row r="11106" spans="1:10" x14ac:dyDescent="0.25">
      <c r="A11106" t="s">
        <v>14129</v>
      </c>
      <c r="B11106" t="s">
        <v>14130</v>
      </c>
      <c r="C11106" t="s">
        <v>14131</v>
      </c>
      <c r="D11106" t="s">
        <v>14107</v>
      </c>
      <c r="E11106" t="s">
        <v>13</v>
      </c>
      <c r="F11106">
        <v>2976</v>
      </c>
      <c r="G11106" t="s">
        <v>14132</v>
      </c>
      <c r="H11106">
        <v>5.4441746042660002</v>
      </c>
      <c r="I11106">
        <v>52.081174420334001</v>
      </c>
      <c r="J11106" t="s">
        <v>66791</v>
      </c>
    </row>
    <row r="11107" spans="1:10" x14ac:dyDescent="0.25">
      <c r="A11107" t="s">
        <v>14125</v>
      </c>
      <c r="B11107" t="s">
        <v>14126</v>
      </c>
      <c r="C11107" t="s">
        <v>14127</v>
      </c>
      <c r="D11107" t="s">
        <v>14107</v>
      </c>
      <c r="E11107" t="s">
        <v>13</v>
      </c>
      <c r="F11107">
        <v>2975</v>
      </c>
      <c r="G11107" t="s">
        <v>14128</v>
      </c>
      <c r="H11107">
        <v>5.4326605219450004</v>
      </c>
      <c r="I11107">
        <v>52.081649859976999</v>
      </c>
      <c r="J11107" t="s">
        <v>66792</v>
      </c>
    </row>
    <row r="11108" spans="1:10" x14ac:dyDescent="0.25">
      <c r="A11108" t="s">
        <v>14121</v>
      </c>
      <c r="B11108" t="s">
        <v>14122</v>
      </c>
      <c r="C11108" t="s">
        <v>14123</v>
      </c>
      <c r="D11108" t="s">
        <v>14107</v>
      </c>
      <c r="E11108" t="s">
        <v>13</v>
      </c>
      <c r="F11108">
        <v>2974</v>
      </c>
      <c r="G11108" t="s">
        <v>14124</v>
      </c>
      <c r="H11108">
        <v>5.4303988481939998</v>
      </c>
      <c r="I11108">
        <v>52.077762478346003</v>
      </c>
      <c r="J11108" t="s">
        <v>66793</v>
      </c>
    </row>
    <row r="11109" spans="1:10" x14ac:dyDescent="0.25">
      <c r="A11109" t="s">
        <v>14117</v>
      </c>
      <c r="B11109" t="s">
        <v>14118</v>
      </c>
      <c r="C11109" t="s">
        <v>14119</v>
      </c>
      <c r="D11109" t="s">
        <v>14107</v>
      </c>
      <c r="E11109" t="s">
        <v>13</v>
      </c>
      <c r="F11109">
        <v>2973</v>
      </c>
      <c r="G11109" t="s">
        <v>14120</v>
      </c>
      <c r="H11109">
        <v>5.419927195543</v>
      </c>
      <c r="I11109">
        <v>52.078674092280998</v>
      </c>
      <c r="J11109" t="s">
        <v>66794</v>
      </c>
    </row>
    <row r="11110" spans="1:10" x14ac:dyDescent="0.25">
      <c r="A11110" t="s">
        <v>14113</v>
      </c>
      <c r="B11110" t="s">
        <v>14114</v>
      </c>
      <c r="C11110" t="s">
        <v>14115</v>
      </c>
      <c r="D11110" t="s">
        <v>14107</v>
      </c>
      <c r="E11110" t="s">
        <v>13</v>
      </c>
      <c r="F11110">
        <v>2972</v>
      </c>
      <c r="G11110" t="s">
        <v>14116</v>
      </c>
      <c r="H11110">
        <v>5.4094399840299996</v>
      </c>
      <c r="I11110">
        <v>52.080192842145998</v>
      </c>
      <c r="J11110" t="s">
        <v>66795</v>
      </c>
    </row>
    <row r="11111" spans="1:10" x14ac:dyDescent="0.25">
      <c r="A11111" t="s">
        <v>14109</v>
      </c>
      <c r="B11111" t="s">
        <v>14110</v>
      </c>
      <c r="C11111" t="s">
        <v>14111</v>
      </c>
      <c r="D11111" t="s">
        <v>14107</v>
      </c>
      <c r="E11111" t="s">
        <v>13</v>
      </c>
      <c r="F11111">
        <v>2971</v>
      </c>
      <c r="G11111" t="s">
        <v>14112</v>
      </c>
      <c r="H11111">
        <v>5.4213811897899999</v>
      </c>
      <c r="I11111">
        <v>52.083322868604</v>
      </c>
      <c r="J11111" t="s">
        <v>66796</v>
      </c>
    </row>
    <row r="11112" spans="1:10" x14ac:dyDescent="0.25">
      <c r="A11112" t="s">
        <v>14104</v>
      </c>
      <c r="B11112" t="s">
        <v>14105</v>
      </c>
      <c r="C11112" t="s">
        <v>14106</v>
      </c>
      <c r="D11112" t="s">
        <v>14107</v>
      </c>
      <c r="E11112" t="s">
        <v>13</v>
      </c>
      <c r="F11112">
        <v>2970</v>
      </c>
      <c r="G11112" t="s">
        <v>14108</v>
      </c>
      <c r="H11112">
        <v>5.4078490379810003</v>
      </c>
      <c r="I11112">
        <v>52.085232307424</v>
      </c>
      <c r="J11112" t="s">
        <v>66797</v>
      </c>
    </row>
    <row r="11113" spans="1:10" x14ac:dyDescent="0.25">
      <c r="A11113" t="s">
        <v>14100</v>
      </c>
      <c r="B11113" t="s">
        <v>14101</v>
      </c>
      <c r="C11113" t="s">
        <v>14102</v>
      </c>
      <c r="D11113" t="s">
        <v>13664</v>
      </c>
      <c r="E11113" t="s">
        <v>13</v>
      </c>
      <c r="F11113">
        <v>2969</v>
      </c>
      <c r="G11113" t="s">
        <v>14103</v>
      </c>
      <c r="H11113">
        <v>5.0495804089960004</v>
      </c>
      <c r="I11113">
        <v>52.053971515548</v>
      </c>
      <c r="J11113" t="s">
        <v>66798</v>
      </c>
    </row>
    <row r="11114" spans="1:10" x14ac:dyDescent="0.25">
      <c r="A11114" t="s">
        <v>14096</v>
      </c>
      <c r="B11114" t="s">
        <v>14097</v>
      </c>
      <c r="C11114" t="s">
        <v>14098</v>
      </c>
      <c r="D11114" t="s">
        <v>13664</v>
      </c>
      <c r="E11114" t="s">
        <v>13</v>
      </c>
      <c r="F11114">
        <v>2968</v>
      </c>
      <c r="G11114" t="s">
        <v>14099</v>
      </c>
      <c r="H11114">
        <v>5.049848664043</v>
      </c>
      <c r="I11114">
        <v>52.075605960796999</v>
      </c>
      <c r="J11114" t="s">
        <v>66799</v>
      </c>
    </row>
    <row r="11115" spans="1:10" x14ac:dyDescent="0.25">
      <c r="A11115" t="s">
        <v>14092</v>
      </c>
      <c r="B11115" t="s">
        <v>14093</v>
      </c>
      <c r="C11115" t="s">
        <v>14094</v>
      </c>
      <c r="D11115" t="s">
        <v>13664</v>
      </c>
      <c r="E11115" t="s">
        <v>13</v>
      </c>
      <c r="F11115">
        <v>2967</v>
      </c>
      <c r="G11115" t="s">
        <v>14095</v>
      </c>
      <c r="H11115">
        <v>5.0215893768850002</v>
      </c>
      <c r="I11115">
        <v>52.072956995043</v>
      </c>
      <c r="J11115" t="s">
        <v>66800</v>
      </c>
    </row>
    <row r="11116" spans="1:10" x14ac:dyDescent="0.25">
      <c r="A11116" t="s">
        <v>14088</v>
      </c>
      <c r="B11116" t="s">
        <v>14089</v>
      </c>
      <c r="C11116" t="s">
        <v>14090</v>
      </c>
      <c r="D11116" t="s">
        <v>13664</v>
      </c>
      <c r="E11116" t="s">
        <v>13</v>
      </c>
      <c r="F11116">
        <v>2966</v>
      </c>
      <c r="G11116" t="s">
        <v>14091</v>
      </c>
      <c r="H11116">
        <v>5.0348647587470001</v>
      </c>
      <c r="I11116">
        <v>52.08692270761</v>
      </c>
      <c r="J11116" t="s">
        <v>66801</v>
      </c>
    </row>
    <row r="11117" spans="1:10" x14ac:dyDescent="0.25">
      <c r="A11117" t="s">
        <v>14084</v>
      </c>
      <c r="B11117" t="s">
        <v>14085</v>
      </c>
      <c r="C11117" t="s">
        <v>14086</v>
      </c>
      <c r="D11117" t="s">
        <v>13664</v>
      </c>
      <c r="E11117" t="s">
        <v>13</v>
      </c>
      <c r="F11117">
        <v>2965</v>
      </c>
      <c r="G11117" t="s">
        <v>14087</v>
      </c>
      <c r="H11117">
        <v>5.0152279380479996</v>
      </c>
      <c r="I11117">
        <v>52.081142737937</v>
      </c>
      <c r="J11117" t="s">
        <v>66802</v>
      </c>
    </row>
    <row r="11118" spans="1:10" x14ac:dyDescent="0.25">
      <c r="A11118" t="s">
        <v>14080</v>
      </c>
      <c r="B11118" t="s">
        <v>14081</v>
      </c>
      <c r="C11118" t="s">
        <v>14082</v>
      </c>
      <c r="D11118" t="s">
        <v>13664</v>
      </c>
      <c r="E11118" t="s">
        <v>13</v>
      </c>
      <c r="F11118">
        <v>2964</v>
      </c>
      <c r="G11118" t="s">
        <v>14083</v>
      </c>
      <c r="H11118">
        <v>5.0069944514019999</v>
      </c>
      <c r="I11118">
        <v>52.090196235175</v>
      </c>
      <c r="J11118" t="s">
        <v>66803</v>
      </c>
    </row>
    <row r="11119" spans="1:10" x14ac:dyDescent="0.25">
      <c r="A11119" t="s">
        <v>14076</v>
      </c>
      <c r="B11119" t="s">
        <v>14077</v>
      </c>
      <c r="C11119" t="s">
        <v>14078</v>
      </c>
      <c r="D11119" t="s">
        <v>13664</v>
      </c>
      <c r="E11119" t="s">
        <v>13</v>
      </c>
      <c r="F11119">
        <v>2963</v>
      </c>
      <c r="G11119" t="s">
        <v>14079</v>
      </c>
      <c r="H11119">
        <v>5.0115277991080003</v>
      </c>
      <c r="I11119">
        <v>52.096980971088001</v>
      </c>
      <c r="J11119" t="s">
        <v>66804</v>
      </c>
    </row>
    <row r="11120" spans="1:10" x14ac:dyDescent="0.25">
      <c r="A11120" t="s">
        <v>14072</v>
      </c>
      <c r="B11120" t="s">
        <v>14073</v>
      </c>
      <c r="C11120" t="s">
        <v>14074</v>
      </c>
      <c r="D11120" t="s">
        <v>13664</v>
      </c>
      <c r="E11120" t="s">
        <v>13</v>
      </c>
      <c r="F11120">
        <v>2962</v>
      </c>
      <c r="G11120" t="s">
        <v>14075</v>
      </c>
      <c r="H11120">
        <v>5.0015723258579996</v>
      </c>
      <c r="I11120">
        <v>52.097562762533002</v>
      </c>
      <c r="J11120" t="s">
        <v>66805</v>
      </c>
    </row>
    <row r="11121" spans="1:10" x14ac:dyDescent="0.25">
      <c r="A11121" t="s">
        <v>14068</v>
      </c>
      <c r="B11121" t="s">
        <v>14069</v>
      </c>
      <c r="C11121" t="s">
        <v>14070</v>
      </c>
      <c r="D11121" t="s">
        <v>13664</v>
      </c>
      <c r="E11121" t="s">
        <v>13</v>
      </c>
      <c r="F11121">
        <v>2961</v>
      </c>
      <c r="G11121" t="s">
        <v>14071</v>
      </c>
      <c r="H11121">
        <v>5.0270545318720004</v>
      </c>
      <c r="I11121">
        <v>52.099258711045998</v>
      </c>
      <c r="J11121" t="s">
        <v>66806</v>
      </c>
    </row>
    <row r="11122" spans="1:10" x14ac:dyDescent="0.25">
      <c r="A11122" t="s">
        <v>14064</v>
      </c>
      <c r="B11122" t="s">
        <v>14065</v>
      </c>
      <c r="C11122" t="s">
        <v>14066</v>
      </c>
      <c r="D11122" t="s">
        <v>13664</v>
      </c>
      <c r="E11122" t="s">
        <v>13</v>
      </c>
      <c r="F11122">
        <v>2960</v>
      </c>
      <c r="G11122" t="s">
        <v>14067</v>
      </c>
      <c r="H11122">
        <v>5.0120033529469996</v>
      </c>
      <c r="I11122">
        <v>52.108789687170002</v>
      </c>
      <c r="J11122" t="s">
        <v>66807</v>
      </c>
    </row>
    <row r="11123" spans="1:10" x14ac:dyDescent="0.25">
      <c r="A11123" t="s">
        <v>14060</v>
      </c>
      <c r="B11123" t="s">
        <v>14061</v>
      </c>
      <c r="C11123" t="s">
        <v>14062</v>
      </c>
      <c r="D11123" t="s">
        <v>13664</v>
      </c>
      <c r="E11123" t="s">
        <v>13</v>
      </c>
      <c r="F11123">
        <v>2959</v>
      </c>
      <c r="G11123" t="s">
        <v>14063</v>
      </c>
      <c r="H11123">
        <v>4.9906057486190001</v>
      </c>
      <c r="I11123">
        <v>52.119733595954003</v>
      </c>
      <c r="J11123" t="s">
        <v>66808</v>
      </c>
    </row>
    <row r="11124" spans="1:10" x14ac:dyDescent="0.25">
      <c r="A11124" t="s">
        <v>14056</v>
      </c>
      <c r="B11124" t="s">
        <v>14057</v>
      </c>
      <c r="C11124" t="s">
        <v>14058</v>
      </c>
      <c r="D11124" t="s">
        <v>13664</v>
      </c>
      <c r="E11124" t="s">
        <v>13</v>
      </c>
      <c r="F11124">
        <v>2958</v>
      </c>
      <c r="G11124" t="s">
        <v>14059</v>
      </c>
      <c r="H11124">
        <v>5.0175934012420003</v>
      </c>
      <c r="I11124">
        <v>52.119354029531998</v>
      </c>
      <c r="J11124" t="s">
        <v>66809</v>
      </c>
    </row>
    <row r="11125" spans="1:10" x14ac:dyDescent="0.25">
      <c r="A11125" t="s">
        <v>14052</v>
      </c>
      <c r="B11125" t="s">
        <v>14053</v>
      </c>
      <c r="C11125" t="s">
        <v>14054</v>
      </c>
      <c r="D11125" t="s">
        <v>13664</v>
      </c>
      <c r="E11125" t="s">
        <v>13</v>
      </c>
      <c r="F11125">
        <v>2957</v>
      </c>
      <c r="G11125" t="s">
        <v>14055</v>
      </c>
      <c r="H11125">
        <v>5.0821508038429997</v>
      </c>
      <c r="I11125">
        <v>52.070470945025001</v>
      </c>
      <c r="J11125" t="s">
        <v>66810</v>
      </c>
    </row>
    <row r="11126" spans="1:10" x14ac:dyDescent="0.25">
      <c r="A11126" t="s">
        <v>14048</v>
      </c>
      <c r="B11126" t="s">
        <v>14049</v>
      </c>
      <c r="C11126" t="s">
        <v>14050</v>
      </c>
      <c r="D11126" t="s">
        <v>13664</v>
      </c>
      <c r="E11126" t="s">
        <v>13</v>
      </c>
      <c r="F11126">
        <v>2956</v>
      </c>
      <c r="G11126" t="s">
        <v>14051</v>
      </c>
      <c r="H11126">
        <v>5.0645413269309998</v>
      </c>
      <c r="I11126">
        <v>52.071847005216</v>
      </c>
      <c r="J11126" t="s">
        <v>66811</v>
      </c>
    </row>
    <row r="11127" spans="1:10" x14ac:dyDescent="0.25">
      <c r="A11127" t="s">
        <v>14044</v>
      </c>
      <c r="B11127" t="s">
        <v>14045</v>
      </c>
      <c r="C11127" t="s">
        <v>14046</v>
      </c>
      <c r="D11127" t="s">
        <v>13664</v>
      </c>
      <c r="E11127" t="s">
        <v>13</v>
      </c>
      <c r="F11127">
        <v>2955</v>
      </c>
      <c r="G11127" t="s">
        <v>14047</v>
      </c>
      <c r="H11127">
        <v>5.0653713012999999</v>
      </c>
      <c r="I11127">
        <v>52.077822169628</v>
      </c>
      <c r="J11127" t="s">
        <v>66812</v>
      </c>
    </row>
    <row r="11128" spans="1:10" x14ac:dyDescent="0.25">
      <c r="A11128" t="s">
        <v>14040</v>
      </c>
      <c r="B11128" t="s">
        <v>14041</v>
      </c>
      <c r="C11128" t="s">
        <v>14042</v>
      </c>
      <c r="D11128" t="s">
        <v>13664</v>
      </c>
      <c r="E11128" t="s">
        <v>13</v>
      </c>
      <c r="F11128">
        <v>2954</v>
      </c>
      <c r="G11128" t="s">
        <v>14043</v>
      </c>
      <c r="H11128">
        <v>5.0618630154639996</v>
      </c>
      <c r="I11128">
        <v>52.084872635766999</v>
      </c>
      <c r="J11128" t="s">
        <v>66813</v>
      </c>
    </row>
    <row r="11129" spans="1:10" x14ac:dyDescent="0.25">
      <c r="A11129" t="s">
        <v>14036</v>
      </c>
      <c r="B11129" t="s">
        <v>14037</v>
      </c>
      <c r="C11129" t="s">
        <v>14038</v>
      </c>
      <c r="D11129" t="s">
        <v>13664</v>
      </c>
      <c r="E11129" t="s">
        <v>13</v>
      </c>
      <c r="F11129">
        <v>2953</v>
      </c>
      <c r="G11129" t="s">
        <v>14039</v>
      </c>
      <c r="H11129">
        <v>5.0604688009130001</v>
      </c>
      <c r="I11129">
        <v>52.088824370664</v>
      </c>
      <c r="J11129" t="s">
        <v>66814</v>
      </c>
    </row>
    <row r="11130" spans="1:10" x14ac:dyDescent="0.25">
      <c r="A11130" t="s">
        <v>14032</v>
      </c>
      <c r="B11130" t="s">
        <v>14033</v>
      </c>
      <c r="C11130" t="s">
        <v>14034</v>
      </c>
      <c r="D11130" t="s">
        <v>13664</v>
      </c>
      <c r="E11130" t="s">
        <v>13</v>
      </c>
      <c r="F11130">
        <v>2952</v>
      </c>
      <c r="G11130" t="s">
        <v>14035</v>
      </c>
      <c r="H11130">
        <v>5.0539126139750001</v>
      </c>
      <c r="I11130">
        <v>52.091236879794003</v>
      </c>
      <c r="J11130" t="s">
        <v>66815</v>
      </c>
    </row>
    <row r="11131" spans="1:10" x14ac:dyDescent="0.25">
      <c r="A11131" t="s">
        <v>14028</v>
      </c>
      <c r="B11131" t="s">
        <v>14029</v>
      </c>
      <c r="C11131" t="s">
        <v>14030</v>
      </c>
      <c r="D11131" t="s">
        <v>13664</v>
      </c>
      <c r="E11131" t="s">
        <v>13</v>
      </c>
      <c r="F11131">
        <v>2951</v>
      </c>
      <c r="G11131" t="s">
        <v>14031</v>
      </c>
      <c r="H11131">
        <v>5.0758862631959998</v>
      </c>
      <c r="I11131">
        <v>52.090129562015001</v>
      </c>
      <c r="J11131" t="s">
        <v>66816</v>
      </c>
    </row>
    <row r="11132" spans="1:10" x14ac:dyDescent="0.25">
      <c r="A11132" t="s">
        <v>14024</v>
      </c>
      <c r="B11132" t="s">
        <v>14025</v>
      </c>
      <c r="C11132" t="s">
        <v>14026</v>
      </c>
      <c r="D11132" t="s">
        <v>13664</v>
      </c>
      <c r="E11132" t="s">
        <v>13</v>
      </c>
      <c r="F11132">
        <v>2950</v>
      </c>
      <c r="G11132" t="s">
        <v>14027</v>
      </c>
      <c r="H11132">
        <v>5.0692827479910001</v>
      </c>
      <c r="I11132">
        <v>52.090350239583003</v>
      </c>
      <c r="J11132" t="s">
        <v>66817</v>
      </c>
    </row>
    <row r="11133" spans="1:10" x14ac:dyDescent="0.25">
      <c r="A11133" t="s">
        <v>14020</v>
      </c>
      <c r="B11133" t="s">
        <v>14021</v>
      </c>
      <c r="C11133" t="s">
        <v>14022</v>
      </c>
      <c r="D11133" t="s">
        <v>13664</v>
      </c>
      <c r="E11133" t="s">
        <v>13</v>
      </c>
      <c r="F11133">
        <v>2949</v>
      </c>
      <c r="G11133" t="s">
        <v>14023</v>
      </c>
      <c r="H11133">
        <v>5.0607087887009996</v>
      </c>
      <c r="I11133">
        <v>52.096017657447</v>
      </c>
      <c r="J11133" t="s">
        <v>66818</v>
      </c>
    </row>
    <row r="11134" spans="1:10" x14ac:dyDescent="0.25">
      <c r="A11134" t="s">
        <v>14016</v>
      </c>
      <c r="B11134" t="s">
        <v>14017</v>
      </c>
      <c r="C11134" t="s">
        <v>14018</v>
      </c>
      <c r="D11134" t="s">
        <v>13664</v>
      </c>
      <c r="E11134" t="s">
        <v>13</v>
      </c>
      <c r="F11134">
        <v>2948</v>
      </c>
      <c r="G11134" t="s">
        <v>14019</v>
      </c>
      <c r="H11134">
        <v>5.0671177900320004</v>
      </c>
      <c r="I11134">
        <v>52.097390387525003</v>
      </c>
      <c r="J11134" t="s">
        <v>66819</v>
      </c>
    </row>
    <row r="11135" spans="1:10" x14ac:dyDescent="0.25">
      <c r="A11135" t="s">
        <v>14012</v>
      </c>
      <c r="B11135" t="s">
        <v>14013</v>
      </c>
      <c r="C11135" t="s">
        <v>14014</v>
      </c>
      <c r="D11135" t="s">
        <v>13664</v>
      </c>
      <c r="E11135" t="s">
        <v>13</v>
      </c>
      <c r="F11135">
        <v>2947</v>
      </c>
      <c r="G11135" t="s">
        <v>14015</v>
      </c>
      <c r="H11135">
        <v>5.0507767783539999</v>
      </c>
      <c r="I11135">
        <v>52.095682233590999</v>
      </c>
      <c r="J11135" t="s">
        <v>66820</v>
      </c>
    </row>
    <row r="11136" spans="1:10" x14ac:dyDescent="0.25">
      <c r="A11136" t="s">
        <v>14008</v>
      </c>
      <c r="B11136" t="s">
        <v>14009</v>
      </c>
      <c r="C11136" t="s">
        <v>14010</v>
      </c>
      <c r="D11136" t="s">
        <v>13664</v>
      </c>
      <c r="E11136" t="s">
        <v>13</v>
      </c>
      <c r="F11136">
        <v>2946</v>
      </c>
      <c r="G11136" t="s">
        <v>14011</v>
      </c>
      <c r="H11136">
        <v>5.0391509190730002</v>
      </c>
      <c r="I11136">
        <v>52.096842340674002</v>
      </c>
      <c r="J11136" t="s">
        <v>66821</v>
      </c>
    </row>
    <row r="11137" spans="1:10" x14ac:dyDescent="0.25">
      <c r="A11137" t="s">
        <v>14004</v>
      </c>
      <c r="B11137" t="s">
        <v>14005</v>
      </c>
      <c r="C11137" t="s">
        <v>14006</v>
      </c>
      <c r="D11137" t="s">
        <v>13664</v>
      </c>
      <c r="E11137" t="s">
        <v>13</v>
      </c>
      <c r="F11137">
        <v>2945</v>
      </c>
      <c r="G11137" t="s">
        <v>14007</v>
      </c>
      <c r="H11137">
        <v>5.0501774756159996</v>
      </c>
      <c r="I11137">
        <v>52.102785238598003</v>
      </c>
      <c r="J11137" t="s">
        <v>66822</v>
      </c>
    </row>
    <row r="11138" spans="1:10" x14ac:dyDescent="0.25">
      <c r="A11138" t="s">
        <v>14000</v>
      </c>
      <c r="B11138" t="s">
        <v>14001</v>
      </c>
      <c r="C11138" t="s">
        <v>14002</v>
      </c>
      <c r="D11138" t="s">
        <v>13664</v>
      </c>
      <c r="E11138" t="s">
        <v>13</v>
      </c>
      <c r="F11138">
        <v>2944</v>
      </c>
      <c r="G11138" t="s">
        <v>14003</v>
      </c>
      <c r="H11138">
        <v>5.0371841226700003</v>
      </c>
      <c r="I11138">
        <v>52.105880780999001</v>
      </c>
      <c r="J11138" t="s">
        <v>66823</v>
      </c>
    </row>
    <row r="11139" spans="1:10" x14ac:dyDescent="0.25">
      <c r="A11139" t="s">
        <v>13996</v>
      </c>
      <c r="B11139" t="s">
        <v>13997</v>
      </c>
      <c r="C11139" t="s">
        <v>13998</v>
      </c>
      <c r="D11139" t="s">
        <v>13664</v>
      </c>
      <c r="E11139" t="s">
        <v>13</v>
      </c>
      <c r="F11139">
        <v>2943</v>
      </c>
      <c r="G11139" t="s">
        <v>13999</v>
      </c>
      <c r="H11139">
        <v>5.0478240987709997</v>
      </c>
      <c r="I11139">
        <v>52.109236730987</v>
      </c>
      <c r="J11139" t="s">
        <v>66824</v>
      </c>
    </row>
    <row r="11140" spans="1:10" x14ac:dyDescent="0.25">
      <c r="A11140" t="s">
        <v>13992</v>
      </c>
      <c r="B11140" t="s">
        <v>13993</v>
      </c>
      <c r="C11140" t="s">
        <v>13994</v>
      </c>
      <c r="D11140" t="s">
        <v>13664</v>
      </c>
      <c r="E11140" t="s">
        <v>13</v>
      </c>
      <c r="F11140">
        <v>2942</v>
      </c>
      <c r="G11140" t="s">
        <v>13995</v>
      </c>
      <c r="H11140">
        <v>5.0892330680700004</v>
      </c>
      <c r="I11140">
        <v>52.076201903517997</v>
      </c>
      <c r="J11140" t="s">
        <v>66825</v>
      </c>
    </row>
    <row r="11141" spans="1:10" x14ac:dyDescent="0.25">
      <c r="A11141" t="s">
        <v>13988</v>
      </c>
      <c r="B11141" t="s">
        <v>13989</v>
      </c>
      <c r="C11141" t="s">
        <v>13990</v>
      </c>
      <c r="D11141" t="s">
        <v>13664</v>
      </c>
      <c r="E11141" t="s">
        <v>13</v>
      </c>
      <c r="F11141">
        <v>2941</v>
      </c>
      <c r="G11141" t="s">
        <v>13991</v>
      </c>
      <c r="H11141">
        <v>5.0966505690849999</v>
      </c>
      <c r="I11141">
        <v>52.068501632630003</v>
      </c>
      <c r="J11141" t="s">
        <v>66826</v>
      </c>
    </row>
    <row r="11142" spans="1:10" x14ac:dyDescent="0.25">
      <c r="A11142" t="s">
        <v>13984</v>
      </c>
      <c r="B11142" t="s">
        <v>13985</v>
      </c>
      <c r="C11142" t="s">
        <v>13986</v>
      </c>
      <c r="D11142" t="s">
        <v>13664</v>
      </c>
      <c r="E11142" t="s">
        <v>13</v>
      </c>
      <c r="F11142">
        <v>2940</v>
      </c>
      <c r="G11142" t="s">
        <v>13987</v>
      </c>
      <c r="H11142">
        <v>5.0998063887949998</v>
      </c>
      <c r="I11142">
        <v>52.079505356410003</v>
      </c>
      <c r="J11142" t="s">
        <v>66827</v>
      </c>
    </row>
    <row r="11143" spans="1:10" x14ac:dyDescent="0.25">
      <c r="A11143" t="s">
        <v>13980</v>
      </c>
      <c r="B11143" t="s">
        <v>13981</v>
      </c>
      <c r="C11143" t="s">
        <v>13982</v>
      </c>
      <c r="D11143" t="s">
        <v>13664</v>
      </c>
      <c r="E11143" t="s">
        <v>13</v>
      </c>
      <c r="F11143">
        <v>2939</v>
      </c>
      <c r="G11143" t="s">
        <v>13983</v>
      </c>
      <c r="H11143">
        <v>5.1055394770060003</v>
      </c>
      <c r="I11143">
        <v>52.071778192674003</v>
      </c>
      <c r="J11143" t="s">
        <v>66828</v>
      </c>
    </row>
    <row r="11144" spans="1:10" x14ac:dyDescent="0.25">
      <c r="A11144" t="s">
        <v>13976</v>
      </c>
      <c r="B11144" t="s">
        <v>13977</v>
      </c>
      <c r="C11144" t="s">
        <v>13978</v>
      </c>
      <c r="D11144" t="s">
        <v>13664</v>
      </c>
      <c r="E11144" t="s">
        <v>13</v>
      </c>
      <c r="F11144">
        <v>2938</v>
      </c>
      <c r="G11144" t="s">
        <v>13979</v>
      </c>
      <c r="H11144">
        <v>5.1052987280159998</v>
      </c>
      <c r="I11144">
        <v>52.059628913264</v>
      </c>
      <c r="J11144" t="s">
        <v>66829</v>
      </c>
    </row>
    <row r="11145" spans="1:10" x14ac:dyDescent="0.25">
      <c r="A11145" t="s">
        <v>13972</v>
      </c>
      <c r="B11145" t="s">
        <v>13973</v>
      </c>
      <c r="C11145" t="s">
        <v>13974</v>
      </c>
      <c r="D11145" t="s">
        <v>13664</v>
      </c>
      <c r="E11145" t="s">
        <v>13</v>
      </c>
      <c r="F11145">
        <v>2937</v>
      </c>
      <c r="G11145" t="s">
        <v>13975</v>
      </c>
      <c r="H11145">
        <v>5.1152168968450002</v>
      </c>
      <c r="I11145">
        <v>52.073098609576</v>
      </c>
      <c r="J11145" t="s">
        <v>66830</v>
      </c>
    </row>
    <row r="11146" spans="1:10" x14ac:dyDescent="0.25">
      <c r="A11146" t="s">
        <v>13968</v>
      </c>
      <c r="B11146" t="s">
        <v>13969</v>
      </c>
      <c r="C11146" t="s">
        <v>13970</v>
      </c>
      <c r="D11146" t="s">
        <v>13664</v>
      </c>
      <c r="E11146" t="s">
        <v>13</v>
      </c>
      <c r="F11146">
        <v>2936</v>
      </c>
      <c r="G11146" t="s">
        <v>13971</v>
      </c>
      <c r="H11146">
        <v>5.111336236763</v>
      </c>
      <c r="I11146">
        <v>52.080814740994001</v>
      </c>
      <c r="J11146" t="s">
        <v>66831</v>
      </c>
    </row>
    <row r="11147" spans="1:10" x14ac:dyDescent="0.25">
      <c r="A11147" t="s">
        <v>13964</v>
      </c>
      <c r="B11147" t="s">
        <v>13965</v>
      </c>
      <c r="C11147" t="s">
        <v>13966</v>
      </c>
      <c r="D11147" t="s">
        <v>13664</v>
      </c>
      <c r="E11147" t="s">
        <v>13</v>
      </c>
      <c r="F11147">
        <v>2935</v>
      </c>
      <c r="G11147" t="s">
        <v>13967</v>
      </c>
      <c r="H11147">
        <v>5.119657583965</v>
      </c>
      <c r="I11147">
        <v>52.060541531177002</v>
      </c>
      <c r="J11147" t="s">
        <v>66832</v>
      </c>
    </row>
    <row r="11148" spans="1:10" x14ac:dyDescent="0.25">
      <c r="A11148" t="s">
        <v>13960</v>
      </c>
      <c r="B11148" t="s">
        <v>13961</v>
      </c>
      <c r="C11148" t="s">
        <v>13962</v>
      </c>
      <c r="D11148" t="s">
        <v>13664</v>
      </c>
      <c r="E11148" t="s">
        <v>13</v>
      </c>
      <c r="F11148">
        <v>2934</v>
      </c>
      <c r="G11148" t="s">
        <v>13963</v>
      </c>
      <c r="H11148">
        <v>5.124745513113</v>
      </c>
      <c r="I11148">
        <v>52.067787149979999</v>
      </c>
      <c r="J11148" t="s">
        <v>66833</v>
      </c>
    </row>
    <row r="11149" spans="1:10" x14ac:dyDescent="0.25">
      <c r="A11149" t="s">
        <v>13956</v>
      </c>
      <c r="B11149" t="s">
        <v>13957</v>
      </c>
      <c r="C11149" t="s">
        <v>13958</v>
      </c>
      <c r="D11149" t="s">
        <v>13664</v>
      </c>
      <c r="E11149" t="s">
        <v>13</v>
      </c>
      <c r="F11149">
        <v>2933</v>
      </c>
      <c r="G11149" t="s">
        <v>13959</v>
      </c>
      <c r="H11149">
        <v>5.1315450787800003</v>
      </c>
      <c r="I11149">
        <v>52.072306032537</v>
      </c>
      <c r="J11149" t="s">
        <v>66834</v>
      </c>
    </row>
    <row r="11150" spans="1:10" x14ac:dyDescent="0.25">
      <c r="A11150" t="s">
        <v>13952</v>
      </c>
      <c r="B11150" t="s">
        <v>13953</v>
      </c>
      <c r="C11150" t="s">
        <v>13954</v>
      </c>
      <c r="D11150" t="s">
        <v>13664</v>
      </c>
      <c r="E11150" t="s">
        <v>13</v>
      </c>
      <c r="F11150">
        <v>2932</v>
      </c>
      <c r="G11150" t="s">
        <v>13955</v>
      </c>
      <c r="H11150">
        <v>5.1161663770399999</v>
      </c>
      <c r="I11150">
        <v>52.063651098919003</v>
      </c>
      <c r="J11150" t="s">
        <v>66835</v>
      </c>
    </row>
    <row r="11151" spans="1:10" x14ac:dyDescent="0.25">
      <c r="A11151" t="s">
        <v>13948</v>
      </c>
      <c r="B11151" t="s">
        <v>13949</v>
      </c>
      <c r="C11151" t="s">
        <v>13950</v>
      </c>
      <c r="D11151" t="s">
        <v>13664</v>
      </c>
      <c r="E11151" t="s">
        <v>13</v>
      </c>
      <c r="F11151">
        <v>2931</v>
      </c>
      <c r="G11151" t="s">
        <v>13951</v>
      </c>
      <c r="H11151">
        <v>5.1203098626400001</v>
      </c>
      <c r="I11151">
        <v>52.069830739243997</v>
      </c>
      <c r="J11151" t="s">
        <v>66836</v>
      </c>
    </row>
    <row r="11152" spans="1:10" x14ac:dyDescent="0.25">
      <c r="A11152" t="s">
        <v>13944</v>
      </c>
      <c r="B11152" t="s">
        <v>13945</v>
      </c>
      <c r="C11152" t="s">
        <v>13946</v>
      </c>
      <c r="D11152" t="s">
        <v>13664</v>
      </c>
      <c r="E11152" t="s">
        <v>13</v>
      </c>
      <c r="F11152">
        <v>2930</v>
      </c>
      <c r="G11152" t="s">
        <v>13947</v>
      </c>
      <c r="H11152">
        <v>5.1249772510079996</v>
      </c>
      <c r="I11152">
        <v>52.074309098991002</v>
      </c>
      <c r="J11152" t="s">
        <v>66837</v>
      </c>
    </row>
    <row r="11153" spans="1:10" x14ac:dyDescent="0.25">
      <c r="A11153" t="s">
        <v>13940</v>
      </c>
      <c r="B11153" t="s">
        <v>13941</v>
      </c>
      <c r="C11153" t="s">
        <v>13942</v>
      </c>
      <c r="D11153" t="s">
        <v>13664</v>
      </c>
      <c r="E11153" t="s">
        <v>13</v>
      </c>
      <c r="F11153">
        <v>2929</v>
      </c>
      <c r="G11153" t="s">
        <v>13943</v>
      </c>
      <c r="H11153">
        <v>5.1370064010650003</v>
      </c>
      <c r="I11153">
        <v>52.058918175883001</v>
      </c>
      <c r="J11153" t="s">
        <v>66838</v>
      </c>
    </row>
    <row r="11154" spans="1:10" x14ac:dyDescent="0.25">
      <c r="A11154" t="s">
        <v>13936</v>
      </c>
      <c r="B11154" t="s">
        <v>13937</v>
      </c>
      <c r="C11154" t="s">
        <v>13938</v>
      </c>
      <c r="D11154" t="s">
        <v>13664</v>
      </c>
      <c r="E11154" t="s">
        <v>13</v>
      </c>
      <c r="F11154">
        <v>2928</v>
      </c>
      <c r="G11154" t="s">
        <v>13939</v>
      </c>
      <c r="H11154">
        <v>5.1353132864289996</v>
      </c>
      <c r="I11154">
        <v>52.067419936584997</v>
      </c>
      <c r="J11154" t="s">
        <v>66839</v>
      </c>
    </row>
    <row r="11155" spans="1:10" x14ac:dyDescent="0.25">
      <c r="A11155" t="s">
        <v>13932</v>
      </c>
      <c r="B11155" t="s">
        <v>13933</v>
      </c>
      <c r="C11155" t="s">
        <v>13934</v>
      </c>
      <c r="D11155" t="s">
        <v>13664</v>
      </c>
      <c r="E11155" t="s">
        <v>13</v>
      </c>
      <c r="F11155">
        <v>2927</v>
      </c>
      <c r="G11155" t="s">
        <v>13935</v>
      </c>
      <c r="H11155">
        <v>5.1177975112879999</v>
      </c>
      <c r="I11155">
        <v>52.083955107072001</v>
      </c>
      <c r="J11155" t="s">
        <v>66840</v>
      </c>
    </row>
    <row r="11156" spans="1:10" x14ac:dyDescent="0.25">
      <c r="A11156" t="s">
        <v>13928</v>
      </c>
      <c r="B11156" t="s">
        <v>13929</v>
      </c>
      <c r="C11156" t="s">
        <v>13930</v>
      </c>
      <c r="D11156" t="s">
        <v>13664</v>
      </c>
      <c r="E11156" t="s">
        <v>13</v>
      </c>
      <c r="F11156">
        <v>2926</v>
      </c>
      <c r="G11156" t="s">
        <v>13931</v>
      </c>
      <c r="H11156">
        <v>5.1218173671559999</v>
      </c>
      <c r="I11156">
        <v>52.080159275272997</v>
      </c>
      <c r="J11156" t="s">
        <v>66841</v>
      </c>
    </row>
    <row r="11157" spans="1:10" x14ac:dyDescent="0.25">
      <c r="A11157" t="s">
        <v>13924</v>
      </c>
      <c r="B11157" t="s">
        <v>13925</v>
      </c>
      <c r="C11157" t="s">
        <v>13926</v>
      </c>
      <c r="D11157" t="s">
        <v>13664</v>
      </c>
      <c r="E11157" t="s">
        <v>13</v>
      </c>
      <c r="F11157">
        <v>2925</v>
      </c>
      <c r="G11157" t="s">
        <v>13927</v>
      </c>
      <c r="H11157">
        <v>5.126996979756</v>
      </c>
      <c r="I11157">
        <v>52.088155435243998</v>
      </c>
      <c r="J11157" t="s">
        <v>66842</v>
      </c>
    </row>
    <row r="11158" spans="1:10" x14ac:dyDescent="0.25">
      <c r="A11158" t="s">
        <v>13920</v>
      </c>
      <c r="B11158" t="s">
        <v>13921</v>
      </c>
      <c r="C11158" t="s">
        <v>13922</v>
      </c>
      <c r="D11158" t="s">
        <v>13664</v>
      </c>
      <c r="E11158" t="s">
        <v>13</v>
      </c>
      <c r="F11158">
        <v>2924</v>
      </c>
      <c r="G11158" t="s">
        <v>13923</v>
      </c>
      <c r="H11158">
        <v>5.1245999418470003</v>
      </c>
      <c r="I11158">
        <v>52.085146797756003</v>
      </c>
      <c r="J11158" t="s">
        <v>66843</v>
      </c>
    </row>
    <row r="11159" spans="1:10" x14ac:dyDescent="0.25">
      <c r="A11159" t="s">
        <v>13916</v>
      </c>
      <c r="B11159" t="s">
        <v>13917</v>
      </c>
      <c r="C11159" t="s">
        <v>13918</v>
      </c>
      <c r="D11159" t="s">
        <v>13664</v>
      </c>
      <c r="E11159" t="s">
        <v>13</v>
      </c>
      <c r="F11159">
        <v>2923</v>
      </c>
      <c r="G11159" t="s">
        <v>13919</v>
      </c>
      <c r="H11159">
        <v>5.1206899848429996</v>
      </c>
      <c r="I11159">
        <v>52.085151816977003</v>
      </c>
      <c r="J11159" t="s">
        <v>66844</v>
      </c>
    </row>
    <row r="11160" spans="1:10" x14ac:dyDescent="0.25">
      <c r="A11160" t="s">
        <v>13912</v>
      </c>
      <c r="B11160" t="s">
        <v>13913</v>
      </c>
      <c r="C11160" t="s">
        <v>13914</v>
      </c>
      <c r="D11160" t="s">
        <v>13664</v>
      </c>
      <c r="E11160" t="s">
        <v>13</v>
      </c>
      <c r="F11160">
        <v>2922</v>
      </c>
      <c r="G11160" t="s">
        <v>13915</v>
      </c>
      <c r="H11160">
        <v>5.1251982201799997</v>
      </c>
      <c r="I11160">
        <v>52.093281716031001</v>
      </c>
      <c r="J11160" t="s">
        <v>66845</v>
      </c>
    </row>
    <row r="11161" spans="1:10" x14ac:dyDescent="0.25">
      <c r="A11161" t="s">
        <v>13908</v>
      </c>
      <c r="B11161" t="s">
        <v>13909</v>
      </c>
      <c r="C11161" t="s">
        <v>13910</v>
      </c>
      <c r="D11161" t="s">
        <v>13664</v>
      </c>
      <c r="E11161" t="s">
        <v>13</v>
      </c>
      <c r="F11161">
        <v>2921</v>
      </c>
      <c r="G11161" t="s">
        <v>13911</v>
      </c>
      <c r="H11161">
        <v>5.12120980077</v>
      </c>
      <c r="I11161">
        <v>52.095794734990001</v>
      </c>
      <c r="J11161" t="s">
        <v>66846</v>
      </c>
    </row>
    <row r="11162" spans="1:10" x14ac:dyDescent="0.25">
      <c r="A11162" t="s">
        <v>13904</v>
      </c>
      <c r="B11162" t="s">
        <v>13905</v>
      </c>
      <c r="C11162" t="s">
        <v>13906</v>
      </c>
      <c r="D11162" t="s">
        <v>13664</v>
      </c>
      <c r="E11162" t="s">
        <v>13</v>
      </c>
      <c r="F11162">
        <v>2920</v>
      </c>
      <c r="G11162" t="s">
        <v>13907</v>
      </c>
      <c r="H11162">
        <v>5.1135144837670001</v>
      </c>
      <c r="I11162">
        <v>52.094738609661</v>
      </c>
      <c r="J11162" t="s">
        <v>66847</v>
      </c>
    </row>
    <row r="11163" spans="1:10" x14ac:dyDescent="0.25">
      <c r="A11163" t="s">
        <v>13900</v>
      </c>
      <c r="B11163" t="s">
        <v>13901</v>
      </c>
      <c r="C11163" t="s">
        <v>13902</v>
      </c>
      <c r="D11163" t="s">
        <v>13664</v>
      </c>
      <c r="E11163" t="s">
        <v>13</v>
      </c>
      <c r="F11163">
        <v>2919</v>
      </c>
      <c r="G11163" t="s">
        <v>13903</v>
      </c>
      <c r="H11163">
        <v>5.1087932508560003</v>
      </c>
      <c r="I11163">
        <v>52.087509675577998</v>
      </c>
      <c r="J11163" t="s">
        <v>66848</v>
      </c>
    </row>
    <row r="11164" spans="1:10" x14ac:dyDescent="0.25">
      <c r="A11164" t="s">
        <v>13896</v>
      </c>
      <c r="B11164" t="s">
        <v>13897</v>
      </c>
      <c r="C11164" t="s">
        <v>13898</v>
      </c>
      <c r="D11164" t="s">
        <v>13664</v>
      </c>
      <c r="E11164" t="s">
        <v>13</v>
      </c>
      <c r="F11164">
        <v>2918</v>
      </c>
      <c r="G11164" t="s">
        <v>13899</v>
      </c>
      <c r="H11164">
        <v>5.117442517532</v>
      </c>
      <c r="I11164">
        <v>52.090223148928999</v>
      </c>
      <c r="J11164" t="s">
        <v>66849</v>
      </c>
    </row>
    <row r="11165" spans="1:10" x14ac:dyDescent="0.25">
      <c r="A11165" t="s">
        <v>13892</v>
      </c>
      <c r="B11165" t="s">
        <v>13893</v>
      </c>
      <c r="C11165" t="s">
        <v>13894</v>
      </c>
      <c r="D11165" t="s">
        <v>13664</v>
      </c>
      <c r="E11165" t="s">
        <v>13</v>
      </c>
      <c r="F11165">
        <v>2917</v>
      </c>
      <c r="G11165" t="s">
        <v>13895</v>
      </c>
      <c r="H11165">
        <v>5.1214926452040004</v>
      </c>
      <c r="I11165">
        <v>52.091894205819997</v>
      </c>
      <c r="J11165" t="s">
        <v>66850</v>
      </c>
    </row>
    <row r="11166" spans="1:10" x14ac:dyDescent="0.25">
      <c r="A11166" t="s">
        <v>13888</v>
      </c>
      <c r="B11166" t="s">
        <v>13889</v>
      </c>
      <c r="C11166" t="s">
        <v>13890</v>
      </c>
      <c r="D11166" t="s">
        <v>13664</v>
      </c>
      <c r="E11166" t="s">
        <v>13</v>
      </c>
      <c r="F11166">
        <v>2916</v>
      </c>
      <c r="G11166" t="s">
        <v>13891</v>
      </c>
      <c r="H11166">
        <v>5.1483121473909996</v>
      </c>
      <c r="I11166">
        <v>52.080819459383001</v>
      </c>
      <c r="J11166" t="s">
        <v>66851</v>
      </c>
    </row>
    <row r="11167" spans="1:10" x14ac:dyDescent="0.25">
      <c r="A11167" t="s">
        <v>13884</v>
      </c>
      <c r="B11167" t="s">
        <v>13885</v>
      </c>
      <c r="C11167" t="s">
        <v>13886</v>
      </c>
      <c r="D11167" t="s">
        <v>13664</v>
      </c>
      <c r="E11167" t="s">
        <v>13</v>
      </c>
      <c r="F11167">
        <v>2915</v>
      </c>
      <c r="G11167" t="s">
        <v>13887</v>
      </c>
      <c r="H11167">
        <v>5.1542999826699996</v>
      </c>
      <c r="I11167">
        <v>52.089851380120997</v>
      </c>
      <c r="J11167" t="s">
        <v>66852</v>
      </c>
    </row>
    <row r="11168" spans="1:10" x14ac:dyDescent="0.25">
      <c r="A11168" t="s">
        <v>13880</v>
      </c>
      <c r="B11168" t="s">
        <v>13881</v>
      </c>
      <c r="C11168" t="s">
        <v>13882</v>
      </c>
      <c r="D11168" t="s">
        <v>13664</v>
      </c>
      <c r="E11168" t="s">
        <v>13</v>
      </c>
      <c r="F11168">
        <v>2914</v>
      </c>
      <c r="G11168" t="s">
        <v>13883</v>
      </c>
      <c r="H11168">
        <v>5.17631443365</v>
      </c>
      <c r="I11168">
        <v>52.085341827869001</v>
      </c>
      <c r="J11168" t="s">
        <v>66853</v>
      </c>
    </row>
    <row r="11169" spans="1:10" x14ac:dyDescent="0.25">
      <c r="A11169" t="s">
        <v>13876</v>
      </c>
      <c r="B11169" t="s">
        <v>13877</v>
      </c>
      <c r="C11169" t="s">
        <v>13878</v>
      </c>
      <c r="D11169" t="s">
        <v>13664</v>
      </c>
      <c r="E11169" t="s">
        <v>13</v>
      </c>
      <c r="F11169">
        <v>2913</v>
      </c>
      <c r="G11169" t="s">
        <v>13879</v>
      </c>
      <c r="H11169">
        <v>5.1421810175570002</v>
      </c>
      <c r="I11169">
        <v>52.090163439344998</v>
      </c>
      <c r="J11169" t="s">
        <v>66854</v>
      </c>
    </row>
    <row r="11170" spans="1:10" x14ac:dyDescent="0.25">
      <c r="A11170" t="s">
        <v>13873</v>
      </c>
      <c r="B11170" t="s">
        <v>13874</v>
      </c>
      <c r="C11170" t="s">
        <v>85</v>
      </c>
      <c r="D11170" t="s">
        <v>13664</v>
      </c>
      <c r="E11170" t="s">
        <v>13</v>
      </c>
      <c r="F11170">
        <v>2912</v>
      </c>
      <c r="G11170" t="s">
        <v>13875</v>
      </c>
      <c r="H11170">
        <v>5.144091051298</v>
      </c>
      <c r="I11170">
        <v>52.08427237694</v>
      </c>
      <c r="J11170" t="s">
        <v>66855</v>
      </c>
    </row>
    <row r="11171" spans="1:10" x14ac:dyDescent="0.25">
      <c r="A11171" t="s">
        <v>13869</v>
      </c>
      <c r="B11171" t="s">
        <v>13870</v>
      </c>
      <c r="C11171" t="s">
        <v>13871</v>
      </c>
      <c r="D11171" t="s">
        <v>13664</v>
      </c>
      <c r="E11171" t="s">
        <v>13</v>
      </c>
      <c r="F11171">
        <v>2911</v>
      </c>
      <c r="G11171" t="s">
        <v>13872</v>
      </c>
      <c r="H11171">
        <v>5.1503160685429998</v>
      </c>
      <c r="I11171">
        <v>52.070117138636</v>
      </c>
      <c r="J11171" t="s">
        <v>66856</v>
      </c>
    </row>
    <row r="11172" spans="1:10" x14ac:dyDescent="0.25">
      <c r="A11172" t="s">
        <v>13865</v>
      </c>
      <c r="B11172" t="s">
        <v>13866</v>
      </c>
      <c r="C11172" t="s">
        <v>13867</v>
      </c>
      <c r="D11172" t="s">
        <v>13664</v>
      </c>
      <c r="E11172" t="s">
        <v>13</v>
      </c>
      <c r="F11172">
        <v>2910</v>
      </c>
      <c r="G11172" t="s">
        <v>13868</v>
      </c>
      <c r="H11172">
        <v>5.1364067918250003</v>
      </c>
      <c r="I11172">
        <v>52.075849914353</v>
      </c>
      <c r="J11172" t="s">
        <v>66857</v>
      </c>
    </row>
    <row r="11173" spans="1:10" x14ac:dyDescent="0.25">
      <c r="A11173" t="s">
        <v>13861</v>
      </c>
      <c r="B11173" t="s">
        <v>13862</v>
      </c>
      <c r="C11173" t="s">
        <v>13863</v>
      </c>
      <c r="D11173" t="s">
        <v>13664</v>
      </c>
      <c r="E11173" t="s">
        <v>13</v>
      </c>
      <c r="F11173">
        <v>2909</v>
      </c>
      <c r="G11173" t="s">
        <v>13864</v>
      </c>
      <c r="H11173">
        <v>5.128278346758</v>
      </c>
      <c r="I11173">
        <v>52.078056199058999</v>
      </c>
      <c r="J11173" t="s">
        <v>66858</v>
      </c>
    </row>
    <row r="11174" spans="1:10" x14ac:dyDescent="0.25">
      <c r="A11174" t="s">
        <v>13857</v>
      </c>
      <c r="B11174" t="s">
        <v>13858</v>
      </c>
      <c r="C11174" t="s">
        <v>13859</v>
      </c>
      <c r="D11174" t="s">
        <v>13664</v>
      </c>
      <c r="E11174" t="s">
        <v>13</v>
      </c>
      <c r="F11174">
        <v>2908</v>
      </c>
      <c r="G11174" t="s">
        <v>13860</v>
      </c>
      <c r="H11174">
        <v>5.1368955163579999</v>
      </c>
      <c r="I11174">
        <v>52.080349489542002</v>
      </c>
      <c r="J11174" t="s">
        <v>66859</v>
      </c>
    </row>
    <row r="11175" spans="1:10" x14ac:dyDescent="0.25">
      <c r="A11175" t="s">
        <v>13853</v>
      </c>
      <c r="B11175" t="s">
        <v>13854</v>
      </c>
      <c r="C11175" t="s">
        <v>13855</v>
      </c>
      <c r="D11175" t="s">
        <v>13664</v>
      </c>
      <c r="E11175" t="s">
        <v>13</v>
      </c>
      <c r="F11175">
        <v>2907</v>
      </c>
      <c r="G11175" t="s">
        <v>13856</v>
      </c>
      <c r="H11175">
        <v>5.1298080420229999</v>
      </c>
      <c r="I11175">
        <v>52.080713357885998</v>
      </c>
      <c r="J11175" t="s">
        <v>66860</v>
      </c>
    </row>
    <row r="11176" spans="1:10" x14ac:dyDescent="0.25">
      <c r="A11176" t="s">
        <v>13849</v>
      </c>
      <c r="B11176" t="s">
        <v>13850</v>
      </c>
      <c r="C11176" t="s">
        <v>13851</v>
      </c>
      <c r="D11176" t="s">
        <v>13664</v>
      </c>
      <c r="E11176" t="s">
        <v>13</v>
      </c>
      <c r="F11176">
        <v>2906</v>
      </c>
      <c r="G11176" t="s">
        <v>13852</v>
      </c>
      <c r="H11176">
        <v>5.1320568668139996</v>
      </c>
      <c r="I11176">
        <v>52.083523546906001</v>
      </c>
      <c r="J11176" t="s">
        <v>66861</v>
      </c>
    </row>
    <row r="11177" spans="1:10" x14ac:dyDescent="0.25">
      <c r="A11177" t="s">
        <v>13845</v>
      </c>
      <c r="B11177" t="s">
        <v>13846</v>
      </c>
      <c r="C11177" t="s">
        <v>13847</v>
      </c>
      <c r="D11177" t="s">
        <v>13664</v>
      </c>
      <c r="E11177" t="s">
        <v>13</v>
      </c>
      <c r="F11177">
        <v>2905</v>
      </c>
      <c r="G11177" t="s">
        <v>13848</v>
      </c>
      <c r="H11177">
        <v>5.1358174338179996</v>
      </c>
      <c r="I11177">
        <v>52.088706563133996</v>
      </c>
      <c r="J11177" t="s">
        <v>66862</v>
      </c>
    </row>
    <row r="11178" spans="1:10" x14ac:dyDescent="0.25">
      <c r="A11178" t="s">
        <v>13841</v>
      </c>
      <c r="B11178" t="s">
        <v>13842</v>
      </c>
      <c r="C11178" t="s">
        <v>13843</v>
      </c>
      <c r="D11178" t="s">
        <v>13664</v>
      </c>
      <c r="E11178" t="s">
        <v>13</v>
      </c>
      <c r="F11178">
        <v>2904</v>
      </c>
      <c r="G11178" t="s">
        <v>13844</v>
      </c>
      <c r="H11178">
        <v>5.1317992208450001</v>
      </c>
      <c r="I11178">
        <v>52.092070304883002</v>
      </c>
      <c r="J11178" t="s">
        <v>66863</v>
      </c>
    </row>
    <row r="11179" spans="1:10" x14ac:dyDescent="0.25">
      <c r="A11179" t="s">
        <v>13837</v>
      </c>
      <c r="B11179" t="s">
        <v>13838</v>
      </c>
      <c r="C11179" t="s">
        <v>13839</v>
      </c>
      <c r="D11179" t="s">
        <v>13664</v>
      </c>
      <c r="E11179" t="s">
        <v>13</v>
      </c>
      <c r="F11179">
        <v>2903</v>
      </c>
      <c r="G11179" t="s">
        <v>13840</v>
      </c>
      <c r="H11179">
        <v>5.1321998468089998</v>
      </c>
      <c r="I11179">
        <v>52.097572303778001</v>
      </c>
      <c r="J11179" t="s">
        <v>66864</v>
      </c>
    </row>
    <row r="11180" spans="1:10" x14ac:dyDescent="0.25">
      <c r="A11180" t="s">
        <v>13833</v>
      </c>
      <c r="B11180" t="s">
        <v>13834</v>
      </c>
      <c r="C11180" t="s">
        <v>13835</v>
      </c>
      <c r="D11180" t="s">
        <v>13664</v>
      </c>
      <c r="E11180" t="s">
        <v>13</v>
      </c>
      <c r="F11180">
        <v>2902</v>
      </c>
      <c r="G11180" t="s">
        <v>13836</v>
      </c>
      <c r="H11180">
        <v>5.1362131543349996</v>
      </c>
      <c r="I11180">
        <v>52.099586446270003</v>
      </c>
      <c r="J11180" t="s">
        <v>66865</v>
      </c>
    </row>
    <row r="11181" spans="1:10" x14ac:dyDescent="0.25">
      <c r="A11181" t="s">
        <v>13829</v>
      </c>
      <c r="B11181" t="s">
        <v>13830</v>
      </c>
      <c r="C11181" t="s">
        <v>13831</v>
      </c>
      <c r="D11181" t="s">
        <v>13664</v>
      </c>
      <c r="E11181" t="s">
        <v>13</v>
      </c>
      <c r="F11181">
        <v>2901</v>
      </c>
      <c r="G11181" t="s">
        <v>13832</v>
      </c>
      <c r="H11181">
        <v>5.1399671824039999</v>
      </c>
      <c r="I11181">
        <v>52.10052983237</v>
      </c>
      <c r="J11181" t="s">
        <v>66866</v>
      </c>
    </row>
    <row r="11182" spans="1:10" x14ac:dyDescent="0.25">
      <c r="A11182" t="s">
        <v>13825</v>
      </c>
      <c r="B11182" t="s">
        <v>13826</v>
      </c>
      <c r="C11182" t="s">
        <v>13827</v>
      </c>
      <c r="D11182" t="s">
        <v>13664</v>
      </c>
      <c r="E11182" t="s">
        <v>13</v>
      </c>
      <c r="F11182">
        <v>2900</v>
      </c>
      <c r="G11182" t="s">
        <v>13828</v>
      </c>
      <c r="H11182">
        <v>5.149433546869</v>
      </c>
      <c r="I11182">
        <v>52.105100550361001</v>
      </c>
      <c r="J11182" t="s">
        <v>66867</v>
      </c>
    </row>
    <row r="11183" spans="1:10" x14ac:dyDescent="0.25">
      <c r="A11183" t="s">
        <v>13821</v>
      </c>
      <c r="B11183" t="s">
        <v>13822</v>
      </c>
      <c r="C11183" t="s">
        <v>13823</v>
      </c>
      <c r="D11183" t="s">
        <v>13664</v>
      </c>
      <c r="E11183" t="s">
        <v>13</v>
      </c>
      <c r="F11183">
        <v>2899</v>
      </c>
      <c r="G11183" t="s">
        <v>13824</v>
      </c>
      <c r="H11183">
        <v>5.1376757367380002</v>
      </c>
      <c r="I11183">
        <v>52.107413744098999</v>
      </c>
      <c r="J11183" t="s">
        <v>66868</v>
      </c>
    </row>
    <row r="11184" spans="1:10" x14ac:dyDescent="0.25">
      <c r="A11184" t="s">
        <v>13817</v>
      </c>
      <c r="B11184" t="s">
        <v>13818</v>
      </c>
      <c r="C11184" t="s">
        <v>13819</v>
      </c>
      <c r="D11184" t="s">
        <v>13664</v>
      </c>
      <c r="E11184" t="s">
        <v>13</v>
      </c>
      <c r="F11184">
        <v>2898</v>
      </c>
      <c r="G11184" t="s">
        <v>13820</v>
      </c>
      <c r="H11184">
        <v>5.1274282951689996</v>
      </c>
      <c r="I11184">
        <v>52.107641933601002</v>
      </c>
      <c r="J11184" t="s">
        <v>66869</v>
      </c>
    </row>
    <row r="11185" spans="1:10" x14ac:dyDescent="0.25">
      <c r="A11185" t="s">
        <v>13813</v>
      </c>
      <c r="B11185" t="s">
        <v>13814</v>
      </c>
      <c r="C11185" t="s">
        <v>13815</v>
      </c>
      <c r="D11185" t="s">
        <v>13664</v>
      </c>
      <c r="E11185" t="s">
        <v>13</v>
      </c>
      <c r="F11185">
        <v>2897</v>
      </c>
      <c r="G11185" t="s">
        <v>13816</v>
      </c>
      <c r="H11185">
        <v>5.1254477145420001</v>
      </c>
      <c r="I11185">
        <v>52.101352368478999</v>
      </c>
      <c r="J11185" t="s">
        <v>66870</v>
      </c>
    </row>
    <row r="11186" spans="1:10" x14ac:dyDescent="0.25">
      <c r="A11186" t="s">
        <v>13809</v>
      </c>
      <c r="B11186" t="s">
        <v>13810</v>
      </c>
      <c r="C11186" t="s">
        <v>13811</v>
      </c>
      <c r="D11186" t="s">
        <v>13664</v>
      </c>
      <c r="E11186" t="s">
        <v>13</v>
      </c>
      <c r="F11186">
        <v>2896</v>
      </c>
      <c r="G11186" t="s">
        <v>13812</v>
      </c>
      <c r="H11186">
        <v>5.1203018578219996</v>
      </c>
      <c r="I11186">
        <v>52.103537396107001</v>
      </c>
      <c r="J11186" t="s">
        <v>66871</v>
      </c>
    </row>
    <row r="11187" spans="1:10" x14ac:dyDescent="0.25">
      <c r="A11187" t="s">
        <v>13806</v>
      </c>
      <c r="B11187" t="s">
        <v>13807</v>
      </c>
      <c r="C11187" t="s">
        <v>81</v>
      </c>
      <c r="D11187" t="s">
        <v>13664</v>
      </c>
      <c r="E11187" t="s">
        <v>13</v>
      </c>
      <c r="F11187">
        <v>2895</v>
      </c>
      <c r="G11187" t="s">
        <v>13808</v>
      </c>
      <c r="H11187">
        <v>5.1164447866270004</v>
      </c>
      <c r="I11187">
        <v>52.103668077239</v>
      </c>
      <c r="J11187" t="s">
        <v>66872</v>
      </c>
    </row>
    <row r="11188" spans="1:10" x14ac:dyDescent="0.25">
      <c r="A11188" t="s">
        <v>13802</v>
      </c>
      <c r="B11188" t="s">
        <v>13803</v>
      </c>
      <c r="C11188" t="s">
        <v>13804</v>
      </c>
      <c r="D11188" t="s">
        <v>13664</v>
      </c>
      <c r="E11188" t="s">
        <v>13</v>
      </c>
      <c r="F11188">
        <v>2894</v>
      </c>
      <c r="G11188" t="s">
        <v>13805</v>
      </c>
      <c r="H11188">
        <v>5.1134625729519998</v>
      </c>
      <c r="I11188">
        <v>52.102394452078997</v>
      </c>
      <c r="J11188" t="s">
        <v>66873</v>
      </c>
    </row>
    <row r="11189" spans="1:10" x14ac:dyDescent="0.25">
      <c r="A11189" t="s">
        <v>13798</v>
      </c>
      <c r="B11189" t="s">
        <v>13799</v>
      </c>
      <c r="C11189" t="s">
        <v>13800</v>
      </c>
      <c r="D11189" t="s">
        <v>13664</v>
      </c>
      <c r="E11189" t="s">
        <v>13</v>
      </c>
      <c r="F11189">
        <v>2893</v>
      </c>
      <c r="G11189" t="s">
        <v>13801</v>
      </c>
      <c r="H11189">
        <v>5.1194871133679998</v>
      </c>
      <c r="I11189">
        <v>52.098754665506</v>
      </c>
      <c r="J11189" t="s">
        <v>66874</v>
      </c>
    </row>
    <row r="11190" spans="1:10" x14ac:dyDescent="0.25">
      <c r="A11190" t="s">
        <v>13794</v>
      </c>
      <c r="B11190" t="s">
        <v>13795</v>
      </c>
      <c r="C11190" t="s">
        <v>13796</v>
      </c>
      <c r="D11190" t="s">
        <v>13664</v>
      </c>
      <c r="E11190" t="s">
        <v>13</v>
      </c>
      <c r="F11190">
        <v>2892</v>
      </c>
      <c r="G11190" t="s">
        <v>13797</v>
      </c>
      <c r="H11190">
        <v>5.1267600556620003</v>
      </c>
      <c r="I11190">
        <v>52.122289768807001</v>
      </c>
      <c r="J11190" t="s">
        <v>66875</v>
      </c>
    </row>
    <row r="11191" spans="1:10" x14ac:dyDescent="0.25">
      <c r="A11191" t="s">
        <v>13790</v>
      </c>
      <c r="B11191" t="s">
        <v>13791</v>
      </c>
      <c r="C11191" t="s">
        <v>13792</v>
      </c>
      <c r="D11191" t="s">
        <v>13664</v>
      </c>
      <c r="E11191" t="s">
        <v>13</v>
      </c>
      <c r="F11191">
        <v>2891</v>
      </c>
      <c r="G11191" t="s">
        <v>13793</v>
      </c>
      <c r="H11191">
        <v>5.1035664660369999</v>
      </c>
      <c r="I11191">
        <v>52.124358101374</v>
      </c>
      <c r="J11191" t="s">
        <v>66876</v>
      </c>
    </row>
    <row r="11192" spans="1:10" x14ac:dyDescent="0.25">
      <c r="A11192" t="s">
        <v>13786</v>
      </c>
      <c r="B11192" t="s">
        <v>13787</v>
      </c>
      <c r="C11192" t="s">
        <v>13788</v>
      </c>
      <c r="D11192" t="s">
        <v>13664</v>
      </c>
      <c r="E11192" t="s">
        <v>13</v>
      </c>
      <c r="F11192">
        <v>2890</v>
      </c>
      <c r="G11192" t="s">
        <v>13789</v>
      </c>
      <c r="H11192">
        <v>5.1104148317359996</v>
      </c>
      <c r="I11192">
        <v>52.120937134129001</v>
      </c>
      <c r="J11192" t="s">
        <v>66877</v>
      </c>
    </row>
    <row r="11193" spans="1:10" x14ac:dyDescent="0.25">
      <c r="A11193" t="s">
        <v>13782</v>
      </c>
      <c r="B11193" t="s">
        <v>13783</v>
      </c>
      <c r="C11193" t="s">
        <v>13784</v>
      </c>
      <c r="D11193" t="s">
        <v>13664</v>
      </c>
      <c r="E11193" t="s">
        <v>13</v>
      </c>
      <c r="F11193">
        <v>2889</v>
      </c>
      <c r="G11193" t="s">
        <v>13785</v>
      </c>
      <c r="H11193">
        <v>5.085839972994</v>
      </c>
      <c r="I11193">
        <v>52.126968933203997</v>
      </c>
      <c r="J11193" t="s">
        <v>66878</v>
      </c>
    </row>
    <row r="11194" spans="1:10" x14ac:dyDescent="0.25">
      <c r="A11194" t="s">
        <v>13778</v>
      </c>
      <c r="B11194" t="s">
        <v>13779</v>
      </c>
      <c r="C11194" t="s">
        <v>13780</v>
      </c>
      <c r="D11194" t="s">
        <v>13664</v>
      </c>
      <c r="E11194" t="s">
        <v>13</v>
      </c>
      <c r="F11194">
        <v>2888</v>
      </c>
      <c r="G11194" t="s">
        <v>13781</v>
      </c>
      <c r="H11194">
        <v>5.0938356249599996</v>
      </c>
      <c r="I11194">
        <v>52.122048466719001</v>
      </c>
      <c r="J11194" t="s">
        <v>66879</v>
      </c>
    </row>
    <row r="11195" spans="1:10" x14ac:dyDescent="0.25">
      <c r="A11195" t="s">
        <v>13774</v>
      </c>
      <c r="B11195" t="s">
        <v>13775</v>
      </c>
      <c r="C11195" t="s">
        <v>13776</v>
      </c>
      <c r="D11195" t="s">
        <v>13664</v>
      </c>
      <c r="E11195" t="s">
        <v>13</v>
      </c>
      <c r="F11195">
        <v>2887</v>
      </c>
      <c r="G11195" t="s">
        <v>13777</v>
      </c>
      <c r="H11195">
        <v>5.1015437234869996</v>
      </c>
      <c r="I11195">
        <v>52.116425242548999</v>
      </c>
      <c r="J11195" t="s">
        <v>66880</v>
      </c>
    </row>
    <row r="11196" spans="1:10" x14ac:dyDescent="0.25">
      <c r="A11196" t="s">
        <v>13770</v>
      </c>
      <c r="B11196" t="s">
        <v>13771</v>
      </c>
      <c r="C11196" t="s">
        <v>13772</v>
      </c>
      <c r="D11196" t="s">
        <v>13664</v>
      </c>
      <c r="E11196" t="s">
        <v>13</v>
      </c>
      <c r="F11196">
        <v>2886</v>
      </c>
      <c r="G11196" t="s">
        <v>13773</v>
      </c>
      <c r="H11196">
        <v>5.1203235496839996</v>
      </c>
      <c r="I11196">
        <v>52.118106638409998</v>
      </c>
      <c r="J11196" t="s">
        <v>66881</v>
      </c>
    </row>
    <row r="11197" spans="1:10" x14ac:dyDescent="0.25">
      <c r="A11197" t="s">
        <v>13766</v>
      </c>
      <c r="B11197" t="s">
        <v>13767</v>
      </c>
      <c r="C11197" t="s">
        <v>13768</v>
      </c>
      <c r="D11197" t="s">
        <v>13664</v>
      </c>
      <c r="E11197" t="s">
        <v>13</v>
      </c>
      <c r="F11197">
        <v>2885</v>
      </c>
      <c r="G11197" t="s">
        <v>13769</v>
      </c>
      <c r="H11197">
        <v>5.1100160020320002</v>
      </c>
      <c r="I11197">
        <v>52.112670589186997</v>
      </c>
      <c r="J11197" t="s">
        <v>66882</v>
      </c>
    </row>
    <row r="11198" spans="1:10" x14ac:dyDescent="0.25">
      <c r="A11198" t="s">
        <v>13762</v>
      </c>
      <c r="B11198" t="s">
        <v>13763</v>
      </c>
      <c r="C11198" t="s">
        <v>13764</v>
      </c>
      <c r="D11198" t="s">
        <v>13664</v>
      </c>
      <c r="E11198" t="s">
        <v>13</v>
      </c>
      <c r="F11198">
        <v>2884</v>
      </c>
      <c r="G11198" t="s">
        <v>13765</v>
      </c>
      <c r="H11198">
        <v>5.1295990366269999</v>
      </c>
      <c r="I11198">
        <v>52.114089336115001</v>
      </c>
      <c r="J11198" t="s">
        <v>66883</v>
      </c>
    </row>
    <row r="11199" spans="1:10" x14ac:dyDescent="0.25">
      <c r="A11199" t="s">
        <v>13758</v>
      </c>
      <c r="B11199" t="s">
        <v>13759</v>
      </c>
      <c r="C11199" t="s">
        <v>13760</v>
      </c>
      <c r="D11199" t="s">
        <v>13664</v>
      </c>
      <c r="E11199" t="s">
        <v>13</v>
      </c>
      <c r="F11199">
        <v>2883</v>
      </c>
      <c r="G11199" t="s">
        <v>13761</v>
      </c>
      <c r="H11199">
        <v>5.1182848676330002</v>
      </c>
      <c r="I11199">
        <v>52.110998700393999</v>
      </c>
      <c r="J11199" t="s">
        <v>66884</v>
      </c>
    </row>
    <row r="11200" spans="1:10" x14ac:dyDescent="0.25">
      <c r="A11200" t="s">
        <v>13754</v>
      </c>
      <c r="B11200" t="s">
        <v>13755</v>
      </c>
      <c r="C11200" t="s">
        <v>13756</v>
      </c>
      <c r="D11200" t="s">
        <v>13664</v>
      </c>
      <c r="E11200" t="s">
        <v>13</v>
      </c>
      <c r="F11200">
        <v>2882</v>
      </c>
      <c r="G11200" t="s">
        <v>13757</v>
      </c>
      <c r="H11200">
        <v>5.0708483240769997</v>
      </c>
      <c r="I11200">
        <v>52.121078115305998</v>
      </c>
      <c r="J11200" t="s">
        <v>66885</v>
      </c>
    </row>
    <row r="11201" spans="1:10" x14ac:dyDescent="0.25">
      <c r="A11201" t="s">
        <v>13750</v>
      </c>
      <c r="B11201" t="s">
        <v>13751</v>
      </c>
      <c r="C11201" t="s">
        <v>13752</v>
      </c>
      <c r="D11201" t="s">
        <v>13664</v>
      </c>
      <c r="E11201" t="s">
        <v>13</v>
      </c>
      <c r="F11201">
        <v>2881</v>
      </c>
      <c r="G11201" t="s">
        <v>13753</v>
      </c>
      <c r="H11201">
        <v>5.0822972279850003</v>
      </c>
      <c r="I11201">
        <v>52.117667161020002</v>
      </c>
      <c r="J11201" t="s">
        <v>66886</v>
      </c>
    </row>
    <row r="11202" spans="1:10" x14ac:dyDescent="0.25">
      <c r="A11202" t="s">
        <v>13746</v>
      </c>
      <c r="B11202" t="s">
        <v>13747</v>
      </c>
      <c r="C11202" t="s">
        <v>13748</v>
      </c>
      <c r="D11202" t="s">
        <v>13664</v>
      </c>
      <c r="E11202" t="s">
        <v>13</v>
      </c>
      <c r="F11202">
        <v>2880</v>
      </c>
      <c r="G11202" t="s">
        <v>13749</v>
      </c>
      <c r="H11202">
        <v>5.0897917712199998</v>
      </c>
      <c r="I11202">
        <v>52.114994518476998</v>
      </c>
      <c r="J11202" t="s">
        <v>66887</v>
      </c>
    </row>
    <row r="11203" spans="1:10" x14ac:dyDescent="0.25">
      <c r="A11203" t="s">
        <v>13742</v>
      </c>
      <c r="B11203" t="s">
        <v>13743</v>
      </c>
      <c r="C11203" t="s">
        <v>13744</v>
      </c>
      <c r="D11203" t="s">
        <v>13664</v>
      </c>
      <c r="E11203" t="s">
        <v>13</v>
      </c>
      <c r="F11203">
        <v>2879</v>
      </c>
      <c r="G11203" t="s">
        <v>13745</v>
      </c>
      <c r="H11203">
        <v>5.0963773993950001</v>
      </c>
      <c r="I11203">
        <v>52.110803355456</v>
      </c>
      <c r="J11203" t="s">
        <v>66888</v>
      </c>
    </row>
    <row r="11204" spans="1:10" x14ac:dyDescent="0.25">
      <c r="A11204" t="s">
        <v>13738</v>
      </c>
      <c r="B11204" t="s">
        <v>13739</v>
      </c>
      <c r="C11204" t="s">
        <v>13740</v>
      </c>
      <c r="D11204" t="s">
        <v>13664</v>
      </c>
      <c r="E11204" t="s">
        <v>13</v>
      </c>
      <c r="F11204">
        <v>2878</v>
      </c>
      <c r="G11204" t="s">
        <v>13741</v>
      </c>
      <c r="H11204">
        <v>5.0797900785680001</v>
      </c>
      <c r="I11204">
        <v>52.113759498207997</v>
      </c>
      <c r="J11204" t="s">
        <v>66889</v>
      </c>
    </row>
    <row r="11205" spans="1:10" x14ac:dyDescent="0.25">
      <c r="A11205" t="s">
        <v>13734</v>
      </c>
      <c r="B11205" t="s">
        <v>13735</v>
      </c>
      <c r="C11205" t="s">
        <v>13736</v>
      </c>
      <c r="D11205" t="s">
        <v>13664</v>
      </c>
      <c r="E11205" t="s">
        <v>13</v>
      </c>
      <c r="F11205">
        <v>2877</v>
      </c>
      <c r="G11205" t="s">
        <v>13737</v>
      </c>
      <c r="H11205">
        <v>5.0850559725749997</v>
      </c>
      <c r="I11205">
        <v>52.109912242291003</v>
      </c>
      <c r="J11205" t="s">
        <v>66890</v>
      </c>
    </row>
    <row r="11206" spans="1:10" x14ac:dyDescent="0.25">
      <c r="A11206" t="s">
        <v>13730</v>
      </c>
      <c r="B11206" t="s">
        <v>13731</v>
      </c>
      <c r="C11206" t="s">
        <v>13732</v>
      </c>
      <c r="D11206" t="s">
        <v>13664</v>
      </c>
      <c r="E11206" t="s">
        <v>13</v>
      </c>
      <c r="F11206">
        <v>2876</v>
      </c>
      <c r="G11206" t="s">
        <v>13733</v>
      </c>
      <c r="H11206">
        <v>5.089543087319</v>
      </c>
      <c r="I11206">
        <v>52.106735579187998</v>
      </c>
      <c r="J11206" t="s">
        <v>66891</v>
      </c>
    </row>
    <row r="11207" spans="1:10" x14ac:dyDescent="0.25">
      <c r="A11207" t="s">
        <v>13726</v>
      </c>
      <c r="B11207" t="s">
        <v>13727</v>
      </c>
      <c r="C11207" t="s">
        <v>13728</v>
      </c>
      <c r="D11207" t="s">
        <v>13664</v>
      </c>
      <c r="E11207" t="s">
        <v>13</v>
      </c>
      <c r="F11207">
        <v>2875</v>
      </c>
      <c r="G11207" t="s">
        <v>13729</v>
      </c>
      <c r="H11207">
        <v>5.0942379897340002</v>
      </c>
      <c r="I11207">
        <v>52.103625190308001</v>
      </c>
      <c r="J11207" t="s">
        <v>66892</v>
      </c>
    </row>
    <row r="11208" spans="1:10" x14ac:dyDescent="0.25">
      <c r="A11208" t="s">
        <v>13722</v>
      </c>
      <c r="B11208" t="s">
        <v>13723</v>
      </c>
      <c r="C11208" t="s">
        <v>13724</v>
      </c>
      <c r="D11208" t="s">
        <v>13664</v>
      </c>
      <c r="E11208" t="s">
        <v>13</v>
      </c>
      <c r="F11208">
        <v>2874</v>
      </c>
      <c r="G11208" t="s">
        <v>13725</v>
      </c>
      <c r="H11208">
        <v>5.1004030198730002</v>
      </c>
      <c r="I11208">
        <v>52.099597679788999</v>
      </c>
      <c r="J11208" t="s">
        <v>66893</v>
      </c>
    </row>
    <row r="11209" spans="1:10" x14ac:dyDescent="0.25">
      <c r="A11209" t="s">
        <v>13718</v>
      </c>
      <c r="B11209" t="s">
        <v>13719</v>
      </c>
      <c r="C11209" t="s">
        <v>13720</v>
      </c>
      <c r="D11209" t="s">
        <v>13664</v>
      </c>
      <c r="E11209" t="s">
        <v>13</v>
      </c>
      <c r="F11209">
        <v>2873</v>
      </c>
      <c r="G11209" t="s">
        <v>13721</v>
      </c>
      <c r="H11209">
        <v>5.1014145734019998</v>
      </c>
      <c r="I11209">
        <v>52.106559642542997</v>
      </c>
      <c r="J11209" t="s">
        <v>66894</v>
      </c>
    </row>
    <row r="11210" spans="1:10" x14ac:dyDescent="0.25">
      <c r="A11210" t="s">
        <v>13714</v>
      </c>
      <c r="B11210" t="s">
        <v>13715</v>
      </c>
      <c r="C11210" t="s">
        <v>13716</v>
      </c>
      <c r="D11210" t="s">
        <v>13664</v>
      </c>
      <c r="E11210" t="s">
        <v>13</v>
      </c>
      <c r="F11210">
        <v>2872</v>
      </c>
      <c r="G11210" t="s">
        <v>13717</v>
      </c>
      <c r="H11210">
        <v>5.108436723114</v>
      </c>
      <c r="I11210">
        <v>52.105012154449</v>
      </c>
      <c r="J11210" t="s">
        <v>66895</v>
      </c>
    </row>
    <row r="11211" spans="1:10" x14ac:dyDescent="0.25">
      <c r="A11211" t="s">
        <v>13710</v>
      </c>
      <c r="B11211" t="s">
        <v>13711</v>
      </c>
      <c r="C11211" t="s">
        <v>13712</v>
      </c>
      <c r="D11211" t="s">
        <v>13664</v>
      </c>
      <c r="E11211" t="s">
        <v>13</v>
      </c>
      <c r="F11211">
        <v>2871</v>
      </c>
      <c r="G11211" t="s">
        <v>13713</v>
      </c>
      <c r="H11211">
        <v>5.1077890247060003</v>
      </c>
      <c r="I11211">
        <v>52.101010820470997</v>
      </c>
      <c r="J11211" t="s">
        <v>66896</v>
      </c>
    </row>
    <row r="11212" spans="1:10" x14ac:dyDescent="0.25">
      <c r="A11212" t="s">
        <v>13706</v>
      </c>
      <c r="B11212" t="s">
        <v>13707</v>
      </c>
      <c r="C11212" t="s">
        <v>13708</v>
      </c>
      <c r="D11212" t="s">
        <v>13664</v>
      </c>
      <c r="E11212" t="s">
        <v>13</v>
      </c>
      <c r="F11212">
        <v>2870</v>
      </c>
      <c r="G11212" t="s">
        <v>13709</v>
      </c>
      <c r="H11212">
        <v>5.1093402654349998</v>
      </c>
      <c r="I11212">
        <v>52.097362493977997</v>
      </c>
      <c r="J11212" t="s">
        <v>66897</v>
      </c>
    </row>
    <row r="11213" spans="1:10" x14ac:dyDescent="0.25">
      <c r="A11213" t="s">
        <v>13702</v>
      </c>
      <c r="B11213" t="s">
        <v>13703</v>
      </c>
      <c r="C11213" t="s">
        <v>13704</v>
      </c>
      <c r="D11213" t="s">
        <v>13664</v>
      </c>
      <c r="E11213" t="s">
        <v>13</v>
      </c>
      <c r="F11213">
        <v>2869</v>
      </c>
      <c r="G11213" t="s">
        <v>13705</v>
      </c>
      <c r="H11213">
        <v>5.0581844275809997</v>
      </c>
      <c r="I11213">
        <v>52.114411994137001</v>
      </c>
      <c r="J11213" t="s">
        <v>66898</v>
      </c>
    </row>
    <row r="11214" spans="1:10" x14ac:dyDescent="0.25">
      <c r="A11214" t="s">
        <v>13698</v>
      </c>
      <c r="B11214" t="s">
        <v>13699</v>
      </c>
      <c r="C11214" t="s">
        <v>13700</v>
      </c>
      <c r="D11214" t="s">
        <v>13664</v>
      </c>
      <c r="E11214" t="s">
        <v>13</v>
      </c>
      <c r="F11214">
        <v>2868</v>
      </c>
      <c r="G11214" t="s">
        <v>13701</v>
      </c>
      <c r="H11214">
        <v>5.085036252449</v>
      </c>
      <c r="I11214">
        <v>52.101611487741998</v>
      </c>
      <c r="J11214" t="s">
        <v>66899</v>
      </c>
    </row>
    <row r="11215" spans="1:10" x14ac:dyDescent="0.25">
      <c r="A11215" t="s">
        <v>13694</v>
      </c>
      <c r="B11215" t="s">
        <v>13695</v>
      </c>
      <c r="C11215" t="s">
        <v>13696</v>
      </c>
      <c r="D11215" t="s">
        <v>13664</v>
      </c>
      <c r="E11215" t="s">
        <v>13</v>
      </c>
      <c r="F11215">
        <v>2867</v>
      </c>
      <c r="G11215" t="s">
        <v>13697</v>
      </c>
      <c r="H11215">
        <v>5.0916522185959998</v>
      </c>
      <c r="I11215">
        <v>52.095542367482999</v>
      </c>
      <c r="J11215" t="s">
        <v>66900</v>
      </c>
    </row>
    <row r="11216" spans="1:10" x14ac:dyDescent="0.25">
      <c r="A11216" t="s">
        <v>13690</v>
      </c>
      <c r="B11216" t="s">
        <v>13691</v>
      </c>
      <c r="C11216" t="s">
        <v>13692</v>
      </c>
      <c r="D11216" t="s">
        <v>13664</v>
      </c>
      <c r="E11216" t="s">
        <v>13</v>
      </c>
      <c r="F11216">
        <v>2866</v>
      </c>
      <c r="G11216" t="s">
        <v>13693</v>
      </c>
      <c r="H11216">
        <v>5.0883220032479999</v>
      </c>
      <c r="I11216">
        <v>52.092421926656002</v>
      </c>
      <c r="J11216" t="s">
        <v>66901</v>
      </c>
    </row>
    <row r="11217" spans="1:10" x14ac:dyDescent="0.25">
      <c r="A11217" t="s">
        <v>13686</v>
      </c>
      <c r="B11217" t="s">
        <v>13687</v>
      </c>
      <c r="C11217" t="s">
        <v>13688</v>
      </c>
      <c r="D11217" t="s">
        <v>13664</v>
      </c>
      <c r="E11217" t="s">
        <v>13</v>
      </c>
      <c r="F11217">
        <v>2865</v>
      </c>
      <c r="G11217" t="s">
        <v>13689</v>
      </c>
      <c r="H11217">
        <v>5.0964908030369998</v>
      </c>
      <c r="I11217">
        <v>52.090758186441001</v>
      </c>
      <c r="J11217" t="s">
        <v>66902</v>
      </c>
    </row>
    <row r="11218" spans="1:10" x14ac:dyDescent="0.25">
      <c r="A11218" t="s">
        <v>13682</v>
      </c>
      <c r="B11218" t="s">
        <v>13683</v>
      </c>
      <c r="C11218" t="s">
        <v>13684</v>
      </c>
      <c r="D11218" t="s">
        <v>13664</v>
      </c>
      <c r="E11218" t="s">
        <v>13</v>
      </c>
      <c r="F11218">
        <v>2864</v>
      </c>
      <c r="G11218" t="s">
        <v>13685</v>
      </c>
      <c r="H11218">
        <v>5.0989364790350002</v>
      </c>
      <c r="I11218">
        <v>52.087675891083002</v>
      </c>
      <c r="J11218" t="s">
        <v>66903</v>
      </c>
    </row>
    <row r="11219" spans="1:10" x14ac:dyDescent="0.25">
      <c r="A11219" t="s">
        <v>13678</v>
      </c>
      <c r="B11219" t="s">
        <v>13679</v>
      </c>
      <c r="C11219" t="s">
        <v>13680</v>
      </c>
      <c r="D11219" t="s">
        <v>13664</v>
      </c>
      <c r="E11219" t="s">
        <v>13</v>
      </c>
      <c r="F11219">
        <v>2863</v>
      </c>
      <c r="G11219" t="s">
        <v>13681</v>
      </c>
      <c r="H11219">
        <v>5.1029251425369999</v>
      </c>
      <c r="I11219">
        <v>52.091812093008002</v>
      </c>
      <c r="J11219" t="s">
        <v>66904</v>
      </c>
    </row>
    <row r="11220" spans="1:10" x14ac:dyDescent="0.25">
      <c r="A11220" t="s">
        <v>13674</v>
      </c>
      <c r="B11220" t="s">
        <v>13675</v>
      </c>
      <c r="C11220" t="s">
        <v>13676</v>
      </c>
      <c r="D11220" t="s">
        <v>13664</v>
      </c>
      <c r="E11220" t="s">
        <v>13</v>
      </c>
      <c r="F11220">
        <v>2862</v>
      </c>
      <c r="G11220" t="s">
        <v>13677</v>
      </c>
      <c r="H11220">
        <v>5.0804956533860004</v>
      </c>
      <c r="I11220">
        <v>52.091945926653999</v>
      </c>
      <c r="J11220" t="s">
        <v>66905</v>
      </c>
    </row>
    <row r="11221" spans="1:10" x14ac:dyDescent="0.25">
      <c r="A11221" t="s">
        <v>13670</v>
      </c>
      <c r="B11221" t="s">
        <v>13671</v>
      </c>
      <c r="C11221" t="s">
        <v>13672</v>
      </c>
      <c r="D11221" t="s">
        <v>13664</v>
      </c>
      <c r="E11221" t="s">
        <v>13</v>
      </c>
      <c r="F11221">
        <v>2861</v>
      </c>
      <c r="G11221" t="s">
        <v>13673</v>
      </c>
      <c r="H11221">
        <v>5.0823385724229997</v>
      </c>
      <c r="I11221">
        <v>52.084665777445998</v>
      </c>
      <c r="J11221" t="s">
        <v>66906</v>
      </c>
    </row>
    <row r="11222" spans="1:10" x14ac:dyDescent="0.25">
      <c r="A11222" t="s">
        <v>13666</v>
      </c>
      <c r="B11222" t="s">
        <v>13667</v>
      </c>
      <c r="C11222" t="s">
        <v>13668</v>
      </c>
      <c r="D11222" t="s">
        <v>13664</v>
      </c>
      <c r="E11222" t="s">
        <v>13</v>
      </c>
      <c r="F11222">
        <v>2860</v>
      </c>
      <c r="G11222" t="s">
        <v>13669</v>
      </c>
      <c r="H11222">
        <v>5.0874799975869998</v>
      </c>
      <c r="I11222">
        <v>52.087369628554001</v>
      </c>
      <c r="J11222" t="s">
        <v>66907</v>
      </c>
    </row>
    <row r="11223" spans="1:10" x14ac:dyDescent="0.25">
      <c r="A11223" t="s">
        <v>13661</v>
      </c>
      <c r="B11223" t="s">
        <v>13662</v>
      </c>
      <c r="C11223" t="s">
        <v>13663</v>
      </c>
      <c r="D11223" t="s">
        <v>13664</v>
      </c>
      <c r="E11223" t="s">
        <v>13</v>
      </c>
      <c r="F11223">
        <v>2859</v>
      </c>
      <c r="G11223" t="s">
        <v>13665</v>
      </c>
      <c r="H11223">
        <v>5.0897726814809996</v>
      </c>
      <c r="I11223">
        <v>52.082763180678</v>
      </c>
      <c r="J11223" t="s">
        <v>66908</v>
      </c>
    </row>
    <row r="11224" spans="1:10" x14ac:dyDescent="0.25">
      <c r="A11224" t="s">
        <v>13657</v>
      </c>
      <c r="B11224" t="s">
        <v>13658</v>
      </c>
      <c r="C11224" t="s">
        <v>13659</v>
      </c>
      <c r="D11224" t="s">
        <v>13550</v>
      </c>
      <c r="E11224" t="s">
        <v>13</v>
      </c>
      <c r="F11224">
        <v>2858</v>
      </c>
      <c r="G11224" t="s">
        <v>13660</v>
      </c>
      <c r="H11224">
        <v>5.2835880799470001</v>
      </c>
      <c r="I11224">
        <v>52.117270577737003</v>
      </c>
      <c r="J11224" t="s">
        <v>66909</v>
      </c>
    </row>
    <row r="11225" spans="1:10" x14ac:dyDescent="0.25">
      <c r="A11225" t="s">
        <v>13653</v>
      </c>
      <c r="B11225" t="s">
        <v>13654</v>
      </c>
      <c r="C11225" t="s">
        <v>13655</v>
      </c>
      <c r="D11225" t="s">
        <v>13550</v>
      </c>
      <c r="E11225" t="s">
        <v>13</v>
      </c>
      <c r="F11225">
        <v>2857</v>
      </c>
      <c r="G11225" t="s">
        <v>13656</v>
      </c>
      <c r="H11225">
        <v>5.315696926607</v>
      </c>
      <c r="I11225">
        <v>52.12406078315</v>
      </c>
      <c r="J11225" t="s">
        <v>66910</v>
      </c>
    </row>
    <row r="11226" spans="1:10" x14ac:dyDescent="0.25">
      <c r="A11226" t="s">
        <v>13649</v>
      </c>
      <c r="B11226" t="s">
        <v>13650</v>
      </c>
      <c r="C11226" t="s">
        <v>13651</v>
      </c>
      <c r="D11226" t="s">
        <v>13550</v>
      </c>
      <c r="E11226" t="s">
        <v>13</v>
      </c>
      <c r="F11226">
        <v>2856</v>
      </c>
      <c r="G11226" t="s">
        <v>13652</v>
      </c>
      <c r="H11226">
        <v>5.2955775750400003</v>
      </c>
      <c r="I11226">
        <v>52.120229530780001</v>
      </c>
      <c r="J11226" t="s">
        <v>66911</v>
      </c>
    </row>
    <row r="11227" spans="1:10" x14ac:dyDescent="0.25">
      <c r="A11227" t="s">
        <v>13645</v>
      </c>
      <c r="B11227" t="s">
        <v>13646</v>
      </c>
      <c r="C11227" t="s">
        <v>13647</v>
      </c>
      <c r="D11227" t="s">
        <v>13550</v>
      </c>
      <c r="E11227" t="s">
        <v>13</v>
      </c>
      <c r="F11227">
        <v>2855</v>
      </c>
      <c r="G11227" t="s">
        <v>13648</v>
      </c>
      <c r="H11227">
        <v>5.279029224366</v>
      </c>
      <c r="I11227">
        <v>52.123015275663001</v>
      </c>
      <c r="J11227" t="s">
        <v>66912</v>
      </c>
    </row>
    <row r="11228" spans="1:10" x14ac:dyDescent="0.25">
      <c r="A11228" t="s">
        <v>13641</v>
      </c>
      <c r="B11228" t="s">
        <v>13642</v>
      </c>
      <c r="C11228" t="s">
        <v>13643</v>
      </c>
      <c r="D11228" t="s">
        <v>13550</v>
      </c>
      <c r="E11228" t="s">
        <v>13</v>
      </c>
      <c r="F11228">
        <v>2854</v>
      </c>
      <c r="G11228" t="s">
        <v>13644</v>
      </c>
      <c r="H11228">
        <v>5.3116751127480004</v>
      </c>
      <c r="I11228">
        <v>52.137961647946</v>
      </c>
      <c r="J11228" t="s">
        <v>66913</v>
      </c>
    </row>
    <row r="11229" spans="1:10" x14ac:dyDescent="0.25">
      <c r="A11229" t="s">
        <v>13637</v>
      </c>
      <c r="B11229" t="s">
        <v>13638</v>
      </c>
      <c r="C11229" t="s">
        <v>13639</v>
      </c>
      <c r="D11229" t="s">
        <v>13550</v>
      </c>
      <c r="E11229" t="s">
        <v>13</v>
      </c>
      <c r="F11229">
        <v>2853</v>
      </c>
      <c r="G11229" t="s">
        <v>13640</v>
      </c>
      <c r="H11229">
        <v>5.2765677915850002</v>
      </c>
      <c r="I11229">
        <v>52.136145603484998</v>
      </c>
      <c r="J11229" t="s">
        <v>66914</v>
      </c>
    </row>
    <row r="11230" spans="1:10" x14ac:dyDescent="0.25">
      <c r="A11230" t="s">
        <v>13633</v>
      </c>
      <c r="B11230" t="s">
        <v>13634</v>
      </c>
      <c r="C11230" t="s">
        <v>13635</v>
      </c>
      <c r="D11230" t="s">
        <v>13550</v>
      </c>
      <c r="E11230" t="s">
        <v>13</v>
      </c>
      <c r="F11230">
        <v>2852</v>
      </c>
      <c r="G11230" t="s">
        <v>13636</v>
      </c>
      <c r="H11230">
        <v>5.3218201412879997</v>
      </c>
      <c r="I11230">
        <v>52.152262047499001</v>
      </c>
      <c r="J11230" t="s">
        <v>66915</v>
      </c>
    </row>
    <row r="11231" spans="1:10" x14ac:dyDescent="0.25">
      <c r="A11231" t="s">
        <v>13629</v>
      </c>
      <c r="B11231" t="s">
        <v>13630</v>
      </c>
      <c r="C11231" t="s">
        <v>13631</v>
      </c>
      <c r="D11231" t="s">
        <v>13550</v>
      </c>
      <c r="E11231" t="s">
        <v>13</v>
      </c>
      <c r="F11231">
        <v>2851</v>
      </c>
      <c r="G11231" t="s">
        <v>13632</v>
      </c>
      <c r="H11231">
        <v>5.2916909953089997</v>
      </c>
      <c r="I11231">
        <v>52.151142176710998</v>
      </c>
      <c r="J11231" t="s">
        <v>66916</v>
      </c>
    </row>
    <row r="11232" spans="1:10" x14ac:dyDescent="0.25">
      <c r="A11232" t="s">
        <v>13625</v>
      </c>
      <c r="B11232" t="s">
        <v>13626</v>
      </c>
      <c r="C11232" t="s">
        <v>13627</v>
      </c>
      <c r="D11232" t="s">
        <v>13550</v>
      </c>
      <c r="E11232" t="s">
        <v>13</v>
      </c>
      <c r="F11232">
        <v>2850</v>
      </c>
      <c r="G11232" t="s">
        <v>13628</v>
      </c>
      <c r="H11232">
        <v>5.3316131312559998</v>
      </c>
      <c r="I11232">
        <v>52.170787051185997</v>
      </c>
      <c r="J11232" t="s">
        <v>66917</v>
      </c>
    </row>
    <row r="11233" spans="1:10" x14ac:dyDescent="0.25">
      <c r="A11233" t="s">
        <v>13621</v>
      </c>
      <c r="B11233" t="s">
        <v>13622</v>
      </c>
      <c r="C11233" t="s">
        <v>13623</v>
      </c>
      <c r="D11233" t="s">
        <v>13550</v>
      </c>
      <c r="E11233" t="s">
        <v>13</v>
      </c>
      <c r="F11233">
        <v>2849</v>
      </c>
      <c r="G11233" t="s">
        <v>13624</v>
      </c>
      <c r="H11233">
        <v>5.3070530665150004</v>
      </c>
      <c r="I11233">
        <v>52.162026838510997</v>
      </c>
      <c r="J11233" t="s">
        <v>66918</v>
      </c>
    </row>
    <row r="11234" spans="1:10" x14ac:dyDescent="0.25">
      <c r="A11234" t="s">
        <v>13617</v>
      </c>
      <c r="B11234" t="s">
        <v>13618</v>
      </c>
      <c r="C11234" t="s">
        <v>13619</v>
      </c>
      <c r="D11234" t="s">
        <v>13550</v>
      </c>
      <c r="E11234" t="s">
        <v>13</v>
      </c>
      <c r="F11234">
        <v>2848</v>
      </c>
      <c r="G11234" t="s">
        <v>13620</v>
      </c>
      <c r="H11234">
        <v>5.2947510312450001</v>
      </c>
      <c r="I11234">
        <v>52.165315062817001</v>
      </c>
      <c r="J11234" t="s">
        <v>66919</v>
      </c>
    </row>
    <row r="11235" spans="1:10" x14ac:dyDescent="0.25">
      <c r="A11235" t="s">
        <v>13613</v>
      </c>
      <c r="B11235" t="s">
        <v>13614</v>
      </c>
      <c r="C11235" t="s">
        <v>13615</v>
      </c>
      <c r="D11235" t="s">
        <v>13550</v>
      </c>
      <c r="E11235" t="s">
        <v>13</v>
      </c>
      <c r="F11235">
        <v>2847</v>
      </c>
      <c r="G11235" t="s">
        <v>13616</v>
      </c>
      <c r="H11235">
        <v>5.293421578966</v>
      </c>
      <c r="I11235">
        <v>52.162965791360001</v>
      </c>
      <c r="J11235" t="s">
        <v>66920</v>
      </c>
    </row>
    <row r="11236" spans="1:10" x14ac:dyDescent="0.25">
      <c r="A11236" t="s">
        <v>13610</v>
      </c>
      <c r="B11236" t="s">
        <v>13611</v>
      </c>
      <c r="C11236" t="s">
        <v>10985</v>
      </c>
      <c r="D11236" t="s">
        <v>13550</v>
      </c>
      <c r="E11236" t="s">
        <v>13</v>
      </c>
      <c r="F11236">
        <v>2846</v>
      </c>
      <c r="G11236" t="s">
        <v>13612</v>
      </c>
      <c r="H11236">
        <v>5.2835460716679998</v>
      </c>
      <c r="I11236">
        <v>52.160147493792003</v>
      </c>
      <c r="J11236" t="s">
        <v>66921</v>
      </c>
    </row>
    <row r="11237" spans="1:10" x14ac:dyDescent="0.25">
      <c r="A11237" t="s">
        <v>13606</v>
      </c>
      <c r="B11237" t="s">
        <v>13607</v>
      </c>
      <c r="C11237" t="s">
        <v>13608</v>
      </c>
      <c r="D11237" t="s">
        <v>13550</v>
      </c>
      <c r="E11237" t="s">
        <v>13</v>
      </c>
      <c r="F11237">
        <v>2845</v>
      </c>
      <c r="G11237" t="s">
        <v>13609</v>
      </c>
      <c r="H11237">
        <v>5.2715385899819998</v>
      </c>
      <c r="I11237">
        <v>52.165617241010999</v>
      </c>
      <c r="J11237" t="s">
        <v>66922</v>
      </c>
    </row>
    <row r="11238" spans="1:10" x14ac:dyDescent="0.25">
      <c r="A11238" t="s">
        <v>13603</v>
      </c>
      <c r="B11238" t="s">
        <v>13604</v>
      </c>
      <c r="C11238" t="s">
        <v>6835</v>
      </c>
      <c r="D11238" t="s">
        <v>13550</v>
      </c>
      <c r="E11238" t="s">
        <v>13</v>
      </c>
      <c r="F11238">
        <v>2844</v>
      </c>
      <c r="G11238" t="s">
        <v>13605</v>
      </c>
      <c r="H11238">
        <v>5.2685779252160003</v>
      </c>
      <c r="I11238">
        <v>52.158376243349998</v>
      </c>
      <c r="J11238" t="s">
        <v>66923</v>
      </c>
    </row>
    <row r="11239" spans="1:10" x14ac:dyDescent="0.25">
      <c r="A11239" t="s">
        <v>13599</v>
      </c>
      <c r="B11239" t="s">
        <v>13600</v>
      </c>
      <c r="C11239" t="s">
        <v>13601</v>
      </c>
      <c r="D11239" t="s">
        <v>13550</v>
      </c>
      <c r="E11239" t="s">
        <v>13</v>
      </c>
      <c r="F11239">
        <v>2843</v>
      </c>
      <c r="G11239" t="s">
        <v>13602</v>
      </c>
      <c r="H11239">
        <v>5.2910901845779996</v>
      </c>
      <c r="I11239">
        <v>52.169519150120003</v>
      </c>
      <c r="J11239" t="s">
        <v>66924</v>
      </c>
    </row>
    <row r="11240" spans="1:10" x14ac:dyDescent="0.25">
      <c r="A11240" t="s">
        <v>13595</v>
      </c>
      <c r="B11240" t="s">
        <v>13596</v>
      </c>
      <c r="C11240" t="s">
        <v>13597</v>
      </c>
      <c r="D11240" t="s">
        <v>13550</v>
      </c>
      <c r="E11240" t="s">
        <v>13</v>
      </c>
      <c r="F11240">
        <v>2842</v>
      </c>
      <c r="G11240" t="s">
        <v>13598</v>
      </c>
      <c r="H11240">
        <v>5.3004995732189997</v>
      </c>
      <c r="I11240">
        <v>52.168769867900998</v>
      </c>
      <c r="J11240" t="s">
        <v>66925</v>
      </c>
    </row>
    <row r="11241" spans="1:10" x14ac:dyDescent="0.25">
      <c r="A11241" t="s">
        <v>13591</v>
      </c>
      <c r="B11241" t="s">
        <v>13592</v>
      </c>
      <c r="C11241" t="s">
        <v>13593</v>
      </c>
      <c r="D11241" t="s">
        <v>13550</v>
      </c>
      <c r="E11241" t="s">
        <v>13</v>
      </c>
      <c r="F11241">
        <v>2841</v>
      </c>
      <c r="G11241" t="s">
        <v>13594</v>
      </c>
      <c r="H11241">
        <v>5.3118385504420003</v>
      </c>
      <c r="I11241">
        <v>52.188298032603001</v>
      </c>
      <c r="J11241" t="s">
        <v>66926</v>
      </c>
    </row>
    <row r="11242" spans="1:10" x14ac:dyDescent="0.25">
      <c r="A11242" t="s">
        <v>13587</v>
      </c>
      <c r="B11242" t="s">
        <v>13588</v>
      </c>
      <c r="C11242" t="s">
        <v>13589</v>
      </c>
      <c r="D11242" t="s">
        <v>13550</v>
      </c>
      <c r="E11242" t="s">
        <v>13</v>
      </c>
      <c r="F11242">
        <v>2840</v>
      </c>
      <c r="G11242" t="s">
        <v>13590</v>
      </c>
      <c r="H11242">
        <v>5.3072530323759999</v>
      </c>
      <c r="I11242">
        <v>52.181061260203997</v>
      </c>
      <c r="J11242" t="s">
        <v>66927</v>
      </c>
    </row>
    <row r="11243" spans="1:10" x14ac:dyDescent="0.25">
      <c r="A11243" t="s">
        <v>13584</v>
      </c>
      <c r="B11243" t="s">
        <v>13585</v>
      </c>
      <c r="C11243" t="s">
        <v>11951</v>
      </c>
      <c r="D11243" t="s">
        <v>13550</v>
      </c>
      <c r="E11243" t="s">
        <v>13</v>
      </c>
      <c r="F11243">
        <v>2839</v>
      </c>
      <c r="G11243" t="s">
        <v>13586</v>
      </c>
      <c r="H11243">
        <v>5.3015392357430002</v>
      </c>
      <c r="I11243">
        <v>52.17543332804</v>
      </c>
      <c r="J11243" t="s">
        <v>66928</v>
      </c>
    </row>
    <row r="11244" spans="1:10" x14ac:dyDescent="0.25">
      <c r="A11244" t="s">
        <v>13580</v>
      </c>
      <c r="B11244" t="s">
        <v>13581</v>
      </c>
      <c r="C11244" t="s">
        <v>13582</v>
      </c>
      <c r="D11244" t="s">
        <v>13550</v>
      </c>
      <c r="E11244" t="s">
        <v>13</v>
      </c>
      <c r="F11244">
        <v>2838</v>
      </c>
      <c r="G11244" t="s">
        <v>13583</v>
      </c>
      <c r="H11244">
        <v>5.2938294027259998</v>
      </c>
      <c r="I11244">
        <v>52.176194639601</v>
      </c>
      <c r="J11244" t="s">
        <v>66929</v>
      </c>
    </row>
    <row r="11245" spans="1:10" x14ac:dyDescent="0.25">
      <c r="A11245" t="s">
        <v>13576</v>
      </c>
      <c r="B11245" t="s">
        <v>13577</v>
      </c>
      <c r="C11245" t="s">
        <v>13578</v>
      </c>
      <c r="D11245" t="s">
        <v>13550</v>
      </c>
      <c r="E11245" t="s">
        <v>13</v>
      </c>
      <c r="F11245">
        <v>2837</v>
      </c>
      <c r="G11245" t="s">
        <v>13579</v>
      </c>
      <c r="H11245">
        <v>5.2710180961780004</v>
      </c>
      <c r="I11245">
        <v>52.173643448714003</v>
      </c>
      <c r="J11245" t="s">
        <v>66930</v>
      </c>
    </row>
    <row r="11246" spans="1:10" x14ac:dyDescent="0.25">
      <c r="A11246" t="s">
        <v>13572</v>
      </c>
      <c r="B11246" t="s">
        <v>13573</v>
      </c>
      <c r="C11246" t="s">
        <v>13574</v>
      </c>
      <c r="D11246" t="s">
        <v>13550</v>
      </c>
      <c r="E11246" t="s">
        <v>13</v>
      </c>
      <c r="F11246">
        <v>2836</v>
      </c>
      <c r="G11246" t="s">
        <v>13575</v>
      </c>
      <c r="H11246">
        <v>5.2654589757799997</v>
      </c>
      <c r="I11246">
        <v>52.177205054345997</v>
      </c>
      <c r="J11246" t="s">
        <v>66931</v>
      </c>
    </row>
    <row r="11247" spans="1:10" x14ac:dyDescent="0.25">
      <c r="A11247" t="s">
        <v>13568</v>
      </c>
      <c r="B11247" t="s">
        <v>13569</v>
      </c>
      <c r="C11247" t="s">
        <v>13570</v>
      </c>
      <c r="D11247" t="s">
        <v>13550</v>
      </c>
      <c r="E11247" t="s">
        <v>13</v>
      </c>
      <c r="F11247">
        <v>2835</v>
      </c>
      <c r="G11247" t="s">
        <v>13571</v>
      </c>
      <c r="H11247">
        <v>5.2599359239489996</v>
      </c>
      <c r="I11247">
        <v>52.173616836476</v>
      </c>
      <c r="J11247" t="s">
        <v>66932</v>
      </c>
    </row>
    <row r="11248" spans="1:10" x14ac:dyDescent="0.25">
      <c r="A11248" t="s">
        <v>13564</v>
      </c>
      <c r="B11248" t="s">
        <v>13565</v>
      </c>
      <c r="C11248" t="s">
        <v>13566</v>
      </c>
      <c r="D11248" t="s">
        <v>13550</v>
      </c>
      <c r="E11248" t="s">
        <v>13</v>
      </c>
      <c r="F11248">
        <v>2834</v>
      </c>
      <c r="G11248" t="s">
        <v>13567</v>
      </c>
      <c r="H11248">
        <v>5.2523505800569996</v>
      </c>
      <c r="I11248">
        <v>52.167244653483998</v>
      </c>
      <c r="J11248" t="s">
        <v>66933</v>
      </c>
    </row>
    <row r="11249" spans="1:10" x14ac:dyDescent="0.25">
      <c r="A11249" t="s">
        <v>13560</v>
      </c>
      <c r="B11249" t="s">
        <v>13561</v>
      </c>
      <c r="C11249" t="s">
        <v>13562</v>
      </c>
      <c r="D11249" t="s">
        <v>13550</v>
      </c>
      <c r="E11249" t="s">
        <v>13</v>
      </c>
      <c r="F11249">
        <v>2833</v>
      </c>
      <c r="G11249" t="s">
        <v>13563</v>
      </c>
      <c r="H11249">
        <v>5.2847364897100002</v>
      </c>
      <c r="I11249">
        <v>52.174801001337997</v>
      </c>
      <c r="J11249" t="s">
        <v>66934</v>
      </c>
    </row>
    <row r="11250" spans="1:10" x14ac:dyDescent="0.25">
      <c r="A11250" t="s">
        <v>13556</v>
      </c>
      <c r="B11250" t="s">
        <v>13557</v>
      </c>
      <c r="C11250" t="s">
        <v>13558</v>
      </c>
      <c r="D11250" t="s">
        <v>13550</v>
      </c>
      <c r="E11250" t="s">
        <v>13</v>
      </c>
      <c r="F11250">
        <v>2832</v>
      </c>
      <c r="G11250" t="s">
        <v>13559</v>
      </c>
      <c r="H11250">
        <v>5.2923224907659998</v>
      </c>
      <c r="I11250">
        <v>52.188184391873001</v>
      </c>
      <c r="J11250" t="s">
        <v>66935</v>
      </c>
    </row>
    <row r="11251" spans="1:10" x14ac:dyDescent="0.25">
      <c r="A11251" t="s">
        <v>13552</v>
      </c>
      <c r="B11251" t="s">
        <v>13553</v>
      </c>
      <c r="C11251" t="s">
        <v>13554</v>
      </c>
      <c r="D11251" t="s">
        <v>13550</v>
      </c>
      <c r="E11251" t="s">
        <v>13</v>
      </c>
      <c r="F11251">
        <v>2831</v>
      </c>
      <c r="G11251" t="s">
        <v>13555</v>
      </c>
      <c r="H11251">
        <v>5.2780455619020001</v>
      </c>
      <c r="I11251">
        <v>52.184588370721997</v>
      </c>
      <c r="J11251" t="s">
        <v>66936</v>
      </c>
    </row>
    <row r="11252" spans="1:10" x14ac:dyDescent="0.25">
      <c r="A11252" t="s">
        <v>13547</v>
      </c>
      <c r="B11252" t="s">
        <v>13548</v>
      </c>
      <c r="C11252" t="s">
        <v>13549</v>
      </c>
      <c r="D11252" t="s">
        <v>13550</v>
      </c>
      <c r="E11252" t="s">
        <v>13</v>
      </c>
      <c r="F11252">
        <v>2830</v>
      </c>
      <c r="G11252" t="s">
        <v>13551</v>
      </c>
      <c r="H11252">
        <v>5.2719313854410004</v>
      </c>
      <c r="I11252">
        <v>52.179472456943003</v>
      </c>
      <c r="J11252" t="s">
        <v>66937</v>
      </c>
    </row>
    <row r="11253" spans="1:10" x14ac:dyDescent="0.25">
      <c r="A11253" t="s">
        <v>13543</v>
      </c>
      <c r="B11253" t="s">
        <v>13544</v>
      </c>
      <c r="C11253" t="s">
        <v>13545</v>
      </c>
      <c r="D11253" t="s">
        <v>13430</v>
      </c>
      <c r="E11253" t="s">
        <v>13</v>
      </c>
      <c r="F11253">
        <v>2829</v>
      </c>
      <c r="G11253" t="s">
        <v>13546</v>
      </c>
      <c r="H11253">
        <v>5.4890938441010002</v>
      </c>
      <c r="I11253">
        <v>51.990471304342996</v>
      </c>
      <c r="J11253" t="s">
        <v>66938</v>
      </c>
    </row>
    <row r="11254" spans="1:10" x14ac:dyDescent="0.25">
      <c r="A11254" t="s">
        <v>13539</v>
      </c>
      <c r="B11254" t="s">
        <v>13540</v>
      </c>
      <c r="C11254" t="s">
        <v>13541</v>
      </c>
      <c r="D11254" t="s">
        <v>13430</v>
      </c>
      <c r="E11254" t="s">
        <v>13</v>
      </c>
      <c r="F11254">
        <v>2828</v>
      </c>
      <c r="G11254" t="s">
        <v>13542</v>
      </c>
      <c r="H11254">
        <v>5.4942255836490004</v>
      </c>
      <c r="I11254">
        <v>51.987776891998998</v>
      </c>
      <c r="J11254" t="s">
        <v>66939</v>
      </c>
    </row>
    <row r="11255" spans="1:10" x14ac:dyDescent="0.25">
      <c r="A11255" t="s">
        <v>13535</v>
      </c>
      <c r="B11255" t="s">
        <v>13536</v>
      </c>
      <c r="C11255" t="s">
        <v>13537</v>
      </c>
      <c r="D11255" t="s">
        <v>13430</v>
      </c>
      <c r="E11255" t="s">
        <v>13</v>
      </c>
      <c r="F11255">
        <v>2827</v>
      </c>
      <c r="G11255" t="s">
        <v>13538</v>
      </c>
      <c r="H11255">
        <v>5.5009373129150001</v>
      </c>
      <c r="I11255">
        <v>51.987634998510003</v>
      </c>
      <c r="J11255" t="s">
        <v>66940</v>
      </c>
    </row>
    <row r="11256" spans="1:10" x14ac:dyDescent="0.25">
      <c r="A11256" t="s">
        <v>13531</v>
      </c>
      <c r="B11256" t="s">
        <v>13532</v>
      </c>
      <c r="C11256" t="s">
        <v>13533</v>
      </c>
      <c r="D11256" t="s">
        <v>13430</v>
      </c>
      <c r="E11256" t="s">
        <v>13</v>
      </c>
      <c r="F11256">
        <v>2826</v>
      </c>
      <c r="G11256" t="s">
        <v>13534</v>
      </c>
      <c r="H11256">
        <v>5.5106710098539997</v>
      </c>
      <c r="I11256">
        <v>51.982367910496002</v>
      </c>
      <c r="J11256" t="s">
        <v>66941</v>
      </c>
    </row>
    <row r="11257" spans="1:10" x14ac:dyDescent="0.25">
      <c r="A11257" t="s">
        <v>13527</v>
      </c>
      <c r="B11257" t="s">
        <v>13528</v>
      </c>
      <c r="C11257" t="s">
        <v>13529</v>
      </c>
      <c r="D11257" t="s">
        <v>13430</v>
      </c>
      <c r="E11257" t="s">
        <v>13</v>
      </c>
      <c r="F11257">
        <v>2825</v>
      </c>
      <c r="G11257" t="s">
        <v>13530</v>
      </c>
      <c r="H11257">
        <v>5.5048878606000002</v>
      </c>
      <c r="I11257">
        <v>51.979547046019</v>
      </c>
      <c r="J11257" t="s">
        <v>66942</v>
      </c>
    </row>
    <row r="11258" spans="1:10" x14ac:dyDescent="0.25">
      <c r="A11258" t="s">
        <v>13523</v>
      </c>
      <c r="B11258" t="s">
        <v>13524</v>
      </c>
      <c r="C11258" t="s">
        <v>13525</v>
      </c>
      <c r="D11258" t="s">
        <v>13430</v>
      </c>
      <c r="E11258" t="s">
        <v>13</v>
      </c>
      <c r="F11258">
        <v>2824</v>
      </c>
      <c r="G11258" t="s">
        <v>13526</v>
      </c>
      <c r="H11258">
        <v>5.517547270543</v>
      </c>
      <c r="I11258">
        <v>51.997557749968003</v>
      </c>
      <c r="J11258" t="s">
        <v>66943</v>
      </c>
    </row>
    <row r="11259" spans="1:10" x14ac:dyDescent="0.25">
      <c r="A11259" t="s">
        <v>13519</v>
      </c>
      <c r="B11259" t="s">
        <v>13520</v>
      </c>
      <c r="C11259" t="s">
        <v>13521</v>
      </c>
      <c r="D11259" t="s">
        <v>13430</v>
      </c>
      <c r="E11259" t="s">
        <v>13</v>
      </c>
      <c r="F11259">
        <v>2823</v>
      </c>
      <c r="G11259" t="s">
        <v>13522</v>
      </c>
      <c r="H11259">
        <v>5.5445592285030001</v>
      </c>
      <c r="I11259">
        <v>51.982604117434001</v>
      </c>
      <c r="J11259" t="s">
        <v>66944</v>
      </c>
    </row>
    <row r="11260" spans="1:10" x14ac:dyDescent="0.25">
      <c r="A11260" t="s">
        <v>13515</v>
      </c>
      <c r="B11260" t="s">
        <v>13516</v>
      </c>
      <c r="C11260" t="s">
        <v>13517</v>
      </c>
      <c r="D11260" t="s">
        <v>13430</v>
      </c>
      <c r="E11260" t="s">
        <v>13</v>
      </c>
      <c r="F11260">
        <v>2822</v>
      </c>
      <c r="G11260" t="s">
        <v>13518</v>
      </c>
      <c r="H11260">
        <v>5.5344212187639998</v>
      </c>
      <c r="I11260">
        <v>51.972888992271002</v>
      </c>
      <c r="J11260" t="s">
        <v>66945</v>
      </c>
    </row>
    <row r="11261" spans="1:10" x14ac:dyDescent="0.25">
      <c r="A11261" t="s">
        <v>13511</v>
      </c>
      <c r="B11261" t="s">
        <v>13512</v>
      </c>
      <c r="C11261" t="s">
        <v>13513</v>
      </c>
      <c r="D11261" t="s">
        <v>13430</v>
      </c>
      <c r="E11261" t="s">
        <v>13</v>
      </c>
      <c r="F11261">
        <v>2821</v>
      </c>
      <c r="G11261" t="s">
        <v>13514</v>
      </c>
      <c r="H11261">
        <v>5.5714307777169996</v>
      </c>
      <c r="I11261">
        <v>51.957217192999998</v>
      </c>
      <c r="J11261" t="s">
        <v>66946</v>
      </c>
    </row>
    <row r="11262" spans="1:10" x14ac:dyDescent="0.25">
      <c r="A11262" t="s">
        <v>13507</v>
      </c>
      <c r="B11262" t="s">
        <v>13508</v>
      </c>
      <c r="C11262" t="s">
        <v>13509</v>
      </c>
      <c r="D11262" t="s">
        <v>13430</v>
      </c>
      <c r="E11262" t="s">
        <v>13</v>
      </c>
      <c r="F11262">
        <v>2820</v>
      </c>
      <c r="G11262" t="s">
        <v>13510</v>
      </c>
      <c r="H11262">
        <v>5.583150830728</v>
      </c>
      <c r="I11262">
        <v>51.971665978715002</v>
      </c>
      <c r="J11262" t="s">
        <v>66947</v>
      </c>
    </row>
    <row r="11263" spans="1:10" x14ac:dyDescent="0.25">
      <c r="A11263" t="s">
        <v>13504</v>
      </c>
      <c r="B11263" t="s">
        <v>13505</v>
      </c>
      <c r="C11263" t="s">
        <v>12446</v>
      </c>
      <c r="D11263" t="s">
        <v>13430</v>
      </c>
      <c r="E11263" t="s">
        <v>13</v>
      </c>
      <c r="F11263">
        <v>2819</v>
      </c>
      <c r="G11263" t="s">
        <v>13506</v>
      </c>
      <c r="H11263">
        <v>5.5879531190260003</v>
      </c>
      <c r="I11263">
        <v>51.971387523692002</v>
      </c>
      <c r="J11263" t="s">
        <v>66948</v>
      </c>
    </row>
    <row r="11264" spans="1:10" x14ac:dyDescent="0.25">
      <c r="A11264" t="s">
        <v>13500</v>
      </c>
      <c r="B11264" t="s">
        <v>13501</v>
      </c>
      <c r="C11264" t="s">
        <v>13502</v>
      </c>
      <c r="D11264" t="s">
        <v>13430</v>
      </c>
      <c r="E11264" t="s">
        <v>13</v>
      </c>
      <c r="F11264">
        <v>2818</v>
      </c>
      <c r="G11264" t="s">
        <v>13503</v>
      </c>
      <c r="H11264">
        <v>5.5893344472480004</v>
      </c>
      <c r="I11264">
        <v>51.972767086739999</v>
      </c>
      <c r="J11264" t="s">
        <v>66949</v>
      </c>
    </row>
    <row r="11265" spans="1:10" x14ac:dyDescent="0.25">
      <c r="A11265" t="s">
        <v>13496</v>
      </c>
      <c r="B11265" t="s">
        <v>13497</v>
      </c>
      <c r="C11265" t="s">
        <v>13498</v>
      </c>
      <c r="D11265" t="s">
        <v>13430</v>
      </c>
      <c r="E11265" t="s">
        <v>13</v>
      </c>
      <c r="F11265">
        <v>2817</v>
      </c>
      <c r="G11265" t="s">
        <v>13499</v>
      </c>
      <c r="H11265">
        <v>5.5969314686159999</v>
      </c>
      <c r="I11265">
        <v>51.980454333654002</v>
      </c>
      <c r="J11265" t="s">
        <v>66950</v>
      </c>
    </row>
    <row r="11266" spans="1:10" x14ac:dyDescent="0.25">
      <c r="A11266" t="s">
        <v>13492</v>
      </c>
      <c r="B11266" t="s">
        <v>13493</v>
      </c>
      <c r="C11266" t="s">
        <v>13494</v>
      </c>
      <c r="D11266" t="s">
        <v>13430</v>
      </c>
      <c r="E11266" t="s">
        <v>13</v>
      </c>
      <c r="F11266">
        <v>2816</v>
      </c>
      <c r="G11266" t="s">
        <v>13495</v>
      </c>
      <c r="H11266">
        <v>5.5217943467769999</v>
      </c>
      <c r="I11266">
        <v>52.012776181025004</v>
      </c>
      <c r="J11266" t="s">
        <v>66951</v>
      </c>
    </row>
    <row r="11267" spans="1:10" x14ac:dyDescent="0.25">
      <c r="A11267" t="s">
        <v>13488</v>
      </c>
      <c r="B11267" t="s">
        <v>13489</v>
      </c>
      <c r="C11267" t="s">
        <v>13490</v>
      </c>
      <c r="D11267" t="s">
        <v>13430</v>
      </c>
      <c r="E11267" t="s">
        <v>13</v>
      </c>
      <c r="F11267">
        <v>2815</v>
      </c>
      <c r="G11267" t="s">
        <v>13491</v>
      </c>
      <c r="H11267">
        <v>5.5424378601350002</v>
      </c>
      <c r="I11267">
        <v>52.002145506422004</v>
      </c>
      <c r="J11267" t="s">
        <v>66952</v>
      </c>
    </row>
    <row r="11268" spans="1:10" x14ac:dyDescent="0.25">
      <c r="A11268" t="s">
        <v>13484</v>
      </c>
      <c r="B11268" t="s">
        <v>13485</v>
      </c>
      <c r="C11268" t="s">
        <v>13486</v>
      </c>
      <c r="D11268" t="s">
        <v>13430</v>
      </c>
      <c r="E11268" t="s">
        <v>13</v>
      </c>
      <c r="F11268">
        <v>2814</v>
      </c>
      <c r="G11268" t="s">
        <v>13487</v>
      </c>
      <c r="H11268">
        <v>5.5465160446640001</v>
      </c>
      <c r="I11268">
        <v>52.000617605982001</v>
      </c>
      <c r="J11268" t="s">
        <v>66953</v>
      </c>
    </row>
    <row r="11269" spans="1:10" x14ac:dyDescent="0.25">
      <c r="A11269" t="s">
        <v>13480</v>
      </c>
      <c r="B11269" t="s">
        <v>13481</v>
      </c>
      <c r="C11269" t="s">
        <v>13482</v>
      </c>
      <c r="D11269" t="s">
        <v>13430</v>
      </c>
      <c r="E11269" t="s">
        <v>13</v>
      </c>
      <c r="F11269">
        <v>2813</v>
      </c>
      <c r="G11269" t="s">
        <v>13483</v>
      </c>
      <c r="H11269">
        <v>5.5683022338599999</v>
      </c>
      <c r="I11269">
        <v>51.981687108975997</v>
      </c>
      <c r="J11269" t="s">
        <v>66954</v>
      </c>
    </row>
    <row r="11270" spans="1:10" x14ac:dyDescent="0.25">
      <c r="A11270" t="s">
        <v>13476</v>
      </c>
      <c r="B11270" t="s">
        <v>13477</v>
      </c>
      <c r="C11270" t="s">
        <v>13478</v>
      </c>
      <c r="D11270" t="s">
        <v>13430</v>
      </c>
      <c r="E11270" t="s">
        <v>13</v>
      </c>
      <c r="F11270">
        <v>2812</v>
      </c>
      <c r="G11270" t="s">
        <v>13479</v>
      </c>
      <c r="H11270">
        <v>5.5939140183719998</v>
      </c>
      <c r="I11270">
        <v>51.958074614616002</v>
      </c>
      <c r="J11270" t="s">
        <v>66955</v>
      </c>
    </row>
    <row r="11271" spans="1:10" x14ac:dyDescent="0.25">
      <c r="A11271" t="s">
        <v>13472</v>
      </c>
      <c r="B11271" t="s">
        <v>13473</v>
      </c>
      <c r="C11271" t="s">
        <v>13474</v>
      </c>
      <c r="D11271" t="s">
        <v>13430</v>
      </c>
      <c r="E11271" t="s">
        <v>13</v>
      </c>
      <c r="F11271">
        <v>2811</v>
      </c>
      <c r="G11271" t="s">
        <v>13475</v>
      </c>
      <c r="H11271">
        <v>5.5699976787459997</v>
      </c>
      <c r="I11271">
        <v>51.970851380424001</v>
      </c>
      <c r="J11271" t="s">
        <v>66956</v>
      </c>
    </row>
    <row r="11272" spans="1:10" x14ac:dyDescent="0.25">
      <c r="A11272" t="s">
        <v>13468</v>
      </c>
      <c r="B11272" t="s">
        <v>13469</v>
      </c>
      <c r="C11272" t="s">
        <v>13470</v>
      </c>
      <c r="D11272" t="s">
        <v>13430</v>
      </c>
      <c r="E11272" t="s">
        <v>13</v>
      </c>
      <c r="F11272">
        <v>2810</v>
      </c>
      <c r="G11272" t="s">
        <v>13471</v>
      </c>
      <c r="H11272">
        <v>5.5689825462069997</v>
      </c>
      <c r="I11272">
        <v>51.967423560044999</v>
      </c>
      <c r="J11272" t="s">
        <v>66957</v>
      </c>
    </row>
    <row r="11273" spans="1:10" x14ac:dyDescent="0.25">
      <c r="A11273" t="s">
        <v>13464</v>
      </c>
      <c r="B11273" t="s">
        <v>13465</v>
      </c>
      <c r="C11273" t="s">
        <v>13466</v>
      </c>
      <c r="D11273" t="s">
        <v>13430</v>
      </c>
      <c r="E11273" t="s">
        <v>13</v>
      </c>
      <c r="F11273">
        <v>2809</v>
      </c>
      <c r="G11273" t="s">
        <v>13467</v>
      </c>
      <c r="H11273">
        <v>5.5732917488410001</v>
      </c>
      <c r="I11273">
        <v>51.963777519087003</v>
      </c>
      <c r="J11273" t="s">
        <v>66958</v>
      </c>
    </row>
    <row r="11274" spans="1:10" x14ac:dyDescent="0.25">
      <c r="A11274" t="s">
        <v>13460</v>
      </c>
      <c r="B11274" t="s">
        <v>13461</v>
      </c>
      <c r="C11274" t="s">
        <v>13462</v>
      </c>
      <c r="D11274" t="s">
        <v>13430</v>
      </c>
      <c r="E11274" t="s">
        <v>13</v>
      </c>
      <c r="F11274">
        <v>2808</v>
      </c>
      <c r="G11274" t="s">
        <v>13463</v>
      </c>
      <c r="H11274">
        <v>5.5645423566929999</v>
      </c>
      <c r="I11274">
        <v>51.965376557494999</v>
      </c>
      <c r="J11274" t="s">
        <v>66959</v>
      </c>
    </row>
    <row r="11275" spans="1:10" x14ac:dyDescent="0.25">
      <c r="A11275" t="s">
        <v>13456</v>
      </c>
      <c r="B11275" t="s">
        <v>13457</v>
      </c>
      <c r="C11275" t="s">
        <v>13458</v>
      </c>
      <c r="D11275" t="s">
        <v>13430</v>
      </c>
      <c r="E11275" t="s">
        <v>13</v>
      </c>
      <c r="F11275">
        <v>2807</v>
      </c>
      <c r="G11275" t="s">
        <v>13459</v>
      </c>
      <c r="H11275">
        <v>5.5604606133830004</v>
      </c>
      <c r="I11275">
        <v>51.96254491122</v>
      </c>
      <c r="J11275" t="s">
        <v>66960</v>
      </c>
    </row>
    <row r="11276" spans="1:10" x14ac:dyDescent="0.25">
      <c r="A11276" t="s">
        <v>13452</v>
      </c>
      <c r="B11276" t="s">
        <v>13453</v>
      </c>
      <c r="C11276" t="s">
        <v>13454</v>
      </c>
      <c r="D11276" t="s">
        <v>13430</v>
      </c>
      <c r="E11276" t="s">
        <v>13</v>
      </c>
      <c r="F11276">
        <v>2806</v>
      </c>
      <c r="G11276" t="s">
        <v>13455</v>
      </c>
      <c r="H11276">
        <v>5.5657119787729998</v>
      </c>
      <c r="I11276">
        <v>51.961422324596001</v>
      </c>
      <c r="J11276" t="s">
        <v>66961</v>
      </c>
    </row>
    <row r="11277" spans="1:10" x14ac:dyDescent="0.25">
      <c r="A11277" t="s">
        <v>13448</v>
      </c>
      <c r="B11277" t="s">
        <v>13449</v>
      </c>
      <c r="C11277" t="s">
        <v>13450</v>
      </c>
      <c r="D11277" t="s">
        <v>13430</v>
      </c>
      <c r="E11277" t="s">
        <v>13</v>
      </c>
      <c r="F11277">
        <v>2805</v>
      </c>
      <c r="G11277" t="s">
        <v>13451</v>
      </c>
      <c r="H11277">
        <v>5.5746686842599997</v>
      </c>
      <c r="I11277">
        <v>51.959882710801999</v>
      </c>
      <c r="J11277" t="s">
        <v>66962</v>
      </c>
    </row>
    <row r="11278" spans="1:10" x14ac:dyDescent="0.25">
      <c r="A11278" t="s">
        <v>13444</v>
      </c>
      <c r="B11278" t="s">
        <v>13445</v>
      </c>
      <c r="C11278" t="s">
        <v>13446</v>
      </c>
      <c r="D11278" t="s">
        <v>13430</v>
      </c>
      <c r="E11278" t="s">
        <v>13</v>
      </c>
      <c r="F11278">
        <v>2804</v>
      </c>
      <c r="G11278" t="s">
        <v>13447</v>
      </c>
      <c r="H11278">
        <v>5.5805141564699996</v>
      </c>
      <c r="I11278">
        <v>51.960803738065003</v>
      </c>
      <c r="J11278" t="s">
        <v>66963</v>
      </c>
    </row>
    <row r="11279" spans="1:10" x14ac:dyDescent="0.25">
      <c r="A11279" t="s">
        <v>13440</v>
      </c>
      <c r="B11279" t="s">
        <v>13441</v>
      </c>
      <c r="C11279" t="s">
        <v>13442</v>
      </c>
      <c r="D11279" t="s">
        <v>13430</v>
      </c>
      <c r="E11279" t="s">
        <v>13</v>
      </c>
      <c r="F11279">
        <v>2803</v>
      </c>
      <c r="G11279" t="s">
        <v>13443</v>
      </c>
      <c r="H11279">
        <v>5.5797554080209997</v>
      </c>
      <c r="I11279">
        <v>51.956461398255001</v>
      </c>
      <c r="J11279" t="s">
        <v>66964</v>
      </c>
    </row>
    <row r="11280" spans="1:10" x14ac:dyDescent="0.25">
      <c r="A11280" t="s">
        <v>13436</v>
      </c>
      <c r="B11280" t="s">
        <v>13437</v>
      </c>
      <c r="C11280" t="s">
        <v>13438</v>
      </c>
      <c r="D11280" t="s">
        <v>13430</v>
      </c>
      <c r="E11280" t="s">
        <v>13</v>
      </c>
      <c r="F11280">
        <v>2802</v>
      </c>
      <c r="G11280" t="s">
        <v>13439</v>
      </c>
      <c r="H11280">
        <v>5.5815229265889998</v>
      </c>
      <c r="I11280">
        <v>51.954285844224003</v>
      </c>
      <c r="J11280" t="s">
        <v>66965</v>
      </c>
    </row>
    <row r="11281" spans="1:10" x14ac:dyDescent="0.25">
      <c r="A11281" t="s">
        <v>13432</v>
      </c>
      <c r="B11281" t="s">
        <v>13433</v>
      </c>
      <c r="C11281" t="s">
        <v>13434</v>
      </c>
      <c r="D11281" t="s">
        <v>13430</v>
      </c>
      <c r="E11281" t="s">
        <v>13</v>
      </c>
      <c r="F11281">
        <v>2801</v>
      </c>
      <c r="G11281" t="s">
        <v>13435</v>
      </c>
      <c r="H11281">
        <v>5.5737548322260002</v>
      </c>
      <c r="I11281">
        <v>51.956717401033004</v>
      </c>
      <c r="J11281" t="s">
        <v>66966</v>
      </c>
    </row>
    <row r="11282" spans="1:10" x14ac:dyDescent="0.25">
      <c r="A11282" t="s">
        <v>13427</v>
      </c>
      <c r="B11282" t="s">
        <v>13428</v>
      </c>
      <c r="C11282" t="s">
        <v>13429</v>
      </c>
      <c r="D11282" t="s">
        <v>13430</v>
      </c>
      <c r="E11282" t="s">
        <v>13</v>
      </c>
      <c r="F11282">
        <v>2800</v>
      </c>
      <c r="G11282" t="s">
        <v>13431</v>
      </c>
      <c r="H11282">
        <v>5.5658755079409996</v>
      </c>
      <c r="I11282">
        <v>51.957682743523002</v>
      </c>
      <c r="J11282" t="s">
        <v>66967</v>
      </c>
    </row>
    <row r="11283" spans="1:10" x14ac:dyDescent="0.25">
      <c r="A11283" t="s">
        <v>13424</v>
      </c>
      <c r="B11283" t="s">
        <v>13425</v>
      </c>
      <c r="C11283" t="s">
        <v>5274</v>
      </c>
      <c r="D11283" t="s">
        <v>13422</v>
      </c>
      <c r="E11283" t="s">
        <v>13</v>
      </c>
      <c r="F11283">
        <v>2799</v>
      </c>
      <c r="G11283" t="s">
        <v>13426</v>
      </c>
      <c r="H11283">
        <v>5.5338064863170002</v>
      </c>
      <c r="I11283">
        <v>52.068671708993001</v>
      </c>
      <c r="J11283" t="s">
        <v>66968</v>
      </c>
    </row>
    <row r="11284" spans="1:10" x14ac:dyDescent="0.25">
      <c r="A11284" t="s">
        <v>13419</v>
      </c>
      <c r="B11284" t="s">
        <v>13420</v>
      </c>
      <c r="C11284" t="s">
        <v>13421</v>
      </c>
      <c r="D11284" t="s">
        <v>13422</v>
      </c>
      <c r="E11284" t="s">
        <v>13</v>
      </c>
      <c r="F11284">
        <v>2798</v>
      </c>
      <c r="G11284" t="s">
        <v>13423</v>
      </c>
      <c r="H11284">
        <v>5.5395747747890001</v>
      </c>
      <c r="I11284">
        <v>52.073505520881</v>
      </c>
      <c r="J11284" t="s">
        <v>66969</v>
      </c>
    </row>
    <row r="11285" spans="1:10" x14ac:dyDescent="0.25">
      <c r="A11285" t="s">
        <v>13416</v>
      </c>
      <c r="B11285" t="s">
        <v>13417</v>
      </c>
      <c r="C11285" t="s">
        <v>5274</v>
      </c>
      <c r="D11285" t="s">
        <v>13374</v>
      </c>
      <c r="E11285" t="s">
        <v>13</v>
      </c>
      <c r="F11285">
        <v>2797</v>
      </c>
      <c r="G11285" t="s">
        <v>13418</v>
      </c>
      <c r="H11285">
        <v>4.9520378879329998</v>
      </c>
      <c r="I11285">
        <v>52.024595916288</v>
      </c>
      <c r="J11285" t="s">
        <v>66970</v>
      </c>
    </row>
    <row r="11286" spans="1:10" x14ac:dyDescent="0.25">
      <c r="A11286" t="s">
        <v>13412</v>
      </c>
      <c r="B11286" t="s">
        <v>13413</v>
      </c>
      <c r="C11286" t="s">
        <v>13414</v>
      </c>
      <c r="D11286" t="s">
        <v>13374</v>
      </c>
      <c r="E11286" t="s">
        <v>13</v>
      </c>
      <c r="F11286">
        <v>2796</v>
      </c>
      <c r="G11286" t="s">
        <v>13415</v>
      </c>
      <c r="H11286">
        <v>4.9396630750339998</v>
      </c>
      <c r="I11286">
        <v>52.038998024671997</v>
      </c>
      <c r="J11286" t="s">
        <v>66971</v>
      </c>
    </row>
    <row r="11287" spans="1:10" x14ac:dyDescent="0.25">
      <c r="A11287" t="s">
        <v>13408</v>
      </c>
      <c r="B11287" t="s">
        <v>13409</v>
      </c>
      <c r="C11287" t="s">
        <v>13410</v>
      </c>
      <c r="D11287" t="s">
        <v>13374</v>
      </c>
      <c r="E11287" t="s">
        <v>13</v>
      </c>
      <c r="F11287">
        <v>2795</v>
      </c>
      <c r="G11287" t="s">
        <v>13411</v>
      </c>
      <c r="H11287">
        <v>4.957426907316</v>
      </c>
      <c r="I11287">
        <v>52.03207896136</v>
      </c>
      <c r="J11287" t="s">
        <v>66972</v>
      </c>
    </row>
    <row r="11288" spans="1:10" x14ac:dyDescent="0.25">
      <c r="A11288" t="s">
        <v>13404</v>
      </c>
      <c r="B11288" t="s">
        <v>13405</v>
      </c>
      <c r="C11288" t="s">
        <v>13406</v>
      </c>
      <c r="D11288" t="s">
        <v>13374</v>
      </c>
      <c r="E11288" t="s">
        <v>13</v>
      </c>
      <c r="F11288">
        <v>2794</v>
      </c>
      <c r="G11288" t="s">
        <v>13407</v>
      </c>
      <c r="H11288">
        <v>4.9242454462019998</v>
      </c>
      <c r="I11288">
        <v>52.033043621769998</v>
      </c>
      <c r="J11288" t="s">
        <v>66973</v>
      </c>
    </row>
    <row r="11289" spans="1:10" x14ac:dyDescent="0.25">
      <c r="A11289" t="s">
        <v>13400</v>
      </c>
      <c r="B11289" t="s">
        <v>13401</v>
      </c>
      <c r="C11289" t="s">
        <v>13402</v>
      </c>
      <c r="D11289" t="s">
        <v>13374</v>
      </c>
      <c r="E11289" t="s">
        <v>13</v>
      </c>
      <c r="F11289">
        <v>2793</v>
      </c>
      <c r="G11289" t="s">
        <v>13403</v>
      </c>
      <c r="H11289">
        <v>4.9805828084600003</v>
      </c>
      <c r="I11289">
        <v>52.059588393581997</v>
      </c>
      <c r="J11289" t="s">
        <v>66974</v>
      </c>
    </row>
    <row r="11290" spans="1:10" x14ac:dyDescent="0.25">
      <c r="A11290" t="s">
        <v>13396</v>
      </c>
      <c r="B11290" t="s">
        <v>13397</v>
      </c>
      <c r="C11290" t="s">
        <v>13398</v>
      </c>
      <c r="D11290" t="s">
        <v>13374</v>
      </c>
      <c r="E11290" t="s">
        <v>13</v>
      </c>
      <c r="F11290">
        <v>2792</v>
      </c>
      <c r="G11290" t="s">
        <v>13399</v>
      </c>
      <c r="H11290">
        <v>4.9102643581600001</v>
      </c>
      <c r="I11290">
        <v>52.057149852096998</v>
      </c>
      <c r="J11290" t="s">
        <v>66975</v>
      </c>
    </row>
    <row r="11291" spans="1:10" x14ac:dyDescent="0.25">
      <c r="A11291" t="s">
        <v>13392</v>
      </c>
      <c r="B11291" t="s">
        <v>13393</v>
      </c>
      <c r="C11291" t="s">
        <v>13394</v>
      </c>
      <c r="D11291" t="s">
        <v>13374</v>
      </c>
      <c r="E11291" t="s">
        <v>13</v>
      </c>
      <c r="F11291">
        <v>2791</v>
      </c>
      <c r="G11291" t="s">
        <v>13395</v>
      </c>
      <c r="H11291">
        <v>4.9727109059089996</v>
      </c>
      <c r="I11291">
        <v>52.046793187181997</v>
      </c>
      <c r="J11291" t="s">
        <v>66976</v>
      </c>
    </row>
    <row r="11292" spans="1:10" x14ac:dyDescent="0.25">
      <c r="A11292" t="s">
        <v>13388</v>
      </c>
      <c r="B11292" t="s">
        <v>13389</v>
      </c>
      <c r="C11292" t="s">
        <v>13390</v>
      </c>
      <c r="D11292" t="s">
        <v>13374</v>
      </c>
      <c r="E11292" t="s">
        <v>13</v>
      </c>
      <c r="F11292">
        <v>2790</v>
      </c>
      <c r="G11292" t="s">
        <v>13391</v>
      </c>
      <c r="H11292">
        <v>4.9392084936630001</v>
      </c>
      <c r="I11292">
        <v>52.068292175578001</v>
      </c>
      <c r="J11292" t="s">
        <v>66977</v>
      </c>
    </row>
    <row r="11293" spans="1:10" x14ac:dyDescent="0.25">
      <c r="A11293" t="s">
        <v>13384</v>
      </c>
      <c r="B11293" t="s">
        <v>13385</v>
      </c>
      <c r="C11293" t="s">
        <v>13386</v>
      </c>
      <c r="D11293" t="s">
        <v>13374</v>
      </c>
      <c r="E11293" t="s">
        <v>13</v>
      </c>
      <c r="F11293">
        <v>2789</v>
      </c>
      <c r="G11293" t="s">
        <v>13387</v>
      </c>
      <c r="H11293">
        <v>4.9045060462350003</v>
      </c>
      <c r="I11293">
        <v>52.068415282133998</v>
      </c>
      <c r="J11293" t="s">
        <v>66978</v>
      </c>
    </row>
    <row r="11294" spans="1:10" x14ac:dyDescent="0.25">
      <c r="A11294" t="s">
        <v>13380</v>
      </c>
      <c r="B11294" t="s">
        <v>13381</v>
      </c>
      <c r="C11294" t="s">
        <v>13382</v>
      </c>
      <c r="D11294" t="s">
        <v>13374</v>
      </c>
      <c r="E11294" t="s">
        <v>13</v>
      </c>
      <c r="F11294">
        <v>2788</v>
      </c>
      <c r="G11294" t="s">
        <v>13383</v>
      </c>
      <c r="H11294">
        <v>4.9153104793300004</v>
      </c>
      <c r="I11294">
        <v>52.063851968426</v>
      </c>
      <c r="J11294" t="s">
        <v>66979</v>
      </c>
    </row>
    <row r="11295" spans="1:10" x14ac:dyDescent="0.25">
      <c r="A11295" t="s">
        <v>13376</v>
      </c>
      <c r="B11295" t="s">
        <v>13377</v>
      </c>
      <c r="C11295" t="s">
        <v>13378</v>
      </c>
      <c r="D11295" t="s">
        <v>13374</v>
      </c>
      <c r="E11295" t="s">
        <v>13</v>
      </c>
      <c r="F11295">
        <v>2787</v>
      </c>
      <c r="G11295" t="s">
        <v>13379</v>
      </c>
      <c r="H11295">
        <v>4.9554931215730003</v>
      </c>
      <c r="I11295">
        <v>52.047949944620001</v>
      </c>
      <c r="J11295" t="s">
        <v>66980</v>
      </c>
    </row>
    <row r="11296" spans="1:10" x14ac:dyDescent="0.25">
      <c r="A11296" t="s">
        <v>13371</v>
      </c>
      <c r="B11296" t="s">
        <v>13372</v>
      </c>
      <c r="C11296" t="s">
        <v>13373</v>
      </c>
      <c r="D11296" t="s">
        <v>13374</v>
      </c>
      <c r="E11296" t="s">
        <v>13</v>
      </c>
      <c r="F11296">
        <v>2786</v>
      </c>
      <c r="G11296" t="s">
        <v>13375</v>
      </c>
      <c r="H11296">
        <v>4.9471243983160003</v>
      </c>
      <c r="I11296">
        <v>52.042379832690997</v>
      </c>
      <c r="J11296" t="s">
        <v>66981</v>
      </c>
    </row>
    <row r="11297" spans="1:10" x14ac:dyDescent="0.25">
      <c r="A11297" t="s">
        <v>13367</v>
      </c>
      <c r="B11297" t="s">
        <v>13368</v>
      </c>
      <c r="C11297" t="s">
        <v>13369</v>
      </c>
      <c r="D11297" t="s">
        <v>13317</v>
      </c>
      <c r="E11297" t="s">
        <v>13</v>
      </c>
      <c r="F11297">
        <v>2785</v>
      </c>
      <c r="G11297" t="s">
        <v>13370</v>
      </c>
      <c r="H11297">
        <v>4.8749816692339998</v>
      </c>
      <c r="I11297">
        <v>51.986438656262003</v>
      </c>
      <c r="J11297" t="s">
        <v>66982</v>
      </c>
    </row>
    <row r="11298" spans="1:10" x14ac:dyDescent="0.25">
      <c r="A11298" t="s">
        <v>13363</v>
      </c>
      <c r="B11298" t="s">
        <v>13364</v>
      </c>
      <c r="C11298" t="s">
        <v>13365</v>
      </c>
      <c r="D11298" t="s">
        <v>13317</v>
      </c>
      <c r="E11298" t="s">
        <v>13</v>
      </c>
      <c r="F11298">
        <v>2784</v>
      </c>
      <c r="G11298" t="s">
        <v>13366</v>
      </c>
      <c r="H11298">
        <v>4.8501480696400003</v>
      </c>
      <c r="I11298">
        <v>51.976835985687998</v>
      </c>
      <c r="J11298" t="s">
        <v>66983</v>
      </c>
    </row>
    <row r="11299" spans="1:10" x14ac:dyDescent="0.25">
      <c r="A11299" t="s">
        <v>13359</v>
      </c>
      <c r="B11299" t="s">
        <v>13360</v>
      </c>
      <c r="C11299" t="s">
        <v>13361</v>
      </c>
      <c r="D11299" t="s">
        <v>13317</v>
      </c>
      <c r="E11299" t="s">
        <v>13</v>
      </c>
      <c r="F11299">
        <v>2783</v>
      </c>
      <c r="G11299" t="s">
        <v>13362</v>
      </c>
      <c r="H11299">
        <v>4.9636597813290004</v>
      </c>
      <c r="I11299">
        <v>52.005548036717997</v>
      </c>
      <c r="J11299" t="s">
        <v>66984</v>
      </c>
    </row>
    <row r="11300" spans="1:10" x14ac:dyDescent="0.25">
      <c r="A11300" t="s">
        <v>13355</v>
      </c>
      <c r="B11300" t="s">
        <v>13356</v>
      </c>
      <c r="C11300" t="s">
        <v>13357</v>
      </c>
      <c r="D11300" t="s">
        <v>13317</v>
      </c>
      <c r="E11300" t="s">
        <v>13</v>
      </c>
      <c r="F11300">
        <v>2782</v>
      </c>
      <c r="G11300" t="s">
        <v>13358</v>
      </c>
      <c r="H11300">
        <v>4.9802890577890002</v>
      </c>
      <c r="I11300">
        <v>52.008878441627999</v>
      </c>
      <c r="J11300" t="s">
        <v>66985</v>
      </c>
    </row>
    <row r="11301" spans="1:10" x14ac:dyDescent="0.25">
      <c r="A11301" t="s">
        <v>13351</v>
      </c>
      <c r="B11301" t="s">
        <v>13352</v>
      </c>
      <c r="C11301" t="s">
        <v>13353</v>
      </c>
      <c r="D11301" t="s">
        <v>13317</v>
      </c>
      <c r="E11301" t="s">
        <v>13</v>
      </c>
      <c r="F11301">
        <v>2781</v>
      </c>
      <c r="G11301" t="s">
        <v>13354</v>
      </c>
      <c r="H11301">
        <v>4.956892122987</v>
      </c>
      <c r="I11301">
        <v>51.977105380495999</v>
      </c>
      <c r="J11301" t="s">
        <v>66986</v>
      </c>
    </row>
    <row r="11302" spans="1:10" x14ac:dyDescent="0.25">
      <c r="A11302" t="s">
        <v>13347</v>
      </c>
      <c r="B11302" t="s">
        <v>13348</v>
      </c>
      <c r="C11302" t="s">
        <v>13349</v>
      </c>
      <c r="D11302" t="s">
        <v>13317</v>
      </c>
      <c r="E11302" t="s">
        <v>13</v>
      </c>
      <c r="F11302">
        <v>2780</v>
      </c>
      <c r="G11302" t="s">
        <v>13350</v>
      </c>
      <c r="H11302">
        <v>4.925598899073</v>
      </c>
      <c r="I11302">
        <v>51.953564062148999</v>
      </c>
      <c r="J11302" t="s">
        <v>66987</v>
      </c>
    </row>
    <row r="11303" spans="1:10" x14ac:dyDescent="0.25">
      <c r="A11303" t="s">
        <v>13343</v>
      </c>
      <c r="B11303" t="s">
        <v>13344</v>
      </c>
      <c r="C11303" t="s">
        <v>13345</v>
      </c>
      <c r="D11303" t="s">
        <v>13317</v>
      </c>
      <c r="E11303" t="s">
        <v>13</v>
      </c>
      <c r="F11303">
        <v>2779</v>
      </c>
      <c r="G11303" t="s">
        <v>13346</v>
      </c>
      <c r="H11303">
        <v>4.8784884790129999</v>
      </c>
      <c r="I11303">
        <v>51.959190401557002</v>
      </c>
      <c r="J11303" t="s">
        <v>66988</v>
      </c>
    </row>
    <row r="11304" spans="1:10" x14ac:dyDescent="0.25">
      <c r="A11304" t="s">
        <v>13339</v>
      </c>
      <c r="B11304" t="s">
        <v>13340</v>
      </c>
      <c r="C11304" t="s">
        <v>13341</v>
      </c>
      <c r="D11304" t="s">
        <v>13317</v>
      </c>
      <c r="E11304" t="s">
        <v>13</v>
      </c>
      <c r="F11304">
        <v>2778</v>
      </c>
      <c r="G11304" t="s">
        <v>13342</v>
      </c>
      <c r="H11304">
        <v>4.8982063540240004</v>
      </c>
      <c r="I11304">
        <v>51.965136036662997</v>
      </c>
      <c r="J11304" t="s">
        <v>66989</v>
      </c>
    </row>
    <row r="11305" spans="1:10" x14ac:dyDescent="0.25">
      <c r="A11305" t="s">
        <v>13335</v>
      </c>
      <c r="B11305" t="s">
        <v>13336</v>
      </c>
      <c r="C11305" t="s">
        <v>13337</v>
      </c>
      <c r="D11305" t="s">
        <v>13317</v>
      </c>
      <c r="E11305" t="s">
        <v>13</v>
      </c>
      <c r="F11305">
        <v>2777</v>
      </c>
      <c r="G11305" t="s">
        <v>13338</v>
      </c>
      <c r="H11305">
        <v>4.9201383453689997</v>
      </c>
      <c r="I11305">
        <v>51.97357588269</v>
      </c>
      <c r="J11305" t="s">
        <v>66990</v>
      </c>
    </row>
    <row r="11306" spans="1:10" x14ac:dyDescent="0.25">
      <c r="A11306" t="s">
        <v>13331</v>
      </c>
      <c r="B11306" t="s">
        <v>13332</v>
      </c>
      <c r="C11306" t="s">
        <v>13333</v>
      </c>
      <c r="D11306" t="s">
        <v>13317</v>
      </c>
      <c r="E11306" t="s">
        <v>13</v>
      </c>
      <c r="F11306">
        <v>2776</v>
      </c>
      <c r="G11306" t="s">
        <v>13334</v>
      </c>
      <c r="H11306">
        <v>4.9786442895830003</v>
      </c>
      <c r="I11306">
        <v>51.969497242803001</v>
      </c>
      <c r="J11306" t="s">
        <v>66991</v>
      </c>
    </row>
    <row r="11307" spans="1:10" x14ac:dyDescent="0.25">
      <c r="A11307" t="s">
        <v>13327</v>
      </c>
      <c r="B11307" t="s">
        <v>13328</v>
      </c>
      <c r="C11307" t="s">
        <v>13329</v>
      </c>
      <c r="D11307" t="s">
        <v>13317</v>
      </c>
      <c r="E11307" t="s">
        <v>13</v>
      </c>
      <c r="F11307">
        <v>2775</v>
      </c>
      <c r="G11307" t="s">
        <v>13330</v>
      </c>
      <c r="H11307">
        <v>5.0404577622140003</v>
      </c>
      <c r="I11307">
        <v>51.990021928594999</v>
      </c>
      <c r="J11307" t="s">
        <v>66992</v>
      </c>
    </row>
    <row r="11308" spans="1:10" x14ac:dyDescent="0.25">
      <c r="A11308" t="s">
        <v>13323</v>
      </c>
      <c r="B11308" t="s">
        <v>13324</v>
      </c>
      <c r="C11308" t="s">
        <v>13325</v>
      </c>
      <c r="D11308" t="s">
        <v>13317</v>
      </c>
      <c r="E11308" t="s">
        <v>13</v>
      </c>
      <c r="F11308">
        <v>2774</v>
      </c>
      <c r="G11308" t="s">
        <v>13326</v>
      </c>
      <c r="H11308">
        <v>5.0123116821510001</v>
      </c>
      <c r="I11308">
        <v>51.984709827231001</v>
      </c>
      <c r="J11308" t="s">
        <v>66993</v>
      </c>
    </row>
    <row r="11309" spans="1:10" x14ac:dyDescent="0.25">
      <c r="A11309" t="s">
        <v>13319</v>
      </c>
      <c r="B11309" t="s">
        <v>13320</v>
      </c>
      <c r="C11309" t="s">
        <v>13321</v>
      </c>
      <c r="D11309" t="s">
        <v>13317</v>
      </c>
      <c r="E11309" t="s">
        <v>13</v>
      </c>
      <c r="F11309">
        <v>2773</v>
      </c>
      <c r="G11309" t="s">
        <v>13322</v>
      </c>
      <c r="H11309">
        <v>4.9780330488170002</v>
      </c>
      <c r="I11309">
        <v>51.979788776154003</v>
      </c>
      <c r="J11309" t="s">
        <v>66994</v>
      </c>
    </row>
    <row r="11310" spans="1:10" x14ac:dyDescent="0.25">
      <c r="A11310" t="s">
        <v>13314</v>
      </c>
      <c r="B11310" t="s">
        <v>13315</v>
      </c>
      <c r="C11310" t="s">
        <v>13316</v>
      </c>
      <c r="D11310" t="s">
        <v>13317</v>
      </c>
      <c r="E11310" t="s">
        <v>13</v>
      </c>
      <c r="F11310">
        <v>2772</v>
      </c>
      <c r="G11310" t="s">
        <v>13318</v>
      </c>
      <c r="H11310">
        <v>4.9468132729700001</v>
      </c>
      <c r="I11310">
        <v>51.974428525722999</v>
      </c>
      <c r="J11310" t="s">
        <v>66995</v>
      </c>
    </row>
    <row r="11311" spans="1:10" x14ac:dyDescent="0.25">
      <c r="A11311" t="s">
        <v>13310</v>
      </c>
      <c r="B11311" t="s">
        <v>13311</v>
      </c>
      <c r="C11311" t="s">
        <v>13312</v>
      </c>
      <c r="D11311" t="s">
        <v>13206</v>
      </c>
      <c r="E11311" t="s">
        <v>13</v>
      </c>
      <c r="F11311">
        <v>2771</v>
      </c>
      <c r="G11311" t="s">
        <v>13313</v>
      </c>
      <c r="H11311">
        <v>5.4289745111669996</v>
      </c>
      <c r="I11311">
        <v>52.144294385744999</v>
      </c>
      <c r="J11311" t="s">
        <v>66996</v>
      </c>
    </row>
    <row r="11312" spans="1:10" x14ac:dyDescent="0.25">
      <c r="A11312" t="s">
        <v>13306</v>
      </c>
      <c r="B11312" t="s">
        <v>13307</v>
      </c>
      <c r="C11312" t="s">
        <v>13308</v>
      </c>
      <c r="D11312" t="s">
        <v>13206</v>
      </c>
      <c r="E11312" t="s">
        <v>13</v>
      </c>
      <c r="F11312">
        <v>2770</v>
      </c>
      <c r="G11312" t="s">
        <v>13309</v>
      </c>
      <c r="H11312">
        <v>5.4319815990829996</v>
      </c>
      <c r="I11312">
        <v>52.140736638805002</v>
      </c>
      <c r="J11312" t="s">
        <v>66997</v>
      </c>
    </row>
    <row r="11313" spans="1:10" x14ac:dyDescent="0.25">
      <c r="A11313" t="s">
        <v>13302</v>
      </c>
      <c r="B11313" t="s">
        <v>13303</v>
      </c>
      <c r="C11313" t="s">
        <v>13304</v>
      </c>
      <c r="D11313" t="s">
        <v>13206</v>
      </c>
      <c r="E11313" t="s">
        <v>13</v>
      </c>
      <c r="F11313">
        <v>2769</v>
      </c>
      <c r="G11313" t="s">
        <v>13305</v>
      </c>
      <c r="H11313">
        <v>5.4353621233930003</v>
      </c>
      <c r="I11313">
        <v>52.152124125831001</v>
      </c>
      <c r="J11313" t="s">
        <v>66998</v>
      </c>
    </row>
    <row r="11314" spans="1:10" x14ac:dyDescent="0.25">
      <c r="A11314" t="s">
        <v>13299</v>
      </c>
      <c r="B11314" t="s">
        <v>13300</v>
      </c>
      <c r="C11314" t="s">
        <v>3766</v>
      </c>
      <c r="D11314" t="s">
        <v>13206</v>
      </c>
      <c r="E11314" t="s">
        <v>13</v>
      </c>
      <c r="F11314">
        <v>2768</v>
      </c>
      <c r="G11314" t="s">
        <v>13301</v>
      </c>
      <c r="H11314">
        <v>5.4789843324519998</v>
      </c>
      <c r="I11314">
        <v>52.136149046123997</v>
      </c>
      <c r="J11314" t="s">
        <v>66999</v>
      </c>
    </row>
    <row r="11315" spans="1:10" x14ac:dyDescent="0.25">
      <c r="A11315" t="s">
        <v>13295</v>
      </c>
      <c r="B11315" t="s">
        <v>13296</v>
      </c>
      <c r="C11315" t="s">
        <v>13297</v>
      </c>
      <c r="D11315" t="s">
        <v>13206</v>
      </c>
      <c r="E11315" t="s">
        <v>13</v>
      </c>
      <c r="F11315">
        <v>2767</v>
      </c>
      <c r="G11315" t="s">
        <v>13298</v>
      </c>
      <c r="H11315">
        <v>5.4983322602619999</v>
      </c>
      <c r="I11315">
        <v>52.136329586541002</v>
      </c>
      <c r="J11315" t="s">
        <v>67000</v>
      </c>
    </row>
    <row r="11316" spans="1:10" x14ac:dyDescent="0.25">
      <c r="A11316" t="s">
        <v>13291</v>
      </c>
      <c r="B11316" t="s">
        <v>13292</v>
      </c>
      <c r="C11316" t="s">
        <v>13293</v>
      </c>
      <c r="D11316" t="s">
        <v>13206</v>
      </c>
      <c r="E11316" t="s">
        <v>13</v>
      </c>
      <c r="F11316">
        <v>2766</v>
      </c>
      <c r="G11316" t="s">
        <v>13294</v>
      </c>
      <c r="H11316">
        <v>5.3734876328840002</v>
      </c>
      <c r="I11316">
        <v>52.110982150810997</v>
      </c>
      <c r="J11316" t="s">
        <v>67001</v>
      </c>
    </row>
    <row r="11317" spans="1:10" x14ac:dyDescent="0.25">
      <c r="A11317" t="s">
        <v>13287</v>
      </c>
      <c r="B11317" t="s">
        <v>13288</v>
      </c>
      <c r="C11317" t="s">
        <v>13289</v>
      </c>
      <c r="D11317" t="s">
        <v>13206</v>
      </c>
      <c r="E11317" t="s">
        <v>13</v>
      </c>
      <c r="F11317">
        <v>2765</v>
      </c>
      <c r="G11317" t="s">
        <v>13290</v>
      </c>
      <c r="H11317">
        <v>5.4126836927299999</v>
      </c>
      <c r="I11317">
        <v>52.117713369754</v>
      </c>
      <c r="J11317" t="s">
        <v>67002</v>
      </c>
    </row>
    <row r="11318" spans="1:10" x14ac:dyDescent="0.25">
      <c r="A11318" t="s">
        <v>13283</v>
      </c>
      <c r="B11318" t="s">
        <v>13284</v>
      </c>
      <c r="C11318" t="s">
        <v>13285</v>
      </c>
      <c r="D11318" t="s">
        <v>13206</v>
      </c>
      <c r="E11318" t="s">
        <v>13</v>
      </c>
      <c r="F11318">
        <v>2764</v>
      </c>
      <c r="G11318" t="s">
        <v>13286</v>
      </c>
      <c r="H11318">
        <v>5.4037704903200003</v>
      </c>
      <c r="I11318">
        <v>52.118628002077003</v>
      </c>
      <c r="J11318" t="s">
        <v>67003</v>
      </c>
    </row>
    <row r="11319" spans="1:10" x14ac:dyDescent="0.25">
      <c r="A11319" t="s">
        <v>13279</v>
      </c>
      <c r="B11319" t="s">
        <v>13280</v>
      </c>
      <c r="C11319" t="s">
        <v>13281</v>
      </c>
      <c r="D11319" t="s">
        <v>13206</v>
      </c>
      <c r="E11319" t="s">
        <v>13</v>
      </c>
      <c r="F11319">
        <v>2763</v>
      </c>
      <c r="G11319" t="s">
        <v>13282</v>
      </c>
      <c r="H11319">
        <v>5.4144058196430001</v>
      </c>
      <c r="I11319">
        <v>52.133518767997998</v>
      </c>
      <c r="J11319" t="s">
        <v>67004</v>
      </c>
    </row>
    <row r="11320" spans="1:10" x14ac:dyDescent="0.25">
      <c r="A11320" t="s">
        <v>13275</v>
      </c>
      <c r="B11320" t="s">
        <v>13276</v>
      </c>
      <c r="C11320" t="s">
        <v>13277</v>
      </c>
      <c r="D11320" t="s">
        <v>13206</v>
      </c>
      <c r="E11320" t="s">
        <v>13</v>
      </c>
      <c r="F11320">
        <v>2762</v>
      </c>
      <c r="G11320" t="s">
        <v>13278</v>
      </c>
      <c r="H11320">
        <v>5.4213828851999999</v>
      </c>
      <c r="I11320">
        <v>52.129983038200997</v>
      </c>
      <c r="J11320" t="s">
        <v>67005</v>
      </c>
    </row>
    <row r="11321" spans="1:10" x14ac:dyDescent="0.25">
      <c r="A11321" t="s">
        <v>13271</v>
      </c>
      <c r="B11321" t="s">
        <v>13272</v>
      </c>
      <c r="C11321" t="s">
        <v>13273</v>
      </c>
      <c r="D11321" t="s">
        <v>13206</v>
      </c>
      <c r="E11321" t="s">
        <v>13</v>
      </c>
      <c r="F11321">
        <v>2761</v>
      </c>
      <c r="G11321" t="s">
        <v>13274</v>
      </c>
      <c r="H11321">
        <v>5.4223863077930003</v>
      </c>
      <c r="I11321">
        <v>52.133451441021002</v>
      </c>
      <c r="J11321" t="s">
        <v>67006</v>
      </c>
    </row>
    <row r="11322" spans="1:10" x14ac:dyDescent="0.25">
      <c r="A11322" t="s">
        <v>13267</v>
      </c>
      <c r="B11322" t="s">
        <v>13268</v>
      </c>
      <c r="C11322" t="s">
        <v>13269</v>
      </c>
      <c r="D11322" t="s">
        <v>13206</v>
      </c>
      <c r="E11322" t="s">
        <v>13</v>
      </c>
      <c r="F11322">
        <v>2760</v>
      </c>
      <c r="G11322" t="s">
        <v>13270</v>
      </c>
      <c r="H11322">
        <v>5.4419058122689998</v>
      </c>
      <c r="I11322">
        <v>52.138930430868001</v>
      </c>
      <c r="J11322" t="s">
        <v>67007</v>
      </c>
    </row>
    <row r="11323" spans="1:10" x14ac:dyDescent="0.25">
      <c r="A11323" t="s">
        <v>13263</v>
      </c>
      <c r="B11323" t="s">
        <v>13264</v>
      </c>
      <c r="C11323" t="s">
        <v>13265</v>
      </c>
      <c r="D11323" t="s">
        <v>13206</v>
      </c>
      <c r="E11323" t="s">
        <v>13</v>
      </c>
      <c r="F11323">
        <v>2759</v>
      </c>
      <c r="G11323" t="s">
        <v>13266</v>
      </c>
      <c r="H11323">
        <v>5.443661760136</v>
      </c>
      <c r="I11323">
        <v>52.134337748512998</v>
      </c>
      <c r="J11323" t="s">
        <v>67008</v>
      </c>
    </row>
    <row r="11324" spans="1:10" x14ac:dyDescent="0.25">
      <c r="A11324" t="s">
        <v>13259</v>
      </c>
      <c r="B11324" t="s">
        <v>13260</v>
      </c>
      <c r="C11324" t="s">
        <v>13261</v>
      </c>
      <c r="D11324" t="s">
        <v>13206</v>
      </c>
      <c r="E11324" t="s">
        <v>13</v>
      </c>
      <c r="F11324">
        <v>2758</v>
      </c>
      <c r="G11324" t="s">
        <v>13262</v>
      </c>
      <c r="H11324">
        <v>5.439442112709</v>
      </c>
      <c r="I11324">
        <v>52.134527997135997</v>
      </c>
      <c r="J11324" t="s">
        <v>67009</v>
      </c>
    </row>
    <row r="11325" spans="1:10" x14ac:dyDescent="0.25">
      <c r="A11325" t="s">
        <v>13256</v>
      </c>
      <c r="B11325" t="s">
        <v>13257</v>
      </c>
      <c r="C11325" t="s">
        <v>11573</v>
      </c>
      <c r="D11325" t="s">
        <v>13206</v>
      </c>
      <c r="E11325" t="s">
        <v>13</v>
      </c>
      <c r="F11325">
        <v>2757</v>
      </c>
      <c r="G11325" t="s">
        <v>13258</v>
      </c>
      <c r="H11325">
        <v>5.4352322354559996</v>
      </c>
      <c r="I11325">
        <v>52.134640154783</v>
      </c>
      <c r="J11325" t="s">
        <v>67010</v>
      </c>
    </row>
    <row r="11326" spans="1:10" x14ac:dyDescent="0.25">
      <c r="A11326" t="s">
        <v>13252</v>
      </c>
      <c r="B11326" t="s">
        <v>13253</v>
      </c>
      <c r="C11326" t="s">
        <v>13254</v>
      </c>
      <c r="D11326" t="s">
        <v>13206</v>
      </c>
      <c r="E11326" t="s">
        <v>13</v>
      </c>
      <c r="F11326">
        <v>2756</v>
      </c>
      <c r="G11326" t="s">
        <v>13255</v>
      </c>
      <c r="H11326">
        <v>5.4297845037650001</v>
      </c>
      <c r="I11326">
        <v>52.134342113187003</v>
      </c>
      <c r="J11326" t="s">
        <v>67011</v>
      </c>
    </row>
    <row r="11327" spans="1:10" x14ac:dyDescent="0.25">
      <c r="A11327" t="s">
        <v>13248</v>
      </c>
      <c r="B11327" t="s">
        <v>13249</v>
      </c>
      <c r="C11327" t="s">
        <v>13250</v>
      </c>
      <c r="D11327" t="s">
        <v>13206</v>
      </c>
      <c r="E11327" t="s">
        <v>13</v>
      </c>
      <c r="F11327">
        <v>2755</v>
      </c>
      <c r="G11327" t="s">
        <v>13251</v>
      </c>
      <c r="H11327">
        <v>5.4348263073750003</v>
      </c>
      <c r="I11327">
        <v>52.137831991029998</v>
      </c>
      <c r="J11327" t="s">
        <v>67012</v>
      </c>
    </row>
    <row r="11328" spans="1:10" x14ac:dyDescent="0.25">
      <c r="A11328" t="s">
        <v>13244</v>
      </c>
      <c r="B11328" t="s">
        <v>13245</v>
      </c>
      <c r="C11328" t="s">
        <v>13246</v>
      </c>
      <c r="D11328" t="s">
        <v>13206</v>
      </c>
      <c r="E11328" t="s">
        <v>13</v>
      </c>
      <c r="F11328">
        <v>2754</v>
      </c>
      <c r="G11328" t="s">
        <v>13247</v>
      </c>
      <c r="H11328">
        <v>5.4247867382730002</v>
      </c>
      <c r="I11328">
        <v>52.137214051613</v>
      </c>
      <c r="J11328" t="s">
        <v>67013</v>
      </c>
    </row>
    <row r="11329" spans="1:10" x14ac:dyDescent="0.25">
      <c r="A11329" t="s">
        <v>13240</v>
      </c>
      <c r="B11329" t="s">
        <v>13241</v>
      </c>
      <c r="C11329" t="s">
        <v>13242</v>
      </c>
      <c r="D11329" t="s">
        <v>13206</v>
      </c>
      <c r="E11329" t="s">
        <v>13</v>
      </c>
      <c r="F11329">
        <v>2753</v>
      </c>
      <c r="G11329" t="s">
        <v>13243</v>
      </c>
      <c r="H11329">
        <v>5.4528316481169998</v>
      </c>
      <c r="I11329">
        <v>52.120069110468002</v>
      </c>
      <c r="J11329" t="s">
        <v>67014</v>
      </c>
    </row>
    <row r="11330" spans="1:10" x14ac:dyDescent="0.25">
      <c r="A11330" t="s">
        <v>13236</v>
      </c>
      <c r="B11330" t="s">
        <v>13237</v>
      </c>
      <c r="C11330" t="s">
        <v>13238</v>
      </c>
      <c r="D11330" t="s">
        <v>13206</v>
      </c>
      <c r="E11330" t="s">
        <v>13</v>
      </c>
      <c r="F11330">
        <v>2752</v>
      </c>
      <c r="G11330" t="s">
        <v>13239</v>
      </c>
      <c r="H11330">
        <v>5.4191624155209999</v>
      </c>
      <c r="I11330">
        <v>52.124261266626</v>
      </c>
      <c r="J11330" t="s">
        <v>67015</v>
      </c>
    </row>
    <row r="11331" spans="1:10" x14ac:dyDescent="0.25">
      <c r="A11331" t="s">
        <v>13232</v>
      </c>
      <c r="B11331" t="s">
        <v>13233</v>
      </c>
      <c r="C11331" t="s">
        <v>13234</v>
      </c>
      <c r="D11331" t="s">
        <v>13206</v>
      </c>
      <c r="E11331" t="s">
        <v>13</v>
      </c>
      <c r="F11331">
        <v>2751</v>
      </c>
      <c r="G11331" t="s">
        <v>13235</v>
      </c>
      <c r="H11331">
        <v>5.4188497132659998</v>
      </c>
      <c r="I11331">
        <v>52.126931594044997</v>
      </c>
      <c r="J11331" t="s">
        <v>67016</v>
      </c>
    </row>
    <row r="11332" spans="1:10" x14ac:dyDescent="0.25">
      <c r="A11332" t="s">
        <v>13228</v>
      </c>
      <c r="B11332" t="s">
        <v>13229</v>
      </c>
      <c r="C11332" t="s">
        <v>13230</v>
      </c>
      <c r="D11332" t="s">
        <v>13206</v>
      </c>
      <c r="E11332" t="s">
        <v>13</v>
      </c>
      <c r="F11332">
        <v>2750</v>
      </c>
      <c r="G11332" t="s">
        <v>13231</v>
      </c>
      <c r="H11332">
        <v>5.4435381535039999</v>
      </c>
      <c r="I11332">
        <v>52.126575507788999</v>
      </c>
      <c r="J11332" t="s">
        <v>67017</v>
      </c>
    </row>
    <row r="11333" spans="1:10" x14ac:dyDescent="0.25">
      <c r="A11333" t="s">
        <v>13224</v>
      </c>
      <c r="B11333" t="s">
        <v>13225</v>
      </c>
      <c r="C11333" t="s">
        <v>13226</v>
      </c>
      <c r="D11333" t="s">
        <v>13206</v>
      </c>
      <c r="E11333" t="s">
        <v>13</v>
      </c>
      <c r="F11333">
        <v>2749</v>
      </c>
      <c r="G11333" t="s">
        <v>13227</v>
      </c>
      <c r="H11333">
        <v>5.4375786295550004</v>
      </c>
      <c r="I11333">
        <v>52.127184565119002</v>
      </c>
      <c r="J11333" t="s">
        <v>67018</v>
      </c>
    </row>
    <row r="11334" spans="1:10" x14ac:dyDescent="0.25">
      <c r="A11334" t="s">
        <v>13220</v>
      </c>
      <c r="B11334" t="s">
        <v>13221</v>
      </c>
      <c r="C11334" t="s">
        <v>13222</v>
      </c>
      <c r="D11334" t="s">
        <v>13206</v>
      </c>
      <c r="E11334" t="s">
        <v>13</v>
      </c>
      <c r="F11334">
        <v>2748</v>
      </c>
      <c r="G11334" t="s">
        <v>13223</v>
      </c>
      <c r="H11334">
        <v>5.4315170427739998</v>
      </c>
      <c r="I11334">
        <v>52.127846683474999</v>
      </c>
      <c r="J11334" t="s">
        <v>67019</v>
      </c>
    </row>
    <row r="11335" spans="1:10" x14ac:dyDescent="0.25">
      <c r="A11335" t="s">
        <v>13216</v>
      </c>
      <c r="B11335" t="s">
        <v>13217</v>
      </c>
      <c r="C11335" t="s">
        <v>13218</v>
      </c>
      <c r="D11335" t="s">
        <v>13206</v>
      </c>
      <c r="E11335" t="s">
        <v>13</v>
      </c>
      <c r="F11335">
        <v>2747</v>
      </c>
      <c r="G11335" t="s">
        <v>13219</v>
      </c>
      <c r="H11335">
        <v>5.4427468398199998</v>
      </c>
      <c r="I11335">
        <v>52.130295283039999</v>
      </c>
      <c r="J11335" t="s">
        <v>67020</v>
      </c>
    </row>
    <row r="11336" spans="1:10" x14ac:dyDescent="0.25">
      <c r="A11336" t="s">
        <v>13212</v>
      </c>
      <c r="B11336" t="s">
        <v>13213</v>
      </c>
      <c r="C11336" t="s">
        <v>13214</v>
      </c>
      <c r="D11336" t="s">
        <v>13206</v>
      </c>
      <c r="E11336" t="s">
        <v>13</v>
      </c>
      <c r="F11336">
        <v>2746</v>
      </c>
      <c r="G11336" t="s">
        <v>13215</v>
      </c>
      <c r="H11336">
        <v>5.4369708638249996</v>
      </c>
      <c r="I11336">
        <v>52.130326413044003</v>
      </c>
      <c r="J11336" t="s">
        <v>67021</v>
      </c>
    </row>
    <row r="11337" spans="1:10" x14ac:dyDescent="0.25">
      <c r="A11337" t="s">
        <v>13208</v>
      </c>
      <c r="B11337" t="s">
        <v>13209</v>
      </c>
      <c r="C11337" t="s">
        <v>13210</v>
      </c>
      <c r="D11337" t="s">
        <v>13206</v>
      </c>
      <c r="E11337" t="s">
        <v>13</v>
      </c>
      <c r="F11337">
        <v>2745</v>
      </c>
      <c r="G11337" t="s">
        <v>13211</v>
      </c>
      <c r="H11337">
        <v>5.4321803554440002</v>
      </c>
      <c r="I11337">
        <v>52.130756569642003</v>
      </c>
      <c r="J11337" t="s">
        <v>67022</v>
      </c>
    </row>
    <row r="11338" spans="1:10" x14ac:dyDescent="0.25">
      <c r="A11338" t="s">
        <v>13203</v>
      </c>
      <c r="B11338" t="s">
        <v>13204</v>
      </c>
      <c r="C11338" t="s">
        <v>13205</v>
      </c>
      <c r="D11338" t="s">
        <v>13206</v>
      </c>
      <c r="E11338" t="s">
        <v>13</v>
      </c>
      <c r="F11338">
        <v>2744</v>
      </c>
      <c r="G11338" t="s">
        <v>13207</v>
      </c>
      <c r="H11338">
        <v>5.4276882740319996</v>
      </c>
      <c r="I11338">
        <v>52.129306450919998</v>
      </c>
      <c r="J11338" t="s">
        <v>67023</v>
      </c>
    </row>
    <row r="11339" spans="1:10" x14ac:dyDescent="0.25">
      <c r="A11339" t="s">
        <v>13199</v>
      </c>
      <c r="B11339" t="s">
        <v>13200</v>
      </c>
      <c r="C11339" t="s">
        <v>13201</v>
      </c>
      <c r="D11339" t="s">
        <v>13165</v>
      </c>
      <c r="E11339" t="s">
        <v>13</v>
      </c>
      <c r="F11339">
        <v>2743</v>
      </c>
      <c r="G11339" t="s">
        <v>13202</v>
      </c>
      <c r="H11339">
        <v>5.2551251982859997</v>
      </c>
      <c r="I11339">
        <v>52.248879313677001</v>
      </c>
      <c r="J11339" t="s">
        <v>67024</v>
      </c>
    </row>
    <row r="11340" spans="1:10" x14ac:dyDescent="0.25">
      <c r="A11340" t="s">
        <v>13195</v>
      </c>
      <c r="B11340" t="s">
        <v>13196</v>
      </c>
      <c r="C11340" t="s">
        <v>13197</v>
      </c>
      <c r="D11340" t="s">
        <v>13165</v>
      </c>
      <c r="E11340" t="s">
        <v>13</v>
      </c>
      <c r="F11340">
        <v>2742</v>
      </c>
      <c r="G11340" t="s">
        <v>13198</v>
      </c>
      <c r="H11340">
        <v>5.2667586957179999</v>
      </c>
      <c r="I11340">
        <v>52.254920590895999</v>
      </c>
      <c r="J11340" t="s">
        <v>67025</v>
      </c>
    </row>
    <row r="11341" spans="1:10" x14ac:dyDescent="0.25">
      <c r="A11341" t="s">
        <v>13191</v>
      </c>
      <c r="B11341" t="s">
        <v>13192</v>
      </c>
      <c r="C11341" t="s">
        <v>13193</v>
      </c>
      <c r="D11341" t="s">
        <v>13165</v>
      </c>
      <c r="E11341" t="s">
        <v>13</v>
      </c>
      <c r="F11341">
        <v>2741</v>
      </c>
      <c r="G11341" t="s">
        <v>13194</v>
      </c>
      <c r="H11341">
        <v>5.2591336554090002</v>
      </c>
      <c r="I11341">
        <v>52.257310212711999</v>
      </c>
      <c r="J11341" t="s">
        <v>67026</v>
      </c>
    </row>
    <row r="11342" spans="1:10" x14ac:dyDescent="0.25">
      <c r="A11342" t="s">
        <v>13187</v>
      </c>
      <c r="B11342" t="s">
        <v>13188</v>
      </c>
      <c r="C11342" t="s">
        <v>13189</v>
      </c>
      <c r="D11342" t="s">
        <v>13165</v>
      </c>
      <c r="E11342" t="s">
        <v>13</v>
      </c>
      <c r="F11342">
        <v>2740</v>
      </c>
      <c r="G11342" t="s">
        <v>13190</v>
      </c>
      <c r="H11342">
        <v>5.2365425400380001</v>
      </c>
      <c r="I11342">
        <v>52.229183784627999</v>
      </c>
      <c r="J11342" t="s">
        <v>67027</v>
      </c>
    </row>
    <row r="11343" spans="1:10" x14ac:dyDescent="0.25">
      <c r="A11343" t="s">
        <v>13183</v>
      </c>
      <c r="B11343" t="s">
        <v>13184</v>
      </c>
      <c r="C11343" t="s">
        <v>13185</v>
      </c>
      <c r="D11343" t="s">
        <v>13165</v>
      </c>
      <c r="E11343" t="s">
        <v>13</v>
      </c>
      <c r="F11343">
        <v>2739</v>
      </c>
      <c r="G11343" t="s">
        <v>13186</v>
      </c>
      <c r="H11343">
        <v>5.2446335829970003</v>
      </c>
      <c r="I11343">
        <v>52.249502366782004</v>
      </c>
      <c r="J11343" t="s">
        <v>67028</v>
      </c>
    </row>
    <row r="11344" spans="1:10" x14ac:dyDescent="0.25">
      <c r="A11344" t="s">
        <v>13179</v>
      </c>
      <c r="B11344" t="s">
        <v>13180</v>
      </c>
      <c r="C11344" t="s">
        <v>13181</v>
      </c>
      <c r="D11344" t="s">
        <v>13165</v>
      </c>
      <c r="E11344" t="s">
        <v>13</v>
      </c>
      <c r="F11344">
        <v>2738</v>
      </c>
      <c r="G11344" t="s">
        <v>13182</v>
      </c>
      <c r="H11344">
        <v>5.2572624407669997</v>
      </c>
      <c r="I11344">
        <v>52.253219099943998</v>
      </c>
      <c r="J11344" t="s">
        <v>67029</v>
      </c>
    </row>
    <row r="11345" spans="1:10" x14ac:dyDescent="0.25">
      <c r="A11345" t="s">
        <v>13175</v>
      </c>
      <c r="B11345" t="s">
        <v>13176</v>
      </c>
      <c r="C11345" t="s">
        <v>13177</v>
      </c>
      <c r="D11345" t="s">
        <v>13165</v>
      </c>
      <c r="E11345" t="s">
        <v>13</v>
      </c>
      <c r="F11345">
        <v>2737</v>
      </c>
      <c r="G11345" t="s">
        <v>13178</v>
      </c>
      <c r="H11345">
        <v>5.2913890870560003</v>
      </c>
      <c r="I11345">
        <v>52.250120424949998</v>
      </c>
      <c r="J11345" t="s">
        <v>67030</v>
      </c>
    </row>
    <row r="11346" spans="1:10" x14ac:dyDescent="0.25">
      <c r="A11346" t="s">
        <v>13171</v>
      </c>
      <c r="B11346" t="s">
        <v>13172</v>
      </c>
      <c r="C11346" t="s">
        <v>13173</v>
      </c>
      <c r="D11346" t="s">
        <v>13165</v>
      </c>
      <c r="E11346" t="s">
        <v>13</v>
      </c>
      <c r="F11346">
        <v>2736</v>
      </c>
      <c r="G11346" t="s">
        <v>13174</v>
      </c>
      <c r="H11346">
        <v>5.2640046545950003</v>
      </c>
      <c r="I11346">
        <v>52.250928139564003</v>
      </c>
      <c r="J11346" t="s">
        <v>67031</v>
      </c>
    </row>
    <row r="11347" spans="1:10" x14ac:dyDescent="0.25">
      <c r="A11347" t="s">
        <v>13167</v>
      </c>
      <c r="B11347" t="s">
        <v>13168</v>
      </c>
      <c r="C11347" t="s">
        <v>13169</v>
      </c>
      <c r="D11347" t="s">
        <v>13165</v>
      </c>
      <c r="E11347" t="s">
        <v>13</v>
      </c>
      <c r="F11347">
        <v>2735</v>
      </c>
      <c r="G11347" t="s">
        <v>13170</v>
      </c>
      <c r="H11347">
        <v>5.3218276754440001</v>
      </c>
      <c r="I11347">
        <v>52.272066558790002</v>
      </c>
      <c r="J11347" t="s">
        <v>67032</v>
      </c>
    </row>
    <row r="11348" spans="1:10" x14ac:dyDescent="0.25">
      <c r="A11348" t="s">
        <v>13162</v>
      </c>
      <c r="B11348" t="s">
        <v>13163</v>
      </c>
      <c r="C11348" t="s">
        <v>13164</v>
      </c>
      <c r="D11348" t="s">
        <v>13165</v>
      </c>
      <c r="E11348" t="s">
        <v>13</v>
      </c>
      <c r="F11348">
        <v>2734</v>
      </c>
      <c r="G11348" t="s">
        <v>13166</v>
      </c>
      <c r="H11348">
        <v>5.3092145946490001</v>
      </c>
      <c r="I11348">
        <v>52.225344029894003</v>
      </c>
      <c r="J11348" t="s">
        <v>67033</v>
      </c>
    </row>
    <row r="11349" spans="1:10" x14ac:dyDescent="0.25">
      <c r="A11349" t="s">
        <v>13158</v>
      </c>
      <c r="B11349" t="s">
        <v>13159</v>
      </c>
      <c r="C11349" t="s">
        <v>13160</v>
      </c>
      <c r="D11349" t="s">
        <v>13125</v>
      </c>
      <c r="E11349" t="s">
        <v>13</v>
      </c>
      <c r="F11349">
        <v>2733</v>
      </c>
      <c r="G11349" t="s">
        <v>13161</v>
      </c>
      <c r="H11349">
        <v>5.3817045061639996</v>
      </c>
      <c r="I11349">
        <v>52.238802833492997</v>
      </c>
      <c r="J11349" t="s">
        <v>67034</v>
      </c>
    </row>
    <row r="11350" spans="1:10" x14ac:dyDescent="0.25">
      <c r="A11350" t="s">
        <v>13154</v>
      </c>
      <c r="B11350" t="s">
        <v>13155</v>
      </c>
      <c r="C11350" t="s">
        <v>13156</v>
      </c>
      <c r="D11350" t="s">
        <v>13125</v>
      </c>
      <c r="E11350" t="s">
        <v>13</v>
      </c>
      <c r="F11350">
        <v>2732</v>
      </c>
      <c r="G11350" t="s">
        <v>13157</v>
      </c>
      <c r="H11350">
        <v>5.3809360256850001</v>
      </c>
      <c r="I11350">
        <v>52.245554365181</v>
      </c>
      <c r="J11350" t="s">
        <v>67035</v>
      </c>
    </row>
    <row r="11351" spans="1:10" x14ac:dyDescent="0.25">
      <c r="A11351" t="s">
        <v>13151</v>
      </c>
      <c r="B11351" t="s">
        <v>13152</v>
      </c>
      <c r="C11351" t="s">
        <v>5274</v>
      </c>
      <c r="D11351" t="s">
        <v>13125</v>
      </c>
      <c r="E11351" t="s">
        <v>13</v>
      </c>
      <c r="F11351">
        <v>2731</v>
      </c>
      <c r="G11351" t="s">
        <v>13153</v>
      </c>
      <c r="H11351">
        <v>5.355080407899</v>
      </c>
      <c r="I11351">
        <v>52.244849230112997</v>
      </c>
      <c r="J11351" t="s">
        <v>67036</v>
      </c>
    </row>
    <row r="11352" spans="1:10" x14ac:dyDescent="0.25">
      <c r="A11352" t="s">
        <v>13147</v>
      </c>
      <c r="B11352" t="s">
        <v>13148</v>
      </c>
      <c r="C11352" t="s">
        <v>13149</v>
      </c>
      <c r="D11352" t="s">
        <v>13125</v>
      </c>
      <c r="E11352" t="s">
        <v>13</v>
      </c>
      <c r="F11352">
        <v>2730</v>
      </c>
      <c r="G11352" t="s">
        <v>13150</v>
      </c>
      <c r="H11352">
        <v>5.3659185575060002</v>
      </c>
      <c r="I11352">
        <v>52.217974517790999</v>
      </c>
      <c r="J11352" t="s">
        <v>67037</v>
      </c>
    </row>
    <row r="11353" spans="1:10" x14ac:dyDescent="0.25">
      <c r="A11353" t="s">
        <v>13143</v>
      </c>
      <c r="B11353" t="s">
        <v>13144</v>
      </c>
      <c r="C11353" t="s">
        <v>13145</v>
      </c>
      <c r="D11353" t="s">
        <v>13125</v>
      </c>
      <c r="E11353" t="s">
        <v>13</v>
      </c>
      <c r="F11353">
        <v>2729</v>
      </c>
      <c r="G11353" t="s">
        <v>13146</v>
      </c>
      <c r="H11353">
        <v>5.365082829835</v>
      </c>
      <c r="I11353">
        <v>52.238507830815003</v>
      </c>
      <c r="J11353" t="s">
        <v>67038</v>
      </c>
    </row>
    <row r="11354" spans="1:10" x14ac:dyDescent="0.25">
      <c r="A11354" t="s">
        <v>13139</v>
      </c>
      <c r="B11354" t="s">
        <v>13140</v>
      </c>
      <c r="C11354" t="s">
        <v>13141</v>
      </c>
      <c r="D11354" t="s">
        <v>13125</v>
      </c>
      <c r="E11354" t="s">
        <v>13</v>
      </c>
      <c r="F11354">
        <v>2728</v>
      </c>
      <c r="G11354" t="s">
        <v>13142</v>
      </c>
      <c r="H11354">
        <v>5.3676925059969998</v>
      </c>
      <c r="I11354">
        <v>52.246250679382001</v>
      </c>
      <c r="J11354" t="s">
        <v>67039</v>
      </c>
    </row>
    <row r="11355" spans="1:10" x14ac:dyDescent="0.25">
      <c r="A11355" t="s">
        <v>13135</v>
      </c>
      <c r="B11355" t="s">
        <v>13136</v>
      </c>
      <c r="C11355" t="s">
        <v>13137</v>
      </c>
      <c r="D11355" t="s">
        <v>13125</v>
      </c>
      <c r="E11355" t="s">
        <v>13</v>
      </c>
      <c r="F11355">
        <v>2727</v>
      </c>
      <c r="G11355" t="s">
        <v>13138</v>
      </c>
      <c r="H11355">
        <v>5.3717100016190003</v>
      </c>
      <c r="I11355">
        <v>52.254982967579998</v>
      </c>
      <c r="J11355" t="s">
        <v>67040</v>
      </c>
    </row>
    <row r="11356" spans="1:10" x14ac:dyDescent="0.25">
      <c r="A11356" t="s">
        <v>13131</v>
      </c>
      <c r="B11356" t="s">
        <v>13132</v>
      </c>
      <c r="C11356" t="s">
        <v>13133</v>
      </c>
      <c r="D11356" t="s">
        <v>13125</v>
      </c>
      <c r="E11356" t="s">
        <v>13</v>
      </c>
      <c r="F11356">
        <v>2726</v>
      </c>
      <c r="G11356" t="s">
        <v>13134</v>
      </c>
      <c r="H11356">
        <v>5.3272588297169996</v>
      </c>
      <c r="I11356">
        <v>52.255803106282002</v>
      </c>
      <c r="J11356" t="s">
        <v>67041</v>
      </c>
    </row>
    <row r="11357" spans="1:10" x14ac:dyDescent="0.25">
      <c r="A11357" t="s">
        <v>13127</v>
      </c>
      <c r="B11357" t="s">
        <v>13128</v>
      </c>
      <c r="C11357" t="s">
        <v>13129</v>
      </c>
      <c r="D11357" t="s">
        <v>13125</v>
      </c>
      <c r="E11357" t="s">
        <v>13</v>
      </c>
      <c r="F11357">
        <v>2725</v>
      </c>
      <c r="G11357" t="s">
        <v>13130</v>
      </c>
      <c r="H11357">
        <v>5.3800617277739997</v>
      </c>
      <c r="I11357">
        <v>52.252040384771</v>
      </c>
      <c r="J11357" t="s">
        <v>67042</v>
      </c>
    </row>
    <row r="11358" spans="1:10" x14ac:dyDescent="0.25">
      <c r="A11358" t="s">
        <v>13122</v>
      </c>
      <c r="B11358" t="s">
        <v>13123</v>
      </c>
      <c r="C11358" t="s">
        <v>13124</v>
      </c>
      <c r="D11358" t="s">
        <v>13125</v>
      </c>
      <c r="E11358" t="s">
        <v>13</v>
      </c>
      <c r="F11358">
        <v>2724</v>
      </c>
      <c r="G11358" t="s">
        <v>13126</v>
      </c>
      <c r="H11358">
        <v>5.3695866658510001</v>
      </c>
      <c r="I11358">
        <v>52.234179121699</v>
      </c>
      <c r="J11358" t="s">
        <v>67043</v>
      </c>
    </row>
    <row r="11359" spans="1:10" x14ac:dyDescent="0.25">
      <c r="A11359" t="s">
        <v>13118</v>
      </c>
      <c r="B11359" t="s">
        <v>13119</v>
      </c>
      <c r="C11359" t="s">
        <v>13120</v>
      </c>
      <c r="D11359" t="s">
        <v>13092</v>
      </c>
      <c r="E11359" t="s">
        <v>13</v>
      </c>
      <c r="F11359">
        <v>2723</v>
      </c>
      <c r="G11359" t="s">
        <v>13121</v>
      </c>
      <c r="H11359">
        <v>5.2416064332829997</v>
      </c>
      <c r="I11359">
        <v>52.021844765406001</v>
      </c>
      <c r="J11359" t="s">
        <v>67044</v>
      </c>
    </row>
    <row r="11360" spans="1:10" x14ac:dyDescent="0.25">
      <c r="A11360" t="s">
        <v>13114</v>
      </c>
      <c r="B11360" t="s">
        <v>13115</v>
      </c>
      <c r="C11360" t="s">
        <v>13116</v>
      </c>
      <c r="D11360" t="s">
        <v>13092</v>
      </c>
      <c r="E11360" t="s">
        <v>13</v>
      </c>
      <c r="F11360">
        <v>2722</v>
      </c>
      <c r="G11360" t="s">
        <v>13117</v>
      </c>
      <c r="H11360">
        <v>5.2440770737879996</v>
      </c>
      <c r="I11360">
        <v>52.022961506369001</v>
      </c>
      <c r="J11360" t="s">
        <v>67045</v>
      </c>
    </row>
    <row r="11361" spans="1:10" x14ac:dyDescent="0.25">
      <c r="A11361" t="s">
        <v>13110</v>
      </c>
      <c r="B11361" t="s">
        <v>13111</v>
      </c>
      <c r="C11361" t="s">
        <v>13112</v>
      </c>
      <c r="D11361" t="s">
        <v>13092</v>
      </c>
      <c r="E11361" t="s">
        <v>13</v>
      </c>
      <c r="F11361">
        <v>2721</v>
      </c>
      <c r="G11361" t="s">
        <v>13113</v>
      </c>
      <c r="H11361">
        <v>5.2151428251800001</v>
      </c>
      <c r="I11361">
        <v>52.044903608878997</v>
      </c>
      <c r="J11361" t="s">
        <v>67046</v>
      </c>
    </row>
    <row r="11362" spans="1:10" x14ac:dyDescent="0.25">
      <c r="A11362" t="s">
        <v>13106</v>
      </c>
      <c r="B11362" t="s">
        <v>13107</v>
      </c>
      <c r="C11362" t="s">
        <v>13108</v>
      </c>
      <c r="D11362" t="s">
        <v>13092</v>
      </c>
      <c r="E11362" t="s">
        <v>13</v>
      </c>
      <c r="F11362">
        <v>2720</v>
      </c>
      <c r="G11362" t="s">
        <v>13109</v>
      </c>
      <c r="H11362">
        <v>5.2348400682529999</v>
      </c>
      <c r="I11362">
        <v>52.051689273706003</v>
      </c>
      <c r="J11362" t="s">
        <v>67047</v>
      </c>
    </row>
    <row r="11363" spans="1:10" x14ac:dyDescent="0.25">
      <c r="A11363" t="s">
        <v>13102</v>
      </c>
      <c r="B11363" t="s">
        <v>13103</v>
      </c>
      <c r="C11363" t="s">
        <v>13104</v>
      </c>
      <c r="D11363" t="s">
        <v>13092</v>
      </c>
      <c r="E11363" t="s">
        <v>13</v>
      </c>
      <c r="F11363">
        <v>2719</v>
      </c>
      <c r="G11363" t="s">
        <v>13105</v>
      </c>
      <c r="H11363">
        <v>5.1834971186179999</v>
      </c>
      <c r="I11363">
        <v>52.054540441514</v>
      </c>
      <c r="J11363" t="s">
        <v>67048</v>
      </c>
    </row>
    <row r="11364" spans="1:10" x14ac:dyDescent="0.25">
      <c r="A11364" t="s">
        <v>13098</v>
      </c>
      <c r="B11364" t="s">
        <v>13099</v>
      </c>
      <c r="C11364" t="s">
        <v>13100</v>
      </c>
      <c r="D11364" t="s">
        <v>13092</v>
      </c>
      <c r="E11364" t="s">
        <v>13</v>
      </c>
      <c r="F11364">
        <v>2718</v>
      </c>
      <c r="G11364" t="s">
        <v>13101</v>
      </c>
      <c r="H11364">
        <v>5.1713465877119997</v>
      </c>
      <c r="I11364">
        <v>52.071674299719</v>
      </c>
      <c r="J11364" t="s">
        <v>67049</v>
      </c>
    </row>
    <row r="11365" spans="1:10" x14ac:dyDescent="0.25">
      <c r="A11365" t="s">
        <v>13094</v>
      </c>
      <c r="B11365" t="s">
        <v>13095</v>
      </c>
      <c r="C11365" t="s">
        <v>13096</v>
      </c>
      <c r="D11365" t="s">
        <v>13092</v>
      </c>
      <c r="E11365" t="s">
        <v>13</v>
      </c>
      <c r="F11365">
        <v>2717</v>
      </c>
      <c r="G11365" t="s">
        <v>13097</v>
      </c>
      <c r="H11365">
        <v>5.1723973129649998</v>
      </c>
      <c r="I11365">
        <v>52.064488936994003</v>
      </c>
      <c r="J11365" t="s">
        <v>67050</v>
      </c>
    </row>
    <row r="11366" spans="1:10" x14ac:dyDescent="0.25">
      <c r="A11366" t="s">
        <v>13089</v>
      </c>
      <c r="B11366" t="s">
        <v>13090</v>
      </c>
      <c r="C11366" t="s">
        <v>13091</v>
      </c>
      <c r="D11366" t="s">
        <v>13092</v>
      </c>
      <c r="E11366" t="s">
        <v>13</v>
      </c>
      <c r="F11366">
        <v>2716</v>
      </c>
      <c r="G11366" t="s">
        <v>13093</v>
      </c>
      <c r="H11366">
        <v>5.2015949464369999</v>
      </c>
      <c r="I11366">
        <v>52.068095056426998</v>
      </c>
      <c r="J11366" t="s">
        <v>67051</v>
      </c>
    </row>
    <row r="11367" spans="1:10" x14ac:dyDescent="0.25">
      <c r="A11367" t="s">
        <v>13085</v>
      </c>
      <c r="B11367" t="s">
        <v>13086</v>
      </c>
      <c r="C11367" t="s">
        <v>13087</v>
      </c>
      <c r="D11367" t="s">
        <v>12996</v>
      </c>
      <c r="E11367" t="s">
        <v>13</v>
      </c>
      <c r="F11367">
        <v>2715</v>
      </c>
      <c r="G11367" t="s">
        <v>13088</v>
      </c>
      <c r="H11367">
        <v>5.2012559602559998</v>
      </c>
      <c r="I11367">
        <v>52.102143853626004</v>
      </c>
      <c r="J11367" t="s">
        <v>67052</v>
      </c>
    </row>
    <row r="11368" spans="1:10" x14ac:dyDescent="0.25">
      <c r="A11368" t="s">
        <v>13081</v>
      </c>
      <c r="B11368" t="s">
        <v>13082</v>
      </c>
      <c r="C11368" t="s">
        <v>13083</v>
      </c>
      <c r="D11368" t="s">
        <v>12996</v>
      </c>
      <c r="E11368" t="s">
        <v>13</v>
      </c>
      <c r="F11368">
        <v>2714</v>
      </c>
      <c r="G11368" t="s">
        <v>13084</v>
      </c>
      <c r="H11368">
        <v>5.1845399357190001</v>
      </c>
      <c r="I11368">
        <v>52.108233622485997</v>
      </c>
      <c r="J11368" t="s">
        <v>67053</v>
      </c>
    </row>
    <row r="11369" spans="1:10" x14ac:dyDescent="0.25">
      <c r="A11369" t="s">
        <v>13077</v>
      </c>
      <c r="B11369" t="s">
        <v>13078</v>
      </c>
      <c r="C11369" t="s">
        <v>13079</v>
      </c>
      <c r="D11369" t="s">
        <v>12996</v>
      </c>
      <c r="E11369" t="s">
        <v>13</v>
      </c>
      <c r="F11369">
        <v>2713</v>
      </c>
      <c r="G11369" t="s">
        <v>13080</v>
      </c>
      <c r="H11369">
        <v>5.1671891955940001</v>
      </c>
      <c r="I11369">
        <v>52.100737624776002</v>
      </c>
      <c r="J11369" t="s">
        <v>67054</v>
      </c>
    </row>
    <row r="11370" spans="1:10" x14ac:dyDescent="0.25">
      <c r="A11370" t="s">
        <v>13073</v>
      </c>
      <c r="B11370" t="s">
        <v>13074</v>
      </c>
      <c r="C11370" t="s">
        <v>13075</v>
      </c>
      <c r="D11370" t="s">
        <v>12996</v>
      </c>
      <c r="E11370" t="s">
        <v>13</v>
      </c>
      <c r="F11370">
        <v>2712</v>
      </c>
      <c r="G11370" t="s">
        <v>13076</v>
      </c>
      <c r="H11370">
        <v>5.1719957331890001</v>
      </c>
      <c r="I11370">
        <v>52.112402328418</v>
      </c>
      <c r="J11370" t="s">
        <v>67055</v>
      </c>
    </row>
    <row r="11371" spans="1:10" x14ac:dyDescent="0.25">
      <c r="A11371" t="s">
        <v>13069</v>
      </c>
      <c r="B11371" t="s">
        <v>13070</v>
      </c>
      <c r="C11371" t="s">
        <v>13071</v>
      </c>
      <c r="D11371" t="s">
        <v>12996</v>
      </c>
      <c r="E11371" t="s">
        <v>13</v>
      </c>
      <c r="F11371">
        <v>2711</v>
      </c>
      <c r="G11371" t="s">
        <v>13072</v>
      </c>
      <c r="H11371">
        <v>5.1771534424789998</v>
      </c>
      <c r="I11371">
        <v>52.110777038390999</v>
      </c>
      <c r="J11371" t="s">
        <v>67056</v>
      </c>
    </row>
    <row r="11372" spans="1:10" x14ac:dyDescent="0.25">
      <c r="A11372" t="s">
        <v>13065</v>
      </c>
      <c r="B11372" t="s">
        <v>13066</v>
      </c>
      <c r="C11372" t="s">
        <v>13067</v>
      </c>
      <c r="D11372" t="s">
        <v>12996</v>
      </c>
      <c r="E11372" t="s">
        <v>13</v>
      </c>
      <c r="F11372">
        <v>2710</v>
      </c>
      <c r="G11372" t="s">
        <v>13068</v>
      </c>
      <c r="H11372">
        <v>5.1770149328519999</v>
      </c>
      <c r="I11372">
        <v>52.119772927336001</v>
      </c>
      <c r="J11372" t="s">
        <v>67057</v>
      </c>
    </row>
    <row r="11373" spans="1:10" x14ac:dyDescent="0.25">
      <c r="A11373" t="s">
        <v>13061</v>
      </c>
      <c r="B11373" t="s">
        <v>13062</v>
      </c>
      <c r="C11373" t="s">
        <v>13063</v>
      </c>
      <c r="D11373" t="s">
        <v>12996</v>
      </c>
      <c r="E11373" t="s">
        <v>13</v>
      </c>
      <c r="F11373">
        <v>2709</v>
      </c>
      <c r="G11373" t="s">
        <v>13064</v>
      </c>
      <c r="H11373">
        <v>5.1850428266010002</v>
      </c>
      <c r="I11373">
        <v>52.121237833020999</v>
      </c>
      <c r="J11373" t="s">
        <v>67058</v>
      </c>
    </row>
    <row r="11374" spans="1:10" x14ac:dyDescent="0.25">
      <c r="A11374" t="s">
        <v>13058</v>
      </c>
      <c r="B11374" t="s">
        <v>13059</v>
      </c>
      <c r="C11374" t="s">
        <v>2443</v>
      </c>
      <c r="D11374" t="s">
        <v>12996</v>
      </c>
      <c r="E11374" t="s">
        <v>13</v>
      </c>
      <c r="F11374">
        <v>2708</v>
      </c>
      <c r="G11374" t="s">
        <v>13060</v>
      </c>
      <c r="H11374">
        <v>5.1949439560749999</v>
      </c>
      <c r="I11374">
        <v>52.119745832646998</v>
      </c>
      <c r="J11374" t="s">
        <v>67059</v>
      </c>
    </row>
    <row r="11375" spans="1:10" x14ac:dyDescent="0.25">
      <c r="A11375" t="s">
        <v>13054</v>
      </c>
      <c r="B11375" t="s">
        <v>13055</v>
      </c>
      <c r="C11375" t="s">
        <v>13056</v>
      </c>
      <c r="D11375" t="s">
        <v>12996</v>
      </c>
      <c r="E11375" t="s">
        <v>13</v>
      </c>
      <c r="F11375">
        <v>2707</v>
      </c>
      <c r="G11375" t="s">
        <v>13057</v>
      </c>
      <c r="H11375">
        <v>5.214870102071</v>
      </c>
      <c r="I11375">
        <v>52.122470131500997</v>
      </c>
      <c r="J11375" t="s">
        <v>67060</v>
      </c>
    </row>
    <row r="11376" spans="1:10" x14ac:dyDescent="0.25">
      <c r="A11376" t="s">
        <v>13050</v>
      </c>
      <c r="B11376" t="s">
        <v>13051</v>
      </c>
      <c r="C11376" t="s">
        <v>13052</v>
      </c>
      <c r="D11376" t="s">
        <v>12996</v>
      </c>
      <c r="E11376" t="s">
        <v>13</v>
      </c>
      <c r="F11376">
        <v>2706</v>
      </c>
      <c r="G11376" t="s">
        <v>13053</v>
      </c>
      <c r="H11376">
        <v>5.2029866086130001</v>
      </c>
      <c r="I11376">
        <v>52.123675509896003</v>
      </c>
      <c r="J11376" t="s">
        <v>67061</v>
      </c>
    </row>
    <row r="11377" spans="1:10" x14ac:dyDescent="0.25">
      <c r="A11377" t="s">
        <v>13046</v>
      </c>
      <c r="B11377" t="s">
        <v>13047</v>
      </c>
      <c r="C11377" t="s">
        <v>13048</v>
      </c>
      <c r="D11377" t="s">
        <v>12996</v>
      </c>
      <c r="E11377" t="s">
        <v>13</v>
      </c>
      <c r="F11377">
        <v>2705</v>
      </c>
      <c r="G11377" t="s">
        <v>13049</v>
      </c>
      <c r="H11377">
        <v>5.2157440679410003</v>
      </c>
      <c r="I11377">
        <v>52.130284937531997</v>
      </c>
      <c r="J11377" t="s">
        <v>67062</v>
      </c>
    </row>
    <row r="11378" spans="1:10" x14ac:dyDescent="0.25">
      <c r="A11378" t="s">
        <v>13042</v>
      </c>
      <c r="B11378" t="s">
        <v>13043</v>
      </c>
      <c r="C11378" t="s">
        <v>13044</v>
      </c>
      <c r="D11378" t="s">
        <v>12996</v>
      </c>
      <c r="E11378" t="s">
        <v>13</v>
      </c>
      <c r="F11378">
        <v>2704</v>
      </c>
      <c r="G11378" t="s">
        <v>13045</v>
      </c>
      <c r="H11378">
        <v>5.2092573798209996</v>
      </c>
      <c r="I11378">
        <v>52.157333281637001</v>
      </c>
      <c r="J11378" t="s">
        <v>67063</v>
      </c>
    </row>
    <row r="11379" spans="1:10" x14ac:dyDescent="0.25">
      <c r="A11379" t="s">
        <v>13038</v>
      </c>
      <c r="B11379" t="s">
        <v>13039</v>
      </c>
      <c r="C11379" t="s">
        <v>13040</v>
      </c>
      <c r="D11379" t="s">
        <v>12996</v>
      </c>
      <c r="E11379" t="s">
        <v>13</v>
      </c>
      <c r="F11379">
        <v>2703</v>
      </c>
      <c r="G11379" t="s">
        <v>13041</v>
      </c>
      <c r="H11379">
        <v>5.2071553194850004</v>
      </c>
      <c r="I11379">
        <v>52.139950513045001</v>
      </c>
      <c r="J11379" t="s">
        <v>67064</v>
      </c>
    </row>
    <row r="11380" spans="1:10" x14ac:dyDescent="0.25">
      <c r="A11380" t="s">
        <v>13034</v>
      </c>
      <c r="B11380" t="s">
        <v>13035</v>
      </c>
      <c r="C11380" t="s">
        <v>13036</v>
      </c>
      <c r="D11380" t="s">
        <v>12996</v>
      </c>
      <c r="E11380" t="s">
        <v>13</v>
      </c>
      <c r="F11380">
        <v>2702</v>
      </c>
      <c r="G11380" t="s">
        <v>13037</v>
      </c>
      <c r="H11380">
        <v>5.220269037295</v>
      </c>
      <c r="I11380">
        <v>52.140505001603998</v>
      </c>
      <c r="J11380" t="s">
        <v>67065</v>
      </c>
    </row>
    <row r="11381" spans="1:10" x14ac:dyDescent="0.25">
      <c r="A11381" t="s">
        <v>13030</v>
      </c>
      <c r="B11381" t="s">
        <v>13031</v>
      </c>
      <c r="C11381" t="s">
        <v>13032</v>
      </c>
      <c r="D11381" t="s">
        <v>12996</v>
      </c>
      <c r="E11381" t="s">
        <v>13</v>
      </c>
      <c r="F11381">
        <v>2701</v>
      </c>
      <c r="G11381" t="s">
        <v>13033</v>
      </c>
      <c r="H11381">
        <v>5.1901926582740003</v>
      </c>
      <c r="I11381">
        <v>52.130007980689001</v>
      </c>
      <c r="J11381" t="s">
        <v>67066</v>
      </c>
    </row>
    <row r="11382" spans="1:10" x14ac:dyDescent="0.25">
      <c r="A11382" t="s">
        <v>13026</v>
      </c>
      <c r="B11382" t="s">
        <v>13027</v>
      </c>
      <c r="C11382" t="s">
        <v>13028</v>
      </c>
      <c r="D11382" t="s">
        <v>12996</v>
      </c>
      <c r="E11382" t="s">
        <v>13</v>
      </c>
      <c r="F11382">
        <v>2700</v>
      </c>
      <c r="G11382" t="s">
        <v>13029</v>
      </c>
      <c r="H11382">
        <v>5.1582716793800003</v>
      </c>
      <c r="I11382">
        <v>52.130128495466003</v>
      </c>
      <c r="J11382" t="s">
        <v>67067</v>
      </c>
    </row>
    <row r="11383" spans="1:10" x14ac:dyDescent="0.25">
      <c r="A11383" t="s">
        <v>13022</v>
      </c>
      <c r="B11383" t="s">
        <v>13023</v>
      </c>
      <c r="C11383" t="s">
        <v>13024</v>
      </c>
      <c r="D11383" t="s">
        <v>12996</v>
      </c>
      <c r="E11383" t="s">
        <v>13</v>
      </c>
      <c r="F11383">
        <v>2699</v>
      </c>
      <c r="G11383" t="s">
        <v>13025</v>
      </c>
      <c r="H11383">
        <v>5.1507937646719997</v>
      </c>
      <c r="I11383">
        <v>52.124321655467</v>
      </c>
      <c r="J11383" t="s">
        <v>67068</v>
      </c>
    </row>
    <row r="11384" spans="1:10" x14ac:dyDescent="0.25">
      <c r="A11384" t="s">
        <v>13018</v>
      </c>
      <c r="B11384" t="s">
        <v>13019</v>
      </c>
      <c r="C11384" t="s">
        <v>13020</v>
      </c>
      <c r="D11384" t="s">
        <v>12996</v>
      </c>
      <c r="E11384" t="s">
        <v>13</v>
      </c>
      <c r="F11384">
        <v>2698</v>
      </c>
      <c r="G11384" t="s">
        <v>13021</v>
      </c>
      <c r="H11384">
        <v>5.1764746660760004</v>
      </c>
      <c r="I11384">
        <v>52.157664560805003</v>
      </c>
      <c r="J11384" t="s">
        <v>67069</v>
      </c>
    </row>
    <row r="11385" spans="1:10" x14ac:dyDescent="0.25">
      <c r="A11385" t="s">
        <v>13014</v>
      </c>
      <c r="B11385" t="s">
        <v>13015</v>
      </c>
      <c r="C11385" t="s">
        <v>13016</v>
      </c>
      <c r="D11385" t="s">
        <v>12996</v>
      </c>
      <c r="E11385" t="s">
        <v>13</v>
      </c>
      <c r="F11385">
        <v>2697</v>
      </c>
      <c r="G11385" t="s">
        <v>13017</v>
      </c>
      <c r="H11385">
        <v>5.1666369341539999</v>
      </c>
      <c r="I11385">
        <v>52.159584893397003</v>
      </c>
      <c r="J11385" t="s">
        <v>67070</v>
      </c>
    </row>
    <row r="11386" spans="1:10" x14ac:dyDescent="0.25">
      <c r="A11386" t="s">
        <v>13010</v>
      </c>
      <c r="B11386" t="s">
        <v>13011</v>
      </c>
      <c r="C11386" t="s">
        <v>13012</v>
      </c>
      <c r="D11386" t="s">
        <v>12996</v>
      </c>
      <c r="E11386" t="s">
        <v>13</v>
      </c>
      <c r="F11386">
        <v>2696</v>
      </c>
      <c r="G11386" t="s">
        <v>13013</v>
      </c>
      <c r="H11386">
        <v>5.1767394255959998</v>
      </c>
      <c r="I11386">
        <v>52.155942005001002</v>
      </c>
      <c r="J11386" t="s">
        <v>67071</v>
      </c>
    </row>
    <row r="11387" spans="1:10" x14ac:dyDescent="0.25">
      <c r="A11387" t="s">
        <v>13006</v>
      </c>
      <c r="B11387" t="s">
        <v>13007</v>
      </c>
      <c r="C11387" t="s">
        <v>13008</v>
      </c>
      <c r="D11387" t="s">
        <v>12996</v>
      </c>
      <c r="E11387" t="s">
        <v>13</v>
      </c>
      <c r="F11387">
        <v>2695</v>
      </c>
      <c r="G11387" t="s">
        <v>13009</v>
      </c>
      <c r="H11387">
        <v>5.1724153788110003</v>
      </c>
      <c r="I11387">
        <v>52.177252871287997</v>
      </c>
      <c r="J11387" t="s">
        <v>67072</v>
      </c>
    </row>
    <row r="11388" spans="1:10" x14ac:dyDescent="0.25">
      <c r="A11388" t="s">
        <v>13002</v>
      </c>
      <c r="B11388" t="s">
        <v>13003</v>
      </c>
      <c r="C11388" t="s">
        <v>13004</v>
      </c>
      <c r="D11388" t="s">
        <v>12996</v>
      </c>
      <c r="E11388" t="s">
        <v>13</v>
      </c>
      <c r="F11388">
        <v>2694</v>
      </c>
      <c r="G11388" t="s">
        <v>13005</v>
      </c>
      <c r="H11388">
        <v>5.1743073827970001</v>
      </c>
      <c r="I11388">
        <v>52.175200323999</v>
      </c>
      <c r="J11388" t="s">
        <v>67073</v>
      </c>
    </row>
    <row r="11389" spans="1:10" x14ac:dyDescent="0.25">
      <c r="A11389" t="s">
        <v>12998</v>
      </c>
      <c r="B11389" t="s">
        <v>12999</v>
      </c>
      <c r="C11389" t="s">
        <v>13000</v>
      </c>
      <c r="D11389" t="s">
        <v>12996</v>
      </c>
      <c r="E11389" t="s">
        <v>13</v>
      </c>
      <c r="F11389">
        <v>2693</v>
      </c>
      <c r="G11389" t="s">
        <v>13001</v>
      </c>
      <c r="H11389">
        <v>5.1312109643869999</v>
      </c>
      <c r="I11389">
        <v>52.154621594555003</v>
      </c>
      <c r="J11389" t="s">
        <v>67074</v>
      </c>
    </row>
    <row r="11390" spans="1:10" x14ac:dyDescent="0.25">
      <c r="A11390" t="s">
        <v>12993</v>
      </c>
      <c r="B11390" t="s">
        <v>12994</v>
      </c>
      <c r="C11390" t="s">
        <v>12995</v>
      </c>
      <c r="D11390" t="s">
        <v>12996</v>
      </c>
      <c r="E11390" t="s">
        <v>13</v>
      </c>
      <c r="F11390">
        <v>2692</v>
      </c>
      <c r="G11390" t="s">
        <v>12997</v>
      </c>
      <c r="H11390">
        <v>5.1235376452869996</v>
      </c>
      <c r="I11390">
        <v>52.152245319095002</v>
      </c>
      <c r="J11390" t="s">
        <v>67075</v>
      </c>
    </row>
    <row r="11391" spans="1:10" x14ac:dyDescent="0.25">
      <c r="A11391" t="s">
        <v>12989</v>
      </c>
      <c r="B11391" t="s">
        <v>12990</v>
      </c>
      <c r="C11391" t="s">
        <v>12991</v>
      </c>
      <c r="D11391" t="s">
        <v>12915</v>
      </c>
      <c r="E11391" t="s">
        <v>13</v>
      </c>
      <c r="F11391">
        <v>2691</v>
      </c>
      <c r="G11391" t="s">
        <v>12992</v>
      </c>
      <c r="H11391">
        <v>5.2256297014259996</v>
      </c>
      <c r="I11391">
        <v>52.186749188038</v>
      </c>
      <c r="J11391" t="s">
        <v>67076</v>
      </c>
    </row>
    <row r="11392" spans="1:10" x14ac:dyDescent="0.25">
      <c r="A11392" t="s">
        <v>12985</v>
      </c>
      <c r="B11392" t="s">
        <v>12986</v>
      </c>
      <c r="C11392" t="s">
        <v>12987</v>
      </c>
      <c r="D11392" t="s">
        <v>12915</v>
      </c>
      <c r="E11392" t="s">
        <v>13</v>
      </c>
      <c r="F11392">
        <v>2690</v>
      </c>
      <c r="G11392" t="s">
        <v>12988</v>
      </c>
      <c r="H11392">
        <v>5.2219732052939998</v>
      </c>
      <c r="I11392">
        <v>52.180429756739002</v>
      </c>
      <c r="J11392" t="s">
        <v>67077</v>
      </c>
    </row>
    <row r="11393" spans="1:10" x14ac:dyDescent="0.25">
      <c r="A11393" t="s">
        <v>12981</v>
      </c>
      <c r="B11393" t="s">
        <v>12982</v>
      </c>
      <c r="C11393" t="s">
        <v>12983</v>
      </c>
      <c r="D11393" t="s">
        <v>12915</v>
      </c>
      <c r="E11393" t="s">
        <v>13</v>
      </c>
      <c r="F11393">
        <v>2689</v>
      </c>
      <c r="G11393" t="s">
        <v>12984</v>
      </c>
      <c r="H11393">
        <v>5.2278126477270002</v>
      </c>
      <c r="I11393">
        <v>52.219586969379002</v>
      </c>
      <c r="J11393" t="s">
        <v>67078</v>
      </c>
    </row>
    <row r="11394" spans="1:10" x14ac:dyDescent="0.25">
      <c r="A11394" t="s">
        <v>12977</v>
      </c>
      <c r="B11394" t="s">
        <v>12978</v>
      </c>
      <c r="C11394" t="s">
        <v>12979</v>
      </c>
      <c r="D11394" t="s">
        <v>12915</v>
      </c>
      <c r="E11394" t="s">
        <v>13</v>
      </c>
      <c r="F11394">
        <v>2688</v>
      </c>
      <c r="G11394" t="s">
        <v>12980</v>
      </c>
      <c r="H11394">
        <v>5.2517573207070001</v>
      </c>
      <c r="I11394">
        <v>52.199950996394001</v>
      </c>
      <c r="J11394" t="s">
        <v>67079</v>
      </c>
    </row>
    <row r="11395" spans="1:10" x14ac:dyDescent="0.25">
      <c r="A11395" t="s">
        <v>12973</v>
      </c>
      <c r="B11395" t="s">
        <v>12974</v>
      </c>
      <c r="C11395" t="s">
        <v>12975</v>
      </c>
      <c r="D11395" t="s">
        <v>12915</v>
      </c>
      <c r="E11395" t="s">
        <v>13</v>
      </c>
      <c r="F11395">
        <v>2687</v>
      </c>
      <c r="G11395" t="s">
        <v>12976</v>
      </c>
      <c r="H11395">
        <v>5.276184506121</v>
      </c>
      <c r="I11395">
        <v>52.206896928549</v>
      </c>
      <c r="J11395" t="s">
        <v>67080</v>
      </c>
    </row>
    <row r="11396" spans="1:10" x14ac:dyDescent="0.25">
      <c r="A11396" t="s">
        <v>12970</v>
      </c>
      <c r="B11396" t="s">
        <v>12971</v>
      </c>
      <c r="C11396" t="s">
        <v>4091</v>
      </c>
      <c r="D11396" t="s">
        <v>12915</v>
      </c>
      <c r="E11396" t="s">
        <v>13</v>
      </c>
      <c r="F11396">
        <v>2686</v>
      </c>
      <c r="G11396" t="s">
        <v>12972</v>
      </c>
      <c r="H11396">
        <v>5.2673185818499997</v>
      </c>
      <c r="I11396">
        <v>52.214022396581001</v>
      </c>
      <c r="J11396" t="s">
        <v>67081</v>
      </c>
    </row>
    <row r="11397" spans="1:10" x14ac:dyDescent="0.25">
      <c r="A11397" t="s">
        <v>12966</v>
      </c>
      <c r="B11397" t="s">
        <v>12967</v>
      </c>
      <c r="C11397" t="s">
        <v>12968</v>
      </c>
      <c r="D11397" t="s">
        <v>12915</v>
      </c>
      <c r="E11397" t="s">
        <v>13</v>
      </c>
      <c r="F11397">
        <v>2685</v>
      </c>
      <c r="G11397" t="s">
        <v>12969</v>
      </c>
      <c r="H11397">
        <v>5.3203420244749999</v>
      </c>
      <c r="I11397">
        <v>52.217835614222999</v>
      </c>
      <c r="J11397" t="s">
        <v>67082</v>
      </c>
    </row>
    <row r="11398" spans="1:10" x14ac:dyDescent="0.25">
      <c r="A11398" t="s">
        <v>12962</v>
      </c>
      <c r="B11398" t="s">
        <v>12963</v>
      </c>
      <c r="C11398" t="s">
        <v>12964</v>
      </c>
      <c r="D11398" t="s">
        <v>12915</v>
      </c>
      <c r="E11398" t="s">
        <v>13</v>
      </c>
      <c r="F11398">
        <v>2684</v>
      </c>
      <c r="G11398" t="s">
        <v>12965</v>
      </c>
      <c r="H11398">
        <v>5.304196152686</v>
      </c>
      <c r="I11398">
        <v>52.203922278336002</v>
      </c>
      <c r="J11398" t="s">
        <v>67083</v>
      </c>
    </row>
    <row r="11399" spans="1:10" x14ac:dyDescent="0.25">
      <c r="A11399" t="s">
        <v>12958</v>
      </c>
      <c r="B11399" t="s">
        <v>12959</v>
      </c>
      <c r="C11399" t="s">
        <v>12960</v>
      </c>
      <c r="D11399" t="s">
        <v>12915</v>
      </c>
      <c r="E11399" t="s">
        <v>13</v>
      </c>
      <c r="F11399">
        <v>2683</v>
      </c>
      <c r="G11399" t="s">
        <v>12961</v>
      </c>
      <c r="H11399">
        <v>5.3051574347379997</v>
      </c>
      <c r="I11399">
        <v>52.212392079616997</v>
      </c>
      <c r="J11399" t="s">
        <v>67084</v>
      </c>
    </row>
    <row r="11400" spans="1:10" x14ac:dyDescent="0.25">
      <c r="A11400" t="s">
        <v>12954</v>
      </c>
      <c r="B11400" t="s">
        <v>12955</v>
      </c>
      <c r="C11400" t="s">
        <v>12956</v>
      </c>
      <c r="D11400" t="s">
        <v>12915</v>
      </c>
      <c r="E11400" t="s">
        <v>13</v>
      </c>
      <c r="F11400">
        <v>2682</v>
      </c>
      <c r="G11400" t="s">
        <v>12957</v>
      </c>
      <c r="H11400">
        <v>5.2979820320849997</v>
      </c>
      <c r="I11400">
        <v>52.218456175611003</v>
      </c>
      <c r="J11400" t="s">
        <v>67085</v>
      </c>
    </row>
    <row r="11401" spans="1:10" x14ac:dyDescent="0.25">
      <c r="A11401" t="s">
        <v>12951</v>
      </c>
      <c r="B11401" t="s">
        <v>12952</v>
      </c>
      <c r="C11401" t="s">
        <v>3604</v>
      </c>
      <c r="D11401" t="s">
        <v>12915</v>
      </c>
      <c r="E11401" t="s">
        <v>13</v>
      </c>
      <c r="F11401">
        <v>2681</v>
      </c>
      <c r="G11401" t="s">
        <v>12953</v>
      </c>
      <c r="H11401">
        <v>5.2889992397569996</v>
      </c>
      <c r="I11401">
        <v>52.219192692161997</v>
      </c>
      <c r="J11401" t="s">
        <v>67086</v>
      </c>
    </row>
    <row r="11402" spans="1:10" x14ac:dyDescent="0.25">
      <c r="A11402" t="s">
        <v>12947</v>
      </c>
      <c r="B11402" t="s">
        <v>12948</v>
      </c>
      <c r="C11402" t="s">
        <v>12949</v>
      </c>
      <c r="D11402" t="s">
        <v>12915</v>
      </c>
      <c r="E11402" t="s">
        <v>13</v>
      </c>
      <c r="F11402">
        <v>2680</v>
      </c>
      <c r="G11402" t="s">
        <v>12950</v>
      </c>
      <c r="H11402">
        <v>5.2797579965289998</v>
      </c>
      <c r="I11402">
        <v>52.221237890349002</v>
      </c>
      <c r="J11402" t="s">
        <v>67087</v>
      </c>
    </row>
    <row r="11403" spans="1:10" x14ac:dyDescent="0.25">
      <c r="A11403" t="s">
        <v>12944</v>
      </c>
      <c r="B11403" t="s">
        <v>12945</v>
      </c>
      <c r="C11403" t="s">
        <v>3686</v>
      </c>
      <c r="D11403" t="s">
        <v>12915</v>
      </c>
      <c r="E11403" t="s">
        <v>13</v>
      </c>
      <c r="F11403">
        <v>2679</v>
      </c>
      <c r="G11403" t="s">
        <v>12946</v>
      </c>
      <c r="H11403">
        <v>5.2651153802849997</v>
      </c>
      <c r="I11403">
        <v>52.221419727288001</v>
      </c>
      <c r="J11403" t="s">
        <v>67088</v>
      </c>
    </row>
    <row r="11404" spans="1:10" x14ac:dyDescent="0.25">
      <c r="A11404" t="s">
        <v>12940</v>
      </c>
      <c r="B11404" t="s">
        <v>12941</v>
      </c>
      <c r="C11404" t="s">
        <v>12942</v>
      </c>
      <c r="D11404" t="s">
        <v>12915</v>
      </c>
      <c r="E11404" t="s">
        <v>13</v>
      </c>
      <c r="F11404">
        <v>2678</v>
      </c>
      <c r="G11404" t="s">
        <v>12943</v>
      </c>
      <c r="H11404">
        <v>5.2847961437139999</v>
      </c>
      <c r="I11404">
        <v>52.209550924821997</v>
      </c>
      <c r="J11404" t="s">
        <v>67089</v>
      </c>
    </row>
    <row r="11405" spans="1:10" x14ac:dyDescent="0.25">
      <c r="A11405" t="s">
        <v>12936</v>
      </c>
      <c r="B11405" t="s">
        <v>12937</v>
      </c>
      <c r="C11405" t="s">
        <v>12938</v>
      </c>
      <c r="D11405" t="s">
        <v>12915</v>
      </c>
      <c r="E11405" t="s">
        <v>13</v>
      </c>
      <c r="F11405">
        <v>2677</v>
      </c>
      <c r="G11405" t="s">
        <v>12939</v>
      </c>
      <c r="H11405">
        <v>5.2881482395899999</v>
      </c>
      <c r="I11405">
        <v>52.206672672246</v>
      </c>
      <c r="J11405" t="s">
        <v>67090</v>
      </c>
    </row>
    <row r="11406" spans="1:10" x14ac:dyDescent="0.25">
      <c r="A11406" t="s">
        <v>12932</v>
      </c>
      <c r="B11406" t="s">
        <v>12933</v>
      </c>
      <c r="C11406" t="s">
        <v>12934</v>
      </c>
      <c r="D11406" t="s">
        <v>12915</v>
      </c>
      <c r="E11406" t="s">
        <v>13</v>
      </c>
      <c r="F11406">
        <v>2676</v>
      </c>
      <c r="G11406" t="s">
        <v>12935</v>
      </c>
      <c r="H11406">
        <v>5.2964673320960003</v>
      </c>
      <c r="I11406">
        <v>52.202472359784998</v>
      </c>
      <c r="J11406" t="s">
        <v>67091</v>
      </c>
    </row>
    <row r="11407" spans="1:10" x14ac:dyDescent="0.25">
      <c r="A11407" t="s">
        <v>12928</v>
      </c>
      <c r="B11407" t="s">
        <v>12929</v>
      </c>
      <c r="C11407" t="s">
        <v>12930</v>
      </c>
      <c r="D11407" t="s">
        <v>12915</v>
      </c>
      <c r="E11407" t="s">
        <v>13</v>
      </c>
      <c r="F11407">
        <v>2675</v>
      </c>
      <c r="G11407" t="s">
        <v>12931</v>
      </c>
      <c r="H11407">
        <v>5.295845704755</v>
      </c>
      <c r="I11407">
        <v>52.206774064021999</v>
      </c>
      <c r="J11407" t="s">
        <v>67092</v>
      </c>
    </row>
    <row r="11408" spans="1:10" x14ac:dyDescent="0.25">
      <c r="A11408" t="s">
        <v>12924</v>
      </c>
      <c r="B11408" t="s">
        <v>12925</v>
      </c>
      <c r="C11408" t="s">
        <v>12926</v>
      </c>
      <c r="D11408" t="s">
        <v>12915</v>
      </c>
      <c r="E11408" t="s">
        <v>13</v>
      </c>
      <c r="F11408">
        <v>2674</v>
      </c>
      <c r="G11408" t="s">
        <v>12927</v>
      </c>
      <c r="H11408">
        <v>5.2828958701379998</v>
      </c>
      <c r="I11408">
        <v>52.216268084135997</v>
      </c>
      <c r="J11408" t="s">
        <v>67093</v>
      </c>
    </row>
    <row r="11409" spans="1:10" x14ac:dyDescent="0.25">
      <c r="A11409" t="s">
        <v>12921</v>
      </c>
      <c r="B11409" t="s">
        <v>12922</v>
      </c>
      <c r="C11409" t="s">
        <v>11460</v>
      </c>
      <c r="D11409" t="s">
        <v>12915</v>
      </c>
      <c r="E11409" t="s">
        <v>13</v>
      </c>
      <c r="F11409">
        <v>2673</v>
      </c>
      <c r="G11409" t="s">
        <v>12923</v>
      </c>
      <c r="H11409">
        <v>5.2799168875340001</v>
      </c>
      <c r="I11409">
        <v>52.211972632802997</v>
      </c>
      <c r="J11409" t="s">
        <v>67094</v>
      </c>
    </row>
    <row r="11410" spans="1:10" x14ac:dyDescent="0.25">
      <c r="A11410" t="s">
        <v>12917</v>
      </c>
      <c r="B11410" t="s">
        <v>12918</v>
      </c>
      <c r="C11410" t="s">
        <v>12919</v>
      </c>
      <c r="D11410" t="s">
        <v>12915</v>
      </c>
      <c r="E11410" t="s">
        <v>13</v>
      </c>
      <c r="F11410">
        <v>2672</v>
      </c>
      <c r="G11410" t="s">
        <v>12920</v>
      </c>
      <c r="H11410">
        <v>5.2968253997090002</v>
      </c>
      <c r="I11410">
        <v>52.210614748181001</v>
      </c>
      <c r="J11410" t="s">
        <v>67095</v>
      </c>
    </row>
    <row r="11411" spans="1:10" x14ac:dyDescent="0.25">
      <c r="A11411" t="s">
        <v>12913</v>
      </c>
      <c r="B11411" t="s">
        <v>12914</v>
      </c>
      <c r="C11411" t="s">
        <v>129</v>
      </c>
      <c r="D11411" t="s">
        <v>12915</v>
      </c>
      <c r="E11411" t="s">
        <v>13</v>
      </c>
      <c r="F11411">
        <v>2671</v>
      </c>
      <c r="G11411" t="s">
        <v>12916</v>
      </c>
      <c r="H11411">
        <v>5.2900200090359997</v>
      </c>
      <c r="I11411">
        <v>52.212409287165002</v>
      </c>
      <c r="J11411" t="s">
        <v>67096</v>
      </c>
    </row>
    <row r="11412" spans="1:10" x14ac:dyDescent="0.25">
      <c r="A11412" t="s">
        <v>12909</v>
      </c>
      <c r="B11412" t="s">
        <v>12910</v>
      </c>
      <c r="C11412" t="s">
        <v>12911</v>
      </c>
      <c r="D11412" t="s">
        <v>12748</v>
      </c>
      <c r="E11412" t="s">
        <v>13</v>
      </c>
      <c r="F11412">
        <v>2670</v>
      </c>
      <c r="G11412" t="s">
        <v>12912</v>
      </c>
      <c r="H11412">
        <v>5.6378595247170002</v>
      </c>
      <c r="I11412">
        <v>52.564311299350997</v>
      </c>
      <c r="J11412" t="s">
        <v>67097</v>
      </c>
    </row>
    <row r="11413" spans="1:10" x14ac:dyDescent="0.25">
      <c r="A11413" t="s">
        <v>12905</v>
      </c>
      <c r="B11413" t="s">
        <v>12906</v>
      </c>
      <c r="C11413" t="s">
        <v>12907</v>
      </c>
      <c r="D11413" t="s">
        <v>12748</v>
      </c>
      <c r="E11413" t="s">
        <v>13</v>
      </c>
      <c r="F11413">
        <v>2669</v>
      </c>
      <c r="G11413" t="s">
        <v>12908</v>
      </c>
      <c r="H11413">
        <v>5.6500130947049998</v>
      </c>
      <c r="I11413">
        <v>52.563782173142997</v>
      </c>
      <c r="J11413" t="s">
        <v>67098</v>
      </c>
    </row>
    <row r="11414" spans="1:10" x14ac:dyDescent="0.25">
      <c r="A11414" t="s">
        <v>12901</v>
      </c>
      <c r="B11414" t="s">
        <v>12902</v>
      </c>
      <c r="C11414" t="s">
        <v>12903</v>
      </c>
      <c r="D11414" t="s">
        <v>12748</v>
      </c>
      <c r="E11414" t="s">
        <v>13</v>
      </c>
      <c r="F11414">
        <v>2668</v>
      </c>
      <c r="G11414" t="s">
        <v>12904</v>
      </c>
      <c r="H11414">
        <v>5.6546720919129996</v>
      </c>
      <c r="I11414">
        <v>52.569695616173</v>
      </c>
      <c r="J11414" t="s">
        <v>67099</v>
      </c>
    </row>
    <row r="11415" spans="1:10" x14ac:dyDescent="0.25">
      <c r="A11415" t="s">
        <v>12897</v>
      </c>
      <c r="B11415" t="s">
        <v>12898</v>
      </c>
      <c r="C11415" t="s">
        <v>12899</v>
      </c>
      <c r="D11415" t="s">
        <v>12748</v>
      </c>
      <c r="E11415" t="s">
        <v>13</v>
      </c>
      <c r="F11415">
        <v>2667</v>
      </c>
      <c r="G11415" t="s">
        <v>12900</v>
      </c>
      <c r="H11415">
        <v>5.6496150704470001</v>
      </c>
      <c r="I11415">
        <v>52.573315942931004</v>
      </c>
      <c r="J11415" t="s">
        <v>67100</v>
      </c>
    </row>
    <row r="11416" spans="1:10" x14ac:dyDescent="0.25">
      <c r="A11416" t="s">
        <v>12894</v>
      </c>
      <c r="B11416" t="s">
        <v>12895</v>
      </c>
      <c r="C11416" t="s">
        <v>479</v>
      </c>
      <c r="D11416" t="s">
        <v>12748</v>
      </c>
      <c r="E11416" t="s">
        <v>13</v>
      </c>
      <c r="F11416">
        <v>2666</v>
      </c>
      <c r="G11416" t="s">
        <v>12896</v>
      </c>
      <c r="H11416">
        <v>5.6414169644439998</v>
      </c>
      <c r="I11416">
        <v>52.562862489853003</v>
      </c>
      <c r="J11416" t="s">
        <v>67101</v>
      </c>
    </row>
    <row r="11417" spans="1:10" x14ac:dyDescent="0.25">
      <c r="A11417" t="s">
        <v>12890</v>
      </c>
      <c r="B11417" t="s">
        <v>12891</v>
      </c>
      <c r="C11417" t="s">
        <v>12892</v>
      </c>
      <c r="D11417" t="s">
        <v>12748</v>
      </c>
      <c r="E11417" t="s">
        <v>13</v>
      </c>
      <c r="F11417">
        <v>2665</v>
      </c>
      <c r="G11417" t="s">
        <v>12893</v>
      </c>
      <c r="H11417">
        <v>5.6465260313709997</v>
      </c>
      <c r="I11417">
        <v>52.567230854115998</v>
      </c>
      <c r="J11417" t="s">
        <v>67102</v>
      </c>
    </row>
    <row r="11418" spans="1:10" x14ac:dyDescent="0.25">
      <c r="A11418" t="s">
        <v>12886</v>
      </c>
      <c r="B11418" t="s">
        <v>12887</v>
      </c>
      <c r="C11418" t="s">
        <v>12888</v>
      </c>
      <c r="D11418" t="s">
        <v>12748</v>
      </c>
      <c r="E11418" t="s">
        <v>13</v>
      </c>
      <c r="F11418">
        <v>2664</v>
      </c>
      <c r="G11418" t="s">
        <v>12889</v>
      </c>
      <c r="H11418">
        <v>5.6350599291360002</v>
      </c>
      <c r="I11418">
        <v>52.570503607334999</v>
      </c>
      <c r="J11418" t="s">
        <v>67103</v>
      </c>
    </row>
    <row r="11419" spans="1:10" x14ac:dyDescent="0.25">
      <c r="A11419" t="s">
        <v>12882</v>
      </c>
      <c r="B11419" t="s">
        <v>12883</v>
      </c>
      <c r="C11419" t="s">
        <v>12884</v>
      </c>
      <c r="D11419" t="s">
        <v>12748</v>
      </c>
      <c r="E11419" t="s">
        <v>13</v>
      </c>
      <c r="F11419">
        <v>2663</v>
      </c>
      <c r="G11419" t="s">
        <v>12885</v>
      </c>
      <c r="H11419">
        <v>5.6444340150399999</v>
      </c>
      <c r="I11419">
        <v>52.571360668192</v>
      </c>
      <c r="J11419" t="s">
        <v>67104</v>
      </c>
    </row>
    <row r="11420" spans="1:10" x14ac:dyDescent="0.25">
      <c r="A11420" t="s">
        <v>12878</v>
      </c>
      <c r="B11420" t="s">
        <v>12879</v>
      </c>
      <c r="C11420" t="s">
        <v>12880</v>
      </c>
      <c r="D11420" t="s">
        <v>12748</v>
      </c>
      <c r="E11420" t="s">
        <v>13</v>
      </c>
      <c r="F11420">
        <v>2662</v>
      </c>
      <c r="G11420" t="s">
        <v>12881</v>
      </c>
      <c r="H11420">
        <v>5.6396879157899997</v>
      </c>
      <c r="I11420">
        <v>52.573381766411998</v>
      </c>
      <c r="J11420" t="s">
        <v>67105</v>
      </c>
    </row>
    <row r="11421" spans="1:10" x14ac:dyDescent="0.25">
      <c r="A11421" t="s">
        <v>12874</v>
      </c>
      <c r="B11421" t="s">
        <v>12875</v>
      </c>
      <c r="C11421" t="s">
        <v>12876</v>
      </c>
      <c r="D11421" t="s">
        <v>12748</v>
      </c>
      <c r="E11421" t="s">
        <v>13</v>
      </c>
      <c r="F11421">
        <v>2661</v>
      </c>
      <c r="G11421" t="s">
        <v>12877</v>
      </c>
      <c r="H11421">
        <v>5.6799198728929996</v>
      </c>
      <c r="I11421">
        <v>52.447389396281999</v>
      </c>
      <c r="J11421" t="s">
        <v>67106</v>
      </c>
    </row>
    <row r="11422" spans="1:10" x14ac:dyDescent="0.25">
      <c r="A11422" t="s">
        <v>12870</v>
      </c>
      <c r="B11422" t="s">
        <v>12871</v>
      </c>
      <c r="C11422" t="s">
        <v>12872</v>
      </c>
      <c r="D11422" t="s">
        <v>12748</v>
      </c>
      <c r="E11422" t="s">
        <v>13</v>
      </c>
      <c r="F11422">
        <v>2660</v>
      </c>
      <c r="G11422" t="s">
        <v>12873</v>
      </c>
      <c r="H11422">
        <v>5.7064001753060003</v>
      </c>
      <c r="I11422">
        <v>52.459292396016998</v>
      </c>
      <c r="J11422" t="s">
        <v>67107</v>
      </c>
    </row>
    <row r="11423" spans="1:10" x14ac:dyDescent="0.25">
      <c r="A11423" t="s">
        <v>12866</v>
      </c>
      <c r="B11423" t="s">
        <v>12867</v>
      </c>
      <c r="C11423" t="s">
        <v>12868</v>
      </c>
      <c r="D11423" t="s">
        <v>12748</v>
      </c>
      <c r="E11423" t="s">
        <v>13</v>
      </c>
      <c r="F11423">
        <v>2659</v>
      </c>
      <c r="G11423" t="s">
        <v>12869</v>
      </c>
      <c r="H11423">
        <v>5.7014348514039996</v>
      </c>
      <c r="I11423">
        <v>52.461468776689998</v>
      </c>
      <c r="J11423" t="s">
        <v>67108</v>
      </c>
    </row>
    <row r="11424" spans="1:10" x14ac:dyDescent="0.25">
      <c r="A11424" t="s">
        <v>12862</v>
      </c>
      <c r="B11424" t="s">
        <v>12863</v>
      </c>
      <c r="C11424" t="s">
        <v>12864</v>
      </c>
      <c r="D11424" t="s">
        <v>12748</v>
      </c>
      <c r="E11424" t="s">
        <v>13</v>
      </c>
      <c r="F11424">
        <v>2658</v>
      </c>
      <c r="G11424" t="s">
        <v>12865</v>
      </c>
      <c r="H11424">
        <v>5.7040301440940002</v>
      </c>
      <c r="I11424">
        <v>52.451415102036002</v>
      </c>
      <c r="J11424" t="s">
        <v>67109</v>
      </c>
    </row>
    <row r="11425" spans="1:10" x14ac:dyDescent="0.25">
      <c r="A11425" t="s">
        <v>12858</v>
      </c>
      <c r="B11425" t="s">
        <v>12859</v>
      </c>
      <c r="C11425" t="s">
        <v>12860</v>
      </c>
      <c r="D11425" t="s">
        <v>12748</v>
      </c>
      <c r="E11425" t="s">
        <v>13</v>
      </c>
      <c r="F11425">
        <v>2657</v>
      </c>
      <c r="G11425" t="s">
        <v>12861</v>
      </c>
      <c r="H11425">
        <v>5.6923770899999999</v>
      </c>
      <c r="I11425">
        <v>52.449968237476</v>
      </c>
      <c r="J11425" t="s">
        <v>67110</v>
      </c>
    </row>
    <row r="11426" spans="1:10" x14ac:dyDescent="0.25">
      <c r="A11426" t="s">
        <v>12854</v>
      </c>
      <c r="B11426" t="s">
        <v>12855</v>
      </c>
      <c r="C11426" t="s">
        <v>12856</v>
      </c>
      <c r="D11426" t="s">
        <v>12748</v>
      </c>
      <c r="E11426" t="s">
        <v>13</v>
      </c>
      <c r="F11426">
        <v>2656</v>
      </c>
      <c r="G11426" t="s">
        <v>12857</v>
      </c>
      <c r="H11426">
        <v>5.6988051398410002</v>
      </c>
      <c r="I11426">
        <v>52.455567106906003</v>
      </c>
      <c r="J11426" t="s">
        <v>67111</v>
      </c>
    </row>
    <row r="11427" spans="1:10" x14ac:dyDescent="0.25">
      <c r="A11427" t="s">
        <v>12850</v>
      </c>
      <c r="B11427" t="s">
        <v>12851</v>
      </c>
      <c r="C11427" t="s">
        <v>12852</v>
      </c>
      <c r="D11427" t="s">
        <v>12748</v>
      </c>
      <c r="E11427" t="s">
        <v>13</v>
      </c>
      <c r="F11427">
        <v>2655</v>
      </c>
      <c r="G11427" t="s">
        <v>12853</v>
      </c>
      <c r="H11427">
        <v>5.6933314644559996</v>
      </c>
      <c r="I11427">
        <v>52.455954647394996</v>
      </c>
      <c r="J11427" t="s">
        <v>67112</v>
      </c>
    </row>
    <row r="11428" spans="1:10" x14ac:dyDescent="0.25">
      <c r="A11428" t="s">
        <v>12846</v>
      </c>
      <c r="B11428" t="s">
        <v>12847</v>
      </c>
      <c r="C11428" t="s">
        <v>12848</v>
      </c>
      <c r="D11428" t="s">
        <v>12748</v>
      </c>
      <c r="E11428" t="s">
        <v>13</v>
      </c>
      <c r="F11428">
        <v>2654</v>
      </c>
      <c r="G11428" t="s">
        <v>12849</v>
      </c>
      <c r="H11428">
        <v>5.6906770890500002</v>
      </c>
      <c r="I11428">
        <v>52.457398633684001</v>
      </c>
      <c r="J11428" t="s">
        <v>67113</v>
      </c>
    </row>
    <row r="11429" spans="1:10" x14ac:dyDescent="0.25">
      <c r="A11429" t="s">
        <v>12842</v>
      </c>
      <c r="B11429" t="s">
        <v>12843</v>
      </c>
      <c r="C11429" t="s">
        <v>12844</v>
      </c>
      <c r="D11429" t="s">
        <v>12748</v>
      </c>
      <c r="E11429" t="s">
        <v>13</v>
      </c>
      <c r="F11429">
        <v>2653</v>
      </c>
      <c r="G11429" t="s">
        <v>12845</v>
      </c>
      <c r="H11429">
        <v>5.6910219112840004</v>
      </c>
      <c r="I11429">
        <v>52.453333116446998</v>
      </c>
      <c r="J11429" t="s">
        <v>67114</v>
      </c>
    </row>
    <row r="11430" spans="1:10" x14ac:dyDescent="0.25">
      <c r="A11430" t="s">
        <v>12838</v>
      </c>
      <c r="B11430" t="s">
        <v>12839</v>
      </c>
      <c r="C11430" t="s">
        <v>12840</v>
      </c>
      <c r="D11430" t="s">
        <v>12748</v>
      </c>
      <c r="E11430" t="s">
        <v>13</v>
      </c>
      <c r="F11430">
        <v>2652</v>
      </c>
      <c r="G11430" t="s">
        <v>12841</v>
      </c>
      <c r="H11430">
        <v>5.6847673755679997</v>
      </c>
      <c r="I11430">
        <v>52.453714002760002</v>
      </c>
      <c r="J11430" t="s">
        <v>67115</v>
      </c>
    </row>
    <row r="11431" spans="1:10" x14ac:dyDescent="0.25">
      <c r="A11431" t="s">
        <v>12834</v>
      </c>
      <c r="B11431" t="s">
        <v>12835</v>
      </c>
      <c r="C11431" t="s">
        <v>12836</v>
      </c>
      <c r="D11431" t="s">
        <v>12748</v>
      </c>
      <c r="E11431" t="s">
        <v>13</v>
      </c>
      <c r="F11431">
        <v>2651</v>
      </c>
      <c r="G11431" t="s">
        <v>12837</v>
      </c>
      <c r="H11431">
        <v>5.7547894295909998</v>
      </c>
      <c r="I11431">
        <v>52.525805577040003</v>
      </c>
      <c r="J11431" t="s">
        <v>67116</v>
      </c>
    </row>
    <row r="11432" spans="1:10" x14ac:dyDescent="0.25">
      <c r="A11432" t="s">
        <v>12830</v>
      </c>
      <c r="B11432" t="s">
        <v>12831</v>
      </c>
      <c r="C11432" t="s">
        <v>12832</v>
      </c>
      <c r="D11432" t="s">
        <v>12748</v>
      </c>
      <c r="E11432" t="s">
        <v>13</v>
      </c>
      <c r="F11432">
        <v>2650</v>
      </c>
      <c r="G11432" t="s">
        <v>12833</v>
      </c>
      <c r="H11432">
        <v>5.7624623251770002</v>
      </c>
      <c r="I11432">
        <v>52.577079455331003</v>
      </c>
      <c r="J11432" t="s">
        <v>67117</v>
      </c>
    </row>
    <row r="11433" spans="1:10" x14ac:dyDescent="0.25">
      <c r="A11433" t="s">
        <v>12826</v>
      </c>
      <c r="B11433" t="s">
        <v>12827</v>
      </c>
      <c r="C11433" t="s">
        <v>12828</v>
      </c>
      <c r="D11433" t="s">
        <v>12748</v>
      </c>
      <c r="E11433" t="s">
        <v>13</v>
      </c>
      <c r="F11433">
        <v>2649</v>
      </c>
      <c r="G11433" t="s">
        <v>12829</v>
      </c>
      <c r="H11433">
        <v>5.8486937773219996</v>
      </c>
      <c r="I11433">
        <v>52.546948419699</v>
      </c>
      <c r="J11433" t="s">
        <v>67118</v>
      </c>
    </row>
    <row r="11434" spans="1:10" x14ac:dyDescent="0.25">
      <c r="A11434" t="s">
        <v>12822</v>
      </c>
      <c r="B11434" t="s">
        <v>12823</v>
      </c>
      <c r="C11434" t="s">
        <v>12824</v>
      </c>
      <c r="D11434" t="s">
        <v>12748</v>
      </c>
      <c r="E11434" t="s">
        <v>13</v>
      </c>
      <c r="F11434">
        <v>2648</v>
      </c>
      <c r="G11434" t="s">
        <v>12825</v>
      </c>
      <c r="H11434">
        <v>5.7153132147759997</v>
      </c>
      <c r="I11434">
        <v>52.500699945256997</v>
      </c>
      <c r="J11434" t="s">
        <v>67119</v>
      </c>
    </row>
    <row r="11435" spans="1:10" x14ac:dyDescent="0.25">
      <c r="A11435" t="s">
        <v>12818</v>
      </c>
      <c r="B11435" t="s">
        <v>12819</v>
      </c>
      <c r="C11435" t="s">
        <v>12820</v>
      </c>
      <c r="D11435" t="s">
        <v>12748</v>
      </c>
      <c r="E11435" t="s">
        <v>13</v>
      </c>
      <c r="F11435">
        <v>2647</v>
      </c>
      <c r="G11435" t="s">
        <v>12821</v>
      </c>
      <c r="H11435">
        <v>5.7212282160249996</v>
      </c>
      <c r="I11435">
        <v>52.509701661746</v>
      </c>
      <c r="J11435" t="s">
        <v>67120</v>
      </c>
    </row>
    <row r="11436" spans="1:10" x14ac:dyDescent="0.25">
      <c r="A11436" t="s">
        <v>12814</v>
      </c>
      <c r="B11436" t="s">
        <v>12815</v>
      </c>
      <c r="C11436" t="s">
        <v>12816</v>
      </c>
      <c r="D11436" t="s">
        <v>12748</v>
      </c>
      <c r="E11436" t="s">
        <v>13</v>
      </c>
      <c r="F11436">
        <v>2646</v>
      </c>
      <c r="G11436" t="s">
        <v>12817</v>
      </c>
      <c r="H11436">
        <v>5.726493930607</v>
      </c>
      <c r="I11436">
        <v>52.512954944387999</v>
      </c>
      <c r="J11436" t="s">
        <v>67121</v>
      </c>
    </row>
    <row r="11437" spans="1:10" x14ac:dyDescent="0.25">
      <c r="A11437" t="s">
        <v>12810</v>
      </c>
      <c r="B11437" t="s">
        <v>12811</v>
      </c>
      <c r="C11437" t="s">
        <v>12812</v>
      </c>
      <c r="D11437" t="s">
        <v>12748</v>
      </c>
      <c r="E11437" t="s">
        <v>13</v>
      </c>
      <c r="F11437">
        <v>2645</v>
      </c>
      <c r="G11437" t="s">
        <v>12813</v>
      </c>
      <c r="H11437">
        <v>5.7201267520699997</v>
      </c>
      <c r="I11437">
        <v>52.514173735999002</v>
      </c>
      <c r="J11437" t="s">
        <v>67122</v>
      </c>
    </row>
    <row r="11438" spans="1:10" x14ac:dyDescent="0.25">
      <c r="A11438" t="s">
        <v>12806</v>
      </c>
      <c r="B11438" t="s">
        <v>12807</v>
      </c>
      <c r="C11438" t="s">
        <v>12808</v>
      </c>
      <c r="D11438" t="s">
        <v>12748</v>
      </c>
      <c r="E11438" t="s">
        <v>13</v>
      </c>
      <c r="F11438">
        <v>2644</v>
      </c>
      <c r="G11438" t="s">
        <v>12809</v>
      </c>
      <c r="H11438">
        <v>5.7106240799989996</v>
      </c>
      <c r="I11438">
        <v>52.514095086824</v>
      </c>
      <c r="J11438" t="s">
        <v>67123</v>
      </c>
    </row>
    <row r="11439" spans="1:10" x14ac:dyDescent="0.25">
      <c r="A11439" t="s">
        <v>12802</v>
      </c>
      <c r="B11439" t="s">
        <v>12803</v>
      </c>
      <c r="C11439" t="s">
        <v>12804</v>
      </c>
      <c r="D11439" t="s">
        <v>12748</v>
      </c>
      <c r="E11439" t="s">
        <v>13</v>
      </c>
      <c r="F11439">
        <v>2643</v>
      </c>
      <c r="G11439" t="s">
        <v>12805</v>
      </c>
      <c r="H11439">
        <v>5.6963094652640001</v>
      </c>
      <c r="I11439">
        <v>52.516983889731002</v>
      </c>
      <c r="J11439" t="s">
        <v>67124</v>
      </c>
    </row>
    <row r="11440" spans="1:10" x14ac:dyDescent="0.25">
      <c r="A11440" t="s">
        <v>12798</v>
      </c>
      <c r="B11440" t="s">
        <v>12799</v>
      </c>
      <c r="C11440" t="s">
        <v>12800</v>
      </c>
      <c r="D11440" t="s">
        <v>12748</v>
      </c>
      <c r="E11440" t="s">
        <v>13</v>
      </c>
      <c r="F11440">
        <v>2642</v>
      </c>
      <c r="G11440" t="s">
        <v>12801</v>
      </c>
      <c r="H11440">
        <v>5.7235424178640004</v>
      </c>
      <c r="I11440">
        <v>52.516788838262997</v>
      </c>
      <c r="J11440" t="s">
        <v>67125</v>
      </c>
    </row>
    <row r="11441" spans="1:10" x14ac:dyDescent="0.25">
      <c r="A11441" t="s">
        <v>12794</v>
      </c>
      <c r="B11441" t="s">
        <v>12795</v>
      </c>
      <c r="C11441" t="s">
        <v>12796</v>
      </c>
      <c r="D11441" t="s">
        <v>12748</v>
      </c>
      <c r="E11441" t="s">
        <v>13</v>
      </c>
      <c r="F11441">
        <v>2641</v>
      </c>
      <c r="G11441" t="s">
        <v>12797</v>
      </c>
      <c r="H11441">
        <v>5.7052348545380003</v>
      </c>
      <c r="I11441">
        <v>52.521902663425998</v>
      </c>
      <c r="J11441" t="s">
        <v>67126</v>
      </c>
    </row>
    <row r="11442" spans="1:10" x14ac:dyDescent="0.25">
      <c r="A11442" t="s">
        <v>12790</v>
      </c>
      <c r="B11442" t="s">
        <v>12791</v>
      </c>
      <c r="C11442" t="s">
        <v>12792</v>
      </c>
      <c r="D11442" t="s">
        <v>12748</v>
      </c>
      <c r="E11442" t="s">
        <v>13</v>
      </c>
      <c r="F11442">
        <v>2640</v>
      </c>
      <c r="G11442" t="s">
        <v>12793</v>
      </c>
      <c r="H11442">
        <v>5.7309532866120003</v>
      </c>
      <c r="I11442">
        <v>52.520151333046996</v>
      </c>
      <c r="J11442" t="s">
        <v>67127</v>
      </c>
    </row>
    <row r="11443" spans="1:10" x14ac:dyDescent="0.25">
      <c r="A11443" t="s">
        <v>12786</v>
      </c>
      <c r="B11443" t="s">
        <v>12787</v>
      </c>
      <c r="C11443" t="s">
        <v>12788</v>
      </c>
      <c r="D11443" t="s">
        <v>12748</v>
      </c>
      <c r="E11443" t="s">
        <v>13</v>
      </c>
      <c r="F11443">
        <v>2639</v>
      </c>
      <c r="G11443" t="s">
        <v>12789</v>
      </c>
      <c r="H11443">
        <v>5.7230603651629997</v>
      </c>
      <c r="I11443">
        <v>52.522668135251003</v>
      </c>
      <c r="J11443" t="s">
        <v>67128</v>
      </c>
    </row>
    <row r="11444" spans="1:10" x14ac:dyDescent="0.25">
      <c r="A11444" t="s">
        <v>12782</v>
      </c>
      <c r="B11444" t="s">
        <v>12783</v>
      </c>
      <c r="C11444" t="s">
        <v>12784</v>
      </c>
      <c r="D11444" t="s">
        <v>12748</v>
      </c>
      <c r="E11444" t="s">
        <v>13</v>
      </c>
      <c r="F11444">
        <v>2638</v>
      </c>
      <c r="G11444" t="s">
        <v>12785</v>
      </c>
      <c r="H11444">
        <v>5.7157188983039999</v>
      </c>
      <c r="I11444">
        <v>52.525894600070004</v>
      </c>
      <c r="J11444" t="s">
        <v>67129</v>
      </c>
    </row>
    <row r="11445" spans="1:10" x14ac:dyDescent="0.25">
      <c r="A11445" t="s">
        <v>12778</v>
      </c>
      <c r="B11445" t="s">
        <v>12779</v>
      </c>
      <c r="C11445" t="s">
        <v>12780</v>
      </c>
      <c r="D11445" t="s">
        <v>12748</v>
      </c>
      <c r="E11445" t="s">
        <v>13</v>
      </c>
      <c r="F11445">
        <v>2637</v>
      </c>
      <c r="G11445" t="s">
        <v>12781</v>
      </c>
      <c r="H11445">
        <v>5.7295069043750004</v>
      </c>
      <c r="I11445">
        <v>52.529935445131002</v>
      </c>
      <c r="J11445" t="s">
        <v>67130</v>
      </c>
    </row>
    <row r="11446" spans="1:10" x14ac:dyDescent="0.25">
      <c r="A11446" t="s">
        <v>12774</v>
      </c>
      <c r="B11446" t="s">
        <v>12775</v>
      </c>
      <c r="C11446" t="s">
        <v>12776</v>
      </c>
      <c r="D11446" t="s">
        <v>12748</v>
      </c>
      <c r="E11446" t="s">
        <v>13</v>
      </c>
      <c r="F11446">
        <v>2636</v>
      </c>
      <c r="G11446" t="s">
        <v>12777</v>
      </c>
      <c r="H11446">
        <v>5.716445855291</v>
      </c>
      <c r="I11446">
        <v>52.531585373757999</v>
      </c>
      <c r="J11446" t="s">
        <v>67131</v>
      </c>
    </row>
    <row r="11447" spans="1:10" x14ac:dyDescent="0.25">
      <c r="A11447" t="s">
        <v>12770</v>
      </c>
      <c r="B11447" t="s">
        <v>12771</v>
      </c>
      <c r="C11447" t="s">
        <v>12772</v>
      </c>
      <c r="D11447" t="s">
        <v>12748</v>
      </c>
      <c r="E11447" t="s">
        <v>13</v>
      </c>
      <c r="F11447">
        <v>2635</v>
      </c>
      <c r="G11447" t="s">
        <v>12773</v>
      </c>
      <c r="H11447">
        <v>5.730909055173</v>
      </c>
      <c r="I11447">
        <v>52.535585892778997</v>
      </c>
      <c r="J11447" t="s">
        <v>67132</v>
      </c>
    </row>
    <row r="11448" spans="1:10" x14ac:dyDescent="0.25">
      <c r="A11448" t="s">
        <v>12766</v>
      </c>
      <c r="B11448" t="s">
        <v>12767</v>
      </c>
      <c r="C11448" t="s">
        <v>12768</v>
      </c>
      <c r="D11448" t="s">
        <v>12748</v>
      </c>
      <c r="E11448" t="s">
        <v>13</v>
      </c>
      <c r="F11448">
        <v>2634</v>
      </c>
      <c r="G11448" t="s">
        <v>12769</v>
      </c>
      <c r="H11448">
        <v>5.7192462205780004</v>
      </c>
      <c r="I11448">
        <v>52.537815413303001</v>
      </c>
      <c r="J11448" t="s">
        <v>67133</v>
      </c>
    </row>
    <row r="11449" spans="1:10" x14ac:dyDescent="0.25">
      <c r="A11449" t="s">
        <v>12762</v>
      </c>
      <c r="B11449" t="s">
        <v>12763</v>
      </c>
      <c r="C11449" t="s">
        <v>12764</v>
      </c>
      <c r="D11449" t="s">
        <v>12748</v>
      </c>
      <c r="E11449" t="s">
        <v>13</v>
      </c>
      <c r="F11449">
        <v>2633</v>
      </c>
      <c r="G11449" t="s">
        <v>12765</v>
      </c>
      <c r="H11449">
        <v>5.6982422658000003</v>
      </c>
      <c r="I11449">
        <v>52.527649198277999</v>
      </c>
      <c r="J11449" t="s">
        <v>67134</v>
      </c>
    </row>
    <row r="11450" spans="1:10" x14ac:dyDescent="0.25">
      <c r="A11450" t="s">
        <v>12758</v>
      </c>
      <c r="B11450" t="s">
        <v>12759</v>
      </c>
      <c r="C11450" t="s">
        <v>12760</v>
      </c>
      <c r="D11450" t="s">
        <v>12748</v>
      </c>
      <c r="E11450" t="s">
        <v>13</v>
      </c>
      <c r="F11450">
        <v>2632</v>
      </c>
      <c r="G11450" t="s">
        <v>12761</v>
      </c>
      <c r="H11450">
        <v>5.7018673417479997</v>
      </c>
      <c r="I11450">
        <v>52.532886683420998</v>
      </c>
      <c r="J11450" t="s">
        <v>67135</v>
      </c>
    </row>
    <row r="11451" spans="1:10" x14ac:dyDescent="0.25">
      <c r="A11451" t="s">
        <v>12754</v>
      </c>
      <c r="B11451" t="s">
        <v>12755</v>
      </c>
      <c r="C11451" t="s">
        <v>12756</v>
      </c>
      <c r="D11451" t="s">
        <v>12748</v>
      </c>
      <c r="E11451" t="s">
        <v>13</v>
      </c>
      <c r="F11451">
        <v>2631</v>
      </c>
      <c r="G11451" t="s">
        <v>12757</v>
      </c>
      <c r="H11451">
        <v>5.6862296999220003</v>
      </c>
      <c r="I11451">
        <v>52.535350881749999</v>
      </c>
      <c r="J11451" t="s">
        <v>67136</v>
      </c>
    </row>
    <row r="11452" spans="1:10" x14ac:dyDescent="0.25">
      <c r="A11452" t="s">
        <v>12750</v>
      </c>
      <c r="B11452" t="s">
        <v>12751</v>
      </c>
      <c r="C11452" t="s">
        <v>12752</v>
      </c>
      <c r="D11452" t="s">
        <v>12748</v>
      </c>
      <c r="E11452" t="s">
        <v>13</v>
      </c>
      <c r="F11452">
        <v>2630</v>
      </c>
      <c r="G11452" t="s">
        <v>12753</v>
      </c>
      <c r="H11452">
        <v>5.70731356797</v>
      </c>
      <c r="I11452">
        <v>52.540635094130998</v>
      </c>
      <c r="J11452" t="s">
        <v>67137</v>
      </c>
    </row>
    <row r="11453" spans="1:10" x14ac:dyDescent="0.25">
      <c r="A11453" t="s">
        <v>12745</v>
      </c>
      <c r="B11453" t="s">
        <v>12746</v>
      </c>
      <c r="C11453" t="s">
        <v>12747</v>
      </c>
      <c r="D11453" t="s">
        <v>12748</v>
      </c>
      <c r="E11453" t="s">
        <v>13</v>
      </c>
      <c r="F11453">
        <v>2629</v>
      </c>
      <c r="G11453" t="s">
        <v>12749</v>
      </c>
      <c r="H11453">
        <v>5.6938044130890004</v>
      </c>
      <c r="I11453">
        <v>52.545107322965002</v>
      </c>
      <c r="J11453" t="s">
        <v>67138</v>
      </c>
    </row>
    <row r="11454" spans="1:10" x14ac:dyDescent="0.25">
      <c r="A11454" t="s">
        <v>12741</v>
      </c>
      <c r="B11454" t="s">
        <v>12742</v>
      </c>
      <c r="C11454" t="s">
        <v>12743</v>
      </c>
      <c r="D11454" t="s">
        <v>12691</v>
      </c>
      <c r="E11454" t="s">
        <v>13</v>
      </c>
      <c r="F11454">
        <v>2628</v>
      </c>
      <c r="G11454" t="s">
        <v>12744</v>
      </c>
      <c r="H11454">
        <v>5.8051040703290004</v>
      </c>
      <c r="I11454">
        <v>52.292576806496001</v>
      </c>
      <c r="J11454" t="s">
        <v>67139</v>
      </c>
    </row>
    <row r="11455" spans="1:10" x14ac:dyDescent="0.25">
      <c r="A11455" t="s">
        <v>12737</v>
      </c>
      <c r="B11455" t="s">
        <v>12738</v>
      </c>
      <c r="C11455" t="s">
        <v>12739</v>
      </c>
      <c r="D11455" t="s">
        <v>12691</v>
      </c>
      <c r="E11455" t="s">
        <v>13</v>
      </c>
      <c r="F11455">
        <v>2627</v>
      </c>
      <c r="G11455" t="s">
        <v>12740</v>
      </c>
      <c r="H11455">
        <v>5.7676730455619998</v>
      </c>
      <c r="I11455">
        <v>52.288806469733998</v>
      </c>
      <c r="J11455" t="s">
        <v>67140</v>
      </c>
    </row>
    <row r="11456" spans="1:10" x14ac:dyDescent="0.25">
      <c r="A11456" t="s">
        <v>12733</v>
      </c>
      <c r="B11456" t="s">
        <v>12734</v>
      </c>
      <c r="C11456" t="s">
        <v>12735</v>
      </c>
      <c r="D11456" t="s">
        <v>12691</v>
      </c>
      <c r="E11456" t="s">
        <v>13</v>
      </c>
      <c r="F11456">
        <v>2626</v>
      </c>
      <c r="G11456" t="s">
        <v>12736</v>
      </c>
      <c r="H11456">
        <v>5.8223048248240001</v>
      </c>
      <c r="I11456">
        <v>52.335600976957998</v>
      </c>
      <c r="J11456" t="s">
        <v>67141</v>
      </c>
    </row>
    <row r="11457" spans="1:10" x14ac:dyDescent="0.25">
      <c r="A11457" t="s">
        <v>12729</v>
      </c>
      <c r="B11457" t="s">
        <v>12730</v>
      </c>
      <c r="C11457" t="s">
        <v>12731</v>
      </c>
      <c r="D11457" t="s">
        <v>12691</v>
      </c>
      <c r="E11457" t="s">
        <v>13</v>
      </c>
      <c r="F11457">
        <v>2625</v>
      </c>
      <c r="G11457" t="s">
        <v>12732</v>
      </c>
      <c r="H11457">
        <v>5.8245913356400001</v>
      </c>
      <c r="I11457">
        <v>52.327116414452</v>
      </c>
      <c r="J11457" t="s">
        <v>67142</v>
      </c>
    </row>
    <row r="11458" spans="1:10" x14ac:dyDescent="0.25">
      <c r="A11458" t="s">
        <v>12725</v>
      </c>
      <c r="B11458" t="s">
        <v>12726</v>
      </c>
      <c r="C11458" t="s">
        <v>12727</v>
      </c>
      <c r="D11458" t="s">
        <v>12691</v>
      </c>
      <c r="E11458" t="s">
        <v>13</v>
      </c>
      <c r="F11458">
        <v>2624</v>
      </c>
      <c r="G11458" t="s">
        <v>12728</v>
      </c>
      <c r="H11458">
        <v>5.7848090637430003</v>
      </c>
      <c r="I11458">
        <v>52.293017703373003</v>
      </c>
      <c r="J11458" t="s">
        <v>67143</v>
      </c>
    </row>
    <row r="11459" spans="1:10" x14ac:dyDescent="0.25">
      <c r="A11459" t="s">
        <v>12721</v>
      </c>
      <c r="B11459" t="s">
        <v>12722</v>
      </c>
      <c r="C11459" t="s">
        <v>12723</v>
      </c>
      <c r="D11459" t="s">
        <v>12691</v>
      </c>
      <c r="E11459" t="s">
        <v>13</v>
      </c>
      <c r="F11459">
        <v>2623</v>
      </c>
      <c r="G11459" t="s">
        <v>12724</v>
      </c>
      <c r="H11459">
        <v>5.7405645271559997</v>
      </c>
      <c r="I11459">
        <v>52.341453425165</v>
      </c>
      <c r="J11459" t="s">
        <v>67144</v>
      </c>
    </row>
    <row r="11460" spans="1:10" x14ac:dyDescent="0.25">
      <c r="A11460" t="s">
        <v>12717</v>
      </c>
      <c r="B11460" t="s">
        <v>12718</v>
      </c>
      <c r="C11460" t="s">
        <v>12719</v>
      </c>
      <c r="D11460" t="s">
        <v>12691</v>
      </c>
      <c r="E11460" t="s">
        <v>13</v>
      </c>
      <c r="F11460">
        <v>2622</v>
      </c>
      <c r="G11460" t="s">
        <v>12720</v>
      </c>
      <c r="H11460">
        <v>5.8055759946040002</v>
      </c>
      <c r="I11460">
        <v>52.366795284969001</v>
      </c>
      <c r="J11460" t="s">
        <v>67145</v>
      </c>
    </row>
    <row r="11461" spans="1:10" x14ac:dyDescent="0.25">
      <c r="A11461" t="s">
        <v>12713</v>
      </c>
      <c r="B11461" t="s">
        <v>12714</v>
      </c>
      <c r="C11461" t="s">
        <v>12715</v>
      </c>
      <c r="D11461" t="s">
        <v>12691</v>
      </c>
      <c r="E11461" t="s">
        <v>13</v>
      </c>
      <c r="F11461">
        <v>2621</v>
      </c>
      <c r="G11461" t="s">
        <v>12716</v>
      </c>
      <c r="H11461">
        <v>5.7159871410800003</v>
      </c>
      <c r="I11461">
        <v>52.373112541691</v>
      </c>
      <c r="J11461" t="s">
        <v>67146</v>
      </c>
    </row>
    <row r="11462" spans="1:10" x14ac:dyDescent="0.25">
      <c r="A11462" t="s">
        <v>12709</v>
      </c>
      <c r="B11462" t="s">
        <v>12710</v>
      </c>
      <c r="C11462" t="s">
        <v>12711</v>
      </c>
      <c r="D11462" t="s">
        <v>12691</v>
      </c>
      <c r="E11462" t="s">
        <v>13</v>
      </c>
      <c r="F11462">
        <v>2620</v>
      </c>
      <c r="G11462" t="s">
        <v>12712</v>
      </c>
      <c r="H11462">
        <v>5.7684655595940004</v>
      </c>
      <c r="I11462">
        <v>52.390270608789002</v>
      </c>
      <c r="J11462" t="s">
        <v>67147</v>
      </c>
    </row>
    <row r="11463" spans="1:10" x14ac:dyDescent="0.25">
      <c r="A11463" t="s">
        <v>12705</v>
      </c>
      <c r="B11463" t="s">
        <v>12706</v>
      </c>
      <c r="C11463" t="s">
        <v>12707</v>
      </c>
      <c r="D11463" t="s">
        <v>12691</v>
      </c>
      <c r="E11463" t="s">
        <v>13</v>
      </c>
      <c r="F11463">
        <v>2619</v>
      </c>
      <c r="G11463" t="s">
        <v>12708</v>
      </c>
      <c r="H11463">
        <v>5.7235338414700001</v>
      </c>
      <c r="I11463">
        <v>52.356724357384998</v>
      </c>
      <c r="J11463" t="s">
        <v>67148</v>
      </c>
    </row>
    <row r="11464" spans="1:10" x14ac:dyDescent="0.25">
      <c r="A11464" t="s">
        <v>12701</v>
      </c>
      <c r="B11464" t="s">
        <v>12702</v>
      </c>
      <c r="C11464" t="s">
        <v>12703</v>
      </c>
      <c r="D11464" t="s">
        <v>12691</v>
      </c>
      <c r="E11464" t="s">
        <v>13</v>
      </c>
      <c r="F11464">
        <v>2618</v>
      </c>
      <c r="G11464" t="s">
        <v>12704</v>
      </c>
      <c r="H11464">
        <v>5.7286766283650001</v>
      </c>
      <c r="I11464">
        <v>52.362449302668999</v>
      </c>
      <c r="J11464" t="s">
        <v>67149</v>
      </c>
    </row>
    <row r="11465" spans="1:10" x14ac:dyDescent="0.25">
      <c r="A11465" t="s">
        <v>12697</v>
      </c>
      <c r="B11465" t="s">
        <v>12698</v>
      </c>
      <c r="C11465" t="s">
        <v>12699</v>
      </c>
      <c r="D11465" t="s">
        <v>12691</v>
      </c>
      <c r="E11465" t="s">
        <v>13</v>
      </c>
      <c r="F11465">
        <v>2617</v>
      </c>
      <c r="G11465" t="s">
        <v>12700</v>
      </c>
      <c r="H11465">
        <v>5.795383147081</v>
      </c>
      <c r="I11465">
        <v>52.370023892079999</v>
      </c>
      <c r="J11465" t="s">
        <v>67150</v>
      </c>
    </row>
    <row r="11466" spans="1:10" x14ac:dyDescent="0.25">
      <c r="A11466" t="s">
        <v>12693</v>
      </c>
      <c r="B11466" t="s">
        <v>12694</v>
      </c>
      <c r="C11466" t="s">
        <v>12695</v>
      </c>
      <c r="D11466" t="s">
        <v>12691</v>
      </c>
      <c r="E11466" t="s">
        <v>13</v>
      </c>
      <c r="F11466">
        <v>2616</v>
      </c>
      <c r="G11466" t="s">
        <v>12696</v>
      </c>
      <c r="H11466">
        <v>5.7749413480999996</v>
      </c>
      <c r="I11466">
        <v>52.375581574110001</v>
      </c>
      <c r="J11466" t="s">
        <v>67151</v>
      </c>
    </row>
    <row r="11467" spans="1:10" x14ac:dyDescent="0.25">
      <c r="A11467" t="s">
        <v>12688</v>
      </c>
      <c r="B11467" t="s">
        <v>12689</v>
      </c>
      <c r="C11467" t="s">
        <v>12690</v>
      </c>
      <c r="D11467" t="s">
        <v>12691</v>
      </c>
      <c r="E11467" t="s">
        <v>13</v>
      </c>
      <c r="F11467">
        <v>2615</v>
      </c>
      <c r="G11467" t="s">
        <v>12692</v>
      </c>
      <c r="H11467">
        <v>5.7985501523660004</v>
      </c>
      <c r="I11467">
        <v>52.381552506494003</v>
      </c>
      <c r="J11467" t="s">
        <v>67152</v>
      </c>
    </row>
    <row r="11468" spans="1:10" x14ac:dyDescent="0.25">
      <c r="A11468" t="s">
        <v>12684</v>
      </c>
      <c r="B11468" t="s">
        <v>12685</v>
      </c>
      <c r="C11468" t="s">
        <v>12686</v>
      </c>
      <c r="D11468" t="s">
        <v>12571</v>
      </c>
      <c r="E11468" t="s">
        <v>13</v>
      </c>
      <c r="F11468">
        <v>2614</v>
      </c>
      <c r="G11468" t="s">
        <v>12687</v>
      </c>
      <c r="H11468">
        <v>6.2836121413799999</v>
      </c>
      <c r="I11468">
        <v>52.139275605884997</v>
      </c>
      <c r="J11468" t="s">
        <v>67153</v>
      </c>
    </row>
    <row r="11469" spans="1:10" x14ac:dyDescent="0.25">
      <c r="A11469" t="s">
        <v>12680</v>
      </c>
      <c r="B11469" t="s">
        <v>12681</v>
      </c>
      <c r="C11469" t="s">
        <v>12682</v>
      </c>
      <c r="D11469" t="s">
        <v>12571</v>
      </c>
      <c r="E11469" t="s">
        <v>13</v>
      </c>
      <c r="F11469">
        <v>2613</v>
      </c>
      <c r="G11469" t="s">
        <v>12683</v>
      </c>
      <c r="H11469">
        <v>6.2374010812540002</v>
      </c>
      <c r="I11469">
        <v>52.129617976745998</v>
      </c>
      <c r="J11469" t="s">
        <v>67154</v>
      </c>
    </row>
    <row r="11470" spans="1:10" x14ac:dyDescent="0.25">
      <c r="A11470" t="s">
        <v>12676</v>
      </c>
      <c r="B11470" t="s">
        <v>12677</v>
      </c>
      <c r="C11470" t="s">
        <v>12678</v>
      </c>
      <c r="D11470" t="s">
        <v>12571</v>
      </c>
      <c r="E11470" t="s">
        <v>13</v>
      </c>
      <c r="F11470">
        <v>2612</v>
      </c>
      <c r="G11470" t="s">
        <v>12679</v>
      </c>
      <c r="H11470">
        <v>6.2327359093170003</v>
      </c>
      <c r="I11470">
        <v>52.132655765048</v>
      </c>
      <c r="J11470" t="s">
        <v>67155</v>
      </c>
    </row>
    <row r="11471" spans="1:10" x14ac:dyDescent="0.25">
      <c r="A11471" t="s">
        <v>12673</v>
      </c>
      <c r="B11471" t="s">
        <v>12674</v>
      </c>
      <c r="C11471" t="s">
        <v>1629</v>
      </c>
      <c r="D11471" t="s">
        <v>12571</v>
      </c>
      <c r="E11471" t="s">
        <v>13</v>
      </c>
      <c r="F11471">
        <v>2611</v>
      </c>
      <c r="G11471" t="s">
        <v>12675</v>
      </c>
      <c r="H11471">
        <v>6.2239281843279999</v>
      </c>
      <c r="I11471">
        <v>52.133677372983001</v>
      </c>
      <c r="J11471" t="s">
        <v>67156</v>
      </c>
    </row>
    <row r="11472" spans="1:10" x14ac:dyDescent="0.25">
      <c r="A11472" t="s">
        <v>12669</v>
      </c>
      <c r="B11472" t="s">
        <v>12670</v>
      </c>
      <c r="C11472" t="s">
        <v>12671</v>
      </c>
      <c r="D11472" t="s">
        <v>12571</v>
      </c>
      <c r="E11472" t="s">
        <v>13</v>
      </c>
      <c r="F11472">
        <v>2610</v>
      </c>
      <c r="G11472" t="s">
        <v>12672</v>
      </c>
      <c r="H11472">
        <v>6.2274191799559997</v>
      </c>
      <c r="I11472">
        <v>52.141422389786001</v>
      </c>
      <c r="J11472" t="s">
        <v>67157</v>
      </c>
    </row>
    <row r="11473" spans="1:10" x14ac:dyDescent="0.25">
      <c r="A11473" t="s">
        <v>12665</v>
      </c>
      <c r="B11473" t="s">
        <v>12666</v>
      </c>
      <c r="C11473" t="s">
        <v>12667</v>
      </c>
      <c r="D11473" t="s">
        <v>12571</v>
      </c>
      <c r="E11473" t="s">
        <v>13</v>
      </c>
      <c r="F11473">
        <v>2609</v>
      </c>
      <c r="G11473" t="s">
        <v>12668</v>
      </c>
      <c r="H11473">
        <v>6.2477758118780002</v>
      </c>
      <c r="I11473">
        <v>52.118380555828999</v>
      </c>
      <c r="J11473" t="s">
        <v>67158</v>
      </c>
    </row>
    <row r="11474" spans="1:10" x14ac:dyDescent="0.25">
      <c r="A11474" t="s">
        <v>12661</v>
      </c>
      <c r="B11474" t="s">
        <v>12662</v>
      </c>
      <c r="C11474" t="s">
        <v>12663</v>
      </c>
      <c r="D11474" t="s">
        <v>12571</v>
      </c>
      <c r="E11474" t="s">
        <v>13</v>
      </c>
      <c r="F11474">
        <v>2608</v>
      </c>
      <c r="G11474" t="s">
        <v>12664</v>
      </c>
      <c r="H11474">
        <v>6.2512117742109998</v>
      </c>
      <c r="I11474">
        <v>52.128792828182</v>
      </c>
      <c r="J11474" t="s">
        <v>67159</v>
      </c>
    </row>
    <row r="11475" spans="1:10" x14ac:dyDescent="0.25">
      <c r="A11475" t="s">
        <v>12657</v>
      </c>
      <c r="B11475" t="s">
        <v>12658</v>
      </c>
      <c r="C11475" t="s">
        <v>12659</v>
      </c>
      <c r="D11475" t="s">
        <v>12571</v>
      </c>
      <c r="E11475" t="s">
        <v>13</v>
      </c>
      <c r="F11475">
        <v>2607</v>
      </c>
      <c r="G11475" t="s">
        <v>12660</v>
      </c>
      <c r="H11475">
        <v>6.2403852267150004</v>
      </c>
      <c r="I11475">
        <v>52.126454769128003</v>
      </c>
      <c r="J11475" t="s">
        <v>67160</v>
      </c>
    </row>
    <row r="11476" spans="1:10" x14ac:dyDescent="0.25">
      <c r="A11476" t="s">
        <v>12654</v>
      </c>
      <c r="B11476" t="s">
        <v>12655</v>
      </c>
      <c r="C11476" t="s">
        <v>11285</v>
      </c>
      <c r="D11476" t="s">
        <v>12571</v>
      </c>
      <c r="E11476" t="s">
        <v>13</v>
      </c>
      <c r="F11476">
        <v>2606</v>
      </c>
      <c r="G11476" t="s">
        <v>12656</v>
      </c>
      <c r="H11476">
        <v>6.2289613466590001</v>
      </c>
      <c r="I11476">
        <v>52.125532153549003</v>
      </c>
      <c r="J11476" t="s">
        <v>67161</v>
      </c>
    </row>
    <row r="11477" spans="1:10" x14ac:dyDescent="0.25">
      <c r="A11477" t="s">
        <v>12650</v>
      </c>
      <c r="B11477" t="s">
        <v>12651</v>
      </c>
      <c r="C11477" t="s">
        <v>12652</v>
      </c>
      <c r="D11477" t="s">
        <v>12571</v>
      </c>
      <c r="E11477" t="s">
        <v>13</v>
      </c>
      <c r="F11477">
        <v>2605</v>
      </c>
      <c r="G11477" t="s">
        <v>12653</v>
      </c>
      <c r="H11477">
        <v>6.2212901849630002</v>
      </c>
      <c r="I11477">
        <v>52.127175861881</v>
      </c>
      <c r="J11477" t="s">
        <v>67162</v>
      </c>
    </row>
    <row r="11478" spans="1:10" x14ac:dyDescent="0.25">
      <c r="A11478" t="s">
        <v>12646</v>
      </c>
      <c r="B11478" t="s">
        <v>12647</v>
      </c>
      <c r="C11478" t="s">
        <v>12648</v>
      </c>
      <c r="D11478" t="s">
        <v>12571</v>
      </c>
      <c r="E11478" t="s">
        <v>13</v>
      </c>
      <c r="F11478">
        <v>2604</v>
      </c>
      <c r="G11478" t="s">
        <v>12649</v>
      </c>
      <c r="H11478">
        <v>6.192891010486</v>
      </c>
      <c r="I11478">
        <v>52.127806985252001</v>
      </c>
      <c r="J11478" t="s">
        <v>67163</v>
      </c>
    </row>
    <row r="11479" spans="1:10" x14ac:dyDescent="0.25">
      <c r="A11479" t="s">
        <v>12642</v>
      </c>
      <c r="B11479" t="s">
        <v>12643</v>
      </c>
      <c r="C11479" t="s">
        <v>12644</v>
      </c>
      <c r="D11479" t="s">
        <v>12571</v>
      </c>
      <c r="E11479" t="s">
        <v>13</v>
      </c>
      <c r="F11479">
        <v>2603</v>
      </c>
      <c r="G11479" t="s">
        <v>12645</v>
      </c>
      <c r="H11479">
        <v>6.2047653107759997</v>
      </c>
      <c r="I11479">
        <v>52.115225208508001</v>
      </c>
      <c r="J11479" t="s">
        <v>67164</v>
      </c>
    </row>
    <row r="11480" spans="1:10" x14ac:dyDescent="0.25">
      <c r="A11480" t="s">
        <v>12638</v>
      </c>
      <c r="B11480" t="s">
        <v>12639</v>
      </c>
      <c r="C11480" t="s">
        <v>12640</v>
      </c>
      <c r="D11480" t="s">
        <v>12571</v>
      </c>
      <c r="E11480" t="s">
        <v>13</v>
      </c>
      <c r="F11480">
        <v>2602</v>
      </c>
      <c r="G11480" t="s">
        <v>12641</v>
      </c>
      <c r="H11480">
        <v>6.2043287913249996</v>
      </c>
      <c r="I11480">
        <v>52.122405582507</v>
      </c>
      <c r="J11480" t="s">
        <v>67165</v>
      </c>
    </row>
    <row r="11481" spans="1:10" x14ac:dyDescent="0.25">
      <c r="A11481" t="s">
        <v>12634</v>
      </c>
      <c r="B11481" t="s">
        <v>12635</v>
      </c>
      <c r="C11481" t="s">
        <v>12636</v>
      </c>
      <c r="D11481" t="s">
        <v>12571</v>
      </c>
      <c r="E11481" t="s">
        <v>13</v>
      </c>
      <c r="F11481">
        <v>2601</v>
      </c>
      <c r="G11481" t="s">
        <v>12637</v>
      </c>
      <c r="H11481">
        <v>6.2012420682069997</v>
      </c>
      <c r="I11481">
        <v>52.125499800005002</v>
      </c>
      <c r="J11481" t="s">
        <v>67166</v>
      </c>
    </row>
    <row r="11482" spans="1:10" x14ac:dyDescent="0.25">
      <c r="A11482" t="s">
        <v>12630</v>
      </c>
      <c r="B11482" t="s">
        <v>12631</v>
      </c>
      <c r="C11482" t="s">
        <v>12632</v>
      </c>
      <c r="D11482" t="s">
        <v>12571</v>
      </c>
      <c r="E11482" t="s">
        <v>13</v>
      </c>
      <c r="F11482">
        <v>2600</v>
      </c>
      <c r="G11482" t="s">
        <v>12633</v>
      </c>
      <c r="H11482">
        <v>6.2115439744719998</v>
      </c>
      <c r="I11482">
        <v>52.125059361235998</v>
      </c>
      <c r="J11482" t="s">
        <v>67167</v>
      </c>
    </row>
    <row r="11483" spans="1:10" x14ac:dyDescent="0.25">
      <c r="A11483" t="s">
        <v>12626</v>
      </c>
      <c r="B11483" t="s">
        <v>12627</v>
      </c>
      <c r="C11483" t="s">
        <v>12628</v>
      </c>
      <c r="D11483" t="s">
        <v>12571</v>
      </c>
      <c r="E11483" t="s">
        <v>13</v>
      </c>
      <c r="F11483">
        <v>2599</v>
      </c>
      <c r="G11483" t="s">
        <v>12629</v>
      </c>
      <c r="H11483">
        <v>6.2273485156769999</v>
      </c>
      <c r="I11483">
        <v>52.150351045148</v>
      </c>
      <c r="J11483" t="s">
        <v>67168</v>
      </c>
    </row>
    <row r="11484" spans="1:10" x14ac:dyDescent="0.25">
      <c r="A11484" t="s">
        <v>12622</v>
      </c>
      <c r="B11484" t="s">
        <v>12623</v>
      </c>
      <c r="C11484" t="s">
        <v>12624</v>
      </c>
      <c r="D11484" t="s">
        <v>12571</v>
      </c>
      <c r="E11484" t="s">
        <v>13</v>
      </c>
      <c r="F11484">
        <v>2598</v>
      </c>
      <c r="G11484" t="s">
        <v>12625</v>
      </c>
      <c r="H11484">
        <v>6.211014070988</v>
      </c>
      <c r="I11484">
        <v>52.157457456378999</v>
      </c>
      <c r="J11484" t="s">
        <v>67169</v>
      </c>
    </row>
    <row r="11485" spans="1:10" x14ac:dyDescent="0.25">
      <c r="A11485" t="s">
        <v>12618</v>
      </c>
      <c r="B11485" t="s">
        <v>12619</v>
      </c>
      <c r="C11485" t="s">
        <v>12620</v>
      </c>
      <c r="D11485" t="s">
        <v>12571</v>
      </c>
      <c r="E11485" t="s">
        <v>13</v>
      </c>
      <c r="F11485">
        <v>2597</v>
      </c>
      <c r="G11485" t="s">
        <v>12621</v>
      </c>
      <c r="H11485">
        <v>6.2087790624550001</v>
      </c>
      <c r="I11485">
        <v>52.148995504025997</v>
      </c>
      <c r="J11485" t="s">
        <v>67170</v>
      </c>
    </row>
    <row r="11486" spans="1:10" x14ac:dyDescent="0.25">
      <c r="A11486" t="s">
        <v>12614</v>
      </c>
      <c r="B11486" t="s">
        <v>12615</v>
      </c>
      <c r="C11486" t="s">
        <v>12616</v>
      </c>
      <c r="D11486" t="s">
        <v>12571</v>
      </c>
      <c r="E11486" t="s">
        <v>13</v>
      </c>
      <c r="F11486">
        <v>2596</v>
      </c>
      <c r="G11486" t="s">
        <v>12617</v>
      </c>
      <c r="H11486">
        <v>6.2128043419830004</v>
      </c>
      <c r="I11486">
        <v>52.148280931228001</v>
      </c>
      <c r="J11486" t="s">
        <v>67171</v>
      </c>
    </row>
    <row r="11487" spans="1:10" x14ac:dyDescent="0.25">
      <c r="A11487" t="s">
        <v>12610</v>
      </c>
      <c r="B11487" t="s">
        <v>12611</v>
      </c>
      <c r="C11487" t="s">
        <v>12612</v>
      </c>
      <c r="D11487" t="s">
        <v>12571</v>
      </c>
      <c r="E11487" t="s">
        <v>13</v>
      </c>
      <c r="F11487">
        <v>2595</v>
      </c>
      <c r="G11487" t="s">
        <v>12613</v>
      </c>
      <c r="H11487">
        <v>6.2060459690789997</v>
      </c>
      <c r="I11487">
        <v>52.135443543495001</v>
      </c>
      <c r="J11487" t="s">
        <v>67172</v>
      </c>
    </row>
    <row r="11488" spans="1:10" x14ac:dyDescent="0.25">
      <c r="A11488" t="s">
        <v>12607</v>
      </c>
      <c r="B11488" t="s">
        <v>12608</v>
      </c>
      <c r="C11488" t="s">
        <v>81</v>
      </c>
      <c r="D11488" t="s">
        <v>12571</v>
      </c>
      <c r="E11488" t="s">
        <v>13</v>
      </c>
      <c r="F11488">
        <v>2594</v>
      </c>
      <c r="G11488" t="s">
        <v>12609</v>
      </c>
      <c r="H11488">
        <v>6.2047389693959998</v>
      </c>
      <c r="I11488">
        <v>52.130160695077997</v>
      </c>
      <c r="J11488" t="s">
        <v>67173</v>
      </c>
    </row>
    <row r="11489" spans="1:10" x14ac:dyDescent="0.25">
      <c r="A11489" t="s">
        <v>12603</v>
      </c>
      <c r="B11489" t="s">
        <v>12604</v>
      </c>
      <c r="C11489" t="s">
        <v>12605</v>
      </c>
      <c r="D11489" t="s">
        <v>12571</v>
      </c>
      <c r="E11489" t="s">
        <v>13</v>
      </c>
      <c r="F11489">
        <v>2593</v>
      </c>
      <c r="G11489" t="s">
        <v>12606</v>
      </c>
      <c r="H11489">
        <v>6.211517637529</v>
      </c>
      <c r="I11489">
        <v>52.143102290106</v>
      </c>
      <c r="J11489" t="s">
        <v>67174</v>
      </c>
    </row>
    <row r="11490" spans="1:10" x14ac:dyDescent="0.25">
      <c r="A11490" t="s">
        <v>12599</v>
      </c>
      <c r="B11490" t="s">
        <v>12600</v>
      </c>
      <c r="C11490" t="s">
        <v>12601</v>
      </c>
      <c r="D11490" t="s">
        <v>12571</v>
      </c>
      <c r="E11490" t="s">
        <v>13</v>
      </c>
      <c r="F11490">
        <v>2592</v>
      </c>
      <c r="G11490" t="s">
        <v>12602</v>
      </c>
      <c r="H11490">
        <v>6.2096086665870001</v>
      </c>
      <c r="I11490">
        <v>52.138808543266002</v>
      </c>
      <c r="J11490" t="s">
        <v>67175</v>
      </c>
    </row>
    <row r="11491" spans="1:10" x14ac:dyDescent="0.25">
      <c r="A11491" t="s">
        <v>12595</v>
      </c>
      <c r="B11491" t="s">
        <v>12596</v>
      </c>
      <c r="C11491" t="s">
        <v>12597</v>
      </c>
      <c r="D11491" t="s">
        <v>12571</v>
      </c>
      <c r="E11491" t="s">
        <v>13</v>
      </c>
      <c r="F11491">
        <v>2591</v>
      </c>
      <c r="G11491" t="s">
        <v>12598</v>
      </c>
      <c r="H11491">
        <v>6.198930522325</v>
      </c>
      <c r="I11491">
        <v>52.131902700711997</v>
      </c>
      <c r="J11491" t="s">
        <v>67176</v>
      </c>
    </row>
    <row r="11492" spans="1:10" x14ac:dyDescent="0.25">
      <c r="A11492" t="s">
        <v>12592</v>
      </c>
      <c r="B11492" t="s">
        <v>12593</v>
      </c>
      <c r="C11492" t="s">
        <v>1376</v>
      </c>
      <c r="D11492" t="s">
        <v>12571</v>
      </c>
      <c r="E11492" t="s">
        <v>13</v>
      </c>
      <c r="F11492">
        <v>2590</v>
      </c>
      <c r="G11492" t="s">
        <v>12594</v>
      </c>
      <c r="H11492">
        <v>6.2154250493580001</v>
      </c>
      <c r="I11492">
        <v>52.135460970314</v>
      </c>
      <c r="J11492" t="s">
        <v>67177</v>
      </c>
    </row>
    <row r="11493" spans="1:10" x14ac:dyDescent="0.25">
      <c r="A11493" t="s">
        <v>12588</v>
      </c>
      <c r="B11493" t="s">
        <v>12589</v>
      </c>
      <c r="C11493" t="s">
        <v>12590</v>
      </c>
      <c r="D11493" t="s">
        <v>12571</v>
      </c>
      <c r="E11493" t="s">
        <v>13</v>
      </c>
      <c r="F11493">
        <v>2589</v>
      </c>
      <c r="G11493" t="s">
        <v>12591</v>
      </c>
      <c r="H11493">
        <v>6.2129110573729998</v>
      </c>
      <c r="I11493">
        <v>52.130924971665003</v>
      </c>
      <c r="J11493" t="s">
        <v>67178</v>
      </c>
    </row>
    <row r="11494" spans="1:10" x14ac:dyDescent="0.25">
      <c r="A11494" t="s">
        <v>12585</v>
      </c>
      <c r="B11494" t="s">
        <v>12586</v>
      </c>
      <c r="C11494" t="s">
        <v>703</v>
      </c>
      <c r="D11494" t="s">
        <v>12571</v>
      </c>
      <c r="E11494" t="s">
        <v>13</v>
      </c>
      <c r="F11494">
        <v>2588</v>
      </c>
      <c r="G11494" t="s">
        <v>12587</v>
      </c>
      <c r="H11494">
        <v>6.1682410590109997</v>
      </c>
      <c r="I11494">
        <v>52.146172750128997</v>
      </c>
      <c r="J11494" t="s">
        <v>67179</v>
      </c>
    </row>
    <row r="11495" spans="1:10" x14ac:dyDescent="0.25">
      <c r="A11495" t="s">
        <v>12581</v>
      </c>
      <c r="B11495" t="s">
        <v>12582</v>
      </c>
      <c r="C11495" t="s">
        <v>12583</v>
      </c>
      <c r="D11495" t="s">
        <v>12571</v>
      </c>
      <c r="E11495" t="s">
        <v>13</v>
      </c>
      <c r="F11495">
        <v>2587</v>
      </c>
      <c r="G11495" t="s">
        <v>12584</v>
      </c>
      <c r="H11495">
        <v>6.2002728386569999</v>
      </c>
      <c r="I11495">
        <v>52.145358599620998</v>
      </c>
      <c r="J11495" t="s">
        <v>67180</v>
      </c>
    </row>
    <row r="11496" spans="1:10" x14ac:dyDescent="0.25">
      <c r="A11496" t="s">
        <v>12577</v>
      </c>
      <c r="B11496" t="s">
        <v>12578</v>
      </c>
      <c r="C11496" t="s">
        <v>12579</v>
      </c>
      <c r="D11496" t="s">
        <v>12571</v>
      </c>
      <c r="E11496" t="s">
        <v>13</v>
      </c>
      <c r="F11496">
        <v>2586</v>
      </c>
      <c r="G11496" t="s">
        <v>12580</v>
      </c>
      <c r="H11496">
        <v>6.1947134398539996</v>
      </c>
      <c r="I11496">
        <v>52.155798823513003</v>
      </c>
      <c r="J11496" t="s">
        <v>67181</v>
      </c>
    </row>
    <row r="11497" spans="1:10" x14ac:dyDescent="0.25">
      <c r="A11497" t="s">
        <v>12573</v>
      </c>
      <c r="B11497" t="s">
        <v>12574</v>
      </c>
      <c r="C11497" t="s">
        <v>12575</v>
      </c>
      <c r="D11497" t="s">
        <v>12571</v>
      </c>
      <c r="E11497" t="s">
        <v>13</v>
      </c>
      <c r="F11497">
        <v>2585</v>
      </c>
      <c r="G11497" t="s">
        <v>12576</v>
      </c>
      <c r="H11497">
        <v>6.2010390035269998</v>
      </c>
      <c r="I11497">
        <v>52.140640785942999</v>
      </c>
      <c r="J11497" t="s">
        <v>67182</v>
      </c>
    </row>
    <row r="11498" spans="1:10" x14ac:dyDescent="0.25">
      <c r="A11498" t="s">
        <v>12568</v>
      </c>
      <c r="B11498" t="s">
        <v>12569</v>
      </c>
      <c r="C11498" t="s">
        <v>12570</v>
      </c>
      <c r="D11498" t="s">
        <v>12571</v>
      </c>
      <c r="E11498" t="s">
        <v>13</v>
      </c>
      <c r="F11498">
        <v>2584</v>
      </c>
      <c r="G11498" t="s">
        <v>12572</v>
      </c>
      <c r="H11498">
        <v>6.1948092924609997</v>
      </c>
      <c r="I11498">
        <v>52.138100354283999</v>
      </c>
      <c r="J11498" t="s">
        <v>67183</v>
      </c>
    </row>
    <row r="11499" spans="1:10" x14ac:dyDescent="0.25">
      <c r="A11499" t="s">
        <v>12564</v>
      </c>
      <c r="B11499" t="s">
        <v>12565</v>
      </c>
      <c r="C11499" t="s">
        <v>12566</v>
      </c>
      <c r="D11499" t="s">
        <v>12410</v>
      </c>
      <c r="E11499" t="s">
        <v>13</v>
      </c>
      <c r="F11499">
        <v>2583</v>
      </c>
      <c r="G11499" t="s">
        <v>12567</v>
      </c>
      <c r="H11499">
        <v>6.1401565616160001</v>
      </c>
      <c r="I11499">
        <v>51.855731516835</v>
      </c>
      <c r="J11499" t="s">
        <v>67184</v>
      </c>
    </row>
    <row r="11500" spans="1:10" x14ac:dyDescent="0.25">
      <c r="A11500" t="s">
        <v>12560</v>
      </c>
      <c r="B11500" t="s">
        <v>12561</v>
      </c>
      <c r="C11500" t="s">
        <v>12562</v>
      </c>
      <c r="D11500" t="s">
        <v>12410</v>
      </c>
      <c r="E11500" t="s">
        <v>13</v>
      </c>
      <c r="F11500">
        <v>2582</v>
      </c>
      <c r="G11500" t="s">
        <v>12563</v>
      </c>
      <c r="H11500">
        <v>6.1524896570849998</v>
      </c>
      <c r="I11500">
        <v>51.849320335264999</v>
      </c>
      <c r="J11500" t="s">
        <v>67185</v>
      </c>
    </row>
    <row r="11501" spans="1:10" x14ac:dyDescent="0.25">
      <c r="A11501" t="s">
        <v>12556</v>
      </c>
      <c r="B11501" t="s">
        <v>12557</v>
      </c>
      <c r="C11501" t="s">
        <v>12558</v>
      </c>
      <c r="D11501" t="s">
        <v>12410</v>
      </c>
      <c r="E11501" t="s">
        <v>13</v>
      </c>
      <c r="F11501">
        <v>2581</v>
      </c>
      <c r="G11501" t="s">
        <v>12559</v>
      </c>
      <c r="H11501">
        <v>6.0857783622079999</v>
      </c>
      <c r="I11501">
        <v>51.868275031309999</v>
      </c>
      <c r="J11501" t="s">
        <v>67186</v>
      </c>
    </row>
    <row r="11502" spans="1:10" x14ac:dyDescent="0.25">
      <c r="A11502" t="s">
        <v>12552</v>
      </c>
      <c r="B11502" t="s">
        <v>12553</v>
      </c>
      <c r="C11502" t="s">
        <v>12554</v>
      </c>
      <c r="D11502" t="s">
        <v>12410</v>
      </c>
      <c r="E11502" t="s">
        <v>13</v>
      </c>
      <c r="F11502">
        <v>2580</v>
      </c>
      <c r="G11502" t="s">
        <v>12555</v>
      </c>
      <c r="H11502">
        <v>6.1017912239580001</v>
      </c>
      <c r="I11502">
        <v>51.855710130868999</v>
      </c>
      <c r="J11502" t="s">
        <v>67187</v>
      </c>
    </row>
    <row r="11503" spans="1:10" x14ac:dyDescent="0.25">
      <c r="A11503" t="s">
        <v>12548</v>
      </c>
      <c r="B11503" t="s">
        <v>12549</v>
      </c>
      <c r="C11503" t="s">
        <v>12550</v>
      </c>
      <c r="D11503" t="s">
        <v>12410</v>
      </c>
      <c r="E11503" t="s">
        <v>13</v>
      </c>
      <c r="F11503">
        <v>2579</v>
      </c>
      <c r="G11503" t="s">
        <v>12551</v>
      </c>
      <c r="H11503">
        <v>6.1154788863749996</v>
      </c>
      <c r="I11503">
        <v>51.862891777679003</v>
      </c>
      <c r="J11503" t="s">
        <v>67188</v>
      </c>
    </row>
    <row r="11504" spans="1:10" x14ac:dyDescent="0.25">
      <c r="A11504" t="s">
        <v>12544</v>
      </c>
      <c r="B11504" t="s">
        <v>12545</v>
      </c>
      <c r="C11504" t="s">
        <v>12546</v>
      </c>
      <c r="D11504" t="s">
        <v>12410</v>
      </c>
      <c r="E11504" t="s">
        <v>13</v>
      </c>
      <c r="F11504">
        <v>2578</v>
      </c>
      <c r="G11504" t="s">
        <v>12547</v>
      </c>
      <c r="H11504">
        <v>6.1188759598300004</v>
      </c>
      <c r="I11504">
        <v>51.876498838373003</v>
      </c>
      <c r="J11504" t="s">
        <v>67189</v>
      </c>
    </row>
    <row r="11505" spans="1:10" x14ac:dyDescent="0.25">
      <c r="A11505" t="s">
        <v>12540</v>
      </c>
      <c r="B11505" t="s">
        <v>12541</v>
      </c>
      <c r="C11505" t="s">
        <v>12542</v>
      </c>
      <c r="D11505" t="s">
        <v>12410</v>
      </c>
      <c r="E11505" t="s">
        <v>13</v>
      </c>
      <c r="F11505">
        <v>2577</v>
      </c>
      <c r="G11505" t="s">
        <v>12543</v>
      </c>
      <c r="H11505">
        <v>6.0987790308200003</v>
      </c>
      <c r="I11505">
        <v>51.884825295558997</v>
      </c>
      <c r="J11505" t="s">
        <v>67190</v>
      </c>
    </row>
    <row r="11506" spans="1:10" x14ac:dyDescent="0.25">
      <c r="A11506" t="s">
        <v>12536</v>
      </c>
      <c r="B11506" t="s">
        <v>12537</v>
      </c>
      <c r="C11506" t="s">
        <v>12538</v>
      </c>
      <c r="D11506" t="s">
        <v>12410</v>
      </c>
      <c r="E11506" t="s">
        <v>13</v>
      </c>
      <c r="F11506">
        <v>2576</v>
      </c>
      <c r="G11506" t="s">
        <v>12539</v>
      </c>
      <c r="H11506">
        <v>6.0737052564759999</v>
      </c>
      <c r="I11506">
        <v>51.894181083840003</v>
      </c>
      <c r="J11506" t="s">
        <v>67191</v>
      </c>
    </row>
    <row r="11507" spans="1:10" x14ac:dyDescent="0.25">
      <c r="A11507" t="s">
        <v>12532</v>
      </c>
      <c r="B11507" t="s">
        <v>12533</v>
      </c>
      <c r="C11507" t="s">
        <v>12534</v>
      </c>
      <c r="D11507" t="s">
        <v>12410</v>
      </c>
      <c r="E11507" t="s">
        <v>13</v>
      </c>
      <c r="F11507">
        <v>2575</v>
      </c>
      <c r="G11507" t="s">
        <v>12535</v>
      </c>
      <c r="H11507">
        <v>6.0744680252889998</v>
      </c>
      <c r="I11507">
        <v>51.886635804392</v>
      </c>
      <c r="J11507" t="s">
        <v>67192</v>
      </c>
    </row>
    <row r="11508" spans="1:10" x14ac:dyDescent="0.25">
      <c r="A11508" t="s">
        <v>12528</v>
      </c>
      <c r="B11508" t="s">
        <v>12529</v>
      </c>
      <c r="C11508" t="s">
        <v>12530</v>
      </c>
      <c r="D11508" t="s">
        <v>12410</v>
      </c>
      <c r="E11508" t="s">
        <v>13</v>
      </c>
      <c r="F11508">
        <v>2574</v>
      </c>
      <c r="G11508" t="s">
        <v>12531</v>
      </c>
      <c r="H11508">
        <v>6.045547827049</v>
      </c>
      <c r="I11508">
        <v>51.884383040515999</v>
      </c>
      <c r="J11508" t="s">
        <v>67193</v>
      </c>
    </row>
    <row r="11509" spans="1:10" x14ac:dyDescent="0.25">
      <c r="A11509" t="s">
        <v>12524</v>
      </c>
      <c r="B11509" t="s">
        <v>12525</v>
      </c>
      <c r="C11509" t="s">
        <v>12526</v>
      </c>
      <c r="D11509" t="s">
        <v>12410</v>
      </c>
      <c r="E11509" t="s">
        <v>13</v>
      </c>
      <c r="F11509">
        <v>2573</v>
      </c>
      <c r="G11509" t="s">
        <v>12527</v>
      </c>
      <c r="H11509">
        <v>6.0404426000670002</v>
      </c>
      <c r="I11509">
        <v>51.889971633083</v>
      </c>
      <c r="J11509" t="s">
        <v>67194</v>
      </c>
    </row>
    <row r="11510" spans="1:10" x14ac:dyDescent="0.25">
      <c r="A11510" t="s">
        <v>12520</v>
      </c>
      <c r="B11510" t="s">
        <v>12521</v>
      </c>
      <c r="C11510" t="s">
        <v>12522</v>
      </c>
      <c r="D11510" t="s">
        <v>12410</v>
      </c>
      <c r="E11510" t="s">
        <v>13</v>
      </c>
      <c r="F11510">
        <v>2572</v>
      </c>
      <c r="G11510" t="s">
        <v>12523</v>
      </c>
      <c r="H11510">
        <v>6.0600621652089997</v>
      </c>
      <c r="I11510">
        <v>51.903107846527</v>
      </c>
      <c r="J11510" t="s">
        <v>67195</v>
      </c>
    </row>
    <row r="11511" spans="1:10" x14ac:dyDescent="0.25">
      <c r="A11511" t="s">
        <v>12516</v>
      </c>
      <c r="B11511" t="s">
        <v>12517</v>
      </c>
      <c r="C11511" t="s">
        <v>12518</v>
      </c>
      <c r="D11511" t="s">
        <v>12410</v>
      </c>
      <c r="E11511" t="s">
        <v>13</v>
      </c>
      <c r="F11511">
        <v>2571</v>
      </c>
      <c r="G11511" t="s">
        <v>12519</v>
      </c>
      <c r="H11511">
        <v>6.0181886490869996</v>
      </c>
      <c r="I11511">
        <v>51.984625014068001</v>
      </c>
      <c r="J11511" t="s">
        <v>67196</v>
      </c>
    </row>
    <row r="11512" spans="1:10" x14ac:dyDescent="0.25">
      <c r="A11512" t="s">
        <v>12512</v>
      </c>
      <c r="B11512" t="s">
        <v>12513</v>
      </c>
      <c r="C11512" t="s">
        <v>12514</v>
      </c>
      <c r="D11512" t="s">
        <v>12410</v>
      </c>
      <c r="E11512" t="s">
        <v>13</v>
      </c>
      <c r="F11512">
        <v>2570</v>
      </c>
      <c r="G11512" t="s">
        <v>12515</v>
      </c>
      <c r="H11512">
        <v>6.045844919786</v>
      </c>
      <c r="I11512">
        <v>51.990508430458</v>
      </c>
      <c r="J11512" t="s">
        <v>67197</v>
      </c>
    </row>
    <row r="11513" spans="1:10" x14ac:dyDescent="0.25">
      <c r="A11513" t="s">
        <v>12508</v>
      </c>
      <c r="B11513" t="s">
        <v>12509</v>
      </c>
      <c r="C11513" t="s">
        <v>12510</v>
      </c>
      <c r="D11513" t="s">
        <v>12410</v>
      </c>
      <c r="E11513" t="s">
        <v>13</v>
      </c>
      <c r="F11513">
        <v>2569</v>
      </c>
      <c r="G11513" t="s">
        <v>12511</v>
      </c>
      <c r="H11513">
        <v>6.0467303252670002</v>
      </c>
      <c r="I11513">
        <v>51.999343491220003</v>
      </c>
      <c r="J11513" t="s">
        <v>67198</v>
      </c>
    </row>
    <row r="11514" spans="1:10" x14ac:dyDescent="0.25">
      <c r="A11514" t="s">
        <v>12504</v>
      </c>
      <c r="B11514" t="s">
        <v>12505</v>
      </c>
      <c r="C11514" t="s">
        <v>12506</v>
      </c>
      <c r="D11514" t="s">
        <v>12410</v>
      </c>
      <c r="E11514" t="s">
        <v>13</v>
      </c>
      <c r="F11514">
        <v>2568</v>
      </c>
      <c r="G11514" t="s">
        <v>12507</v>
      </c>
      <c r="H11514">
        <v>6.0672015714549996</v>
      </c>
      <c r="I11514">
        <v>51.994366115672001</v>
      </c>
      <c r="J11514" t="s">
        <v>67199</v>
      </c>
    </row>
    <row r="11515" spans="1:10" x14ac:dyDescent="0.25">
      <c r="A11515" t="s">
        <v>12500</v>
      </c>
      <c r="B11515" t="s">
        <v>12501</v>
      </c>
      <c r="C11515" t="s">
        <v>12502</v>
      </c>
      <c r="D11515" t="s">
        <v>12410</v>
      </c>
      <c r="E11515" t="s">
        <v>13</v>
      </c>
      <c r="F11515">
        <v>2567</v>
      </c>
      <c r="G11515" t="s">
        <v>12503</v>
      </c>
      <c r="H11515">
        <v>6.094666575892</v>
      </c>
      <c r="I11515">
        <v>51.982795717626999</v>
      </c>
      <c r="J11515" t="s">
        <v>67200</v>
      </c>
    </row>
    <row r="11516" spans="1:10" x14ac:dyDescent="0.25">
      <c r="A11516" t="s">
        <v>12496</v>
      </c>
      <c r="B11516" t="s">
        <v>12497</v>
      </c>
      <c r="C11516" t="s">
        <v>12498</v>
      </c>
      <c r="D11516" t="s">
        <v>12410</v>
      </c>
      <c r="E11516" t="s">
        <v>13</v>
      </c>
      <c r="F11516">
        <v>2566</v>
      </c>
      <c r="G11516" t="s">
        <v>12499</v>
      </c>
      <c r="H11516">
        <v>6.140931918742</v>
      </c>
      <c r="I11516">
        <v>51.995120600680998</v>
      </c>
      <c r="J11516" t="s">
        <v>67201</v>
      </c>
    </row>
    <row r="11517" spans="1:10" x14ac:dyDescent="0.25">
      <c r="A11517" t="s">
        <v>12492</v>
      </c>
      <c r="B11517" t="s">
        <v>12493</v>
      </c>
      <c r="C11517" t="s">
        <v>12494</v>
      </c>
      <c r="D11517" t="s">
        <v>12410</v>
      </c>
      <c r="E11517" t="s">
        <v>13</v>
      </c>
      <c r="F11517">
        <v>2565</v>
      </c>
      <c r="G11517" t="s">
        <v>12495</v>
      </c>
      <c r="H11517">
        <v>6.1305620012300004</v>
      </c>
      <c r="I11517">
        <v>51.908706366474</v>
      </c>
      <c r="J11517" t="s">
        <v>67202</v>
      </c>
    </row>
    <row r="11518" spans="1:10" x14ac:dyDescent="0.25">
      <c r="A11518" t="s">
        <v>12488</v>
      </c>
      <c r="B11518" t="s">
        <v>12489</v>
      </c>
      <c r="C11518" t="s">
        <v>12490</v>
      </c>
      <c r="D11518" t="s">
        <v>12410</v>
      </c>
      <c r="E11518" t="s">
        <v>13</v>
      </c>
      <c r="F11518">
        <v>2564</v>
      </c>
      <c r="G11518" t="s">
        <v>12491</v>
      </c>
      <c r="H11518">
        <v>6.1004035273459998</v>
      </c>
      <c r="I11518">
        <v>51.908888020957001</v>
      </c>
      <c r="J11518" t="s">
        <v>67203</v>
      </c>
    </row>
    <row r="11519" spans="1:10" x14ac:dyDescent="0.25">
      <c r="A11519" t="s">
        <v>12484</v>
      </c>
      <c r="B11519" t="s">
        <v>12485</v>
      </c>
      <c r="C11519" t="s">
        <v>12486</v>
      </c>
      <c r="D11519" t="s">
        <v>12410</v>
      </c>
      <c r="E11519" t="s">
        <v>13</v>
      </c>
      <c r="F11519">
        <v>2563</v>
      </c>
      <c r="G11519" t="s">
        <v>12487</v>
      </c>
      <c r="H11519">
        <v>6.1148856760830004</v>
      </c>
      <c r="I11519">
        <v>51.906534924393</v>
      </c>
      <c r="J11519" t="s">
        <v>67204</v>
      </c>
    </row>
    <row r="11520" spans="1:10" x14ac:dyDescent="0.25">
      <c r="A11520" t="s">
        <v>12480</v>
      </c>
      <c r="B11520" t="s">
        <v>12481</v>
      </c>
      <c r="C11520" t="s">
        <v>12482</v>
      </c>
      <c r="D11520" t="s">
        <v>12410</v>
      </c>
      <c r="E11520" t="s">
        <v>13</v>
      </c>
      <c r="F11520">
        <v>2562</v>
      </c>
      <c r="G11520" t="s">
        <v>12483</v>
      </c>
      <c r="H11520">
        <v>6.111691954906</v>
      </c>
      <c r="I11520">
        <v>51.922900907864999</v>
      </c>
      <c r="J11520" t="s">
        <v>67205</v>
      </c>
    </row>
    <row r="11521" spans="1:10" x14ac:dyDescent="0.25">
      <c r="A11521" t="s">
        <v>12476</v>
      </c>
      <c r="B11521" t="s">
        <v>12477</v>
      </c>
      <c r="C11521" t="s">
        <v>12478</v>
      </c>
      <c r="D11521" t="s">
        <v>12410</v>
      </c>
      <c r="E11521" t="s">
        <v>13</v>
      </c>
      <c r="F11521">
        <v>2561</v>
      </c>
      <c r="G11521" t="s">
        <v>12479</v>
      </c>
      <c r="H11521">
        <v>6.0767973018710002</v>
      </c>
      <c r="I11521">
        <v>51.959509254277002</v>
      </c>
      <c r="J11521" t="s">
        <v>67206</v>
      </c>
    </row>
    <row r="11522" spans="1:10" x14ac:dyDescent="0.25">
      <c r="A11522" t="s">
        <v>12472</v>
      </c>
      <c r="B11522" t="s">
        <v>12473</v>
      </c>
      <c r="C11522" t="s">
        <v>12474</v>
      </c>
      <c r="D11522" t="s">
        <v>12410</v>
      </c>
      <c r="E11522" t="s">
        <v>13</v>
      </c>
      <c r="F11522">
        <v>2560</v>
      </c>
      <c r="G11522" t="s">
        <v>12475</v>
      </c>
      <c r="H11522">
        <v>6.1006230024830002</v>
      </c>
      <c r="I11522">
        <v>51.918856624783999</v>
      </c>
      <c r="J11522" t="s">
        <v>67207</v>
      </c>
    </row>
    <row r="11523" spans="1:10" x14ac:dyDescent="0.25">
      <c r="A11523" t="s">
        <v>12468</v>
      </c>
      <c r="B11523" t="s">
        <v>12469</v>
      </c>
      <c r="C11523" t="s">
        <v>12470</v>
      </c>
      <c r="D11523" t="s">
        <v>12410</v>
      </c>
      <c r="E11523" t="s">
        <v>13</v>
      </c>
      <c r="F11523">
        <v>2559</v>
      </c>
      <c r="G11523" t="s">
        <v>12471</v>
      </c>
      <c r="H11523">
        <v>6.0573731407639997</v>
      </c>
      <c r="I11523">
        <v>51.919697795680001</v>
      </c>
      <c r="J11523" t="s">
        <v>67208</v>
      </c>
    </row>
    <row r="11524" spans="1:10" x14ac:dyDescent="0.25">
      <c r="A11524" t="s">
        <v>12464</v>
      </c>
      <c r="B11524" t="s">
        <v>12465</v>
      </c>
      <c r="C11524" t="s">
        <v>12466</v>
      </c>
      <c r="D11524" t="s">
        <v>12410</v>
      </c>
      <c r="E11524" t="s">
        <v>13</v>
      </c>
      <c r="F11524">
        <v>2558</v>
      </c>
      <c r="G11524" t="s">
        <v>12467</v>
      </c>
      <c r="H11524">
        <v>6.0818806822839999</v>
      </c>
      <c r="I11524">
        <v>51.917751365518001</v>
      </c>
      <c r="J11524" t="s">
        <v>67209</v>
      </c>
    </row>
    <row r="11525" spans="1:10" x14ac:dyDescent="0.25">
      <c r="A11525" t="s">
        <v>12460</v>
      </c>
      <c r="B11525" t="s">
        <v>12461</v>
      </c>
      <c r="C11525" t="s">
        <v>12462</v>
      </c>
      <c r="D11525" t="s">
        <v>12410</v>
      </c>
      <c r="E11525" t="s">
        <v>13</v>
      </c>
      <c r="F11525">
        <v>2557</v>
      </c>
      <c r="G11525" t="s">
        <v>12463</v>
      </c>
      <c r="H11525">
        <v>6.0676150870269998</v>
      </c>
      <c r="I11525">
        <v>51.922492921321997</v>
      </c>
      <c r="J11525" t="s">
        <v>67210</v>
      </c>
    </row>
    <row r="11526" spans="1:10" x14ac:dyDescent="0.25">
      <c r="A11526" t="s">
        <v>12456</v>
      </c>
      <c r="B11526" t="s">
        <v>12457</v>
      </c>
      <c r="C11526" t="s">
        <v>12458</v>
      </c>
      <c r="D11526" t="s">
        <v>12410</v>
      </c>
      <c r="E11526" t="s">
        <v>13</v>
      </c>
      <c r="F11526">
        <v>2556</v>
      </c>
      <c r="G11526" t="s">
        <v>12459</v>
      </c>
      <c r="H11526">
        <v>6.0977795981489997</v>
      </c>
      <c r="I11526">
        <v>51.929989158825002</v>
      </c>
      <c r="J11526" t="s">
        <v>67211</v>
      </c>
    </row>
    <row r="11527" spans="1:10" x14ac:dyDescent="0.25">
      <c r="A11527" t="s">
        <v>12452</v>
      </c>
      <c r="B11527" t="s">
        <v>12453</v>
      </c>
      <c r="C11527" t="s">
        <v>12454</v>
      </c>
      <c r="D11527" t="s">
        <v>12410</v>
      </c>
      <c r="E11527" t="s">
        <v>13</v>
      </c>
      <c r="F11527">
        <v>2555</v>
      </c>
      <c r="G11527" t="s">
        <v>12455</v>
      </c>
      <c r="H11527">
        <v>6.0711765143739997</v>
      </c>
      <c r="I11527">
        <v>51.944544315154999</v>
      </c>
      <c r="J11527" t="s">
        <v>67212</v>
      </c>
    </row>
    <row r="11528" spans="1:10" x14ac:dyDescent="0.25">
      <c r="A11528" t="s">
        <v>12448</v>
      </c>
      <c r="B11528" t="s">
        <v>12449</v>
      </c>
      <c r="C11528" t="s">
        <v>12450</v>
      </c>
      <c r="D11528" t="s">
        <v>12410</v>
      </c>
      <c r="E11528" t="s">
        <v>13</v>
      </c>
      <c r="F11528">
        <v>2554</v>
      </c>
      <c r="G11528" t="s">
        <v>12451</v>
      </c>
      <c r="H11528">
        <v>6.055370184159</v>
      </c>
      <c r="I11528">
        <v>51.933914064432997</v>
      </c>
      <c r="J11528" t="s">
        <v>67213</v>
      </c>
    </row>
    <row r="11529" spans="1:10" x14ac:dyDescent="0.25">
      <c r="A11529" t="s">
        <v>12444</v>
      </c>
      <c r="B11529" t="s">
        <v>12445</v>
      </c>
      <c r="C11529" t="s">
        <v>12446</v>
      </c>
      <c r="D11529" t="s">
        <v>12410</v>
      </c>
      <c r="E11529" t="s">
        <v>13</v>
      </c>
      <c r="F11529">
        <v>2553</v>
      </c>
      <c r="G11529" t="s">
        <v>12447</v>
      </c>
      <c r="H11529">
        <v>6.0890323455250002</v>
      </c>
      <c r="I11529">
        <v>51.931271064202001</v>
      </c>
      <c r="J11529" t="s">
        <v>67214</v>
      </c>
    </row>
    <row r="11530" spans="1:10" x14ac:dyDescent="0.25">
      <c r="A11530" t="s">
        <v>12440</v>
      </c>
      <c r="B11530" t="s">
        <v>12441</v>
      </c>
      <c r="C11530" t="s">
        <v>12442</v>
      </c>
      <c r="D11530" t="s">
        <v>12410</v>
      </c>
      <c r="E11530" t="s">
        <v>13</v>
      </c>
      <c r="F11530">
        <v>2552</v>
      </c>
      <c r="G11530" t="s">
        <v>12443</v>
      </c>
      <c r="H11530">
        <v>6.0844147653489999</v>
      </c>
      <c r="I11530">
        <v>51.937845333999</v>
      </c>
      <c r="J11530" t="s">
        <v>67215</v>
      </c>
    </row>
    <row r="11531" spans="1:10" x14ac:dyDescent="0.25">
      <c r="A11531" t="s">
        <v>12436</v>
      </c>
      <c r="B11531" t="s">
        <v>12437</v>
      </c>
      <c r="C11531" t="s">
        <v>12438</v>
      </c>
      <c r="D11531" t="s">
        <v>12410</v>
      </c>
      <c r="E11531" t="s">
        <v>13</v>
      </c>
      <c r="F11531">
        <v>2551</v>
      </c>
      <c r="G11531" t="s">
        <v>12439</v>
      </c>
      <c r="H11531">
        <v>6.077273805441</v>
      </c>
      <c r="I11531">
        <v>51.938965687153001</v>
      </c>
      <c r="J11531" t="s">
        <v>67216</v>
      </c>
    </row>
    <row r="11532" spans="1:10" x14ac:dyDescent="0.25">
      <c r="A11532" t="s">
        <v>12432</v>
      </c>
      <c r="B11532" t="s">
        <v>12433</v>
      </c>
      <c r="C11532" t="s">
        <v>12434</v>
      </c>
      <c r="D11532" t="s">
        <v>12410</v>
      </c>
      <c r="E11532" t="s">
        <v>13</v>
      </c>
      <c r="F11532">
        <v>2550</v>
      </c>
      <c r="G11532" t="s">
        <v>12435</v>
      </c>
      <c r="H11532">
        <v>6.0645064121010002</v>
      </c>
      <c r="I11532">
        <v>51.941193112005003</v>
      </c>
      <c r="J11532" t="s">
        <v>67217</v>
      </c>
    </row>
    <row r="11533" spans="1:10" x14ac:dyDescent="0.25">
      <c r="A11533" t="s">
        <v>12428</v>
      </c>
      <c r="B11533" t="s">
        <v>12429</v>
      </c>
      <c r="C11533" t="s">
        <v>12430</v>
      </c>
      <c r="D11533" t="s">
        <v>12410</v>
      </c>
      <c r="E11533" t="s">
        <v>13</v>
      </c>
      <c r="F11533">
        <v>2549</v>
      </c>
      <c r="G11533" t="s">
        <v>12431</v>
      </c>
      <c r="H11533">
        <v>6.0708492551899997</v>
      </c>
      <c r="I11533">
        <v>51.935619075327999</v>
      </c>
      <c r="J11533" t="s">
        <v>67218</v>
      </c>
    </row>
    <row r="11534" spans="1:10" x14ac:dyDescent="0.25">
      <c r="A11534" t="s">
        <v>12424</v>
      </c>
      <c r="B11534" t="s">
        <v>12425</v>
      </c>
      <c r="C11534" t="s">
        <v>12426</v>
      </c>
      <c r="D11534" t="s">
        <v>12410</v>
      </c>
      <c r="E11534" t="s">
        <v>13</v>
      </c>
      <c r="F11534">
        <v>2548</v>
      </c>
      <c r="G11534" t="s">
        <v>12427</v>
      </c>
      <c r="H11534">
        <v>6.0624283455250003</v>
      </c>
      <c r="I11534">
        <v>51.930597236876999</v>
      </c>
      <c r="J11534" t="s">
        <v>67219</v>
      </c>
    </row>
    <row r="11535" spans="1:10" x14ac:dyDescent="0.25">
      <c r="A11535" t="s">
        <v>12420</v>
      </c>
      <c r="B11535" t="s">
        <v>12421</v>
      </c>
      <c r="C11535" t="s">
        <v>12422</v>
      </c>
      <c r="D11535" t="s">
        <v>12410</v>
      </c>
      <c r="E11535" t="s">
        <v>13</v>
      </c>
      <c r="F11535">
        <v>2547</v>
      </c>
      <c r="G11535" t="s">
        <v>12423</v>
      </c>
      <c r="H11535">
        <v>6.0851314969499999</v>
      </c>
      <c r="I11535">
        <v>51.926396946692002</v>
      </c>
      <c r="J11535" t="s">
        <v>67220</v>
      </c>
    </row>
    <row r="11536" spans="1:10" x14ac:dyDescent="0.25">
      <c r="A11536" t="s">
        <v>12416</v>
      </c>
      <c r="B11536" t="s">
        <v>12417</v>
      </c>
      <c r="C11536" t="s">
        <v>12418</v>
      </c>
      <c r="D11536" t="s">
        <v>12410</v>
      </c>
      <c r="E11536" t="s">
        <v>13</v>
      </c>
      <c r="F11536">
        <v>2546</v>
      </c>
      <c r="G11536" t="s">
        <v>12419</v>
      </c>
      <c r="H11536">
        <v>6.0754060542900001</v>
      </c>
      <c r="I11536">
        <v>51.932136337353</v>
      </c>
      <c r="J11536" t="s">
        <v>67221</v>
      </c>
    </row>
    <row r="11537" spans="1:10" x14ac:dyDescent="0.25">
      <c r="A11537" t="s">
        <v>12412</v>
      </c>
      <c r="B11537" t="s">
        <v>12413</v>
      </c>
      <c r="C11537" t="s">
        <v>12414</v>
      </c>
      <c r="D11537" t="s">
        <v>12410</v>
      </c>
      <c r="E11537" t="s">
        <v>13</v>
      </c>
      <c r="F11537">
        <v>2545</v>
      </c>
      <c r="G11537" t="s">
        <v>12415</v>
      </c>
      <c r="H11537">
        <v>6.06987416595</v>
      </c>
      <c r="I11537">
        <v>51.926767241021999</v>
      </c>
      <c r="J11537" t="s">
        <v>67222</v>
      </c>
    </row>
    <row r="11538" spans="1:10" x14ac:dyDescent="0.25">
      <c r="A11538" t="s">
        <v>12408</v>
      </c>
      <c r="B11538" t="s">
        <v>12409</v>
      </c>
      <c r="C11538" t="s">
        <v>129</v>
      </c>
      <c r="D11538" t="s">
        <v>12410</v>
      </c>
      <c r="E11538" t="s">
        <v>13</v>
      </c>
      <c r="F11538">
        <v>2544</v>
      </c>
      <c r="G11538" t="s">
        <v>12411</v>
      </c>
      <c r="H11538">
        <v>6.077697681779</v>
      </c>
      <c r="I11538">
        <v>51.925363472020997</v>
      </c>
      <c r="J11538" t="s">
        <v>67223</v>
      </c>
    </row>
    <row r="11539" spans="1:10" x14ac:dyDescent="0.25">
      <c r="A11539" t="s">
        <v>12404</v>
      </c>
      <c r="B11539" t="s">
        <v>12405</v>
      </c>
      <c r="C11539" t="s">
        <v>12406</v>
      </c>
      <c r="D11539" t="s">
        <v>12302</v>
      </c>
      <c r="E11539" t="s">
        <v>13</v>
      </c>
      <c r="F11539">
        <v>2543</v>
      </c>
      <c r="G11539" t="s">
        <v>12407</v>
      </c>
      <c r="H11539">
        <v>5.1562896254280002</v>
      </c>
      <c r="I11539">
        <v>51.753158018420002</v>
      </c>
      <c r="J11539" t="s">
        <v>67224</v>
      </c>
    </row>
    <row r="11540" spans="1:10" x14ac:dyDescent="0.25">
      <c r="A11540" t="s">
        <v>12400</v>
      </c>
      <c r="B11540" t="s">
        <v>12401</v>
      </c>
      <c r="C11540" t="s">
        <v>12402</v>
      </c>
      <c r="D11540" t="s">
        <v>12302</v>
      </c>
      <c r="E11540" t="s">
        <v>13</v>
      </c>
      <c r="F11540">
        <v>2542</v>
      </c>
      <c r="G11540" t="s">
        <v>12403</v>
      </c>
      <c r="H11540">
        <v>5.1490734536740002</v>
      </c>
      <c r="I11540">
        <v>51.750406750595999</v>
      </c>
      <c r="J11540" t="s">
        <v>67225</v>
      </c>
    </row>
    <row r="11541" spans="1:10" x14ac:dyDescent="0.25">
      <c r="A11541" t="s">
        <v>12396</v>
      </c>
      <c r="B11541" t="s">
        <v>12397</v>
      </c>
      <c r="C11541" t="s">
        <v>12398</v>
      </c>
      <c r="D11541" t="s">
        <v>12302</v>
      </c>
      <c r="E11541" t="s">
        <v>13</v>
      </c>
      <c r="F11541">
        <v>2541</v>
      </c>
      <c r="G11541" t="s">
        <v>12399</v>
      </c>
      <c r="H11541">
        <v>5.1637141350849998</v>
      </c>
      <c r="I11541">
        <v>51.763077934319</v>
      </c>
      <c r="J11541" t="s">
        <v>67226</v>
      </c>
    </row>
    <row r="11542" spans="1:10" x14ac:dyDescent="0.25">
      <c r="A11542" t="s">
        <v>12392</v>
      </c>
      <c r="B11542" t="s">
        <v>12393</v>
      </c>
      <c r="C11542" t="s">
        <v>12394</v>
      </c>
      <c r="D11542" t="s">
        <v>12302</v>
      </c>
      <c r="E11542" t="s">
        <v>13</v>
      </c>
      <c r="F11542">
        <v>2540</v>
      </c>
      <c r="G11542" t="s">
        <v>12395</v>
      </c>
      <c r="H11542">
        <v>5.188523862377</v>
      </c>
      <c r="I11542">
        <v>51.800490500340999</v>
      </c>
      <c r="J11542" t="s">
        <v>67227</v>
      </c>
    </row>
    <row r="11543" spans="1:10" x14ac:dyDescent="0.25">
      <c r="A11543" t="s">
        <v>12388</v>
      </c>
      <c r="B11543" t="s">
        <v>12389</v>
      </c>
      <c r="C11543" t="s">
        <v>12390</v>
      </c>
      <c r="D11543" t="s">
        <v>12302</v>
      </c>
      <c r="E11543" t="s">
        <v>13</v>
      </c>
      <c r="F11543">
        <v>2539</v>
      </c>
      <c r="G11543" t="s">
        <v>12391</v>
      </c>
      <c r="H11543">
        <v>5.2464970834090003</v>
      </c>
      <c r="I11543">
        <v>51.782499660528998</v>
      </c>
      <c r="J11543" t="s">
        <v>67228</v>
      </c>
    </row>
    <row r="11544" spans="1:10" x14ac:dyDescent="0.25">
      <c r="A11544" t="s">
        <v>12384</v>
      </c>
      <c r="B11544" t="s">
        <v>12385</v>
      </c>
      <c r="C11544" t="s">
        <v>12386</v>
      </c>
      <c r="D11544" t="s">
        <v>12302</v>
      </c>
      <c r="E11544" t="s">
        <v>13</v>
      </c>
      <c r="F11544">
        <v>2538</v>
      </c>
      <c r="G11544" t="s">
        <v>12387</v>
      </c>
      <c r="H11544">
        <v>5.1869873001459998</v>
      </c>
      <c r="I11544">
        <v>51.777416807530997</v>
      </c>
      <c r="J11544" t="s">
        <v>67229</v>
      </c>
    </row>
    <row r="11545" spans="1:10" x14ac:dyDescent="0.25">
      <c r="A11545" t="s">
        <v>12380</v>
      </c>
      <c r="B11545" t="s">
        <v>12381</v>
      </c>
      <c r="C11545" t="s">
        <v>12382</v>
      </c>
      <c r="D11545" t="s">
        <v>12302</v>
      </c>
      <c r="E11545" t="s">
        <v>13</v>
      </c>
      <c r="F11545">
        <v>2537</v>
      </c>
      <c r="G11545" t="s">
        <v>12383</v>
      </c>
      <c r="H11545">
        <v>5.1750967343429997</v>
      </c>
      <c r="I11545">
        <v>51.810261007285</v>
      </c>
      <c r="J11545" t="s">
        <v>67230</v>
      </c>
    </row>
    <row r="11546" spans="1:10" x14ac:dyDescent="0.25">
      <c r="A11546" t="s">
        <v>12376</v>
      </c>
      <c r="B11546" t="s">
        <v>12377</v>
      </c>
      <c r="C11546" t="s">
        <v>12378</v>
      </c>
      <c r="D11546" t="s">
        <v>12302</v>
      </c>
      <c r="E11546" t="s">
        <v>13</v>
      </c>
      <c r="F11546">
        <v>2536</v>
      </c>
      <c r="G11546" t="s">
        <v>12379</v>
      </c>
      <c r="H11546">
        <v>5.1997777787799997</v>
      </c>
      <c r="I11546">
        <v>51.801566295180997</v>
      </c>
      <c r="J11546" t="s">
        <v>67231</v>
      </c>
    </row>
    <row r="11547" spans="1:10" x14ac:dyDescent="0.25">
      <c r="A11547" t="s">
        <v>12372</v>
      </c>
      <c r="B11547" t="s">
        <v>12373</v>
      </c>
      <c r="C11547" t="s">
        <v>12374</v>
      </c>
      <c r="D11547" t="s">
        <v>12302</v>
      </c>
      <c r="E11547" t="s">
        <v>13</v>
      </c>
      <c r="F11547">
        <v>2535</v>
      </c>
      <c r="G11547" t="s">
        <v>12375</v>
      </c>
      <c r="H11547">
        <v>5.1871187862749997</v>
      </c>
      <c r="I11547">
        <v>51.768469729407002</v>
      </c>
      <c r="J11547" t="s">
        <v>67232</v>
      </c>
    </row>
    <row r="11548" spans="1:10" x14ac:dyDescent="0.25">
      <c r="A11548" t="s">
        <v>12368</v>
      </c>
      <c r="B11548" t="s">
        <v>12369</v>
      </c>
      <c r="C11548" t="s">
        <v>12370</v>
      </c>
      <c r="D11548" t="s">
        <v>12302</v>
      </c>
      <c r="E11548" t="s">
        <v>13</v>
      </c>
      <c r="F11548">
        <v>2534</v>
      </c>
      <c r="G11548" t="s">
        <v>12371</v>
      </c>
      <c r="H11548">
        <v>5.2351742713659997</v>
      </c>
      <c r="I11548">
        <v>51.785333147557999</v>
      </c>
      <c r="J11548" t="s">
        <v>67233</v>
      </c>
    </row>
    <row r="11549" spans="1:10" x14ac:dyDescent="0.25">
      <c r="A11549" t="s">
        <v>12364</v>
      </c>
      <c r="B11549" t="s">
        <v>12365</v>
      </c>
      <c r="C11549" t="s">
        <v>12366</v>
      </c>
      <c r="D11549" t="s">
        <v>12302</v>
      </c>
      <c r="E11549" t="s">
        <v>13</v>
      </c>
      <c r="F11549">
        <v>2533</v>
      </c>
      <c r="G11549" t="s">
        <v>12367</v>
      </c>
      <c r="H11549">
        <v>5.2153402374109996</v>
      </c>
      <c r="I11549">
        <v>51.774796361405002</v>
      </c>
      <c r="J11549" t="s">
        <v>67234</v>
      </c>
    </row>
    <row r="11550" spans="1:10" x14ac:dyDescent="0.25">
      <c r="A11550" t="s">
        <v>12360</v>
      </c>
      <c r="B11550" t="s">
        <v>12361</v>
      </c>
      <c r="C11550" t="s">
        <v>12362</v>
      </c>
      <c r="D11550" t="s">
        <v>12302</v>
      </c>
      <c r="E11550" t="s">
        <v>13</v>
      </c>
      <c r="F11550">
        <v>2532</v>
      </c>
      <c r="G11550" t="s">
        <v>12363</v>
      </c>
      <c r="H11550">
        <v>5.1365989113120003</v>
      </c>
      <c r="I11550">
        <v>51.805683762706003</v>
      </c>
      <c r="J11550" t="s">
        <v>67235</v>
      </c>
    </row>
    <row r="11551" spans="1:10" x14ac:dyDescent="0.25">
      <c r="A11551" t="s">
        <v>12356</v>
      </c>
      <c r="B11551" t="s">
        <v>12357</v>
      </c>
      <c r="C11551" t="s">
        <v>12358</v>
      </c>
      <c r="D11551" t="s">
        <v>12302</v>
      </c>
      <c r="E11551" t="s">
        <v>13</v>
      </c>
      <c r="F11551">
        <v>2531</v>
      </c>
      <c r="G11551" t="s">
        <v>12359</v>
      </c>
      <c r="H11551">
        <v>5.0358643846350004</v>
      </c>
      <c r="I11551">
        <v>51.809214690259999</v>
      </c>
      <c r="J11551" t="s">
        <v>67236</v>
      </c>
    </row>
    <row r="11552" spans="1:10" x14ac:dyDescent="0.25">
      <c r="A11552" t="s">
        <v>12352</v>
      </c>
      <c r="B11552" t="s">
        <v>12353</v>
      </c>
      <c r="C11552" t="s">
        <v>12354</v>
      </c>
      <c r="D11552" t="s">
        <v>12302</v>
      </c>
      <c r="E11552" t="s">
        <v>13</v>
      </c>
      <c r="F11552">
        <v>2530</v>
      </c>
      <c r="G11552" t="s">
        <v>12355</v>
      </c>
      <c r="H11552">
        <v>5.0824643340520002</v>
      </c>
      <c r="I11552">
        <v>51.813251241373003</v>
      </c>
      <c r="J11552" t="s">
        <v>67237</v>
      </c>
    </row>
    <row r="11553" spans="1:10" x14ac:dyDescent="0.25">
      <c r="A11553" t="s">
        <v>12348</v>
      </c>
      <c r="B11553" t="s">
        <v>12349</v>
      </c>
      <c r="C11553" t="s">
        <v>12350</v>
      </c>
      <c r="D11553" t="s">
        <v>12302</v>
      </c>
      <c r="E11553" t="s">
        <v>13</v>
      </c>
      <c r="F11553">
        <v>2529</v>
      </c>
      <c r="G11553" t="s">
        <v>12351</v>
      </c>
      <c r="H11553">
        <v>5.0777969185970004</v>
      </c>
      <c r="I11553">
        <v>51.793623714551003</v>
      </c>
      <c r="J11553" t="s">
        <v>67238</v>
      </c>
    </row>
    <row r="11554" spans="1:10" x14ac:dyDescent="0.25">
      <c r="A11554" t="s">
        <v>12344</v>
      </c>
      <c r="B11554" t="s">
        <v>12345</v>
      </c>
      <c r="C11554" t="s">
        <v>12346</v>
      </c>
      <c r="D11554" t="s">
        <v>12302</v>
      </c>
      <c r="E11554" t="s">
        <v>13</v>
      </c>
      <c r="F11554">
        <v>2528</v>
      </c>
      <c r="G11554" t="s">
        <v>12347</v>
      </c>
      <c r="H11554">
        <v>5.1319864577330003</v>
      </c>
      <c r="I11554">
        <v>51.788576357655998</v>
      </c>
      <c r="J11554" t="s">
        <v>67239</v>
      </c>
    </row>
    <row r="11555" spans="1:10" x14ac:dyDescent="0.25">
      <c r="A11555" t="s">
        <v>12340</v>
      </c>
      <c r="B11555" t="s">
        <v>12341</v>
      </c>
      <c r="C11555" t="s">
        <v>12342</v>
      </c>
      <c r="D11555" t="s">
        <v>12302</v>
      </c>
      <c r="E11555" t="s">
        <v>13</v>
      </c>
      <c r="F11555">
        <v>2527</v>
      </c>
      <c r="G11555" t="s">
        <v>12343</v>
      </c>
      <c r="H11555">
        <v>5.1382342009839999</v>
      </c>
      <c r="I11555">
        <v>51.774379819026002</v>
      </c>
      <c r="J11555" t="s">
        <v>67240</v>
      </c>
    </row>
    <row r="11556" spans="1:10" x14ac:dyDescent="0.25">
      <c r="A11556" t="s">
        <v>12336</v>
      </c>
      <c r="B11556" t="s">
        <v>12337</v>
      </c>
      <c r="C11556" t="s">
        <v>12338</v>
      </c>
      <c r="D11556" t="s">
        <v>12302</v>
      </c>
      <c r="E11556" t="s">
        <v>13</v>
      </c>
      <c r="F11556">
        <v>2526</v>
      </c>
      <c r="G11556" t="s">
        <v>12339</v>
      </c>
      <c r="H11556">
        <v>5.1362548245769997</v>
      </c>
      <c r="I11556">
        <v>51.808862024824997</v>
      </c>
      <c r="J11556" t="s">
        <v>67241</v>
      </c>
    </row>
    <row r="11557" spans="1:10" x14ac:dyDescent="0.25">
      <c r="A11557" t="s">
        <v>12332</v>
      </c>
      <c r="B11557" t="s">
        <v>12333</v>
      </c>
      <c r="C11557" t="s">
        <v>12334</v>
      </c>
      <c r="D11557" t="s">
        <v>12302</v>
      </c>
      <c r="E11557" t="s">
        <v>13</v>
      </c>
      <c r="F11557">
        <v>2525</v>
      </c>
      <c r="G11557" t="s">
        <v>12335</v>
      </c>
      <c r="H11557">
        <v>5.1232145678089998</v>
      </c>
      <c r="I11557">
        <v>51.782362199334997</v>
      </c>
      <c r="J11557" t="s">
        <v>67242</v>
      </c>
    </row>
    <row r="11558" spans="1:10" x14ac:dyDescent="0.25">
      <c r="A11558" t="s">
        <v>12328</v>
      </c>
      <c r="B11558" t="s">
        <v>12329</v>
      </c>
      <c r="C11558" t="s">
        <v>12330</v>
      </c>
      <c r="D11558" t="s">
        <v>12302</v>
      </c>
      <c r="E11558" t="s">
        <v>13</v>
      </c>
      <c r="F11558">
        <v>2524</v>
      </c>
      <c r="G11558" t="s">
        <v>12331</v>
      </c>
      <c r="H11558">
        <v>5.0783281185830003</v>
      </c>
      <c r="I11558">
        <v>51.786092663391003</v>
      </c>
      <c r="J11558" t="s">
        <v>67243</v>
      </c>
    </row>
    <row r="11559" spans="1:10" x14ac:dyDescent="0.25">
      <c r="A11559" t="s">
        <v>12324</v>
      </c>
      <c r="B11559" t="s">
        <v>12325</v>
      </c>
      <c r="C11559" t="s">
        <v>12326</v>
      </c>
      <c r="D11559" t="s">
        <v>12302</v>
      </c>
      <c r="E11559" t="s">
        <v>13</v>
      </c>
      <c r="F11559">
        <v>2523</v>
      </c>
      <c r="G11559" t="s">
        <v>12327</v>
      </c>
      <c r="H11559">
        <v>5.0951181613349998</v>
      </c>
      <c r="I11559">
        <v>51.818117136615001</v>
      </c>
      <c r="J11559" t="s">
        <v>67244</v>
      </c>
    </row>
    <row r="11560" spans="1:10" x14ac:dyDescent="0.25">
      <c r="A11560" t="s">
        <v>12320</v>
      </c>
      <c r="B11560" t="s">
        <v>12321</v>
      </c>
      <c r="C11560" t="s">
        <v>12322</v>
      </c>
      <c r="D11560" t="s">
        <v>12302</v>
      </c>
      <c r="E11560" t="s">
        <v>13</v>
      </c>
      <c r="F11560">
        <v>2522</v>
      </c>
      <c r="G11560" t="s">
        <v>12323</v>
      </c>
      <c r="H11560">
        <v>5.2343523890260002</v>
      </c>
      <c r="I11560">
        <v>51.800714188854997</v>
      </c>
      <c r="J11560" t="s">
        <v>67245</v>
      </c>
    </row>
    <row r="11561" spans="1:10" x14ac:dyDescent="0.25">
      <c r="A11561" t="s">
        <v>12316</v>
      </c>
      <c r="B11561" t="s">
        <v>12317</v>
      </c>
      <c r="C11561" t="s">
        <v>12318</v>
      </c>
      <c r="D11561" t="s">
        <v>12302</v>
      </c>
      <c r="E11561" t="s">
        <v>13</v>
      </c>
      <c r="F11561">
        <v>2521</v>
      </c>
      <c r="G11561" t="s">
        <v>12319</v>
      </c>
      <c r="H11561">
        <v>5.2713068175959998</v>
      </c>
      <c r="I11561">
        <v>51.809897714986</v>
      </c>
      <c r="J11561" t="s">
        <v>67246</v>
      </c>
    </row>
    <row r="11562" spans="1:10" x14ac:dyDescent="0.25">
      <c r="A11562" t="s">
        <v>12312</v>
      </c>
      <c r="B11562" t="s">
        <v>12313</v>
      </c>
      <c r="C11562" t="s">
        <v>12314</v>
      </c>
      <c r="D11562" t="s">
        <v>12302</v>
      </c>
      <c r="E11562" t="s">
        <v>13</v>
      </c>
      <c r="F11562">
        <v>2520</v>
      </c>
      <c r="G11562" t="s">
        <v>12315</v>
      </c>
      <c r="H11562">
        <v>5.2570372765949998</v>
      </c>
      <c r="I11562">
        <v>51.798584038789002</v>
      </c>
      <c r="J11562" t="s">
        <v>67247</v>
      </c>
    </row>
    <row r="11563" spans="1:10" x14ac:dyDescent="0.25">
      <c r="A11563" t="s">
        <v>12308</v>
      </c>
      <c r="B11563" t="s">
        <v>12309</v>
      </c>
      <c r="C11563" t="s">
        <v>12310</v>
      </c>
      <c r="D11563" t="s">
        <v>12302</v>
      </c>
      <c r="E11563" t="s">
        <v>13</v>
      </c>
      <c r="F11563">
        <v>2519</v>
      </c>
      <c r="G11563" t="s">
        <v>12311</v>
      </c>
      <c r="H11563">
        <v>5.236097873117</v>
      </c>
      <c r="I11563">
        <v>51.804539865053997</v>
      </c>
      <c r="J11563" t="s">
        <v>67248</v>
      </c>
    </row>
    <row r="11564" spans="1:10" x14ac:dyDescent="0.25">
      <c r="A11564" t="s">
        <v>12304</v>
      </c>
      <c r="B11564" t="s">
        <v>12305</v>
      </c>
      <c r="C11564" t="s">
        <v>12306</v>
      </c>
      <c r="D11564" t="s">
        <v>12302</v>
      </c>
      <c r="E11564" t="s">
        <v>13</v>
      </c>
      <c r="F11564">
        <v>2518</v>
      </c>
      <c r="G11564" t="s">
        <v>12307</v>
      </c>
      <c r="H11564">
        <v>5.2515526607350003</v>
      </c>
      <c r="I11564">
        <v>51.808566910086</v>
      </c>
      <c r="J11564" t="s">
        <v>67249</v>
      </c>
    </row>
    <row r="11565" spans="1:10" x14ac:dyDescent="0.25">
      <c r="A11565" t="s">
        <v>12299</v>
      </c>
      <c r="B11565" t="s">
        <v>12300</v>
      </c>
      <c r="C11565" t="s">
        <v>12301</v>
      </c>
      <c r="D11565" t="s">
        <v>12302</v>
      </c>
      <c r="E11565" t="s">
        <v>13</v>
      </c>
      <c r="F11565">
        <v>2517</v>
      </c>
      <c r="G11565" t="s">
        <v>12303</v>
      </c>
      <c r="H11565">
        <v>5.2495407316189997</v>
      </c>
      <c r="I11565">
        <v>51.812559739207998</v>
      </c>
      <c r="J11565" t="s">
        <v>67250</v>
      </c>
    </row>
    <row r="11566" spans="1:10" x14ac:dyDescent="0.25">
      <c r="A11566" t="s">
        <v>12295</v>
      </c>
      <c r="B11566" t="s">
        <v>12296</v>
      </c>
      <c r="C11566" t="s">
        <v>12297</v>
      </c>
      <c r="D11566" t="s">
        <v>12062</v>
      </c>
      <c r="E11566" t="s">
        <v>13</v>
      </c>
      <c r="F11566">
        <v>2516</v>
      </c>
      <c r="G11566" t="s">
        <v>12298</v>
      </c>
      <c r="H11566">
        <v>5.7588098448010001</v>
      </c>
      <c r="I11566">
        <v>51.803765861655002</v>
      </c>
      <c r="J11566" t="s">
        <v>67251</v>
      </c>
    </row>
    <row r="11567" spans="1:10" x14ac:dyDescent="0.25">
      <c r="A11567" t="s">
        <v>12291</v>
      </c>
      <c r="B11567" t="s">
        <v>12292</v>
      </c>
      <c r="C11567" t="s">
        <v>12293</v>
      </c>
      <c r="D11567" t="s">
        <v>12062</v>
      </c>
      <c r="E11567" t="s">
        <v>13</v>
      </c>
      <c r="F11567">
        <v>2515</v>
      </c>
      <c r="G11567" t="s">
        <v>12294</v>
      </c>
      <c r="H11567">
        <v>5.7397550135889999</v>
      </c>
      <c r="I11567">
        <v>51.784678978807001</v>
      </c>
      <c r="J11567" t="s">
        <v>67252</v>
      </c>
    </row>
    <row r="11568" spans="1:10" x14ac:dyDescent="0.25">
      <c r="A11568" t="s">
        <v>12287</v>
      </c>
      <c r="B11568" t="s">
        <v>12288</v>
      </c>
      <c r="C11568" t="s">
        <v>12289</v>
      </c>
      <c r="D11568" t="s">
        <v>12062</v>
      </c>
      <c r="E11568" t="s">
        <v>13</v>
      </c>
      <c r="F11568">
        <v>2514</v>
      </c>
      <c r="G11568" t="s">
        <v>12290</v>
      </c>
      <c r="H11568">
        <v>5.7699754902900002</v>
      </c>
      <c r="I11568">
        <v>51.791681391285003</v>
      </c>
      <c r="J11568" t="s">
        <v>67253</v>
      </c>
    </row>
    <row r="11569" spans="1:10" x14ac:dyDescent="0.25">
      <c r="A11569" t="s">
        <v>12283</v>
      </c>
      <c r="B11569" t="s">
        <v>12284</v>
      </c>
      <c r="C11569" t="s">
        <v>12285</v>
      </c>
      <c r="D11569" t="s">
        <v>12062</v>
      </c>
      <c r="E11569" t="s">
        <v>13</v>
      </c>
      <c r="F11569">
        <v>2513</v>
      </c>
      <c r="G11569" t="s">
        <v>12286</v>
      </c>
      <c r="H11569">
        <v>5.7744902397770002</v>
      </c>
      <c r="I11569">
        <v>51.808561057901997</v>
      </c>
      <c r="J11569" t="s">
        <v>67254</v>
      </c>
    </row>
    <row r="11570" spans="1:10" x14ac:dyDescent="0.25">
      <c r="A11570" t="s">
        <v>12279</v>
      </c>
      <c r="B11570" t="s">
        <v>12280</v>
      </c>
      <c r="C11570" t="s">
        <v>12281</v>
      </c>
      <c r="D11570" t="s">
        <v>12062</v>
      </c>
      <c r="E11570" t="s">
        <v>13</v>
      </c>
      <c r="F11570">
        <v>2512</v>
      </c>
      <c r="G11570" t="s">
        <v>12282</v>
      </c>
      <c r="H11570">
        <v>5.6710365095080002</v>
      </c>
      <c r="I11570">
        <v>51.804032280279003</v>
      </c>
      <c r="J11570" t="s">
        <v>67255</v>
      </c>
    </row>
    <row r="11571" spans="1:10" x14ac:dyDescent="0.25">
      <c r="A11571" t="s">
        <v>12275</v>
      </c>
      <c r="B11571" t="s">
        <v>12276</v>
      </c>
      <c r="C11571" t="s">
        <v>12277</v>
      </c>
      <c r="D11571" t="s">
        <v>12062</v>
      </c>
      <c r="E11571" t="s">
        <v>13</v>
      </c>
      <c r="F11571">
        <v>2511</v>
      </c>
      <c r="G11571" t="s">
        <v>12278</v>
      </c>
      <c r="H11571">
        <v>5.6926956505110002</v>
      </c>
      <c r="I11571">
        <v>51.794296573183999</v>
      </c>
      <c r="J11571" t="s">
        <v>67256</v>
      </c>
    </row>
    <row r="11572" spans="1:10" x14ac:dyDescent="0.25">
      <c r="A11572" t="s">
        <v>12271</v>
      </c>
      <c r="B11572" t="s">
        <v>12272</v>
      </c>
      <c r="C11572" t="s">
        <v>12273</v>
      </c>
      <c r="D11572" t="s">
        <v>12062</v>
      </c>
      <c r="E11572" t="s">
        <v>13</v>
      </c>
      <c r="F11572">
        <v>2510</v>
      </c>
      <c r="G11572" t="s">
        <v>12274</v>
      </c>
      <c r="H11572">
        <v>5.6728335966080001</v>
      </c>
      <c r="I11572">
        <v>51.796997475780003</v>
      </c>
      <c r="J11572" t="s">
        <v>67257</v>
      </c>
    </row>
    <row r="11573" spans="1:10" x14ac:dyDescent="0.25">
      <c r="A11573" t="s">
        <v>12267</v>
      </c>
      <c r="B11573" t="s">
        <v>12268</v>
      </c>
      <c r="C11573" t="s">
        <v>12269</v>
      </c>
      <c r="D11573" t="s">
        <v>12062</v>
      </c>
      <c r="E11573" t="s">
        <v>13</v>
      </c>
      <c r="F11573">
        <v>2509</v>
      </c>
      <c r="G11573" t="s">
        <v>12270</v>
      </c>
      <c r="H11573">
        <v>5.6907939837530002</v>
      </c>
      <c r="I11573">
        <v>51.823164191928001</v>
      </c>
      <c r="J11573" t="s">
        <v>67258</v>
      </c>
    </row>
    <row r="11574" spans="1:10" x14ac:dyDescent="0.25">
      <c r="A11574" t="s">
        <v>12263</v>
      </c>
      <c r="B11574" t="s">
        <v>12264</v>
      </c>
      <c r="C11574" t="s">
        <v>12265</v>
      </c>
      <c r="D11574" t="s">
        <v>12062</v>
      </c>
      <c r="E11574" t="s">
        <v>13</v>
      </c>
      <c r="F11574">
        <v>2508</v>
      </c>
      <c r="G11574" t="s">
        <v>12266</v>
      </c>
      <c r="H11574">
        <v>5.6949505306730002</v>
      </c>
      <c r="I11574">
        <v>51.819188591530001</v>
      </c>
      <c r="J11574" t="s">
        <v>67259</v>
      </c>
    </row>
    <row r="11575" spans="1:10" x14ac:dyDescent="0.25">
      <c r="A11575" t="s">
        <v>12259</v>
      </c>
      <c r="B11575" t="s">
        <v>12260</v>
      </c>
      <c r="C11575" t="s">
        <v>12261</v>
      </c>
      <c r="D11575" t="s">
        <v>12062</v>
      </c>
      <c r="E11575" t="s">
        <v>13</v>
      </c>
      <c r="F11575">
        <v>2507</v>
      </c>
      <c r="G11575" t="s">
        <v>12262</v>
      </c>
      <c r="H11575">
        <v>5.6773835733339997</v>
      </c>
      <c r="I11575">
        <v>51.834409658113998</v>
      </c>
      <c r="J11575" t="s">
        <v>67260</v>
      </c>
    </row>
    <row r="11576" spans="1:10" x14ac:dyDescent="0.25">
      <c r="A11576" t="s">
        <v>12255</v>
      </c>
      <c r="B11576" t="s">
        <v>12256</v>
      </c>
      <c r="C11576" t="s">
        <v>12257</v>
      </c>
      <c r="D11576" t="s">
        <v>12062</v>
      </c>
      <c r="E11576" t="s">
        <v>13</v>
      </c>
      <c r="F11576">
        <v>2506</v>
      </c>
      <c r="G11576" t="s">
        <v>12258</v>
      </c>
      <c r="H11576">
        <v>5.681047750366</v>
      </c>
      <c r="I11576">
        <v>51.833407477961003</v>
      </c>
      <c r="J11576" t="s">
        <v>67261</v>
      </c>
    </row>
    <row r="11577" spans="1:10" x14ac:dyDescent="0.25">
      <c r="A11577" t="s">
        <v>12251</v>
      </c>
      <c r="B11577" t="s">
        <v>12252</v>
      </c>
      <c r="C11577" t="s">
        <v>12253</v>
      </c>
      <c r="D11577" t="s">
        <v>12062</v>
      </c>
      <c r="E11577" t="s">
        <v>13</v>
      </c>
      <c r="F11577">
        <v>2505</v>
      </c>
      <c r="G11577" t="s">
        <v>12254</v>
      </c>
      <c r="H11577">
        <v>5.6553395073620001</v>
      </c>
      <c r="I11577">
        <v>51.852450425812002</v>
      </c>
      <c r="J11577" t="s">
        <v>67262</v>
      </c>
    </row>
    <row r="11578" spans="1:10" x14ac:dyDescent="0.25">
      <c r="A11578" t="s">
        <v>12247</v>
      </c>
      <c r="B11578" t="s">
        <v>12248</v>
      </c>
      <c r="C11578" t="s">
        <v>12249</v>
      </c>
      <c r="D11578" t="s">
        <v>12062</v>
      </c>
      <c r="E11578" t="s">
        <v>13</v>
      </c>
      <c r="F11578">
        <v>2504</v>
      </c>
      <c r="G11578" t="s">
        <v>12250</v>
      </c>
      <c r="H11578">
        <v>5.6560527012490001</v>
      </c>
      <c r="I11578">
        <v>51.851992597182999</v>
      </c>
      <c r="J11578" t="s">
        <v>67263</v>
      </c>
    </row>
    <row r="11579" spans="1:10" x14ac:dyDescent="0.25">
      <c r="A11579" t="s">
        <v>12243</v>
      </c>
      <c r="B11579" t="s">
        <v>12244</v>
      </c>
      <c r="C11579" t="s">
        <v>12245</v>
      </c>
      <c r="D11579" t="s">
        <v>12062</v>
      </c>
      <c r="E11579" t="s">
        <v>13</v>
      </c>
      <c r="F11579">
        <v>2503</v>
      </c>
      <c r="G11579" t="s">
        <v>12246</v>
      </c>
      <c r="H11579">
        <v>5.6680833070199999</v>
      </c>
      <c r="I11579">
        <v>51.851480209412003</v>
      </c>
      <c r="J11579" t="s">
        <v>67264</v>
      </c>
    </row>
    <row r="11580" spans="1:10" x14ac:dyDescent="0.25">
      <c r="A11580" t="s">
        <v>12239</v>
      </c>
      <c r="B11580" t="s">
        <v>12240</v>
      </c>
      <c r="C11580" t="s">
        <v>12241</v>
      </c>
      <c r="D11580" t="s">
        <v>12062</v>
      </c>
      <c r="E11580" t="s">
        <v>13</v>
      </c>
      <c r="F11580">
        <v>2502</v>
      </c>
      <c r="G11580" t="s">
        <v>12242</v>
      </c>
      <c r="H11580">
        <v>5.6362446387289999</v>
      </c>
      <c r="I11580">
        <v>51.825668670429003</v>
      </c>
      <c r="J11580" t="s">
        <v>67265</v>
      </c>
    </row>
    <row r="11581" spans="1:10" x14ac:dyDescent="0.25">
      <c r="A11581" t="s">
        <v>12235</v>
      </c>
      <c r="B11581" t="s">
        <v>12236</v>
      </c>
      <c r="C11581" t="s">
        <v>12237</v>
      </c>
      <c r="D11581" t="s">
        <v>12062</v>
      </c>
      <c r="E11581" t="s">
        <v>13</v>
      </c>
      <c r="F11581">
        <v>2501</v>
      </c>
      <c r="G11581" t="s">
        <v>12238</v>
      </c>
      <c r="H11581">
        <v>5.6300347503479999</v>
      </c>
      <c r="I11581">
        <v>51.823840813605003</v>
      </c>
      <c r="J11581" t="s">
        <v>67266</v>
      </c>
    </row>
    <row r="11582" spans="1:10" x14ac:dyDescent="0.25">
      <c r="A11582" t="s">
        <v>12231</v>
      </c>
      <c r="B11582" t="s">
        <v>12232</v>
      </c>
      <c r="C11582" t="s">
        <v>12233</v>
      </c>
      <c r="D11582" t="s">
        <v>12062</v>
      </c>
      <c r="E11582" t="s">
        <v>13</v>
      </c>
      <c r="F11582">
        <v>2500</v>
      </c>
      <c r="G11582" t="s">
        <v>12234</v>
      </c>
      <c r="H11582">
        <v>5.7164492495359998</v>
      </c>
      <c r="I11582">
        <v>51.785702613734998</v>
      </c>
      <c r="J11582" t="s">
        <v>67267</v>
      </c>
    </row>
    <row r="11583" spans="1:10" x14ac:dyDescent="0.25">
      <c r="A11583" t="s">
        <v>12227</v>
      </c>
      <c r="B11583" t="s">
        <v>12228</v>
      </c>
      <c r="C11583" t="s">
        <v>12229</v>
      </c>
      <c r="D11583" t="s">
        <v>12062</v>
      </c>
      <c r="E11583" t="s">
        <v>13</v>
      </c>
      <c r="F11583">
        <v>2499</v>
      </c>
      <c r="G11583" t="s">
        <v>12230</v>
      </c>
      <c r="H11583">
        <v>5.7143139392939997</v>
      </c>
      <c r="I11583">
        <v>51.780996680672999</v>
      </c>
      <c r="J11583" t="s">
        <v>67268</v>
      </c>
    </row>
    <row r="11584" spans="1:10" x14ac:dyDescent="0.25">
      <c r="A11584" t="s">
        <v>12223</v>
      </c>
      <c r="B11584" t="s">
        <v>12224</v>
      </c>
      <c r="C11584" t="s">
        <v>12225</v>
      </c>
      <c r="D11584" t="s">
        <v>12062</v>
      </c>
      <c r="E11584" t="s">
        <v>13</v>
      </c>
      <c r="F11584">
        <v>2498</v>
      </c>
      <c r="G11584" t="s">
        <v>12226</v>
      </c>
      <c r="H11584">
        <v>5.7439116394190002</v>
      </c>
      <c r="I11584">
        <v>51.795738474213003</v>
      </c>
      <c r="J11584" t="s">
        <v>67269</v>
      </c>
    </row>
    <row r="11585" spans="1:10" x14ac:dyDescent="0.25">
      <c r="A11585" t="s">
        <v>12219</v>
      </c>
      <c r="B11585" t="s">
        <v>12220</v>
      </c>
      <c r="C11585" t="s">
        <v>12221</v>
      </c>
      <c r="D11585" t="s">
        <v>12062</v>
      </c>
      <c r="E11585" t="s">
        <v>13</v>
      </c>
      <c r="F11585">
        <v>2497</v>
      </c>
      <c r="G11585" t="s">
        <v>12222</v>
      </c>
      <c r="H11585">
        <v>5.7402128631089999</v>
      </c>
      <c r="I11585">
        <v>51.790953681121003</v>
      </c>
      <c r="J11585" t="s">
        <v>67270</v>
      </c>
    </row>
    <row r="11586" spans="1:10" x14ac:dyDescent="0.25">
      <c r="A11586" t="s">
        <v>12215</v>
      </c>
      <c r="B11586" t="s">
        <v>12216</v>
      </c>
      <c r="C11586" t="s">
        <v>12217</v>
      </c>
      <c r="D11586" t="s">
        <v>12062</v>
      </c>
      <c r="E11586" t="s">
        <v>13</v>
      </c>
      <c r="F11586">
        <v>2496</v>
      </c>
      <c r="G11586" t="s">
        <v>12218</v>
      </c>
      <c r="H11586">
        <v>5.737313955226</v>
      </c>
      <c r="I11586">
        <v>51.793348384959003</v>
      </c>
      <c r="J11586" t="s">
        <v>67271</v>
      </c>
    </row>
    <row r="11587" spans="1:10" x14ac:dyDescent="0.25">
      <c r="A11587" t="s">
        <v>12211</v>
      </c>
      <c r="B11587" t="s">
        <v>12212</v>
      </c>
      <c r="C11587" t="s">
        <v>12213</v>
      </c>
      <c r="D11587" t="s">
        <v>12062</v>
      </c>
      <c r="E11587" t="s">
        <v>13</v>
      </c>
      <c r="F11587">
        <v>2495</v>
      </c>
      <c r="G11587" t="s">
        <v>12214</v>
      </c>
      <c r="H11587">
        <v>5.7339690420989999</v>
      </c>
      <c r="I11587">
        <v>51.790254814024003</v>
      </c>
      <c r="J11587" t="s">
        <v>67272</v>
      </c>
    </row>
    <row r="11588" spans="1:10" x14ac:dyDescent="0.25">
      <c r="A11588" t="s">
        <v>12207</v>
      </c>
      <c r="B11588" t="s">
        <v>12208</v>
      </c>
      <c r="C11588" t="s">
        <v>12209</v>
      </c>
      <c r="D11588" t="s">
        <v>12062</v>
      </c>
      <c r="E11588" t="s">
        <v>13</v>
      </c>
      <c r="F11588">
        <v>2494</v>
      </c>
      <c r="G11588" t="s">
        <v>12210</v>
      </c>
      <c r="H11588">
        <v>5.734324674542</v>
      </c>
      <c r="I11588">
        <v>51.795393971288</v>
      </c>
      <c r="J11588" t="s">
        <v>67273</v>
      </c>
    </row>
    <row r="11589" spans="1:10" x14ac:dyDescent="0.25">
      <c r="A11589" t="s">
        <v>12203</v>
      </c>
      <c r="B11589" t="s">
        <v>12204</v>
      </c>
      <c r="C11589" t="s">
        <v>12205</v>
      </c>
      <c r="D11589" t="s">
        <v>12062</v>
      </c>
      <c r="E11589" t="s">
        <v>13</v>
      </c>
      <c r="F11589">
        <v>2493</v>
      </c>
      <c r="G11589" t="s">
        <v>12206</v>
      </c>
      <c r="H11589">
        <v>5.7297847104609998</v>
      </c>
      <c r="I11589">
        <v>51.794058996037997</v>
      </c>
      <c r="J11589" t="s">
        <v>67274</v>
      </c>
    </row>
    <row r="11590" spans="1:10" x14ac:dyDescent="0.25">
      <c r="A11590" t="s">
        <v>12199</v>
      </c>
      <c r="B11590" t="s">
        <v>12200</v>
      </c>
      <c r="C11590" t="s">
        <v>12201</v>
      </c>
      <c r="D11590" t="s">
        <v>12062</v>
      </c>
      <c r="E11590" t="s">
        <v>13</v>
      </c>
      <c r="F11590">
        <v>2492</v>
      </c>
      <c r="G11590" t="s">
        <v>12202</v>
      </c>
      <c r="H11590">
        <v>5.7305563069260002</v>
      </c>
      <c r="I11590">
        <v>51.796785699832</v>
      </c>
      <c r="J11590" t="s">
        <v>67275</v>
      </c>
    </row>
    <row r="11591" spans="1:10" x14ac:dyDescent="0.25">
      <c r="A11591" t="s">
        <v>12195</v>
      </c>
      <c r="B11591" t="s">
        <v>12196</v>
      </c>
      <c r="C11591" t="s">
        <v>12197</v>
      </c>
      <c r="D11591" t="s">
        <v>12062</v>
      </c>
      <c r="E11591" t="s">
        <v>13</v>
      </c>
      <c r="F11591">
        <v>2491</v>
      </c>
      <c r="G11591" t="s">
        <v>12198</v>
      </c>
      <c r="H11591">
        <v>5.7255093570830002</v>
      </c>
      <c r="I11591">
        <v>51.797522032011003</v>
      </c>
      <c r="J11591" t="s">
        <v>67276</v>
      </c>
    </row>
    <row r="11592" spans="1:10" x14ac:dyDescent="0.25">
      <c r="A11592" t="s">
        <v>12191</v>
      </c>
      <c r="B11592" t="s">
        <v>12192</v>
      </c>
      <c r="C11592" t="s">
        <v>12193</v>
      </c>
      <c r="D11592" t="s">
        <v>12062</v>
      </c>
      <c r="E11592" t="s">
        <v>13</v>
      </c>
      <c r="F11592">
        <v>2490</v>
      </c>
      <c r="G11592" t="s">
        <v>12194</v>
      </c>
      <c r="H11592">
        <v>5.7191052377269997</v>
      </c>
      <c r="I11592">
        <v>51.798983279773999</v>
      </c>
      <c r="J11592" t="s">
        <v>67277</v>
      </c>
    </row>
    <row r="11593" spans="1:10" x14ac:dyDescent="0.25">
      <c r="A11593" t="s">
        <v>12187</v>
      </c>
      <c r="B11593" t="s">
        <v>12188</v>
      </c>
      <c r="C11593" t="s">
        <v>12189</v>
      </c>
      <c r="D11593" t="s">
        <v>12062</v>
      </c>
      <c r="E11593" t="s">
        <v>13</v>
      </c>
      <c r="F11593">
        <v>2489</v>
      </c>
      <c r="G11593" t="s">
        <v>12190</v>
      </c>
      <c r="H11593">
        <v>5.7164612635780001</v>
      </c>
      <c r="I11593">
        <v>51.801621028448999</v>
      </c>
      <c r="J11593" t="s">
        <v>67278</v>
      </c>
    </row>
    <row r="11594" spans="1:10" x14ac:dyDescent="0.25">
      <c r="A11594" t="s">
        <v>12183</v>
      </c>
      <c r="B11594" t="s">
        <v>12184</v>
      </c>
      <c r="C11594" t="s">
        <v>12185</v>
      </c>
      <c r="D11594" t="s">
        <v>12062</v>
      </c>
      <c r="E11594" t="s">
        <v>13</v>
      </c>
      <c r="F11594">
        <v>2488</v>
      </c>
      <c r="G11594" t="s">
        <v>12186</v>
      </c>
      <c r="H11594">
        <v>5.712950162626</v>
      </c>
      <c r="I11594">
        <v>51.800047984155</v>
      </c>
      <c r="J11594" t="s">
        <v>67279</v>
      </c>
    </row>
    <row r="11595" spans="1:10" x14ac:dyDescent="0.25">
      <c r="A11595" t="s">
        <v>12179</v>
      </c>
      <c r="B11595" t="s">
        <v>12180</v>
      </c>
      <c r="C11595" t="s">
        <v>12181</v>
      </c>
      <c r="D11595" t="s">
        <v>12062</v>
      </c>
      <c r="E11595" t="s">
        <v>13</v>
      </c>
      <c r="F11595">
        <v>2487</v>
      </c>
      <c r="G11595" t="s">
        <v>12182</v>
      </c>
      <c r="H11595">
        <v>5.7075746798109996</v>
      </c>
      <c r="I11595">
        <v>51.800022458390998</v>
      </c>
      <c r="J11595" t="s">
        <v>67280</v>
      </c>
    </row>
    <row r="11596" spans="1:10" x14ac:dyDescent="0.25">
      <c r="A11596" t="s">
        <v>12175</v>
      </c>
      <c r="B11596" t="s">
        <v>12176</v>
      </c>
      <c r="C11596" t="s">
        <v>12177</v>
      </c>
      <c r="D11596" t="s">
        <v>12062</v>
      </c>
      <c r="E11596" t="s">
        <v>13</v>
      </c>
      <c r="F11596">
        <v>2486</v>
      </c>
      <c r="G11596" t="s">
        <v>12178</v>
      </c>
      <c r="H11596">
        <v>5.7319257958209997</v>
      </c>
      <c r="I11596">
        <v>51.798360919628003</v>
      </c>
      <c r="J11596" t="s">
        <v>67281</v>
      </c>
    </row>
    <row r="11597" spans="1:10" x14ac:dyDescent="0.25">
      <c r="A11597" t="s">
        <v>12171</v>
      </c>
      <c r="B11597" t="s">
        <v>12172</v>
      </c>
      <c r="C11597" t="s">
        <v>12173</v>
      </c>
      <c r="D11597" t="s">
        <v>12062</v>
      </c>
      <c r="E11597" t="s">
        <v>13</v>
      </c>
      <c r="F11597">
        <v>2485</v>
      </c>
      <c r="G11597" t="s">
        <v>12174</v>
      </c>
      <c r="H11597">
        <v>5.728208127287</v>
      </c>
      <c r="I11597">
        <v>51.800723112755001</v>
      </c>
      <c r="J11597" t="s">
        <v>67282</v>
      </c>
    </row>
    <row r="11598" spans="1:10" x14ac:dyDescent="0.25">
      <c r="A11598" t="s">
        <v>12167</v>
      </c>
      <c r="B11598" t="s">
        <v>12168</v>
      </c>
      <c r="C11598" t="s">
        <v>12169</v>
      </c>
      <c r="D11598" t="s">
        <v>12062</v>
      </c>
      <c r="E11598" t="s">
        <v>13</v>
      </c>
      <c r="F11598">
        <v>2484</v>
      </c>
      <c r="G11598" t="s">
        <v>12170</v>
      </c>
      <c r="H11598">
        <v>5.7232225802789998</v>
      </c>
      <c r="I11598">
        <v>51.800135870909997</v>
      </c>
      <c r="J11598" t="s">
        <v>67283</v>
      </c>
    </row>
    <row r="11599" spans="1:10" x14ac:dyDescent="0.25">
      <c r="A11599" t="s">
        <v>12163</v>
      </c>
      <c r="B11599" t="s">
        <v>12164</v>
      </c>
      <c r="C11599" t="s">
        <v>12165</v>
      </c>
      <c r="D11599" t="s">
        <v>12062</v>
      </c>
      <c r="E11599" t="s">
        <v>13</v>
      </c>
      <c r="F11599">
        <v>2483</v>
      </c>
      <c r="G11599" t="s">
        <v>12166</v>
      </c>
      <c r="H11599">
        <v>5.7231949136229998</v>
      </c>
      <c r="I11599">
        <v>51.802811176812</v>
      </c>
      <c r="J11599" t="s">
        <v>67284</v>
      </c>
    </row>
    <row r="11600" spans="1:10" x14ac:dyDescent="0.25">
      <c r="A11600" t="s">
        <v>12159</v>
      </c>
      <c r="B11600" t="s">
        <v>12160</v>
      </c>
      <c r="C11600" t="s">
        <v>12161</v>
      </c>
      <c r="D11600" t="s">
        <v>12062</v>
      </c>
      <c r="E11600" t="s">
        <v>13</v>
      </c>
      <c r="F11600">
        <v>2482</v>
      </c>
      <c r="G11600" t="s">
        <v>12162</v>
      </c>
      <c r="H11600">
        <v>5.7167212295879999</v>
      </c>
      <c r="I11600">
        <v>51.803288828827</v>
      </c>
      <c r="J11600" t="s">
        <v>67285</v>
      </c>
    </row>
    <row r="11601" spans="1:10" x14ac:dyDescent="0.25">
      <c r="A11601" t="s">
        <v>12155</v>
      </c>
      <c r="B11601" t="s">
        <v>12156</v>
      </c>
      <c r="C11601" t="s">
        <v>12157</v>
      </c>
      <c r="D11601" t="s">
        <v>12062</v>
      </c>
      <c r="E11601" t="s">
        <v>13</v>
      </c>
      <c r="F11601">
        <v>2481</v>
      </c>
      <c r="G11601" t="s">
        <v>12158</v>
      </c>
      <c r="H11601">
        <v>5.713033223269</v>
      </c>
      <c r="I11601">
        <v>51.803005299763001</v>
      </c>
      <c r="J11601" t="s">
        <v>67286</v>
      </c>
    </row>
    <row r="11602" spans="1:10" x14ac:dyDescent="0.25">
      <c r="A11602" t="s">
        <v>12151</v>
      </c>
      <c r="B11602" t="s">
        <v>12152</v>
      </c>
      <c r="C11602" t="s">
        <v>12153</v>
      </c>
      <c r="D11602" t="s">
        <v>12062</v>
      </c>
      <c r="E11602" t="s">
        <v>13</v>
      </c>
      <c r="F11602">
        <v>2480</v>
      </c>
      <c r="G11602" t="s">
        <v>12154</v>
      </c>
      <c r="H11602">
        <v>5.7105523945480003</v>
      </c>
      <c r="I11602">
        <v>51.802089988364997</v>
      </c>
      <c r="J11602" t="s">
        <v>67287</v>
      </c>
    </row>
    <row r="11603" spans="1:10" x14ac:dyDescent="0.25">
      <c r="A11603" t="s">
        <v>12147</v>
      </c>
      <c r="B11603" t="s">
        <v>12148</v>
      </c>
      <c r="C11603" t="s">
        <v>12149</v>
      </c>
      <c r="D11603" t="s">
        <v>12062</v>
      </c>
      <c r="E11603" t="s">
        <v>13</v>
      </c>
      <c r="F11603">
        <v>2479</v>
      </c>
      <c r="G11603" t="s">
        <v>12150</v>
      </c>
      <c r="H11603">
        <v>5.7068262729420001</v>
      </c>
      <c r="I11603">
        <v>51.802694863119001</v>
      </c>
      <c r="J11603" t="s">
        <v>67288</v>
      </c>
    </row>
    <row r="11604" spans="1:10" x14ac:dyDescent="0.25">
      <c r="A11604" t="s">
        <v>12143</v>
      </c>
      <c r="B11604" t="s">
        <v>12144</v>
      </c>
      <c r="C11604" t="s">
        <v>12145</v>
      </c>
      <c r="D11604" t="s">
        <v>12062</v>
      </c>
      <c r="E11604" t="s">
        <v>13</v>
      </c>
      <c r="F11604">
        <v>2478</v>
      </c>
      <c r="G11604" t="s">
        <v>12146</v>
      </c>
      <c r="H11604">
        <v>5.7490629942569997</v>
      </c>
      <c r="I11604">
        <v>51.803304459244998</v>
      </c>
      <c r="J11604" t="s">
        <v>67289</v>
      </c>
    </row>
    <row r="11605" spans="1:10" x14ac:dyDescent="0.25">
      <c r="A11605" t="s">
        <v>12139</v>
      </c>
      <c r="B11605" t="s">
        <v>12140</v>
      </c>
      <c r="C11605" t="s">
        <v>12141</v>
      </c>
      <c r="D11605" t="s">
        <v>12062</v>
      </c>
      <c r="E11605" t="s">
        <v>13</v>
      </c>
      <c r="F11605">
        <v>2477</v>
      </c>
      <c r="G11605" t="s">
        <v>12142</v>
      </c>
      <c r="H11605">
        <v>5.7533562822329998</v>
      </c>
      <c r="I11605">
        <v>51.813194844384</v>
      </c>
      <c r="J11605" t="s">
        <v>67290</v>
      </c>
    </row>
    <row r="11606" spans="1:10" x14ac:dyDescent="0.25">
      <c r="A11606" t="s">
        <v>12135</v>
      </c>
      <c r="B11606" t="s">
        <v>12136</v>
      </c>
      <c r="C11606" t="s">
        <v>12137</v>
      </c>
      <c r="D11606" t="s">
        <v>12062</v>
      </c>
      <c r="E11606" t="s">
        <v>13</v>
      </c>
      <c r="F11606">
        <v>2476</v>
      </c>
      <c r="G11606" t="s">
        <v>12138</v>
      </c>
      <c r="H11606">
        <v>5.7369921300150004</v>
      </c>
      <c r="I11606">
        <v>51.804940863989003</v>
      </c>
      <c r="J11606" t="s">
        <v>67291</v>
      </c>
    </row>
    <row r="11607" spans="1:10" x14ac:dyDescent="0.25">
      <c r="A11607" t="s">
        <v>12131</v>
      </c>
      <c r="B11607" t="s">
        <v>12132</v>
      </c>
      <c r="C11607" t="s">
        <v>12133</v>
      </c>
      <c r="D11607" t="s">
        <v>12062</v>
      </c>
      <c r="E11607" t="s">
        <v>13</v>
      </c>
      <c r="F11607">
        <v>2475</v>
      </c>
      <c r="G11607" t="s">
        <v>12134</v>
      </c>
      <c r="H11607">
        <v>5.7344932443229997</v>
      </c>
      <c r="I11607">
        <v>51.810556782901998</v>
      </c>
      <c r="J11607" t="s">
        <v>67292</v>
      </c>
    </row>
    <row r="11608" spans="1:10" x14ac:dyDescent="0.25">
      <c r="A11608" t="s">
        <v>12128</v>
      </c>
      <c r="B11608" t="s">
        <v>12129</v>
      </c>
      <c r="C11608" t="s">
        <v>129</v>
      </c>
      <c r="D11608" t="s">
        <v>12062</v>
      </c>
      <c r="E11608" t="s">
        <v>13</v>
      </c>
      <c r="F11608">
        <v>2474</v>
      </c>
      <c r="G11608" t="s">
        <v>12130</v>
      </c>
      <c r="H11608">
        <v>5.7253445315680001</v>
      </c>
      <c r="I11608">
        <v>51.80750455055</v>
      </c>
      <c r="J11608" t="s">
        <v>67293</v>
      </c>
    </row>
    <row r="11609" spans="1:10" x14ac:dyDescent="0.25">
      <c r="A11609" t="s">
        <v>12124</v>
      </c>
      <c r="B11609" t="s">
        <v>12125</v>
      </c>
      <c r="C11609" t="s">
        <v>12126</v>
      </c>
      <c r="D11609" t="s">
        <v>12062</v>
      </c>
      <c r="E11609" t="s">
        <v>13</v>
      </c>
      <c r="F11609">
        <v>2473</v>
      </c>
      <c r="G11609" t="s">
        <v>12127</v>
      </c>
      <c r="H11609">
        <v>5.7158252481970004</v>
      </c>
      <c r="I11609">
        <v>51.80702606749</v>
      </c>
      <c r="J11609" t="s">
        <v>67294</v>
      </c>
    </row>
    <row r="11610" spans="1:10" x14ac:dyDescent="0.25">
      <c r="A11610" t="s">
        <v>12120</v>
      </c>
      <c r="B11610" t="s">
        <v>12121</v>
      </c>
      <c r="C11610" t="s">
        <v>12122</v>
      </c>
      <c r="D11610" t="s">
        <v>12062</v>
      </c>
      <c r="E11610" t="s">
        <v>13</v>
      </c>
      <c r="F11610">
        <v>2472</v>
      </c>
      <c r="G11610" t="s">
        <v>12123</v>
      </c>
      <c r="H11610">
        <v>5.7081467579370004</v>
      </c>
      <c r="I11610">
        <v>51.806275602823</v>
      </c>
      <c r="J11610" t="s">
        <v>67295</v>
      </c>
    </row>
    <row r="11611" spans="1:10" x14ac:dyDescent="0.25">
      <c r="A11611" t="s">
        <v>12116</v>
      </c>
      <c r="B11611" t="s">
        <v>12117</v>
      </c>
      <c r="C11611" t="s">
        <v>12118</v>
      </c>
      <c r="D11611" t="s">
        <v>12062</v>
      </c>
      <c r="E11611" t="s">
        <v>13</v>
      </c>
      <c r="F11611">
        <v>2471</v>
      </c>
      <c r="G11611" t="s">
        <v>12119</v>
      </c>
      <c r="H11611">
        <v>5.7561454497820002</v>
      </c>
      <c r="I11611">
        <v>51.818808197198003</v>
      </c>
      <c r="J11611" t="s">
        <v>67296</v>
      </c>
    </row>
    <row r="11612" spans="1:10" x14ac:dyDescent="0.25">
      <c r="A11612" t="s">
        <v>12112</v>
      </c>
      <c r="B11612" t="s">
        <v>12113</v>
      </c>
      <c r="C11612" t="s">
        <v>12114</v>
      </c>
      <c r="D11612" t="s">
        <v>12062</v>
      </c>
      <c r="E11612" t="s">
        <v>13</v>
      </c>
      <c r="F11612">
        <v>2470</v>
      </c>
      <c r="G11612" t="s">
        <v>12115</v>
      </c>
      <c r="H11612">
        <v>5.7403642146439999</v>
      </c>
      <c r="I11612">
        <v>51.815870269744998</v>
      </c>
      <c r="J11612" t="s">
        <v>67297</v>
      </c>
    </row>
    <row r="11613" spans="1:10" x14ac:dyDescent="0.25">
      <c r="A11613" t="s">
        <v>12108</v>
      </c>
      <c r="B11613" t="s">
        <v>12109</v>
      </c>
      <c r="C11613" t="s">
        <v>12110</v>
      </c>
      <c r="D11613" t="s">
        <v>12062</v>
      </c>
      <c r="E11613" t="s">
        <v>13</v>
      </c>
      <c r="F11613">
        <v>2469</v>
      </c>
      <c r="G11613" t="s">
        <v>12111</v>
      </c>
      <c r="H11613">
        <v>5.7274581095289996</v>
      </c>
      <c r="I11613">
        <v>51.814857507273999</v>
      </c>
      <c r="J11613" t="s">
        <v>67298</v>
      </c>
    </row>
    <row r="11614" spans="1:10" x14ac:dyDescent="0.25">
      <c r="A11614" t="s">
        <v>12104</v>
      </c>
      <c r="B11614" t="s">
        <v>12105</v>
      </c>
      <c r="C11614" t="s">
        <v>12106</v>
      </c>
      <c r="D11614" t="s">
        <v>12062</v>
      </c>
      <c r="E11614" t="s">
        <v>13</v>
      </c>
      <c r="F11614">
        <v>2468</v>
      </c>
      <c r="G11614" t="s">
        <v>12107</v>
      </c>
      <c r="H11614">
        <v>5.7158066220429999</v>
      </c>
      <c r="I11614">
        <v>51.811488674910002</v>
      </c>
      <c r="J11614" t="s">
        <v>67299</v>
      </c>
    </row>
    <row r="11615" spans="1:10" x14ac:dyDescent="0.25">
      <c r="A11615" t="s">
        <v>12100</v>
      </c>
      <c r="B11615" t="s">
        <v>12101</v>
      </c>
      <c r="C11615" t="s">
        <v>12102</v>
      </c>
      <c r="D11615" t="s">
        <v>12062</v>
      </c>
      <c r="E11615" t="s">
        <v>13</v>
      </c>
      <c r="F11615">
        <v>2467</v>
      </c>
      <c r="G11615" t="s">
        <v>12103</v>
      </c>
      <c r="H11615">
        <v>5.714828671607</v>
      </c>
      <c r="I11615">
        <v>51.815440381130998</v>
      </c>
      <c r="J11615" t="s">
        <v>67300</v>
      </c>
    </row>
    <row r="11616" spans="1:10" x14ac:dyDescent="0.25">
      <c r="A11616" t="s">
        <v>12096</v>
      </c>
      <c r="B11616" t="s">
        <v>12097</v>
      </c>
      <c r="C11616" t="s">
        <v>12098</v>
      </c>
      <c r="D11616" t="s">
        <v>12062</v>
      </c>
      <c r="E11616" t="s">
        <v>13</v>
      </c>
      <c r="F11616">
        <v>2466</v>
      </c>
      <c r="G11616" t="s">
        <v>12099</v>
      </c>
      <c r="H11616">
        <v>5.7071872277439999</v>
      </c>
      <c r="I11616">
        <v>51.811078750326999</v>
      </c>
      <c r="J11616" t="s">
        <v>67301</v>
      </c>
    </row>
    <row r="11617" spans="1:10" x14ac:dyDescent="0.25">
      <c r="A11617" t="s">
        <v>12092</v>
      </c>
      <c r="B11617" t="s">
        <v>12093</v>
      </c>
      <c r="C11617" t="s">
        <v>12094</v>
      </c>
      <c r="D11617" t="s">
        <v>12062</v>
      </c>
      <c r="E11617" t="s">
        <v>13</v>
      </c>
      <c r="F11617">
        <v>2465</v>
      </c>
      <c r="G11617" t="s">
        <v>12095</v>
      </c>
      <c r="H11617">
        <v>5.7038781251720003</v>
      </c>
      <c r="I11617">
        <v>51.813568022943997</v>
      </c>
      <c r="J11617" t="s">
        <v>67302</v>
      </c>
    </row>
    <row r="11618" spans="1:10" x14ac:dyDescent="0.25">
      <c r="A11618" t="s">
        <v>12088</v>
      </c>
      <c r="B11618" t="s">
        <v>12089</v>
      </c>
      <c r="C11618" t="s">
        <v>12090</v>
      </c>
      <c r="D11618" t="s">
        <v>12062</v>
      </c>
      <c r="E11618" t="s">
        <v>13</v>
      </c>
      <c r="F11618">
        <v>2464</v>
      </c>
      <c r="G11618" t="s">
        <v>12091</v>
      </c>
      <c r="H11618">
        <v>5.7467885667510004</v>
      </c>
      <c r="I11618">
        <v>51.820750802231998</v>
      </c>
      <c r="J11618" t="s">
        <v>67303</v>
      </c>
    </row>
    <row r="11619" spans="1:10" x14ac:dyDescent="0.25">
      <c r="A11619" t="s">
        <v>12084</v>
      </c>
      <c r="B11619" t="s">
        <v>12085</v>
      </c>
      <c r="C11619" t="s">
        <v>12086</v>
      </c>
      <c r="D11619" t="s">
        <v>12062</v>
      </c>
      <c r="E11619" t="s">
        <v>13</v>
      </c>
      <c r="F11619">
        <v>2463</v>
      </c>
      <c r="G11619" t="s">
        <v>12087</v>
      </c>
      <c r="H11619">
        <v>5.7351496980579997</v>
      </c>
      <c r="I11619">
        <v>51.819445197840999</v>
      </c>
      <c r="J11619" t="s">
        <v>67304</v>
      </c>
    </row>
    <row r="11620" spans="1:10" x14ac:dyDescent="0.25">
      <c r="A11620" t="s">
        <v>12080</v>
      </c>
      <c r="B11620" t="s">
        <v>12081</v>
      </c>
      <c r="C11620" t="s">
        <v>12082</v>
      </c>
      <c r="D11620" t="s">
        <v>12062</v>
      </c>
      <c r="E11620" t="s">
        <v>13</v>
      </c>
      <c r="F11620">
        <v>2462</v>
      </c>
      <c r="G11620" t="s">
        <v>12083</v>
      </c>
      <c r="H11620">
        <v>5.7239181363040004</v>
      </c>
      <c r="I11620">
        <v>51.820294111247001</v>
      </c>
      <c r="J11620" t="s">
        <v>67305</v>
      </c>
    </row>
    <row r="11621" spans="1:10" x14ac:dyDescent="0.25">
      <c r="A11621" t="s">
        <v>12076</v>
      </c>
      <c r="B11621" t="s">
        <v>12077</v>
      </c>
      <c r="C11621" t="s">
        <v>12078</v>
      </c>
      <c r="D11621" t="s">
        <v>12062</v>
      </c>
      <c r="E11621" t="s">
        <v>13</v>
      </c>
      <c r="F11621">
        <v>2461</v>
      </c>
      <c r="G11621" t="s">
        <v>12079</v>
      </c>
      <c r="H11621">
        <v>5.7527270567609996</v>
      </c>
      <c r="I11621">
        <v>51.827281373512001</v>
      </c>
      <c r="J11621" t="s">
        <v>67306</v>
      </c>
    </row>
    <row r="11622" spans="1:10" x14ac:dyDescent="0.25">
      <c r="A11622" t="s">
        <v>12072</v>
      </c>
      <c r="B11622" t="s">
        <v>12073</v>
      </c>
      <c r="C11622" t="s">
        <v>12074</v>
      </c>
      <c r="D11622" t="s">
        <v>12062</v>
      </c>
      <c r="E11622" t="s">
        <v>13</v>
      </c>
      <c r="F11622">
        <v>2460</v>
      </c>
      <c r="G11622" t="s">
        <v>12075</v>
      </c>
      <c r="H11622">
        <v>5.7321227281429996</v>
      </c>
      <c r="I11622">
        <v>51.824642092721</v>
      </c>
      <c r="J11622" t="s">
        <v>67307</v>
      </c>
    </row>
    <row r="11623" spans="1:10" x14ac:dyDescent="0.25">
      <c r="A11623" t="s">
        <v>12068</v>
      </c>
      <c r="B11623" t="s">
        <v>12069</v>
      </c>
      <c r="C11623" t="s">
        <v>12070</v>
      </c>
      <c r="D11623" t="s">
        <v>12062</v>
      </c>
      <c r="E11623" t="s">
        <v>13</v>
      </c>
      <c r="F11623">
        <v>2459</v>
      </c>
      <c r="G11623" t="s">
        <v>12071</v>
      </c>
      <c r="H11623">
        <v>5.6912026321670002</v>
      </c>
      <c r="I11623">
        <v>51.812560006230001</v>
      </c>
      <c r="J11623" t="s">
        <v>67308</v>
      </c>
    </row>
    <row r="11624" spans="1:10" x14ac:dyDescent="0.25">
      <c r="A11624" t="s">
        <v>12064</v>
      </c>
      <c r="B11624" t="s">
        <v>12065</v>
      </c>
      <c r="C11624" t="s">
        <v>12066</v>
      </c>
      <c r="D11624" t="s">
        <v>12062</v>
      </c>
      <c r="E11624" t="s">
        <v>13</v>
      </c>
      <c r="F11624">
        <v>2458</v>
      </c>
      <c r="G11624" t="s">
        <v>12067</v>
      </c>
      <c r="H11624">
        <v>5.7048763852429998</v>
      </c>
      <c r="I11624">
        <v>51.801617527300998</v>
      </c>
      <c r="J11624" t="s">
        <v>67309</v>
      </c>
    </row>
    <row r="11625" spans="1:10" x14ac:dyDescent="0.25">
      <c r="A11625" t="s">
        <v>12059</v>
      </c>
      <c r="B11625" t="s">
        <v>12060</v>
      </c>
      <c r="C11625" t="s">
        <v>12061</v>
      </c>
      <c r="D11625" t="s">
        <v>12062</v>
      </c>
      <c r="E11625" t="s">
        <v>13</v>
      </c>
      <c r="F11625">
        <v>2457</v>
      </c>
      <c r="G11625" t="s">
        <v>12063</v>
      </c>
      <c r="H11625">
        <v>5.726250761477</v>
      </c>
      <c r="I11625">
        <v>51.831404655154003</v>
      </c>
      <c r="J11625" t="s">
        <v>67310</v>
      </c>
    </row>
    <row r="11626" spans="1:10" x14ac:dyDescent="0.25">
      <c r="A11626" t="s">
        <v>12055</v>
      </c>
      <c r="B11626" t="s">
        <v>12056</v>
      </c>
      <c r="C11626" t="s">
        <v>12057</v>
      </c>
      <c r="D11626" t="s">
        <v>11993</v>
      </c>
      <c r="E11626" t="s">
        <v>13</v>
      </c>
      <c r="F11626">
        <v>2456</v>
      </c>
      <c r="G11626" t="s">
        <v>12058</v>
      </c>
      <c r="H11626">
        <v>6.7143325062869996</v>
      </c>
      <c r="I11626">
        <v>51.926065794529002</v>
      </c>
      <c r="J11626" t="s">
        <v>67311</v>
      </c>
    </row>
    <row r="11627" spans="1:10" x14ac:dyDescent="0.25">
      <c r="A11627" t="s">
        <v>12051</v>
      </c>
      <c r="B11627" t="s">
        <v>12052</v>
      </c>
      <c r="C11627" t="s">
        <v>12053</v>
      </c>
      <c r="D11627" t="s">
        <v>11993</v>
      </c>
      <c r="E11627" t="s">
        <v>13</v>
      </c>
      <c r="F11627">
        <v>2455</v>
      </c>
      <c r="G11627" t="s">
        <v>12054</v>
      </c>
      <c r="H11627">
        <v>6.6716641627640003</v>
      </c>
      <c r="I11627">
        <v>51.967154566128997</v>
      </c>
      <c r="J11627" t="s">
        <v>67312</v>
      </c>
    </row>
    <row r="11628" spans="1:10" x14ac:dyDescent="0.25">
      <c r="A11628" t="s">
        <v>12047</v>
      </c>
      <c r="B11628" t="s">
        <v>12048</v>
      </c>
      <c r="C11628" t="s">
        <v>12049</v>
      </c>
      <c r="D11628" t="s">
        <v>11993</v>
      </c>
      <c r="E11628" t="s">
        <v>13</v>
      </c>
      <c r="F11628">
        <v>2454</v>
      </c>
      <c r="G11628" t="s">
        <v>12050</v>
      </c>
      <c r="H11628">
        <v>6.6613120741870002</v>
      </c>
      <c r="I11628">
        <v>51.938536381101002</v>
      </c>
      <c r="J11628" t="s">
        <v>67313</v>
      </c>
    </row>
    <row r="11629" spans="1:10" x14ac:dyDescent="0.25">
      <c r="A11629" t="s">
        <v>12043</v>
      </c>
      <c r="B11629" t="s">
        <v>12044</v>
      </c>
      <c r="C11629" t="s">
        <v>12045</v>
      </c>
      <c r="D11629" t="s">
        <v>11993</v>
      </c>
      <c r="E11629" t="s">
        <v>13</v>
      </c>
      <c r="F11629">
        <v>2453</v>
      </c>
      <c r="G11629" t="s">
        <v>12046</v>
      </c>
      <c r="H11629">
        <v>6.7170162356100001</v>
      </c>
      <c r="I11629">
        <v>51.930450940425999</v>
      </c>
      <c r="J11629" t="s">
        <v>67314</v>
      </c>
    </row>
    <row r="11630" spans="1:10" x14ac:dyDescent="0.25">
      <c r="A11630" t="s">
        <v>12039</v>
      </c>
      <c r="B11630" t="s">
        <v>12040</v>
      </c>
      <c r="C11630" t="s">
        <v>12041</v>
      </c>
      <c r="D11630" t="s">
        <v>11993</v>
      </c>
      <c r="E11630" t="s">
        <v>13</v>
      </c>
      <c r="F11630">
        <v>2452</v>
      </c>
      <c r="G11630" t="s">
        <v>12042</v>
      </c>
      <c r="H11630">
        <v>6.770386806876</v>
      </c>
      <c r="I11630">
        <v>51.934985453785998</v>
      </c>
      <c r="J11630" t="s">
        <v>67315</v>
      </c>
    </row>
    <row r="11631" spans="1:10" x14ac:dyDescent="0.25">
      <c r="A11631" t="s">
        <v>12035</v>
      </c>
      <c r="B11631" t="s">
        <v>12036</v>
      </c>
      <c r="C11631" t="s">
        <v>12037</v>
      </c>
      <c r="D11631" t="s">
        <v>11993</v>
      </c>
      <c r="E11631" t="s">
        <v>13</v>
      </c>
      <c r="F11631">
        <v>2451</v>
      </c>
      <c r="G11631" t="s">
        <v>12038</v>
      </c>
      <c r="H11631">
        <v>6.7813240431999997</v>
      </c>
      <c r="I11631">
        <v>51.986925521450999</v>
      </c>
      <c r="J11631" t="s">
        <v>67316</v>
      </c>
    </row>
    <row r="11632" spans="1:10" x14ac:dyDescent="0.25">
      <c r="A11632" t="s">
        <v>12031</v>
      </c>
      <c r="B11632" t="s">
        <v>12032</v>
      </c>
      <c r="C11632" t="s">
        <v>12033</v>
      </c>
      <c r="D11632" t="s">
        <v>11993</v>
      </c>
      <c r="E11632" t="s">
        <v>13</v>
      </c>
      <c r="F11632">
        <v>2450</v>
      </c>
      <c r="G11632" t="s">
        <v>12034</v>
      </c>
      <c r="H11632">
        <v>6.6956955356980004</v>
      </c>
      <c r="I11632">
        <v>51.995136785142002</v>
      </c>
      <c r="J11632" t="s">
        <v>67317</v>
      </c>
    </row>
    <row r="11633" spans="1:10" x14ac:dyDescent="0.25">
      <c r="A11633" t="s">
        <v>12027</v>
      </c>
      <c r="B11633" t="s">
        <v>12028</v>
      </c>
      <c r="C11633" t="s">
        <v>12029</v>
      </c>
      <c r="D11633" t="s">
        <v>11993</v>
      </c>
      <c r="E11633" t="s">
        <v>13</v>
      </c>
      <c r="F11633">
        <v>2449</v>
      </c>
      <c r="G11633" t="s">
        <v>12030</v>
      </c>
      <c r="H11633">
        <v>6.7124196324919998</v>
      </c>
      <c r="I11633">
        <v>52.019288387514003</v>
      </c>
      <c r="J11633" t="s">
        <v>67318</v>
      </c>
    </row>
    <row r="11634" spans="1:10" x14ac:dyDescent="0.25">
      <c r="A11634" t="s">
        <v>12023</v>
      </c>
      <c r="B11634" t="s">
        <v>12024</v>
      </c>
      <c r="C11634" t="s">
        <v>12025</v>
      </c>
      <c r="D11634" t="s">
        <v>11993</v>
      </c>
      <c r="E11634" t="s">
        <v>13</v>
      </c>
      <c r="F11634">
        <v>2448</v>
      </c>
      <c r="G11634" t="s">
        <v>12026</v>
      </c>
      <c r="H11634">
        <v>6.7556670883649996</v>
      </c>
      <c r="I11634">
        <v>51.957839813951999</v>
      </c>
      <c r="J11634" t="s">
        <v>67319</v>
      </c>
    </row>
    <row r="11635" spans="1:10" x14ac:dyDescent="0.25">
      <c r="A11635" t="s">
        <v>12019</v>
      </c>
      <c r="B11635" t="s">
        <v>12020</v>
      </c>
      <c r="C11635" t="s">
        <v>12021</v>
      </c>
      <c r="D11635" t="s">
        <v>11993</v>
      </c>
      <c r="E11635" t="s">
        <v>13</v>
      </c>
      <c r="F11635">
        <v>2447</v>
      </c>
      <c r="G11635" t="s">
        <v>12022</v>
      </c>
      <c r="H11635">
        <v>6.6596598629350003</v>
      </c>
      <c r="I11635">
        <v>51.944338218688003</v>
      </c>
      <c r="J11635" t="s">
        <v>67320</v>
      </c>
    </row>
    <row r="11636" spans="1:10" x14ac:dyDescent="0.25">
      <c r="A11636" t="s">
        <v>12015</v>
      </c>
      <c r="B11636" t="s">
        <v>12016</v>
      </c>
      <c r="C11636" t="s">
        <v>12017</v>
      </c>
      <c r="D11636" t="s">
        <v>11993</v>
      </c>
      <c r="E11636" t="s">
        <v>13</v>
      </c>
      <c r="F11636">
        <v>2446</v>
      </c>
      <c r="G11636" t="s">
        <v>12018</v>
      </c>
      <c r="H11636">
        <v>6.7703601352440002</v>
      </c>
      <c r="I11636">
        <v>51.943209742568001</v>
      </c>
      <c r="J11636" t="s">
        <v>67321</v>
      </c>
    </row>
    <row r="11637" spans="1:10" x14ac:dyDescent="0.25">
      <c r="A11637" t="s">
        <v>12011</v>
      </c>
      <c r="B11637" t="s">
        <v>12012</v>
      </c>
      <c r="C11637" t="s">
        <v>12013</v>
      </c>
      <c r="D11637" t="s">
        <v>11993</v>
      </c>
      <c r="E11637" t="s">
        <v>13</v>
      </c>
      <c r="F11637">
        <v>2445</v>
      </c>
      <c r="G11637" t="s">
        <v>12014</v>
      </c>
      <c r="H11637">
        <v>6.7018138358200003</v>
      </c>
      <c r="I11637">
        <v>52.013187653559001</v>
      </c>
      <c r="J11637" t="s">
        <v>67322</v>
      </c>
    </row>
    <row r="11638" spans="1:10" x14ac:dyDescent="0.25">
      <c r="A11638" t="s">
        <v>12007</v>
      </c>
      <c r="B11638" t="s">
        <v>12008</v>
      </c>
      <c r="C11638" t="s">
        <v>12009</v>
      </c>
      <c r="D11638" t="s">
        <v>11993</v>
      </c>
      <c r="E11638" t="s">
        <v>13</v>
      </c>
      <c r="F11638">
        <v>2444</v>
      </c>
      <c r="G11638" t="s">
        <v>12010</v>
      </c>
      <c r="H11638">
        <v>6.7305507029870002</v>
      </c>
      <c r="I11638">
        <v>51.965396758982997</v>
      </c>
      <c r="J11638" t="s">
        <v>67323</v>
      </c>
    </row>
    <row r="11639" spans="1:10" x14ac:dyDescent="0.25">
      <c r="A11639" t="s">
        <v>12003</v>
      </c>
      <c r="B11639" t="s">
        <v>12004</v>
      </c>
      <c r="C11639" t="s">
        <v>12005</v>
      </c>
      <c r="D11639" t="s">
        <v>11993</v>
      </c>
      <c r="E11639" t="s">
        <v>13</v>
      </c>
      <c r="F11639">
        <v>2443</v>
      </c>
      <c r="G11639" t="s">
        <v>12006</v>
      </c>
      <c r="H11639">
        <v>6.7308066685929999</v>
      </c>
      <c r="I11639">
        <v>51.977360804033999</v>
      </c>
      <c r="J11639" t="s">
        <v>67324</v>
      </c>
    </row>
    <row r="11640" spans="1:10" x14ac:dyDescent="0.25">
      <c r="A11640" t="s">
        <v>11999</v>
      </c>
      <c r="B11640" t="s">
        <v>12000</v>
      </c>
      <c r="C11640" t="s">
        <v>12001</v>
      </c>
      <c r="D11640" t="s">
        <v>11993</v>
      </c>
      <c r="E11640" t="s">
        <v>13</v>
      </c>
      <c r="F11640">
        <v>2442</v>
      </c>
      <c r="G11640" t="s">
        <v>12002</v>
      </c>
      <c r="H11640">
        <v>6.7114474675469999</v>
      </c>
      <c r="I11640">
        <v>51.980312852052002</v>
      </c>
      <c r="J11640" t="s">
        <v>67325</v>
      </c>
    </row>
    <row r="11641" spans="1:10" x14ac:dyDescent="0.25">
      <c r="A11641" t="s">
        <v>11995</v>
      </c>
      <c r="B11641" t="s">
        <v>11996</v>
      </c>
      <c r="C11641" t="s">
        <v>11997</v>
      </c>
      <c r="D11641" t="s">
        <v>11993</v>
      </c>
      <c r="E11641" t="s">
        <v>13</v>
      </c>
      <c r="F11641">
        <v>2441</v>
      </c>
      <c r="G11641" t="s">
        <v>11998</v>
      </c>
      <c r="H11641">
        <v>6.7106329108039997</v>
      </c>
      <c r="I11641">
        <v>51.964047605136997</v>
      </c>
      <c r="J11641" t="s">
        <v>67326</v>
      </c>
    </row>
    <row r="11642" spans="1:10" x14ac:dyDescent="0.25">
      <c r="A11642" t="s">
        <v>11990</v>
      </c>
      <c r="B11642" t="s">
        <v>11991</v>
      </c>
      <c r="C11642" t="s">
        <v>11992</v>
      </c>
      <c r="D11642" t="s">
        <v>11993</v>
      </c>
      <c r="E11642" t="s">
        <v>13</v>
      </c>
      <c r="F11642">
        <v>2440</v>
      </c>
      <c r="G11642" t="s">
        <v>11994</v>
      </c>
      <c r="H11642">
        <v>6.718220123349</v>
      </c>
      <c r="I11642">
        <v>51.971506362588997</v>
      </c>
      <c r="J11642" t="s">
        <v>67327</v>
      </c>
    </row>
    <row r="11643" spans="1:10" x14ac:dyDescent="0.25">
      <c r="A11643" t="s">
        <v>11986</v>
      </c>
      <c r="B11643" t="s">
        <v>11987</v>
      </c>
      <c r="C11643" t="s">
        <v>11988</v>
      </c>
      <c r="D11643" t="s">
        <v>11968</v>
      </c>
      <c r="E11643" t="s">
        <v>13</v>
      </c>
      <c r="F11643">
        <v>2439</v>
      </c>
      <c r="G11643" t="s">
        <v>11989</v>
      </c>
      <c r="H11643">
        <v>5.9681612093169996</v>
      </c>
      <c r="I11643">
        <v>51.959947527612997</v>
      </c>
      <c r="J11643" t="s">
        <v>67328</v>
      </c>
    </row>
    <row r="11644" spans="1:10" x14ac:dyDescent="0.25">
      <c r="A11644" t="s">
        <v>11982</v>
      </c>
      <c r="B11644" t="s">
        <v>11983</v>
      </c>
      <c r="C11644" t="s">
        <v>11984</v>
      </c>
      <c r="D11644" t="s">
        <v>11968</v>
      </c>
      <c r="E11644" t="s">
        <v>13</v>
      </c>
      <c r="F11644">
        <v>2438</v>
      </c>
      <c r="G11644" t="s">
        <v>11985</v>
      </c>
      <c r="H11644">
        <v>5.9762132461370001</v>
      </c>
      <c r="I11644">
        <v>51.944157723316998</v>
      </c>
      <c r="J11644" t="s">
        <v>67329</v>
      </c>
    </row>
    <row r="11645" spans="1:10" x14ac:dyDescent="0.25">
      <c r="A11645" t="s">
        <v>11978</v>
      </c>
      <c r="B11645" t="s">
        <v>11979</v>
      </c>
      <c r="C11645" t="s">
        <v>11980</v>
      </c>
      <c r="D11645" t="s">
        <v>11968</v>
      </c>
      <c r="E11645" t="s">
        <v>13</v>
      </c>
      <c r="F11645">
        <v>2437</v>
      </c>
      <c r="G11645" t="s">
        <v>11981</v>
      </c>
      <c r="H11645">
        <v>5.98247676018</v>
      </c>
      <c r="I11645">
        <v>51.951206152296997</v>
      </c>
      <c r="J11645" t="s">
        <v>67330</v>
      </c>
    </row>
    <row r="11646" spans="1:10" x14ac:dyDescent="0.25">
      <c r="A11646" t="s">
        <v>11974</v>
      </c>
      <c r="B11646" t="s">
        <v>11975</v>
      </c>
      <c r="C11646" t="s">
        <v>11976</v>
      </c>
      <c r="D11646" t="s">
        <v>11968</v>
      </c>
      <c r="E11646" t="s">
        <v>13</v>
      </c>
      <c r="F11646">
        <v>2436</v>
      </c>
      <c r="G11646" t="s">
        <v>11977</v>
      </c>
      <c r="H11646">
        <v>5.9730072322980003</v>
      </c>
      <c r="I11646">
        <v>51.949167932880997</v>
      </c>
      <c r="J11646" t="s">
        <v>67331</v>
      </c>
    </row>
    <row r="11647" spans="1:10" x14ac:dyDescent="0.25">
      <c r="A11647" t="s">
        <v>11970</v>
      </c>
      <c r="B11647" t="s">
        <v>11971</v>
      </c>
      <c r="C11647" t="s">
        <v>11972</v>
      </c>
      <c r="D11647" t="s">
        <v>11968</v>
      </c>
      <c r="E11647" t="s">
        <v>13</v>
      </c>
      <c r="F11647">
        <v>2435</v>
      </c>
      <c r="G11647" t="s">
        <v>11973</v>
      </c>
      <c r="H11647">
        <v>5.9771045636639997</v>
      </c>
      <c r="I11647">
        <v>51.955354359841998</v>
      </c>
      <c r="J11647" t="s">
        <v>67332</v>
      </c>
    </row>
    <row r="11648" spans="1:10" x14ac:dyDescent="0.25">
      <c r="A11648" t="s">
        <v>11965</v>
      </c>
      <c r="B11648" t="s">
        <v>11966</v>
      </c>
      <c r="C11648" t="s">
        <v>11967</v>
      </c>
      <c r="D11648" t="s">
        <v>11968</v>
      </c>
      <c r="E11648" t="s">
        <v>13</v>
      </c>
      <c r="F11648">
        <v>2434</v>
      </c>
      <c r="G11648" t="s">
        <v>11969</v>
      </c>
      <c r="H11648">
        <v>5.97025472279</v>
      </c>
      <c r="I11648">
        <v>51.960801704310001</v>
      </c>
      <c r="J11648" t="s">
        <v>67333</v>
      </c>
    </row>
    <row r="11649" spans="1:10" x14ac:dyDescent="0.25">
      <c r="A11649" t="s">
        <v>11961</v>
      </c>
      <c r="B11649" t="s">
        <v>11962</v>
      </c>
      <c r="C11649" t="s">
        <v>11963</v>
      </c>
      <c r="D11649" t="s">
        <v>11838</v>
      </c>
      <c r="E11649" t="s">
        <v>13</v>
      </c>
      <c r="F11649">
        <v>2433</v>
      </c>
      <c r="G11649" t="s">
        <v>11964</v>
      </c>
      <c r="H11649">
        <v>5.6565194572530002</v>
      </c>
      <c r="I11649">
        <v>51.953171644785002</v>
      </c>
      <c r="J11649" t="s">
        <v>67334</v>
      </c>
    </row>
    <row r="11650" spans="1:10" x14ac:dyDescent="0.25">
      <c r="A11650" t="s">
        <v>11957</v>
      </c>
      <c r="B11650" t="s">
        <v>11958</v>
      </c>
      <c r="C11650" t="s">
        <v>11959</v>
      </c>
      <c r="D11650" t="s">
        <v>11838</v>
      </c>
      <c r="E11650" t="s">
        <v>13</v>
      </c>
      <c r="F11650">
        <v>2432</v>
      </c>
      <c r="G11650" t="s">
        <v>11960</v>
      </c>
      <c r="H11650">
        <v>5.6341065492110003</v>
      </c>
      <c r="I11650">
        <v>51.95744746762</v>
      </c>
      <c r="J11650" t="s">
        <v>67335</v>
      </c>
    </row>
    <row r="11651" spans="1:10" x14ac:dyDescent="0.25">
      <c r="A11651" t="s">
        <v>11953</v>
      </c>
      <c r="B11651" t="s">
        <v>11954</v>
      </c>
      <c r="C11651" t="s">
        <v>11955</v>
      </c>
      <c r="D11651" t="s">
        <v>11838</v>
      </c>
      <c r="E11651" t="s">
        <v>13</v>
      </c>
      <c r="F11651">
        <v>2431</v>
      </c>
      <c r="G11651" t="s">
        <v>11956</v>
      </c>
      <c r="H11651">
        <v>5.7065511236699997</v>
      </c>
      <c r="I11651">
        <v>51.981527410559003</v>
      </c>
      <c r="J11651" t="s">
        <v>67336</v>
      </c>
    </row>
    <row r="11652" spans="1:10" x14ac:dyDescent="0.25">
      <c r="A11652" t="s">
        <v>11949</v>
      </c>
      <c r="B11652" t="s">
        <v>11950</v>
      </c>
      <c r="C11652" t="s">
        <v>11951</v>
      </c>
      <c r="D11652" t="s">
        <v>11838</v>
      </c>
      <c r="E11652" t="s">
        <v>13</v>
      </c>
      <c r="F11652">
        <v>2430</v>
      </c>
      <c r="G11652" t="s">
        <v>11952</v>
      </c>
      <c r="H11652">
        <v>5.6841838424109996</v>
      </c>
      <c r="I11652">
        <v>51.982288464039001</v>
      </c>
      <c r="J11652" t="s">
        <v>67337</v>
      </c>
    </row>
    <row r="11653" spans="1:10" x14ac:dyDescent="0.25">
      <c r="A11653" t="s">
        <v>11945</v>
      </c>
      <c r="B11653" t="s">
        <v>11946</v>
      </c>
      <c r="C11653" t="s">
        <v>11947</v>
      </c>
      <c r="D11653" t="s">
        <v>11838</v>
      </c>
      <c r="E11653" t="s">
        <v>13</v>
      </c>
      <c r="F11653">
        <v>2429</v>
      </c>
      <c r="G11653" t="s">
        <v>11948</v>
      </c>
      <c r="H11653">
        <v>5.6349493708329996</v>
      </c>
      <c r="I11653">
        <v>51.983352823361997</v>
      </c>
      <c r="J11653" t="s">
        <v>67338</v>
      </c>
    </row>
    <row r="11654" spans="1:10" x14ac:dyDescent="0.25">
      <c r="A11654" t="s">
        <v>11941</v>
      </c>
      <c r="B11654" t="s">
        <v>11942</v>
      </c>
      <c r="C11654" t="s">
        <v>11943</v>
      </c>
      <c r="D11654" t="s">
        <v>11838</v>
      </c>
      <c r="E11654" t="s">
        <v>13</v>
      </c>
      <c r="F11654">
        <v>2428</v>
      </c>
      <c r="G11654" t="s">
        <v>11944</v>
      </c>
      <c r="H11654">
        <v>5.6964372486829999</v>
      </c>
      <c r="I11654">
        <v>51.989401822902003</v>
      </c>
      <c r="J11654" t="s">
        <v>67339</v>
      </c>
    </row>
    <row r="11655" spans="1:10" x14ac:dyDescent="0.25">
      <c r="A11655" t="s">
        <v>11937</v>
      </c>
      <c r="B11655" t="s">
        <v>11938</v>
      </c>
      <c r="C11655" t="s">
        <v>11939</v>
      </c>
      <c r="D11655" t="s">
        <v>11838</v>
      </c>
      <c r="E11655" t="s">
        <v>13</v>
      </c>
      <c r="F11655">
        <v>2427</v>
      </c>
      <c r="G11655" t="s">
        <v>11940</v>
      </c>
      <c r="H11655">
        <v>5.6885242702539998</v>
      </c>
      <c r="I11655">
        <v>51.969196686244999</v>
      </c>
      <c r="J11655" t="s">
        <v>67340</v>
      </c>
    </row>
    <row r="11656" spans="1:10" x14ac:dyDescent="0.25">
      <c r="A11656" t="s">
        <v>11934</v>
      </c>
      <c r="B11656" t="s">
        <v>11935</v>
      </c>
      <c r="C11656" t="s">
        <v>11472</v>
      </c>
      <c r="D11656" t="s">
        <v>11838</v>
      </c>
      <c r="E11656" t="s">
        <v>13</v>
      </c>
      <c r="F11656">
        <v>2426</v>
      </c>
      <c r="G11656" t="s">
        <v>11936</v>
      </c>
      <c r="H11656">
        <v>5.6797791903729999</v>
      </c>
      <c r="I11656">
        <v>51.968725111700003</v>
      </c>
      <c r="J11656" t="s">
        <v>67341</v>
      </c>
    </row>
    <row r="11657" spans="1:10" x14ac:dyDescent="0.25">
      <c r="A11657" t="s">
        <v>11930</v>
      </c>
      <c r="B11657" t="s">
        <v>11931</v>
      </c>
      <c r="C11657" t="s">
        <v>11932</v>
      </c>
      <c r="D11657" t="s">
        <v>11838</v>
      </c>
      <c r="E11657" t="s">
        <v>13</v>
      </c>
      <c r="F11657">
        <v>2425</v>
      </c>
      <c r="G11657" t="s">
        <v>11933</v>
      </c>
      <c r="H11657">
        <v>5.674985576449</v>
      </c>
      <c r="I11657">
        <v>51.966913253553003</v>
      </c>
      <c r="J11657" t="s">
        <v>67342</v>
      </c>
    </row>
    <row r="11658" spans="1:10" x14ac:dyDescent="0.25">
      <c r="A11658" t="s">
        <v>11926</v>
      </c>
      <c r="B11658" t="s">
        <v>11927</v>
      </c>
      <c r="C11658" t="s">
        <v>11928</v>
      </c>
      <c r="D11658" t="s">
        <v>11838</v>
      </c>
      <c r="E11658" t="s">
        <v>13</v>
      </c>
      <c r="F11658">
        <v>2424</v>
      </c>
      <c r="G11658" t="s">
        <v>11929</v>
      </c>
      <c r="H11658">
        <v>5.6695327320190003</v>
      </c>
      <c r="I11658">
        <v>51.965476797228</v>
      </c>
      <c r="J11658" t="s">
        <v>67343</v>
      </c>
    </row>
    <row r="11659" spans="1:10" x14ac:dyDescent="0.25">
      <c r="A11659" t="s">
        <v>11923</v>
      </c>
      <c r="B11659" t="s">
        <v>11924</v>
      </c>
      <c r="C11659" t="s">
        <v>2874</v>
      </c>
      <c r="D11659" t="s">
        <v>11838</v>
      </c>
      <c r="E11659" t="s">
        <v>13</v>
      </c>
      <c r="F11659">
        <v>2423</v>
      </c>
      <c r="G11659" t="s">
        <v>11925</v>
      </c>
      <c r="H11659">
        <v>5.66278753944</v>
      </c>
      <c r="I11659">
        <v>51.965863068483998</v>
      </c>
      <c r="J11659" t="s">
        <v>67344</v>
      </c>
    </row>
    <row r="11660" spans="1:10" x14ac:dyDescent="0.25">
      <c r="A11660" t="s">
        <v>11919</v>
      </c>
      <c r="B11660" t="s">
        <v>11920</v>
      </c>
      <c r="C11660" t="s">
        <v>11921</v>
      </c>
      <c r="D11660" t="s">
        <v>11838</v>
      </c>
      <c r="E11660" t="s">
        <v>13</v>
      </c>
      <c r="F11660">
        <v>2422</v>
      </c>
      <c r="G11660" t="s">
        <v>11922</v>
      </c>
      <c r="H11660">
        <v>5.650076862513</v>
      </c>
      <c r="I11660">
        <v>51.960145174009</v>
      </c>
      <c r="J11660" t="s">
        <v>67345</v>
      </c>
    </row>
    <row r="11661" spans="1:10" x14ac:dyDescent="0.25">
      <c r="A11661" t="s">
        <v>11915</v>
      </c>
      <c r="B11661" t="s">
        <v>11916</v>
      </c>
      <c r="C11661" t="s">
        <v>11917</v>
      </c>
      <c r="D11661" t="s">
        <v>11838</v>
      </c>
      <c r="E11661" t="s">
        <v>13</v>
      </c>
      <c r="F11661">
        <v>2421</v>
      </c>
      <c r="G11661" t="s">
        <v>11918</v>
      </c>
      <c r="H11661">
        <v>5.6522718641200003</v>
      </c>
      <c r="I11661">
        <v>51.964397083954999</v>
      </c>
      <c r="J11661" t="s">
        <v>67346</v>
      </c>
    </row>
    <row r="11662" spans="1:10" x14ac:dyDescent="0.25">
      <c r="A11662" t="s">
        <v>11911</v>
      </c>
      <c r="B11662" t="s">
        <v>11912</v>
      </c>
      <c r="C11662" t="s">
        <v>11913</v>
      </c>
      <c r="D11662" t="s">
        <v>11838</v>
      </c>
      <c r="E11662" t="s">
        <v>13</v>
      </c>
      <c r="F11662">
        <v>2420</v>
      </c>
      <c r="G11662" t="s">
        <v>11914</v>
      </c>
      <c r="H11662">
        <v>5.675916197786</v>
      </c>
      <c r="I11662">
        <v>51.972150755455999</v>
      </c>
      <c r="J11662" t="s">
        <v>67347</v>
      </c>
    </row>
    <row r="11663" spans="1:10" x14ac:dyDescent="0.25">
      <c r="A11663" t="s">
        <v>11907</v>
      </c>
      <c r="B11663" t="s">
        <v>11908</v>
      </c>
      <c r="C11663" t="s">
        <v>11909</v>
      </c>
      <c r="D11663" t="s">
        <v>11838</v>
      </c>
      <c r="E11663" t="s">
        <v>13</v>
      </c>
      <c r="F11663">
        <v>2419</v>
      </c>
      <c r="G11663" t="s">
        <v>11910</v>
      </c>
      <c r="H11663">
        <v>5.6757816306519997</v>
      </c>
      <c r="I11663">
        <v>51.977762731890998</v>
      </c>
      <c r="J11663" t="s">
        <v>67348</v>
      </c>
    </row>
    <row r="11664" spans="1:10" x14ac:dyDescent="0.25">
      <c r="A11664" t="s">
        <v>11903</v>
      </c>
      <c r="B11664" t="s">
        <v>11904</v>
      </c>
      <c r="C11664" t="s">
        <v>11905</v>
      </c>
      <c r="D11664" t="s">
        <v>11838</v>
      </c>
      <c r="E11664" t="s">
        <v>13</v>
      </c>
      <c r="F11664">
        <v>2418</v>
      </c>
      <c r="G11664" t="s">
        <v>11906</v>
      </c>
      <c r="H11664">
        <v>5.6681190500209997</v>
      </c>
      <c r="I11664">
        <v>51.972880448608002</v>
      </c>
      <c r="J11664" t="s">
        <v>67349</v>
      </c>
    </row>
    <row r="11665" spans="1:10" x14ac:dyDescent="0.25">
      <c r="A11665" t="s">
        <v>11899</v>
      </c>
      <c r="B11665" t="s">
        <v>11900</v>
      </c>
      <c r="C11665" t="s">
        <v>11901</v>
      </c>
      <c r="D11665" t="s">
        <v>11838</v>
      </c>
      <c r="E11665" t="s">
        <v>13</v>
      </c>
      <c r="F11665">
        <v>2417</v>
      </c>
      <c r="G11665" t="s">
        <v>11902</v>
      </c>
      <c r="H11665">
        <v>5.6608556453589998</v>
      </c>
      <c r="I11665">
        <v>51.970701092995</v>
      </c>
      <c r="J11665" t="s">
        <v>67350</v>
      </c>
    </row>
    <row r="11666" spans="1:10" x14ac:dyDescent="0.25">
      <c r="A11666" t="s">
        <v>11895</v>
      </c>
      <c r="B11666" t="s">
        <v>11896</v>
      </c>
      <c r="C11666" t="s">
        <v>11897</v>
      </c>
      <c r="D11666" t="s">
        <v>11838</v>
      </c>
      <c r="E11666" t="s">
        <v>13</v>
      </c>
      <c r="F11666">
        <v>2416</v>
      </c>
      <c r="G11666" t="s">
        <v>11898</v>
      </c>
      <c r="H11666">
        <v>5.6662863240029999</v>
      </c>
      <c r="I11666">
        <v>51.97641480691</v>
      </c>
      <c r="J11666" t="s">
        <v>67351</v>
      </c>
    </row>
    <row r="11667" spans="1:10" x14ac:dyDescent="0.25">
      <c r="A11667" t="s">
        <v>11891</v>
      </c>
      <c r="B11667" t="s">
        <v>11892</v>
      </c>
      <c r="C11667" t="s">
        <v>11893</v>
      </c>
      <c r="D11667" t="s">
        <v>11838</v>
      </c>
      <c r="E11667" t="s">
        <v>13</v>
      </c>
      <c r="F11667">
        <v>2415</v>
      </c>
      <c r="G11667" t="s">
        <v>11894</v>
      </c>
      <c r="H11667">
        <v>5.6618219593979999</v>
      </c>
      <c r="I11667">
        <v>51.974914032793002</v>
      </c>
      <c r="J11667" t="s">
        <v>67352</v>
      </c>
    </row>
    <row r="11668" spans="1:10" x14ac:dyDescent="0.25">
      <c r="A11668" t="s">
        <v>11887</v>
      </c>
      <c r="B11668" t="s">
        <v>11888</v>
      </c>
      <c r="C11668" t="s">
        <v>11889</v>
      </c>
      <c r="D11668" t="s">
        <v>11838</v>
      </c>
      <c r="E11668" t="s">
        <v>13</v>
      </c>
      <c r="F11668">
        <v>2414</v>
      </c>
      <c r="G11668" t="s">
        <v>11890</v>
      </c>
      <c r="H11668">
        <v>5.6526420005520004</v>
      </c>
      <c r="I11668">
        <v>51.968413554497999</v>
      </c>
      <c r="J11668" t="s">
        <v>67353</v>
      </c>
    </row>
    <row r="11669" spans="1:10" x14ac:dyDescent="0.25">
      <c r="A11669" t="s">
        <v>11883</v>
      </c>
      <c r="B11669" t="s">
        <v>11884</v>
      </c>
      <c r="C11669" t="s">
        <v>11885</v>
      </c>
      <c r="D11669" t="s">
        <v>11838</v>
      </c>
      <c r="E11669" t="s">
        <v>13</v>
      </c>
      <c r="F11669">
        <v>2413</v>
      </c>
      <c r="G11669" t="s">
        <v>11886</v>
      </c>
      <c r="H11669">
        <v>5.6472390623299997</v>
      </c>
      <c r="I11669">
        <v>51.965872999665997</v>
      </c>
      <c r="J11669" t="s">
        <v>67354</v>
      </c>
    </row>
    <row r="11670" spans="1:10" x14ac:dyDescent="0.25">
      <c r="A11670" t="s">
        <v>11879</v>
      </c>
      <c r="B11670" t="s">
        <v>11880</v>
      </c>
      <c r="C11670" t="s">
        <v>11881</v>
      </c>
      <c r="D11670" t="s">
        <v>11838</v>
      </c>
      <c r="E11670" t="s">
        <v>13</v>
      </c>
      <c r="F11670">
        <v>2412</v>
      </c>
      <c r="G11670" t="s">
        <v>11882</v>
      </c>
      <c r="H11670">
        <v>5.6492237197849997</v>
      </c>
      <c r="I11670">
        <v>51.970767744463998</v>
      </c>
      <c r="J11670" t="s">
        <v>67355</v>
      </c>
    </row>
    <row r="11671" spans="1:10" x14ac:dyDescent="0.25">
      <c r="A11671" t="s">
        <v>11875</v>
      </c>
      <c r="B11671" t="s">
        <v>11876</v>
      </c>
      <c r="C11671" t="s">
        <v>11877</v>
      </c>
      <c r="D11671" t="s">
        <v>11838</v>
      </c>
      <c r="E11671" t="s">
        <v>13</v>
      </c>
      <c r="F11671">
        <v>2411</v>
      </c>
      <c r="G11671" t="s">
        <v>11878</v>
      </c>
      <c r="H11671">
        <v>5.6439301300410003</v>
      </c>
      <c r="I11671">
        <v>51.968914521907003</v>
      </c>
      <c r="J11671" t="s">
        <v>67356</v>
      </c>
    </row>
    <row r="11672" spans="1:10" x14ac:dyDescent="0.25">
      <c r="A11672" t="s">
        <v>11871</v>
      </c>
      <c r="B11672" t="s">
        <v>11872</v>
      </c>
      <c r="C11672" t="s">
        <v>11873</v>
      </c>
      <c r="D11672" t="s">
        <v>11838</v>
      </c>
      <c r="E11672" t="s">
        <v>13</v>
      </c>
      <c r="F11672">
        <v>2410</v>
      </c>
      <c r="G11672" t="s">
        <v>11874</v>
      </c>
      <c r="H11672">
        <v>5.6685492514610001</v>
      </c>
      <c r="I11672">
        <v>51.979489631040998</v>
      </c>
      <c r="J11672" t="s">
        <v>67357</v>
      </c>
    </row>
    <row r="11673" spans="1:10" x14ac:dyDescent="0.25">
      <c r="A11673" t="s">
        <v>11867</v>
      </c>
      <c r="B11673" t="s">
        <v>11868</v>
      </c>
      <c r="C11673" t="s">
        <v>11869</v>
      </c>
      <c r="D11673" t="s">
        <v>11838</v>
      </c>
      <c r="E11673" t="s">
        <v>13</v>
      </c>
      <c r="F11673">
        <v>2409</v>
      </c>
      <c r="G11673" t="s">
        <v>11870</v>
      </c>
      <c r="H11673">
        <v>5.6620258399200001</v>
      </c>
      <c r="I11673">
        <v>51.978903640711998</v>
      </c>
      <c r="J11673" t="s">
        <v>67358</v>
      </c>
    </row>
    <row r="11674" spans="1:10" x14ac:dyDescent="0.25">
      <c r="A11674" t="s">
        <v>11863</v>
      </c>
      <c r="B11674" t="s">
        <v>11864</v>
      </c>
      <c r="C11674" t="s">
        <v>11865</v>
      </c>
      <c r="D11674" t="s">
        <v>11838</v>
      </c>
      <c r="E11674" t="s">
        <v>13</v>
      </c>
      <c r="F11674">
        <v>2408</v>
      </c>
      <c r="G11674" t="s">
        <v>11866</v>
      </c>
      <c r="H11674">
        <v>5.6564699375479996</v>
      </c>
      <c r="I11674">
        <v>51.973123354933001</v>
      </c>
      <c r="J11674" t="s">
        <v>67359</v>
      </c>
    </row>
    <row r="11675" spans="1:10" x14ac:dyDescent="0.25">
      <c r="A11675" t="s">
        <v>11859</v>
      </c>
      <c r="B11675" t="s">
        <v>11860</v>
      </c>
      <c r="C11675" t="s">
        <v>11861</v>
      </c>
      <c r="D11675" t="s">
        <v>11838</v>
      </c>
      <c r="E11675" t="s">
        <v>13</v>
      </c>
      <c r="F11675">
        <v>2407</v>
      </c>
      <c r="G11675" t="s">
        <v>11862</v>
      </c>
      <c r="H11675">
        <v>5.6548327929760003</v>
      </c>
      <c r="I11675">
        <v>51.976858143228</v>
      </c>
      <c r="J11675" t="s">
        <v>67360</v>
      </c>
    </row>
    <row r="11676" spans="1:10" x14ac:dyDescent="0.25">
      <c r="A11676" t="s">
        <v>11855</v>
      </c>
      <c r="B11676" t="s">
        <v>11856</v>
      </c>
      <c r="C11676" t="s">
        <v>11857</v>
      </c>
      <c r="D11676" t="s">
        <v>11838</v>
      </c>
      <c r="E11676" t="s">
        <v>13</v>
      </c>
      <c r="F11676">
        <v>2406</v>
      </c>
      <c r="G11676" t="s">
        <v>11858</v>
      </c>
      <c r="H11676">
        <v>5.6666843268609997</v>
      </c>
      <c r="I11676">
        <v>51.981805888411998</v>
      </c>
      <c r="J11676" t="s">
        <v>67361</v>
      </c>
    </row>
    <row r="11677" spans="1:10" x14ac:dyDescent="0.25">
      <c r="A11677" t="s">
        <v>11851</v>
      </c>
      <c r="B11677" t="s">
        <v>11852</v>
      </c>
      <c r="C11677" t="s">
        <v>11853</v>
      </c>
      <c r="D11677" t="s">
        <v>11838</v>
      </c>
      <c r="E11677" t="s">
        <v>13</v>
      </c>
      <c r="F11677">
        <v>2405</v>
      </c>
      <c r="G11677" t="s">
        <v>11854</v>
      </c>
      <c r="H11677">
        <v>5.6648933619179997</v>
      </c>
      <c r="I11677">
        <v>51.985620747882997</v>
      </c>
      <c r="J11677" t="s">
        <v>67362</v>
      </c>
    </row>
    <row r="11678" spans="1:10" x14ac:dyDescent="0.25">
      <c r="A11678" t="s">
        <v>11847</v>
      </c>
      <c r="B11678" t="s">
        <v>11848</v>
      </c>
      <c r="C11678" t="s">
        <v>11849</v>
      </c>
      <c r="D11678" t="s">
        <v>11838</v>
      </c>
      <c r="E11678" t="s">
        <v>13</v>
      </c>
      <c r="F11678">
        <v>2404</v>
      </c>
      <c r="G11678" t="s">
        <v>11850</v>
      </c>
      <c r="H11678">
        <v>5.6475569073559999</v>
      </c>
      <c r="I11678">
        <v>51.975295502236001</v>
      </c>
      <c r="J11678" t="s">
        <v>67363</v>
      </c>
    </row>
    <row r="11679" spans="1:10" x14ac:dyDescent="0.25">
      <c r="A11679" t="s">
        <v>11843</v>
      </c>
      <c r="B11679" t="s">
        <v>11844</v>
      </c>
      <c r="C11679" t="s">
        <v>11845</v>
      </c>
      <c r="D11679" t="s">
        <v>11838</v>
      </c>
      <c r="E11679" t="s">
        <v>13</v>
      </c>
      <c r="F11679">
        <v>2403</v>
      </c>
      <c r="G11679" t="s">
        <v>11846</v>
      </c>
      <c r="H11679">
        <v>5.6523935112109998</v>
      </c>
      <c r="I11679">
        <v>51.98220869112</v>
      </c>
      <c r="J11679" t="s">
        <v>67364</v>
      </c>
    </row>
    <row r="11680" spans="1:10" x14ac:dyDescent="0.25">
      <c r="A11680" t="s">
        <v>11840</v>
      </c>
      <c r="B11680" t="s">
        <v>11841</v>
      </c>
      <c r="C11680" t="s">
        <v>3222</v>
      </c>
      <c r="D11680" t="s">
        <v>11838</v>
      </c>
      <c r="E11680" t="s">
        <v>13</v>
      </c>
      <c r="F11680">
        <v>2402</v>
      </c>
      <c r="G11680" t="s">
        <v>11842</v>
      </c>
      <c r="H11680">
        <v>5.6475179774189996</v>
      </c>
      <c r="I11680">
        <v>51.982484920795997</v>
      </c>
      <c r="J11680" t="s">
        <v>67365</v>
      </c>
    </row>
    <row r="11681" spans="1:10" x14ac:dyDescent="0.25">
      <c r="A11681" t="s">
        <v>11835</v>
      </c>
      <c r="B11681" t="s">
        <v>11836</v>
      </c>
      <c r="C11681" t="s">
        <v>11837</v>
      </c>
      <c r="D11681" t="s">
        <v>11838</v>
      </c>
      <c r="E11681" t="s">
        <v>13</v>
      </c>
      <c r="F11681">
        <v>2401</v>
      </c>
      <c r="G11681" t="s">
        <v>11839</v>
      </c>
      <c r="H11681">
        <v>5.6443607748550004</v>
      </c>
      <c r="I11681">
        <v>51.980915807206998</v>
      </c>
      <c r="J11681" t="s">
        <v>67366</v>
      </c>
    </row>
    <row r="11682" spans="1:10" x14ac:dyDescent="0.25">
      <c r="A11682" t="s">
        <v>11831</v>
      </c>
      <c r="B11682" t="s">
        <v>11832</v>
      </c>
      <c r="C11682" t="s">
        <v>11833</v>
      </c>
      <c r="D11682" t="s">
        <v>11713</v>
      </c>
      <c r="E11682" t="s">
        <v>13</v>
      </c>
      <c r="F11682">
        <v>2400</v>
      </c>
      <c r="G11682" t="s">
        <v>11834</v>
      </c>
      <c r="H11682">
        <v>6.1671732901349996</v>
      </c>
      <c r="I11682">
        <v>52.212833147006002</v>
      </c>
      <c r="J11682" t="s">
        <v>67367</v>
      </c>
    </row>
    <row r="11683" spans="1:10" x14ac:dyDescent="0.25">
      <c r="A11683" t="s">
        <v>11827</v>
      </c>
      <c r="B11683" t="s">
        <v>11828</v>
      </c>
      <c r="C11683" t="s">
        <v>11829</v>
      </c>
      <c r="D11683" t="s">
        <v>11713</v>
      </c>
      <c r="E11683" t="s">
        <v>13</v>
      </c>
      <c r="F11683">
        <v>2399</v>
      </c>
      <c r="G11683" t="s">
        <v>11830</v>
      </c>
      <c r="H11683">
        <v>6.1201381128329997</v>
      </c>
      <c r="I11683">
        <v>52.210056965980002</v>
      </c>
      <c r="J11683" t="s">
        <v>67368</v>
      </c>
    </row>
    <row r="11684" spans="1:10" x14ac:dyDescent="0.25">
      <c r="A11684" t="s">
        <v>11823</v>
      </c>
      <c r="B11684" t="s">
        <v>11824</v>
      </c>
      <c r="C11684" t="s">
        <v>11825</v>
      </c>
      <c r="D11684" t="s">
        <v>11713</v>
      </c>
      <c r="E11684" t="s">
        <v>13</v>
      </c>
      <c r="F11684">
        <v>2398</v>
      </c>
      <c r="G11684" t="s">
        <v>11826</v>
      </c>
      <c r="H11684">
        <v>6.1155964599440003</v>
      </c>
      <c r="I11684">
        <v>52.213403238852997</v>
      </c>
      <c r="J11684" t="s">
        <v>67369</v>
      </c>
    </row>
    <row r="11685" spans="1:10" x14ac:dyDescent="0.25">
      <c r="A11685" t="s">
        <v>11819</v>
      </c>
      <c r="B11685" t="s">
        <v>11820</v>
      </c>
      <c r="C11685" t="s">
        <v>11821</v>
      </c>
      <c r="D11685" t="s">
        <v>11713</v>
      </c>
      <c r="E11685" t="s">
        <v>13</v>
      </c>
      <c r="F11685">
        <v>2397</v>
      </c>
      <c r="G11685" t="s">
        <v>11822</v>
      </c>
      <c r="H11685">
        <v>6.1474998844569999</v>
      </c>
      <c r="I11685">
        <v>52.217956230513998</v>
      </c>
      <c r="J11685" t="s">
        <v>67370</v>
      </c>
    </row>
    <row r="11686" spans="1:10" x14ac:dyDescent="0.25">
      <c r="A11686" t="s">
        <v>11815</v>
      </c>
      <c r="B11686" t="s">
        <v>11816</v>
      </c>
      <c r="C11686" t="s">
        <v>11817</v>
      </c>
      <c r="D11686" t="s">
        <v>11713</v>
      </c>
      <c r="E11686" t="s">
        <v>13</v>
      </c>
      <c r="F11686">
        <v>2396</v>
      </c>
      <c r="G11686" t="s">
        <v>11818</v>
      </c>
      <c r="H11686">
        <v>6.0849403678089997</v>
      </c>
      <c r="I11686">
        <v>52.165684310285002</v>
      </c>
      <c r="J11686" t="s">
        <v>67371</v>
      </c>
    </row>
    <row r="11687" spans="1:10" x14ac:dyDescent="0.25">
      <c r="A11687" t="s">
        <v>11811</v>
      </c>
      <c r="B11687" t="s">
        <v>11812</v>
      </c>
      <c r="C11687" t="s">
        <v>11813</v>
      </c>
      <c r="D11687" t="s">
        <v>11713</v>
      </c>
      <c r="E11687" t="s">
        <v>13</v>
      </c>
      <c r="F11687">
        <v>2395</v>
      </c>
      <c r="G11687" t="s">
        <v>11814</v>
      </c>
      <c r="H11687">
        <v>6.0740465416309997</v>
      </c>
      <c r="I11687">
        <v>52.186862242392003</v>
      </c>
      <c r="J11687" t="s">
        <v>67372</v>
      </c>
    </row>
    <row r="11688" spans="1:10" x14ac:dyDescent="0.25">
      <c r="A11688" t="s">
        <v>11807</v>
      </c>
      <c r="B11688" t="s">
        <v>11808</v>
      </c>
      <c r="C11688" t="s">
        <v>11809</v>
      </c>
      <c r="D11688" t="s">
        <v>11713</v>
      </c>
      <c r="E11688" t="s">
        <v>13</v>
      </c>
      <c r="F11688">
        <v>2394</v>
      </c>
      <c r="G11688" t="s">
        <v>11810</v>
      </c>
      <c r="H11688">
        <v>6.0688421983750001</v>
      </c>
      <c r="I11688">
        <v>52.209252526878998</v>
      </c>
      <c r="J11688" t="s">
        <v>67373</v>
      </c>
    </row>
    <row r="11689" spans="1:10" x14ac:dyDescent="0.25">
      <c r="A11689" t="s">
        <v>11803</v>
      </c>
      <c r="B11689" t="s">
        <v>11804</v>
      </c>
      <c r="C11689" t="s">
        <v>11805</v>
      </c>
      <c r="D11689" t="s">
        <v>11713</v>
      </c>
      <c r="E11689" t="s">
        <v>13</v>
      </c>
      <c r="F11689">
        <v>2393</v>
      </c>
      <c r="G11689" t="s">
        <v>11806</v>
      </c>
      <c r="H11689">
        <v>6.0495467824520004</v>
      </c>
      <c r="I11689">
        <v>52.236548366823001</v>
      </c>
      <c r="J11689" t="s">
        <v>67374</v>
      </c>
    </row>
    <row r="11690" spans="1:10" x14ac:dyDescent="0.25">
      <c r="A11690" t="s">
        <v>11799</v>
      </c>
      <c r="B11690" t="s">
        <v>11800</v>
      </c>
      <c r="C11690" t="s">
        <v>11801</v>
      </c>
      <c r="D11690" t="s">
        <v>11713</v>
      </c>
      <c r="E11690" t="s">
        <v>13</v>
      </c>
      <c r="F11690">
        <v>2392</v>
      </c>
      <c r="G11690" t="s">
        <v>11802</v>
      </c>
      <c r="H11690">
        <v>6.0554656873620001</v>
      </c>
      <c r="I11690">
        <v>52.260182234566997</v>
      </c>
      <c r="J11690" t="s">
        <v>67375</v>
      </c>
    </row>
    <row r="11691" spans="1:10" x14ac:dyDescent="0.25">
      <c r="A11691" t="s">
        <v>11795</v>
      </c>
      <c r="B11691" t="s">
        <v>11796</v>
      </c>
      <c r="C11691" t="s">
        <v>11797</v>
      </c>
      <c r="D11691" t="s">
        <v>11713</v>
      </c>
      <c r="E11691" t="s">
        <v>13</v>
      </c>
      <c r="F11691">
        <v>2391</v>
      </c>
      <c r="G11691" t="s">
        <v>11798</v>
      </c>
      <c r="H11691">
        <v>6.0389683169500001</v>
      </c>
      <c r="I11691">
        <v>52.257831361625001</v>
      </c>
      <c r="J11691" t="s">
        <v>67376</v>
      </c>
    </row>
    <row r="11692" spans="1:10" x14ac:dyDescent="0.25">
      <c r="A11692" t="s">
        <v>11791</v>
      </c>
      <c r="B11692" t="s">
        <v>11792</v>
      </c>
      <c r="C11692" t="s">
        <v>11793</v>
      </c>
      <c r="D11692" t="s">
        <v>11713</v>
      </c>
      <c r="E11692" t="s">
        <v>13</v>
      </c>
      <c r="F11692">
        <v>2390</v>
      </c>
      <c r="G11692" t="s">
        <v>11794</v>
      </c>
      <c r="H11692">
        <v>6.0753609934970001</v>
      </c>
      <c r="I11692">
        <v>52.210997077106001</v>
      </c>
      <c r="J11692" t="s">
        <v>67377</v>
      </c>
    </row>
    <row r="11693" spans="1:10" x14ac:dyDescent="0.25">
      <c r="A11693" t="s">
        <v>11787</v>
      </c>
      <c r="B11693" t="s">
        <v>11788</v>
      </c>
      <c r="C11693" t="s">
        <v>11789</v>
      </c>
      <c r="D11693" t="s">
        <v>11713</v>
      </c>
      <c r="E11693" t="s">
        <v>13</v>
      </c>
      <c r="F11693">
        <v>2389</v>
      </c>
      <c r="G11693" t="s">
        <v>11790</v>
      </c>
      <c r="H11693">
        <v>6.0432861980150001</v>
      </c>
      <c r="I11693">
        <v>52.233603496984003</v>
      </c>
      <c r="J11693" t="s">
        <v>67378</v>
      </c>
    </row>
    <row r="11694" spans="1:10" x14ac:dyDescent="0.25">
      <c r="A11694" t="s">
        <v>11783</v>
      </c>
      <c r="B11694" t="s">
        <v>11784</v>
      </c>
      <c r="C11694" t="s">
        <v>11785</v>
      </c>
      <c r="D11694" t="s">
        <v>11713</v>
      </c>
      <c r="E11694" t="s">
        <v>13</v>
      </c>
      <c r="F11694">
        <v>2388</v>
      </c>
      <c r="G11694" t="s">
        <v>11786</v>
      </c>
      <c r="H11694">
        <v>6.070330258627</v>
      </c>
      <c r="I11694">
        <v>52.169204877199</v>
      </c>
      <c r="J11694" t="s">
        <v>67379</v>
      </c>
    </row>
    <row r="11695" spans="1:10" x14ac:dyDescent="0.25">
      <c r="A11695" t="s">
        <v>11779</v>
      </c>
      <c r="B11695" t="s">
        <v>11780</v>
      </c>
      <c r="C11695" t="s">
        <v>11781</v>
      </c>
      <c r="D11695" t="s">
        <v>11713</v>
      </c>
      <c r="E11695" t="s">
        <v>13</v>
      </c>
      <c r="F11695">
        <v>2387</v>
      </c>
      <c r="G11695" t="s">
        <v>11782</v>
      </c>
      <c r="H11695">
        <v>6.1008502215620002</v>
      </c>
      <c r="I11695">
        <v>52.274530266074997</v>
      </c>
      <c r="J11695" t="s">
        <v>67380</v>
      </c>
    </row>
    <row r="11696" spans="1:10" x14ac:dyDescent="0.25">
      <c r="A11696" t="s">
        <v>11775</v>
      </c>
      <c r="B11696" t="s">
        <v>11776</v>
      </c>
      <c r="C11696" t="s">
        <v>11777</v>
      </c>
      <c r="D11696" t="s">
        <v>11713</v>
      </c>
      <c r="E11696" t="s">
        <v>13</v>
      </c>
      <c r="F11696">
        <v>2386</v>
      </c>
      <c r="G11696" t="s">
        <v>11778</v>
      </c>
      <c r="H11696">
        <v>6.0654599387830004</v>
      </c>
      <c r="I11696">
        <v>52.292855231781999</v>
      </c>
      <c r="J11696" t="s">
        <v>67381</v>
      </c>
    </row>
    <row r="11697" spans="1:10" x14ac:dyDescent="0.25">
      <c r="A11697" t="s">
        <v>11771</v>
      </c>
      <c r="B11697" t="s">
        <v>11772</v>
      </c>
      <c r="C11697" t="s">
        <v>11773</v>
      </c>
      <c r="D11697" t="s">
        <v>11713</v>
      </c>
      <c r="E11697" t="s">
        <v>13</v>
      </c>
      <c r="F11697">
        <v>2385</v>
      </c>
      <c r="G11697" t="s">
        <v>11774</v>
      </c>
      <c r="H11697">
        <v>6.0957030866129998</v>
      </c>
      <c r="I11697">
        <v>52.247495860392</v>
      </c>
      <c r="J11697" t="s">
        <v>67382</v>
      </c>
    </row>
    <row r="11698" spans="1:10" x14ac:dyDescent="0.25">
      <c r="A11698" t="s">
        <v>11767</v>
      </c>
      <c r="B11698" t="s">
        <v>11768</v>
      </c>
      <c r="C11698" t="s">
        <v>11769</v>
      </c>
      <c r="D11698" t="s">
        <v>11713</v>
      </c>
      <c r="E11698" t="s">
        <v>13</v>
      </c>
      <c r="F11698">
        <v>2384</v>
      </c>
      <c r="G11698" t="s">
        <v>11770</v>
      </c>
      <c r="H11698">
        <v>6.1487705008860001</v>
      </c>
      <c r="I11698">
        <v>52.245338201852</v>
      </c>
      <c r="J11698" t="s">
        <v>67383</v>
      </c>
    </row>
    <row r="11699" spans="1:10" x14ac:dyDescent="0.25">
      <c r="A11699" t="s">
        <v>11763</v>
      </c>
      <c r="B11699" t="s">
        <v>11764</v>
      </c>
      <c r="C11699" t="s">
        <v>11765</v>
      </c>
      <c r="D11699" t="s">
        <v>11713</v>
      </c>
      <c r="E11699" t="s">
        <v>13</v>
      </c>
      <c r="F11699">
        <v>2383</v>
      </c>
      <c r="G11699" t="s">
        <v>11766</v>
      </c>
      <c r="H11699">
        <v>6.1116330494450004</v>
      </c>
      <c r="I11699">
        <v>52.227279469065998</v>
      </c>
      <c r="J11699" t="s">
        <v>67384</v>
      </c>
    </row>
    <row r="11700" spans="1:10" x14ac:dyDescent="0.25">
      <c r="A11700" t="s">
        <v>11759</v>
      </c>
      <c r="B11700" t="s">
        <v>11760</v>
      </c>
      <c r="C11700" t="s">
        <v>11761</v>
      </c>
      <c r="D11700" t="s">
        <v>11713</v>
      </c>
      <c r="E11700" t="s">
        <v>13</v>
      </c>
      <c r="F11700">
        <v>2382</v>
      </c>
      <c r="G11700" t="s">
        <v>11762</v>
      </c>
      <c r="H11700">
        <v>6.0624529894880004</v>
      </c>
      <c r="I11700">
        <v>52.292431831659002</v>
      </c>
      <c r="J11700" t="s">
        <v>67385</v>
      </c>
    </row>
    <row r="11701" spans="1:10" x14ac:dyDescent="0.25">
      <c r="A11701" t="s">
        <v>11755</v>
      </c>
      <c r="B11701" t="s">
        <v>11756</v>
      </c>
      <c r="C11701" t="s">
        <v>11757</v>
      </c>
      <c r="D11701" t="s">
        <v>11713</v>
      </c>
      <c r="E11701" t="s">
        <v>13</v>
      </c>
      <c r="F11701">
        <v>2381</v>
      </c>
      <c r="G11701" t="s">
        <v>11758</v>
      </c>
      <c r="H11701">
        <v>6.1048237409580004</v>
      </c>
      <c r="I11701">
        <v>52.276522070402997</v>
      </c>
      <c r="J11701" t="s">
        <v>67386</v>
      </c>
    </row>
    <row r="11702" spans="1:10" x14ac:dyDescent="0.25">
      <c r="A11702" t="s">
        <v>11751</v>
      </c>
      <c r="B11702" t="s">
        <v>11752</v>
      </c>
      <c r="C11702" t="s">
        <v>11753</v>
      </c>
      <c r="D11702" t="s">
        <v>11713</v>
      </c>
      <c r="E11702" t="s">
        <v>13</v>
      </c>
      <c r="F11702">
        <v>2380</v>
      </c>
      <c r="G11702" t="s">
        <v>11754</v>
      </c>
      <c r="H11702">
        <v>6.1071941776629997</v>
      </c>
      <c r="I11702">
        <v>52.242683743976997</v>
      </c>
      <c r="J11702" t="s">
        <v>67387</v>
      </c>
    </row>
    <row r="11703" spans="1:10" x14ac:dyDescent="0.25">
      <c r="A11703" t="s">
        <v>11747</v>
      </c>
      <c r="B11703" t="s">
        <v>11748</v>
      </c>
      <c r="C11703" t="s">
        <v>11749</v>
      </c>
      <c r="D11703" t="s">
        <v>11713</v>
      </c>
      <c r="E11703" t="s">
        <v>13</v>
      </c>
      <c r="F11703">
        <v>2379</v>
      </c>
      <c r="G11703" t="s">
        <v>11750</v>
      </c>
      <c r="H11703">
        <v>6.1064593024139997</v>
      </c>
      <c r="I11703">
        <v>52.230283016366997</v>
      </c>
      <c r="J11703" t="s">
        <v>67388</v>
      </c>
    </row>
    <row r="11704" spans="1:10" x14ac:dyDescent="0.25">
      <c r="A11704" t="s">
        <v>11743</v>
      </c>
      <c r="B11704" t="s">
        <v>11744</v>
      </c>
      <c r="C11704" t="s">
        <v>11745</v>
      </c>
      <c r="D11704" t="s">
        <v>11713</v>
      </c>
      <c r="E11704" t="s">
        <v>13</v>
      </c>
      <c r="F11704">
        <v>2378</v>
      </c>
      <c r="G11704" t="s">
        <v>11746</v>
      </c>
      <c r="H11704">
        <v>6.1032147568779997</v>
      </c>
      <c r="I11704">
        <v>52.236353456624997</v>
      </c>
      <c r="J11704" t="s">
        <v>67389</v>
      </c>
    </row>
    <row r="11705" spans="1:10" x14ac:dyDescent="0.25">
      <c r="A11705" t="s">
        <v>11739</v>
      </c>
      <c r="B11705" t="s">
        <v>11740</v>
      </c>
      <c r="C11705" t="s">
        <v>11741</v>
      </c>
      <c r="D11705" t="s">
        <v>11713</v>
      </c>
      <c r="E11705" t="s">
        <v>13</v>
      </c>
      <c r="F11705">
        <v>2377</v>
      </c>
      <c r="G11705" t="s">
        <v>11742</v>
      </c>
      <c r="H11705">
        <v>6.104838383813</v>
      </c>
      <c r="I11705">
        <v>52.157770785224002</v>
      </c>
      <c r="J11705" t="s">
        <v>67390</v>
      </c>
    </row>
    <row r="11706" spans="1:10" x14ac:dyDescent="0.25">
      <c r="A11706" t="s">
        <v>11735</v>
      </c>
      <c r="B11706" t="s">
        <v>11736</v>
      </c>
      <c r="C11706" t="s">
        <v>11737</v>
      </c>
      <c r="D11706" t="s">
        <v>11713</v>
      </c>
      <c r="E11706" t="s">
        <v>13</v>
      </c>
      <c r="F11706">
        <v>2376</v>
      </c>
      <c r="G11706" t="s">
        <v>11738</v>
      </c>
      <c r="H11706">
        <v>6.1082106921559998</v>
      </c>
      <c r="I11706">
        <v>52.188645730212997</v>
      </c>
      <c r="J11706" t="s">
        <v>67391</v>
      </c>
    </row>
    <row r="11707" spans="1:10" x14ac:dyDescent="0.25">
      <c r="A11707" t="s">
        <v>11731</v>
      </c>
      <c r="B11707" t="s">
        <v>11732</v>
      </c>
      <c r="C11707" t="s">
        <v>11733</v>
      </c>
      <c r="D11707" t="s">
        <v>11713</v>
      </c>
      <c r="E11707" t="s">
        <v>13</v>
      </c>
      <c r="F11707">
        <v>2375</v>
      </c>
      <c r="G11707" t="s">
        <v>11734</v>
      </c>
      <c r="H11707">
        <v>6.1654128867539999</v>
      </c>
      <c r="I11707">
        <v>52.176914550634002</v>
      </c>
      <c r="J11707" t="s">
        <v>67392</v>
      </c>
    </row>
    <row r="11708" spans="1:10" x14ac:dyDescent="0.25">
      <c r="A11708" t="s">
        <v>11727</v>
      </c>
      <c r="B11708" t="s">
        <v>11728</v>
      </c>
      <c r="C11708" t="s">
        <v>11729</v>
      </c>
      <c r="D11708" t="s">
        <v>11713</v>
      </c>
      <c r="E11708" t="s">
        <v>13</v>
      </c>
      <c r="F11708">
        <v>2374</v>
      </c>
      <c r="G11708" t="s">
        <v>11730</v>
      </c>
      <c r="H11708">
        <v>6.1333336779619998</v>
      </c>
      <c r="I11708">
        <v>52.190708177745996</v>
      </c>
      <c r="J11708" t="s">
        <v>67393</v>
      </c>
    </row>
    <row r="11709" spans="1:10" x14ac:dyDescent="0.25">
      <c r="A11709" t="s">
        <v>11723</v>
      </c>
      <c r="B11709" t="s">
        <v>11724</v>
      </c>
      <c r="C11709" t="s">
        <v>11725</v>
      </c>
      <c r="D11709" t="s">
        <v>11713</v>
      </c>
      <c r="E11709" t="s">
        <v>13</v>
      </c>
      <c r="F11709">
        <v>2373</v>
      </c>
      <c r="G11709" t="s">
        <v>11726</v>
      </c>
      <c r="H11709">
        <v>6.1322910044340002</v>
      </c>
      <c r="I11709">
        <v>52.167372502126</v>
      </c>
      <c r="J11709" t="s">
        <v>67394</v>
      </c>
    </row>
    <row r="11710" spans="1:10" x14ac:dyDescent="0.25">
      <c r="A11710" t="s">
        <v>11719</v>
      </c>
      <c r="B11710" t="s">
        <v>11720</v>
      </c>
      <c r="C11710" t="s">
        <v>11721</v>
      </c>
      <c r="D11710" t="s">
        <v>11713</v>
      </c>
      <c r="E11710" t="s">
        <v>13</v>
      </c>
      <c r="F11710">
        <v>2372</v>
      </c>
      <c r="G11710" t="s">
        <v>11722</v>
      </c>
      <c r="H11710">
        <v>6.1315168594029998</v>
      </c>
      <c r="I11710">
        <v>52.184605010166003</v>
      </c>
      <c r="J11710" t="s">
        <v>67395</v>
      </c>
    </row>
    <row r="11711" spans="1:10" x14ac:dyDescent="0.25">
      <c r="A11711" t="s">
        <v>11715</v>
      </c>
      <c r="B11711" t="s">
        <v>11716</v>
      </c>
      <c r="C11711" t="s">
        <v>11717</v>
      </c>
      <c r="D11711" t="s">
        <v>11713</v>
      </c>
      <c r="E11711" t="s">
        <v>13</v>
      </c>
      <c r="F11711">
        <v>2371</v>
      </c>
      <c r="G11711" t="s">
        <v>11718</v>
      </c>
      <c r="H11711">
        <v>6.130639040008</v>
      </c>
      <c r="I11711">
        <v>52.195685056229998</v>
      </c>
      <c r="J11711" t="s">
        <v>67396</v>
      </c>
    </row>
    <row r="11712" spans="1:10" x14ac:dyDescent="0.25">
      <c r="A11712" t="s">
        <v>11710</v>
      </c>
      <c r="B11712" t="s">
        <v>11711</v>
      </c>
      <c r="C11712" t="s">
        <v>11712</v>
      </c>
      <c r="D11712" t="s">
        <v>11713</v>
      </c>
      <c r="E11712" t="s">
        <v>13</v>
      </c>
      <c r="F11712">
        <v>2370</v>
      </c>
      <c r="G11712" t="s">
        <v>11714</v>
      </c>
      <c r="H11712">
        <v>6.1419589175020004</v>
      </c>
      <c r="I11712">
        <v>52.170811141084997</v>
      </c>
      <c r="J11712" t="s">
        <v>67397</v>
      </c>
    </row>
    <row r="11713" spans="1:10" x14ac:dyDescent="0.25">
      <c r="A11713" t="s">
        <v>11706</v>
      </c>
      <c r="B11713" t="s">
        <v>11707</v>
      </c>
      <c r="C11713" t="s">
        <v>11708</v>
      </c>
      <c r="D11713" t="s">
        <v>11594</v>
      </c>
      <c r="E11713" t="s">
        <v>13</v>
      </c>
      <c r="F11713">
        <v>2369</v>
      </c>
      <c r="G11713" t="s">
        <v>11709</v>
      </c>
      <c r="H11713">
        <v>5.3944778549820001</v>
      </c>
      <c r="I11713">
        <v>51.859741359959997</v>
      </c>
      <c r="J11713" t="s">
        <v>67398</v>
      </c>
    </row>
    <row r="11714" spans="1:10" x14ac:dyDescent="0.25">
      <c r="A11714" t="s">
        <v>11702</v>
      </c>
      <c r="B11714" t="s">
        <v>11703</v>
      </c>
      <c r="C11714" t="s">
        <v>11704</v>
      </c>
      <c r="D11714" t="s">
        <v>11594</v>
      </c>
      <c r="E11714" t="s">
        <v>13</v>
      </c>
      <c r="F11714">
        <v>2368</v>
      </c>
      <c r="G11714" t="s">
        <v>11705</v>
      </c>
      <c r="H11714">
        <v>5.4143581826830003</v>
      </c>
      <c r="I11714">
        <v>51.860270318486002</v>
      </c>
      <c r="J11714" t="s">
        <v>67399</v>
      </c>
    </row>
    <row r="11715" spans="1:10" x14ac:dyDescent="0.25">
      <c r="A11715" t="s">
        <v>11698</v>
      </c>
      <c r="B11715" t="s">
        <v>11699</v>
      </c>
      <c r="C11715" t="s">
        <v>11700</v>
      </c>
      <c r="D11715" t="s">
        <v>11594</v>
      </c>
      <c r="E11715" t="s">
        <v>13</v>
      </c>
      <c r="F11715">
        <v>2367</v>
      </c>
      <c r="G11715" t="s">
        <v>11701</v>
      </c>
      <c r="H11715">
        <v>5.4157370533489999</v>
      </c>
      <c r="I11715">
        <v>51.870350004507998</v>
      </c>
      <c r="J11715" t="s">
        <v>67400</v>
      </c>
    </row>
    <row r="11716" spans="1:10" x14ac:dyDescent="0.25">
      <c r="A11716" t="s">
        <v>11694</v>
      </c>
      <c r="B11716" t="s">
        <v>11695</v>
      </c>
      <c r="C11716" t="s">
        <v>11696</v>
      </c>
      <c r="D11716" t="s">
        <v>11594</v>
      </c>
      <c r="E11716" t="s">
        <v>13</v>
      </c>
      <c r="F11716">
        <v>2366</v>
      </c>
      <c r="G11716" t="s">
        <v>11697</v>
      </c>
      <c r="H11716">
        <v>5.4025423420349998</v>
      </c>
      <c r="I11716">
        <v>51.867698161580002</v>
      </c>
      <c r="J11716" t="s">
        <v>67401</v>
      </c>
    </row>
    <row r="11717" spans="1:10" x14ac:dyDescent="0.25">
      <c r="A11717" t="s">
        <v>11690</v>
      </c>
      <c r="B11717" t="s">
        <v>11691</v>
      </c>
      <c r="C11717" t="s">
        <v>11692</v>
      </c>
      <c r="D11717" t="s">
        <v>11594</v>
      </c>
      <c r="E11717" t="s">
        <v>13</v>
      </c>
      <c r="F11717">
        <v>2365</v>
      </c>
      <c r="G11717" t="s">
        <v>11693</v>
      </c>
      <c r="H11717">
        <v>5.3916174252570004</v>
      </c>
      <c r="I11717">
        <v>51.86878943872</v>
      </c>
      <c r="J11717" t="s">
        <v>67402</v>
      </c>
    </row>
    <row r="11718" spans="1:10" x14ac:dyDescent="0.25">
      <c r="A11718" t="s">
        <v>11686</v>
      </c>
      <c r="B11718" t="s">
        <v>11687</v>
      </c>
      <c r="C11718" t="s">
        <v>11688</v>
      </c>
      <c r="D11718" t="s">
        <v>11594</v>
      </c>
      <c r="E11718" t="s">
        <v>13</v>
      </c>
      <c r="F11718">
        <v>2364</v>
      </c>
      <c r="G11718" t="s">
        <v>11689</v>
      </c>
      <c r="H11718">
        <v>5.4074956479700003</v>
      </c>
      <c r="I11718">
        <v>51.873856737921002</v>
      </c>
      <c r="J11718" t="s">
        <v>67403</v>
      </c>
    </row>
    <row r="11719" spans="1:10" x14ac:dyDescent="0.25">
      <c r="A11719" t="s">
        <v>11682</v>
      </c>
      <c r="B11719" t="s">
        <v>11683</v>
      </c>
      <c r="C11719" t="s">
        <v>11684</v>
      </c>
      <c r="D11719" t="s">
        <v>11594</v>
      </c>
      <c r="E11719" t="s">
        <v>13</v>
      </c>
      <c r="F11719">
        <v>2363</v>
      </c>
      <c r="G11719" t="s">
        <v>11685</v>
      </c>
      <c r="H11719">
        <v>5.39673092545</v>
      </c>
      <c r="I11719">
        <v>51.873152354280002</v>
      </c>
      <c r="J11719" t="s">
        <v>67404</v>
      </c>
    </row>
    <row r="11720" spans="1:10" x14ac:dyDescent="0.25">
      <c r="A11720" t="s">
        <v>11678</v>
      </c>
      <c r="B11720" t="s">
        <v>11679</v>
      </c>
      <c r="C11720" t="s">
        <v>11680</v>
      </c>
      <c r="D11720" t="s">
        <v>11594</v>
      </c>
      <c r="E11720" t="s">
        <v>13</v>
      </c>
      <c r="F11720">
        <v>2362</v>
      </c>
      <c r="G11720" t="s">
        <v>11681</v>
      </c>
      <c r="H11720">
        <v>5.3543500174809999</v>
      </c>
      <c r="I11720">
        <v>51.866401319424</v>
      </c>
      <c r="J11720" t="s">
        <v>67405</v>
      </c>
    </row>
    <row r="11721" spans="1:10" x14ac:dyDescent="0.25">
      <c r="A11721" t="s">
        <v>11674</v>
      </c>
      <c r="B11721" t="s">
        <v>11675</v>
      </c>
      <c r="C11721" t="s">
        <v>11676</v>
      </c>
      <c r="D11721" t="s">
        <v>11594</v>
      </c>
      <c r="E11721" t="s">
        <v>13</v>
      </c>
      <c r="F11721">
        <v>2361</v>
      </c>
      <c r="G11721" t="s">
        <v>11677</v>
      </c>
      <c r="H11721">
        <v>5.3903943119360003</v>
      </c>
      <c r="I11721">
        <v>51.887359724352002</v>
      </c>
      <c r="J11721" t="s">
        <v>67406</v>
      </c>
    </row>
    <row r="11722" spans="1:10" x14ac:dyDescent="0.25">
      <c r="A11722" t="s">
        <v>11670</v>
      </c>
      <c r="B11722" t="s">
        <v>11671</v>
      </c>
      <c r="C11722" t="s">
        <v>11672</v>
      </c>
      <c r="D11722" t="s">
        <v>11594</v>
      </c>
      <c r="E11722" t="s">
        <v>13</v>
      </c>
      <c r="F11722">
        <v>2360</v>
      </c>
      <c r="G11722" t="s">
        <v>11673</v>
      </c>
      <c r="H11722">
        <v>5.3735771666509997</v>
      </c>
      <c r="I11722">
        <v>51.879853014048003</v>
      </c>
      <c r="J11722" t="s">
        <v>67407</v>
      </c>
    </row>
    <row r="11723" spans="1:10" x14ac:dyDescent="0.25">
      <c r="A11723" t="s">
        <v>11666</v>
      </c>
      <c r="B11723" t="s">
        <v>11667</v>
      </c>
      <c r="C11723" t="s">
        <v>11668</v>
      </c>
      <c r="D11723" t="s">
        <v>11594</v>
      </c>
      <c r="E11723" t="s">
        <v>13</v>
      </c>
      <c r="F11723">
        <v>2359</v>
      </c>
      <c r="G11723" t="s">
        <v>11669</v>
      </c>
      <c r="H11723">
        <v>5.3738084657140002</v>
      </c>
      <c r="I11723">
        <v>51.873372901689997</v>
      </c>
      <c r="J11723" t="s">
        <v>67408</v>
      </c>
    </row>
    <row r="11724" spans="1:10" x14ac:dyDescent="0.25">
      <c r="A11724" t="s">
        <v>11662</v>
      </c>
      <c r="B11724" t="s">
        <v>11663</v>
      </c>
      <c r="C11724" t="s">
        <v>11664</v>
      </c>
      <c r="D11724" t="s">
        <v>11594</v>
      </c>
      <c r="E11724" t="s">
        <v>13</v>
      </c>
      <c r="F11724">
        <v>2358</v>
      </c>
      <c r="G11724" t="s">
        <v>11665</v>
      </c>
      <c r="H11724">
        <v>5.4371118024909997</v>
      </c>
      <c r="I11724">
        <v>51.909597656848</v>
      </c>
      <c r="J11724" t="s">
        <v>67409</v>
      </c>
    </row>
    <row r="11725" spans="1:10" x14ac:dyDescent="0.25">
      <c r="A11725" t="s">
        <v>11658</v>
      </c>
      <c r="B11725" t="s">
        <v>11659</v>
      </c>
      <c r="C11725" t="s">
        <v>11660</v>
      </c>
      <c r="D11725" t="s">
        <v>11594</v>
      </c>
      <c r="E11725" t="s">
        <v>13</v>
      </c>
      <c r="F11725">
        <v>2357</v>
      </c>
      <c r="G11725" t="s">
        <v>11661</v>
      </c>
      <c r="H11725">
        <v>5.4168589372660003</v>
      </c>
      <c r="I11725">
        <v>51.905890185735998</v>
      </c>
      <c r="J11725" t="s">
        <v>67410</v>
      </c>
    </row>
    <row r="11726" spans="1:10" x14ac:dyDescent="0.25">
      <c r="A11726" t="s">
        <v>11654</v>
      </c>
      <c r="B11726" t="s">
        <v>11655</v>
      </c>
      <c r="C11726" t="s">
        <v>11656</v>
      </c>
      <c r="D11726" t="s">
        <v>11594</v>
      </c>
      <c r="E11726" t="s">
        <v>13</v>
      </c>
      <c r="F11726">
        <v>2356</v>
      </c>
      <c r="G11726" t="s">
        <v>11657</v>
      </c>
      <c r="H11726">
        <v>5.4561280086400004</v>
      </c>
      <c r="I11726">
        <v>51.914070679082002</v>
      </c>
      <c r="J11726" t="s">
        <v>67411</v>
      </c>
    </row>
    <row r="11727" spans="1:10" x14ac:dyDescent="0.25">
      <c r="A11727" t="s">
        <v>11650</v>
      </c>
      <c r="B11727" t="s">
        <v>11651</v>
      </c>
      <c r="C11727" t="s">
        <v>11652</v>
      </c>
      <c r="D11727" t="s">
        <v>11594</v>
      </c>
      <c r="E11727" t="s">
        <v>13</v>
      </c>
      <c r="F11727">
        <v>2355</v>
      </c>
      <c r="G11727" t="s">
        <v>11653</v>
      </c>
      <c r="H11727">
        <v>5.4108338345740004</v>
      </c>
      <c r="I11727">
        <v>51.896883927829997</v>
      </c>
      <c r="J11727" t="s">
        <v>67412</v>
      </c>
    </row>
    <row r="11728" spans="1:10" x14ac:dyDescent="0.25">
      <c r="A11728" t="s">
        <v>11646</v>
      </c>
      <c r="B11728" t="s">
        <v>11647</v>
      </c>
      <c r="C11728" t="s">
        <v>11648</v>
      </c>
      <c r="D11728" t="s">
        <v>11594</v>
      </c>
      <c r="E11728" t="s">
        <v>13</v>
      </c>
      <c r="F11728">
        <v>2354</v>
      </c>
      <c r="G11728" t="s">
        <v>11649</v>
      </c>
      <c r="H11728">
        <v>5.4075278865480003</v>
      </c>
      <c r="I11728">
        <v>51.888126658449004</v>
      </c>
      <c r="J11728" t="s">
        <v>67413</v>
      </c>
    </row>
    <row r="11729" spans="1:10" x14ac:dyDescent="0.25">
      <c r="A11729" t="s">
        <v>11642</v>
      </c>
      <c r="B11729" t="s">
        <v>11643</v>
      </c>
      <c r="C11729" t="s">
        <v>11644</v>
      </c>
      <c r="D11729" t="s">
        <v>11594</v>
      </c>
      <c r="E11729" t="s">
        <v>13</v>
      </c>
      <c r="F11729">
        <v>2353</v>
      </c>
      <c r="G11729" t="s">
        <v>11645</v>
      </c>
      <c r="H11729">
        <v>5.3989487911060001</v>
      </c>
      <c r="I11729">
        <v>51.884976518496003</v>
      </c>
      <c r="J11729" t="s">
        <v>67414</v>
      </c>
    </row>
    <row r="11730" spans="1:10" x14ac:dyDescent="0.25">
      <c r="A11730" t="s">
        <v>11638</v>
      </c>
      <c r="B11730" t="s">
        <v>11639</v>
      </c>
      <c r="C11730" t="s">
        <v>11640</v>
      </c>
      <c r="D11730" t="s">
        <v>11594</v>
      </c>
      <c r="E11730" t="s">
        <v>13</v>
      </c>
      <c r="F11730">
        <v>2352</v>
      </c>
      <c r="G11730" t="s">
        <v>11641</v>
      </c>
      <c r="H11730">
        <v>5.4333892605539997</v>
      </c>
      <c r="I11730">
        <v>51.898282326848999</v>
      </c>
      <c r="J11730" t="s">
        <v>67415</v>
      </c>
    </row>
    <row r="11731" spans="1:10" x14ac:dyDescent="0.25">
      <c r="A11731" t="s">
        <v>11634</v>
      </c>
      <c r="B11731" t="s">
        <v>11635</v>
      </c>
      <c r="C11731" t="s">
        <v>11636</v>
      </c>
      <c r="D11731" t="s">
        <v>11594</v>
      </c>
      <c r="E11731" t="s">
        <v>13</v>
      </c>
      <c r="F11731">
        <v>2351</v>
      </c>
      <c r="G11731" t="s">
        <v>11637</v>
      </c>
      <c r="H11731">
        <v>5.4192370422060003</v>
      </c>
      <c r="I11731">
        <v>51.893347650902001</v>
      </c>
      <c r="J11731" t="s">
        <v>67416</v>
      </c>
    </row>
    <row r="11732" spans="1:10" x14ac:dyDescent="0.25">
      <c r="A11732" t="s">
        <v>11630</v>
      </c>
      <c r="B11732" t="s">
        <v>11631</v>
      </c>
      <c r="C11732" t="s">
        <v>11632</v>
      </c>
      <c r="D11732" t="s">
        <v>11594</v>
      </c>
      <c r="E11732" t="s">
        <v>13</v>
      </c>
      <c r="F11732">
        <v>2350</v>
      </c>
      <c r="G11732" t="s">
        <v>11633</v>
      </c>
      <c r="H11732">
        <v>5.4088405853969999</v>
      </c>
      <c r="I11732">
        <v>51.87819314019</v>
      </c>
      <c r="J11732" t="s">
        <v>67417</v>
      </c>
    </row>
    <row r="11733" spans="1:10" x14ac:dyDescent="0.25">
      <c r="A11733" t="s">
        <v>11626</v>
      </c>
      <c r="B11733" t="s">
        <v>11627</v>
      </c>
      <c r="C11733" t="s">
        <v>11628</v>
      </c>
      <c r="D11733" t="s">
        <v>11594</v>
      </c>
      <c r="E11733" t="s">
        <v>13</v>
      </c>
      <c r="F11733">
        <v>2349</v>
      </c>
      <c r="G11733" t="s">
        <v>11629</v>
      </c>
      <c r="H11733">
        <v>5.41490153172</v>
      </c>
      <c r="I11733">
        <v>51.882168830634001</v>
      </c>
      <c r="J11733" t="s">
        <v>67418</v>
      </c>
    </row>
    <row r="11734" spans="1:10" x14ac:dyDescent="0.25">
      <c r="A11734" t="s">
        <v>11622</v>
      </c>
      <c r="B11734" t="s">
        <v>11623</v>
      </c>
      <c r="C11734" t="s">
        <v>11624</v>
      </c>
      <c r="D11734" t="s">
        <v>11594</v>
      </c>
      <c r="E11734" t="s">
        <v>13</v>
      </c>
      <c r="F11734">
        <v>2348</v>
      </c>
      <c r="G11734" t="s">
        <v>11625</v>
      </c>
      <c r="H11734">
        <v>5.4511528146590003</v>
      </c>
      <c r="I11734">
        <v>51.893261847712999</v>
      </c>
      <c r="J11734" t="s">
        <v>67419</v>
      </c>
    </row>
    <row r="11735" spans="1:10" x14ac:dyDescent="0.25">
      <c r="A11735" t="s">
        <v>11618</v>
      </c>
      <c r="B11735" t="s">
        <v>11619</v>
      </c>
      <c r="C11735" t="s">
        <v>11620</v>
      </c>
      <c r="D11735" t="s">
        <v>11594</v>
      </c>
      <c r="E11735" t="s">
        <v>13</v>
      </c>
      <c r="F11735">
        <v>2347</v>
      </c>
      <c r="G11735" t="s">
        <v>11621</v>
      </c>
      <c r="H11735">
        <v>5.4426315771580001</v>
      </c>
      <c r="I11735">
        <v>51.895960949328</v>
      </c>
      <c r="J11735" t="s">
        <v>67420</v>
      </c>
    </row>
    <row r="11736" spans="1:10" x14ac:dyDescent="0.25">
      <c r="A11736" t="s">
        <v>11614</v>
      </c>
      <c r="B11736" t="s">
        <v>11615</v>
      </c>
      <c r="C11736" t="s">
        <v>11616</v>
      </c>
      <c r="D11736" t="s">
        <v>11594</v>
      </c>
      <c r="E11736" t="s">
        <v>13</v>
      </c>
      <c r="F11736">
        <v>2346</v>
      </c>
      <c r="G11736" t="s">
        <v>11617</v>
      </c>
      <c r="H11736">
        <v>5.4350521058550001</v>
      </c>
      <c r="I11736">
        <v>51.893895521989997</v>
      </c>
      <c r="J11736" t="s">
        <v>67421</v>
      </c>
    </row>
    <row r="11737" spans="1:10" x14ac:dyDescent="0.25">
      <c r="A11737" t="s">
        <v>11610</v>
      </c>
      <c r="B11737" t="s">
        <v>11611</v>
      </c>
      <c r="C11737" t="s">
        <v>11612</v>
      </c>
      <c r="D11737" t="s">
        <v>11594</v>
      </c>
      <c r="E11737" t="s">
        <v>13</v>
      </c>
      <c r="F11737">
        <v>2345</v>
      </c>
      <c r="G11737" t="s">
        <v>11613</v>
      </c>
      <c r="H11737">
        <v>5.4335544896480004</v>
      </c>
      <c r="I11737">
        <v>51.890904488281002</v>
      </c>
      <c r="J11737" t="s">
        <v>67422</v>
      </c>
    </row>
    <row r="11738" spans="1:10" x14ac:dyDescent="0.25">
      <c r="A11738" t="s">
        <v>11607</v>
      </c>
      <c r="B11738" t="s">
        <v>11608</v>
      </c>
      <c r="C11738" t="s">
        <v>4780</v>
      </c>
      <c r="D11738" t="s">
        <v>11594</v>
      </c>
      <c r="E11738" t="s">
        <v>13</v>
      </c>
      <c r="F11738">
        <v>2344</v>
      </c>
      <c r="G11738" t="s">
        <v>11609</v>
      </c>
      <c r="H11738">
        <v>5.4247502148529998</v>
      </c>
      <c r="I11738">
        <v>51.888473997227003</v>
      </c>
      <c r="J11738" t="s">
        <v>67423</v>
      </c>
    </row>
    <row r="11739" spans="1:10" x14ac:dyDescent="0.25">
      <c r="A11739" t="s">
        <v>11604</v>
      </c>
      <c r="B11739" t="s">
        <v>11605</v>
      </c>
      <c r="C11739" t="s">
        <v>3421</v>
      </c>
      <c r="D11739" t="s">
        <v>11594</v>
      </c>
      <c r="E11739" t="s">
        <v>13</v>
      </c>
      <c r="F11739">
        <v>2343</v>
      </c>
      <c r="G11739" t="s">
        <v>11606</v>
      </c>
      <c r="H11739">
        <v>5.4237074455099998</v>
      </c>
      <c r="I11739">
        <v>51.883908729889001</v>
      </c>
      <c r="J11739" t="s">
        <v>67424</v>
      </c>
    </row>
    <row r="11740" spans="1:10" x14ac:dyDescent="0.25">
      <c r="A11740" t="s">
        <v>11600</v>
      </c>
      <c r="B11740" t="s">
        <v>11601</v>
      </c>
      <c r="C11740" t="s">
        <v>11602</v>
      </c>
      <c r="D11740" t="s">
        <v>11594</v>
      </c>
      <c r="E11740" t="s">
        <v>13</v>
      </c>
      <c r="F11740">
        <v>2342</v>
      </c>
      <c r="G11740" t="s">
        <v>11603</v>
      </c>
      <c r="H11740">
        <v>5.4286508025720002</v>
      </c>
      <c r="I11740">
        <v>51.879872852984001</v>
      </c>
      <c r="J11740" t="s">
        <v>67425</v>
      </c>
    </row>
    <row r="11741" spans="1:10" x14ac:dyDescent="0.25">
      <c r="A11741" t="s">
        <v>11596</v>
      </c>
      <c r="B11741" t="s">
        <v>11597</v>
      </c>
      <c r="C11741" t="s">
        <v>11598</v>
      </c>
      <c r="D11741" t="s">
        <v>11594</v>
      </c>
      <c r="E11741" t="s">
        <v>13</v>
      </c>
      <c r="F11741">
        <v>2341</v>
      </c>
      <c r="G11741" t="s">
        <v>11599</v>
      </c>
      <c r="H11741">
        <v>5.4358966839980001</v>
      </c>
      <c r="I11741">
        <v>51.883497867437001</v>
      </c>
      <c r="J11741" t="s">
        <v>67426</v>
      </c>
    </row>
    <row r="11742" spans="1:10" x14ac:dyDescent="0.25">
      <c r="A11742" t="s">
        <v>11592</v>
      </c>
      <c r="B11742" t="s">
        <v>11593</v>
      </c>
      <c r="C11742" t="s">
        <v>2874</v>
      </c>
      <c r="D11742" t="s">
        <v>11594</v>
      </c>
      <c r="E11742" t="s">
        <v>13</v>
      </c>
      <c r="F11742">
        <v>2340</v>
      </c>
      <c r="G11742" t="s">
        <v>11595</v>
      </c>
      <c r="H11742">
        <v>5.4353495748559997</v>
      </c>
      <c r="I11742">
        <v>51.886932977674</v>
      </c>
      <c r="J11742" t="s">
        <v>67427</v>
      </c>
    </row>
    <row r="11743" spans="1:10" x14ac:dyDescent="0.25">
      <c r="A11743" t="s">
        <v>11588</v>
      </c>
      <c r="B11743" t="s">
        <v>11589</v>
      </c>
      <c r="C11743" t="s">
        <v>11590</v>
      </c>
      <c r="D11743" t="s">
        <v>11582</v>
      </c>
      <c r="E11743" t="s">
        <v>13</v>
      </c>
      <c r="F11743">
        <v>2339</v>
      </c>
      <c r="G11743" t="s">
        <v>11591</v>
      </c>
      <c r="H11743">
        <v>5.5072571187039996</v>
      </c>
      <c r="I11743">
        <v>52.093616238606998</v>
      </c>
      <c r="J11743" t="s">
        <v>67428</v>
      </c>
    </row>
    <row r="11744" spans="1:10" x14ac:dyDescent="0.25">
      <c r="A11744" t="s">
        <v>11584</v>
      </c>
      <c r="B11744" t="s">
        <v>11585</v>
      </c>
      <c r="C11744" t="s">
        <v>11586</v>
      </c>
      <c r="D11744" t="s">
        <v>11582</v>
      </c>
      <c r="E11744" t="s">
        <v>13</v>
      </c>
      <c r="F11744">
        <v>2338</v>
      </c>
      <c r="G11744" t="s">
        <v>11587</v>
      </c>
      <c r="H11744">
        <v>5.4825716733079997</v>
      </c>
      <c r="I11744">
        <v>52.075098814278</v>
      </c>
      <c r="J11744" t="s">
        <v>67429</v>
      </c>
    </row>
    <row r="11745" spans="1:10" x14ac:dyDescent="0.25">
      <c r="A11745" t="s">
        <v>11580</v>
      </c>
      <c r="B11745" t="s">
        <v>11581</v>
      </c>
      <c r="C11745" t="s">
        <v>6377</v>
      </c>
      <c r="D11745" t="s">
        <v>11582</v>
      </c>
      <c r="E11745" t="s">
        <v>13</v>
      </c>
      <c r="F11745">
        <v>2337</v>
      </c>
      <c r="G11745" t="s">
        <v>11583</v>
      </c>
      <c r="H11745">
        <v>5.4844471093929998</v>
      </c>
      <c r="I11745">
        <v>52.080889024695999</v>
      </c>
      <c r="J11745" t="s">
        <v>67430</v>
      </c>
    </row>
    <row r="11746" spans="1:10" x14ac:dyDescent="0.25">
      <c r="A11746" t="s">
        <v>11576</v>
      </c>
      <c r="B11746" t="s">
        <v>11577</v>
      </c>
      <c r="C11746" t="s">
        <v>11578</v>
      </c>
      <c r="D11746" t="s">
        <v>11574</v>
      </c>
      <c r="E11746" t="s">
        <v>13</v>
      </c>
      <c r="F11746">
        <v>2336</v>
      </c>
      <c r="G11746" t="s">
        <v>11579</v>
      </c>
      <c r="H11746">
        <v>5.968140922281</v>
      </c>
      <c r="I11746">
        <v>52.044198689620998</v>
      </c>
      <c r="J11746" t="s">
        <v>67431</v>
      </c>
    </row>
    <row r="11747" spans="1:10" x14ac:dyDescent="0.25">
      <c r="A11747" t="s">
        <v>11571</v>
      </c>
      <c r="B11747" t="s">
        <v>11572</v>
      </c>
      <c r="C11747" t="s">
        <v>11573</v>
      </c>
      <c r="D11747" t="s">
        <v>11574</v>
      </c>
      <c r="E11747" t="s">
        <v>13</v>
      </c>
      <c r="F11747">
        <v>2335</v>
      </c>
      <c r="G11747" t="s">
        <v>11575</v>
      </c>
      <c r="H11747">
        <v>5.9635441867610002</v>
      </c>
      <c r="I11747">
        <v>52.004760056415002</v>
      </c>
      <c r="J11747" t="s">
        <v>67432</v>
      </c>
    </row>
    <row r="11748" spans="1:10" x14ac:dyDescent="0.25">
      <c r="A11748" t="s">
        <v>11567</v>
      </c>
      <c r="B11748" t="s">
        <v>11568</v>
      </c>
      <c r="C11748" t="s">
        <v>11569</v>
      </c>
      <c r="D11748" t="s">
        <v>11481</v>
      </c>
      <c r="E11748" t="s">
        <v>13</v>
      </c>
      <c r="F11748">
        <v>2334</v>
      </c>
      <c r="G11748" t="s">
        <v>11570</v>
      </c>
      <c r="H11748">
        <v>5.9960531308349996</v>
      </c>
      <c r="I11748">
        <v>51.989084246296997</v>
      </c>
      <c r="J11748" t="s">
        <v>67433</v>
      </c>
    </row>
    <row r="11749" spans="1:10" x14ac:dyDescent="0.25">
      <c r="A11749" t="s">
        <v>11563</v>
      </c>
      <c r="B11749" t="s">
        <v>11564</v>
      </c>
      <c r="C11749" t="s">
        <v>11565</v>
      </c>
      <c r="D11749" t="s">
        <v>11481</v>
      </c>
      <c r="E11749" t="s">
        <v>13</v>
      </c>
      <c r="F11749">
        <v>2333</v>
      </c>
      <c r="G11749" t="s">
        <v>11566</v>
      </c>
      <c r="H11749">
        <v>5.9926463893569997</v>
      </c>
      <c r="I11749">
        <v>52.013848376923001</v>
      </c>
      <c r="J11749" t="s">
        <v>67434</v>
      </c>
    </row>
    <row r="11750" spans="1:10" x14ac:dyDescent="0.25">
      <c r="A11750" t="s">
        <v>11559</v>
      </c>
      <c r="B11750" t="s">
        <v>11560</v>
      </c>
      <c r="C11750" t="s">
        <v>11561</v>
      </c>
      <c r="D11750" t="s">
        <v>11481</v>
      </c>
      <c r="E11750" t="s">
        <v>13</v>
      </c>
      <c r="F11750">
        <v>2332</v>
      </c>
      <c r="G11750" t="s">
        <v>11562</v>
      </c>
      <c r="H11750">
        <v>5.9823221786629999</v>
      </c>
      <c r="I11750">
        <v>51.986711540778003</v>
      </c>
      <c r="J11750" t="s">
        <v>67435</v>
      </c>
    </row>
    <row r="11751" spans="1:10" x14ac:dyDescent="0.25">
      <c r="A11751" t="s">
        <v>11555</v>
      </c>
      <c r="B11751" t="s">
        <v>11556</v>
      </c>
      <c r="C11751" t="s">
        <v>11557</v>
      </c>
      <c r="D11751" t="s">
        <v>11481</v>
      </c>
      <c r="E11751" t="s">
        <v>13</v>
      </c>
      <c r="F11751">
        <v>2331</v>
      </c>
      <c r="G11751" t="s">
        <v>11558</v>
      </c>
      <c r="H11751">
        <v>5.9722346602379996</v>
      </c>
      <c r="I11751">
        <v>51.991095503865999</v>
      </c>
      <c r="J11751" t="s">
        <v>67436</v>
      </c>
    </row>
    <row r="11752" spans="1:10" x14ac:dyDescent="0.25">
      <c r="A11752" t="s">
        <v>11551</v>
      </c>
      <c r="B11752" t="s">
        <v>11552</v>
      </c>
      <c r="C11752" t="s">
        <v>11553</v>
      </c>
      <c r="D11752" t="s">
        <v>11481</v>
      </c>
      <c r="E11752" t="s">
        <v>13</v>
      </c>
      <c r="F11752">
        <v>2330</v>
      </c>
      <c r="G11752" t="s">
        <v>11554</v>
      </c>
      <c r="H11752">
        <v>5.9743671647800003</v>
      </c>
      <c r="I11752">
        <v>52.000535944959999</v>
      </c>
      <c r="J11752" t="s">
        <v>67437</v>
      </c>
    </row>
    <row r="11753" spans="1:10" x14ac:dyDescent="0.25">
      <c r="A11753" t="s">
        <v>11547</v>
      </c>
      <c r="B11753" t="s">
        <v>11548</v>
      </c>
      <c r="C11753" t="s">
        <v>11549</v>
      </c>
      <c r="D11753" t="s">
        <v>11481</v>
      </c>
      <c r="E11753" t="s">
        <v>13</v>
      </c>
      <c r="F11753">
        <v>2329</v>
      </c>
      <c r="G11753" t="s">
        <v>11550</v>
      </c>
      <c r="H11753">
        <v>6.0889157472970004</v>
      </c>
      <c r="I11753">
        <v>52.010095260949001</v>
      </c>
      <c r="J11753" t="s">
        <v>67438</v>
      </c>
    </row>
    <row r="11754" spans="1:10" x14ac:dyDescent="0.25">
      <c r="A11754" t="s">
        <v>11543</v>
      </c>
      <c r="B11754" t="s">
        <v>11544</v>
      </c>
      <c r="C11754" t="s">
        <v>11545</v>
      </c>
      <c r="D11754" t="s">
        <v>11481</v>
      </c>
      <c r="E11754" t="s">
        <v>13</v>
      </c>
      <c r="F11754">
        <v>2328</v>
      </c>
      <c r="G11754" t="s">
        <v>11546</v>
      </c>
      <c r="H11754">
        <v>6.0096808511740001</v>
      </c>
      <c r="I11754">
        <v>52.035166899262997</v>
      </c>
      <c r="J11754" t="s">
        <v>67439</v>
      </c>
    </row>
    <row r="11755" spans="1:10" x14ac:dyDescent="0.25">
      <c r="A11755" t="s">
        <v>11539</v>
      </c>
      <c r="B11755" t="s">
        <v>11540</v>
      </c>
      <c r="C11755" t="s">
        <v>11541</v>
      </c>
      <c r="D11755" t="s">
        <v>11481</v>
      </c>
      <c r="E11755" t="s">
        <v>13</v>
      </c>
      <c r="F11755">
        <v>2327</v>
      </c>
      <c r="G11755" t="s">
        <v>11542</v>
      </c>
      <c r="H11755">
        <v>6.0478255474629998</v>
      </c>
      <c r="I11755">
        <v>52.036704037424002</v>
      </c>
      <c r="J11755" t="s">
        <v>67440</v>
      </c>
    </row>
    <row r="11756" spans="1:10" x14ac:dyDescent="0.25">
      <c r="A11756" t="s">
        <v>11535</v>
      </c>
      <c r="B11756" t="s">
        <v>11536</v>
      </c>
      <c r="C11756" t="s">
        <v>11537</v>
      </c>
      <c r="D11756" t="s">
        <v>11481</v>
      </c>
      <c r="E11756" t="s">
        <v>13</v>
      </c>
      <c r="F11756">
        <v>2326</v>
      </c>
      <c r="G11756" t="s">
        <v>11538</v>
      </c>
      <c r="H11756">
        <v>6.0580981038159996</v>
      </c>
      <c r="I11756">
        <v>52.018986706729997</v>
      </c>
      <c r="J11756" t="s">
        <v>67441</v>
      </c>
    </row>
    <row r="11757" spans="1:10" x14ac:dyDescent="0.25">
      <c r="A11757" t="s">
        <v>11531</v>
      </c>
      <c r="B11757" t="s">
        <v>11532</v>
      </c>
      <c r="C11757" t="s">
        <v>11533</v>
      </c>
      <c r="D11757" t="s">
        <v>11481</v>
      </c>
      <c r="E11757" t="s">
        <v>13</v>
      </c>
      <c r="F11757">
        <v>2325</v>
      </c>
      <c r="G11757" t="s">
        <v>11534</v>
      </c>
      <c r="H11757">
        <v>6.0285529194010001</v>
      </c>
      <c r="I11757">
        <v>52.013063201336003</v>
      </c>
      <c r="J11757" t="s">
        <v>67442</v>
      </c>
    </row>
    <row r="11758" spans="1:10" x14ac:dyDescent="0.25">
      <c r="A11758" t="s">
        <v>11527</v>
      </c>
      <c r="B11758" t="s">
        <v>11528</v>
      </c>
      <c r="C11758" t="s">
        <v>11529</v>
      </c>
      <c r="D11758" t="s">
        <v>11481</v>
      </c>
      <c r="E11758" t="s">
        <v>13</v>
      </c>
      <c r="F11758">
        <v>2324</v>
      </c>
      <c r="G11758" t="s">
        <v>11530</v>
      </c>
      <c r="H11758">
        <v>6.013178242655</v>
      </c>
      <c r="I11758">
        <v>52.000847341407002</v>
      </c>
      <c r="J11758" t="s">
        <v>67443</v>
      </c>
    </row>
    <row r="11759" spans="1:10" x14ac:dyDescent="0.25">
      <c r="A11759" t="s">
        <v>11523</v>
      </c>
      <c r="B11759" t="s">
        <v>11524</v>
      </c>
      <c r="C11759" t="s">
        <v>11525</v>
      </c>
      <c r="D11759" t="s">
        <v>11481</v>
      </c>
      <c r="E11759" t="s">
        <v>13</v>
      </c>
      <c r="F11759">
        <v>2323</v>
      </c>
      <c r="G11759" t="s">
        <v>11526</v>
      </c>
      <c r="H11759">
        <v>6.0324922680390003</v>
      </c>
      <c r="I11759">
        <v>52.005543825163997</v>
      </c>
      <c r="J11759" t="s">
        <v>67444</v>
      </c>
    </row>
    <row r="11760" spans="1:10" x14ac:dyDescent="0.25">
      <c r="A11760" t="s">
        <v>11519</v>
      </c>
      <c r="B11760" t="s">
        <v>11520</v>
      </c>
      <c r="C11760" t="s">
        <v>11521</v>
      </c>
      <c r="D11760" t="s">
        <v>11481</v>
      </c>
      <c r="E11760" t="s">
        <v>13</v>
      </c>
      <c r="F11760">
        <v>2322</v>
      </c>
      <c r="G11760" t="s">
        <v>11522</v>
      </c>
      <c r="H11760">
        <v>6.0662593500739996</v>
      </c>
      <c r="I11760">
        <v>52.052425008802999</v>
      </c>
      <c r="J11760" t="s">
        <v>67445</v>
      </c>
    </row>
    <row r="11761" spans="1:10" x14ac:dyDescent="0.25">
      <c r="A11761" t="s">
        <v>11515</v>
      </c>
      <c r="B11761" t="s">
        <v>11516</v>
      </c>
      <c r="C11761" t="s">
        <v>11517</v>
      </c>
      <c r="D11761" t="s">
        <v>11481</v>
      </c>
      <c r="E11761" t="s">
        <v>13</v>
      </c>
      <c r="F11761">
        <v>2321</v>
      </c>
      <c r="G11761" t="s">
        <v>11518</v>
      </c>
      <c r="H11761">
        <v>6.0736236128319998</v>
      </c>
      <c r="I11761">
        <v>52.040655292167003</v>
      </c>
      <c r="J11761" t="s">
        <v>67446</v>
      </c>
    </row>
    <row r="11762" spans="1:10" x14ac:dyDescent="0.25">
      <c r="A11762" t="s">
        <v>11511</v>
      </c>
      <c r="B11762" t="s">
        <v>11512</v>
      </c>
      <c r="C11762" t="s">
        <v>11513</v>
      </c>
      <c r="D11762" t="s">
        <v>11481</v>
      </c>
      <c r="E11762" t="s">
        <v>13</v>
      </c>
      <c r="F11762">
        <v>2320</v>
      </c>
      <c r="G11762" t="s">
        <v>11514</v>
      </c>
      <c r="H11762">
        <v>6.1117428454749998</v>
      </c>
      <c r="I11762">
        <v>52.022307541947001</v>
      </c>
      <c r="J11762" t="s">
        <v>67447</v>
      </c>
    </row>
    <row r="11763" spans="1:10" x14ac:dyDescent="0.25">
      <c r="A11763" t="s">
        <v>11507</v>
      </c>
      <c r="B11763" t="s">
        <v>11508</v>
      </c>
      <c r="C11763" t="s">
        <v>11509</v>
      </c>
      <c r="D11763" t="s">
        <v>11481</v>
      </c>
      <c r="E11763" t="s">
        <v>13</v>
      </c>
      <c r="F11763">
        <v>2319</v>
      </c>
      <c r="G11763" t="s">
        <v>11510</v>
      </c>
      <c r="H11763">
        <v>6.1083709312550001</v>
      </c>
      <c r="I11763">
        <v>52.067573053168999</v>
      </c>
      <c r="J11763" t="s">
        <v>67448</v>
      </c>
    </row>
    <row r="11764" spans="1:10" x14ac:dyDescent="0.25">
      <c r="A11764" t="s">
        <v>11503</v>
      </c>
      <c r="B11764" t="s">
        <v>11504</v>
      </c>
      <c r="C11764" t="s">
        <v>11505</v>
      </c>
      <c r="D11764" t="s">
        <v>11481</v>
      </c>
      <c r="E11764" t="s">
        <v>13</v>
      </c>
      <c r="F11764">
        <v>2318</v>
      </c>
      <c r="G11764" t="s">
        <v>11506</v>
      </c>
      <c r="H11764">
        <v>6.0526005823820004</v>
      </c>
      <c r="I11764">
        <v>52.067968841187998</v>
      </c>
      <c r="J11764" t="s">
        <v>67449</v>
      </c>
    </row>
    <row r="11765" spans="1:10" x14ac:dyDescent="0.25">
      <c r="A11765" t="s">
        <v>11499</v>
      </c>
      <c r="B11765" t="s">
        <v>11500</v>
      </c>
      <c r="C11765" t="s">
        <v>11501</v>
      </c>
      <c r="D11765" t="s">
        <v>11481</v>
      </c>
      <c r="E11765" t="s">
        <v>13</v>
      </c>
      <c r="F11765">
        <v>2317</v>
      </c>
      <c r="G11765" t="s">
        <v>11502</v>
      </c>
      <c r="H11765">
        <v>6.0768221927860004</v>
      </c>
      <c r="I11765">
        <v>52.080677616999999</v>
      </c>
      <c r="J11765" t="s">
        <v>67450</v>
      </c>
    </row>
    <row r="11766" spans="1:10" x14ac:dyDescent="0.25">
      <c r="A11766" t="s">
        <v>11495</v>
      </c>
      <c r="B11766" t="s">
        <v>11496</v>
      </c>
      <c r="C11766" t="s">
        <v>11497</v>
      </c>
      <c r="D11766" t="s">
        <v>11481</v>
      </c>
      <c r="E11766" t="s">
        <v>13</v>
      </c>
      <c r="F11766">
        <v>2316</v>
      </c>
      <c r="G11766" t="s">
        <v>11498</v>
      </c>
      <c r="H11766">
        <v>6.0880210900389997</v>
      </c>
      <c r="I11766">
        <v>52.031979969071998</v>
      </c>
      <c r="J11766" t="s">
        <v>67451</v>
      </c>
    </row>
    <row r="11767" spans="1:10" x14ac:dyDescent="0.25">
      <c r="A11767" t="s">
        <v>11491</v>
      </c>
      <c r="B11767" t="s">
        <v>11492</v>
      </c>
      <c r="C11767" t="s">
        <v>11493</v>
      </c>
      <c r="D11767" t="s">
        <v>11481</v>
      </c>
      <c r="E11767" t="s">
        <v>13</v>
      </c>
      <c r="F11767">
        <v>2315</v>
      </c>
      <c r="G11767" t="s">
        <v>11494</v>
      </c>
      <c r="H11767">
        <v>6.115505960908</v>
      </c>
      <c r="I11767">
        <v>52.055360289027</v>
      </c>
      <c r="J11767" t="s">
        <v>67452</v>
      </c>
    </row>
    <row r="11768" spans="1:10" x14ac:dyDescent="0.25">
      <c r="A11768" t="s">
        <v>11487</v>
      </c>
      <c r="B11768" t="s">
        <v>11488</v>
      </c>
      <c r="C11768" t="s">
        <v>11489</v>
      </c>
      <c r="D11768" t="s">
        <v>11481</v>
      </c>
      <c r="E11768" t="s">
        <v>13</v>
      </c>
      <c r="F11768">
        <v>2314</v>
      </c>
      <c r="G11768" t="s">
        <v>11490</v>
      </c>
      <c r="H11768">
        <v>6.0898112719219997</v>
      </c>
      <c r="I11768">
        <v>52.050685937367</v>
      </c>
      <c r="J11768" t="s">
        <v>67453</v>
      </c>
    </row>
    <row r="11769" spans="1:10" x14ac:dyDescent="0.25">
      <c r="A11769" t="s">
        <v>11483</v>
      </c>
      <c r="B11769" t="s">
        <v>11484</v>
      </c>
      <c r="C11769" t="s">
        <v>11485</v>
      </c>
      <c r="D11769" t="s">
        <v>11481</v>
      </c>
      <c r="E11769" t="s">
        <v>13</v>
      </c>
      <c r="F11769">
        <v>2313</v>
      </c>
      <c r="G11769" t="s">
        <v>11486</v>
      </c>
      <c r="H11769">
        <v>6.0997045290439997</v>
      </c>
      <c r="I11769">
        <v>52.055887434337997</v>
      </c>
      <c r="J11769" t="s">
        <v>67454</v>
      </c>
    </row>
    <row r="11770" spans="1:10" x14ac:dyDescent="0.25">
      <c r="A11770" t="s">
        <v>11478</v>
      </c>
      <c r="B11770" t="s">
        <v>11479</v>
      </c>
      <c r="C11770" t="s">
        <v>11480</v>
      </c>
      <c r="D11770" t="s">
        <v>11481</v>
      </c>
      <c r="E11770" t="s">
        <v>13</v>
      </c>
      <c r="F11770">
        <v>2312</v>
      </c>
      <c r="G11770" t="s">
        <v>11482</v>
      </c>
      <c r="H11770">
        <v>6.1043651803929997</v>
      </c>
      <c r="I11770">
        <v>52.040453109155003</v>
      </c>
      <c r="J11770" t="s">
        <v>67455</v>
      </c>
    </row>
    <row r="11771" spans="1:10" x14ac:dyDescent="0.25">
      <c r="A11771" t="s">
        <v>11474</v>
      </c>
      <c r="B11771" t="s">
        <v>11475</v>
      </c>
      <c r="C11771" t="s">
        <v>11476</v>
      </c>
      <c r="D11771" t="s">
        <v>11269</v>
      </c>
      <c r="E11771" t="s">
        <v>13</v>
      </c>
      <c r="F11771">
        <v>2311</v>
      </c>
      <c r="G11771" t="s">
        <v>11477</v>
      </c>
      <c r="H11771">
        <v>5.8539466429480003</v>
      </c>
      <c r="I11771">
        <v>51.987858352400998</v>
      </c>
      <c r="J11771" t="s">
        <v>67456</v>
      </c>
    </row>
    <row r="11772" spans="1:10" x14ac:dyDescent="0.25">
      <c r="A11772" t="s">
        <v>11470</v>
      </c>
      <c r="B11772" t="s">
        <v>11471</v>
      </c>
      <c r="C11772" t="s">
        <v>11472</v>
      </c>
      <c r="D11772" t="s">
        <v>11269</v>
      </c>
      <c r="E11772" t="s">
        <v>13</v>
      </c>
      <c r="F11772">
        <v>2310</v>
      </c>
      <c r="G11772" t="s">
        <v>11473</v>
      </c>
      <c r="H11772">
        <v>5.8500372926960003</v>
      </c>
      <c r="I11772">
        <v>51.994306286738997</v>
      </c>
      <c r="J11772" t="s">
        <v>67457</v>
      </c>
    </row>
    <row r="11773" spans="1:10" x14ac:dyDescent="0.25">
      <c r="A11773" t="s">
        <v>11466</v>
      </c>
      <c r="B11773" t="s">
        <v>11467</v>
      </c>
      <c r="C11773" t="s">
        <v>11468</v>
      </c>
      <c r="D11773" t="s">
        <v>11269</v>
      </c>
      <c r="E11773" t="s">
        <v>13</v>
      </c>
      <c r="F11773">
        <v>2309</v>
      </c>
      <c r="G11773" t="s">
        <v>11469</v>
      </c>
      <c r="H11773">
        <v>5.8431565541359998</v>
      </c>
      <c r="I11773">
        <v>51.990350254201999</v>
      </c>
      <c r="J11773" t="s">
        <v>67458</v>
      </c>
    </row>
    <row r="11774" spans="1:10" x14ac:dyDescent="0.25">
      <c r="A11774" t="s">
        <v>11462</v>
      </c>
      <c r="B11774" t="s">
        <v>11463</v>
      </c>
      <c r="C11774" t="s">
        <v>11464</v>
      </c>
      <c r="D11774" t="s">
        <v>11269</v>
      </c>
      <c r="E11774" t="s">
        <v>13</v>
      </c>
      <c r="F11774">
        <v>2308</v>
      </c>
      <c r="G11774" t="s">
        <v>11465</v>
      </c>
      <c r="H11774">
        <v>5.8349467348889998</v>
      </c>
      <c r="I11774">
        <v>51.994667671755003</v>
      </c>
      <c r="J11774" t="s">
        <v>67459</v>
      </c>
    </row>
    <row r="11775" spans="1:10" x14ac:dyDescent="0.25">
      <c r="A11775" t="s">
        <v>11458</v>
      </c>
      <c r="B11775" t="s">
        <v>11459</v>
      </c>
      <c r="C11775" t="s">
        <v>11460</v>
      </c>
      <c r="D11775" t="s">
        <v>11269</v>
      </c>
      <c r="E11775" t="s">
        <v>13</v>
      </c>
      <c r="F11775">
        <v>2307</v>
      </c>
      <c r="G11775" t="s">
        <v>11461</v>
      </c>
      <c r="H11775">
        <v>5.8351327096340002</v>
      </c>
      <c r="I11775">
        <v>51.990462724822002</v>
      </c>
      <c r="J11775" t="s">
        <v>67460</v>
      </c>
    </row>
    <row r="11776" spans="1:10" x14ac:dyDescent="0.25">
      <c r="A11776" t="s">
        <v>11454</v>
      </c>
      <c r="B11776" t="s">
        <v>11455</v>
      </c>
      <c r="C11776" t="s">
        <v>11456</v>
      </c>
      <c r="D11776" t="s">
        <v>11269</v>
      </c>
      <c r="E11776" t="s">
        <v>13</v>
      </c>
      <c r="F11776">
        <v>2306</v>
      </c>
      <c r="G11776" t="s">
        <v>11457</v>
      </c>
      <c r="H11776">
        <v>5.8290453531189996</v>
      </c>
      <c r="I11776">
        <v>51.993079483886</v>
      </c>
      <c r="J11776" t="s">
        <v>67461</v>
      </c>
    </row>
    <row r="11777" spans="1:10" x14ac:dyDescent="0.25">
      <c r="A11777" t="s">
        <v>11451</v>
      </c>
      <c r="B11777" t="s">
        <v>11452</v>
      </c>
      <c r="C11777" t="s">
        <v>3469</v>
      </c>
      <c r="D11777" t="s">
        <v>11269</v>
      </c>
      <c r="E11777" t="s">
        <v>13</v>
      </c>
      <c r="F11777">
        <v>2305</v>
      </c>
      <c r="G11777" t="s">
        <v>11453</v>
      </c>
      <c r="H11777">
        <v>5.8624684390719999</v>
      </c>
      <c r="I11777">
        <v>51.975465158102999</v>
      </c>
      <c r="J11777" t="s">
        <v>67462</v>
      </c>
    </row>
    <row r="11778" spans="1:10" x14ac:dyDescent="0.25">
      <c r="A11778" t="s">
        <v>11447</v>
      </c>
      <c r="B11778" t="s">
        <v>11448</v>
      </c>
      <c r="C11778" t="s">
        <v>11449</v>
      </c>
      <c r="D11778" t="s">
        <v>11269</v>
      </c>
      <c r="E11778" t="s">
        <v>13</v>
      </c>
      <c r="F11778">
        <v>2304</v>
      </c>
      <c r="G11778" t="s">
        <v>11450</v>
      </c>
      <c r="H11778">
        <v>5.8568578303840004</v>
      </c>
      <c r="I11778">
        <v>51.982287597396002</v>
      </c>
      <c r="J11778" t="s">
        <v>67463</v>
      </c>
    </row>
    <row r="11779" spans="1:10" x14ac:dyDescent="0.25">
      <c r="A11779" t="s">
        <v>11444</v>
      </c>
      <c r="B11779" t="s">
        <v>11445</v>
      </c>
      <c r="C11779" t="s">
        <v>109</v>
      </c>
      <c r="D11779" t="s">
        <v>11269</v>
      </c>
      <c r="E11779" t="s">
        <v>13</v>
      </c>
      <c r="F11779">
        <v>2303</v>
      </c>
      <c r="G11779" t="s">
        <v>11446</v>
      </c>
      <c r="H11779">
        <v>5.8488214556670002</v>
      </c>
      <c r="I11779">
        <v>51.983685278644003</v>
      </c>
      <c r="J11779" t="s">
        <v>67464</v>
      </c>
    </row>
    <row r="11780" spans="1:10" x14ac:dyDescent="0.25">
      <c r="A11780" t="s">
        <v>11440</v>
      </c>
      <c r="B11780" t="s">
        <v>11441</v>
      </c>
      <c r="C11780" t="s">
        <v>11442</v>
      </c>
      <c r="D11780" t="s">
        <v>11269</v>
      </c>
      <c r="E11780" t="s">
        <v>13</v>
      </c>
      <c r="F11780">
        <v>2302</v>
      </c>
      <c r="G11780" t="s">
        <v>11443</v>
      </c>
      <c r="H11780">
        <v>5.8391234274219999</v>
      </c>
      <c r="I11780">
        <v>51.982161282989999</v>
      </c>
      <c r="J11780" t="s">
        <v>67465</v>
      </c>
    </row>
    <row r="11781" spans="1:10" x14ac:dyDescent="0.25">
      <c r="A11781" t="s">
        <v>11436</v>
      </c>
      <c r="B11781" t="s">
        <v>11437</v>
      </c>
      <c r="C11781" t="s">
        <v>11438</v>
      </c>
      <c r="D11781" t="s">
        <v>11269</v>
      </c>
      <c r="E11781" t="s">
        <v>13</v>
      </c>
      <c r="F11781">
        <v>2301</v>
      </c>
      <c r="G11781" t="s">
        <v>11439</v>
      </c>
      <c r="H11781">
        <v>5.8414995663539999</v>
      </c>
      <c r="I11781">
        <v>51.975312625122001</v>
      </c>
      <c r="J11781" t="s">
        <v>67466</v>
      </c>
    </row>
    <row r="11782" spans="1:10" x14ac:dyDescent="0.25">
      <c r="A11782" t="s">
        <v>11432</v>
      </c>
      <c r="B11782" t="s">
        <v>11433</v>
      </c>
      <c r="C11782" t="s">
        <v>11434</v>
      </c>
      <c r="D11782" t="s">
        <v>11269</v>
      </c>
      <c r="E11782" t="s">
        <v>13</v>
      </c>
      <c r="F11782">
        <v>2300</v>
      </c>
      <c r="G11782" t="s">
        <v>11435</v>
      </c>
      <c r="H11782">
        <v>5.8194980294200001</v>
      </c>
      <c r="I11782">
        <v>51.993949624123999</v>
      </c>
      <c r="J11782" t="s">
        <v>67467</v>
      </c>
    </row>
    <row r="11783" spans="1:10" x14ac:dyDescent="0.25">
      <c r="A11783" t="s">
        <v>11429</v>
      </c>
      <c r="B11783" t="s">
        <v>11430</v>
      </c>
      <c r="C11783" t="s">
        <v>9097</v>
      </c>
      <c r="D11783" t="s">
        <v>11269</v>
      </c>
      <c r="E11783" t="s">
        <v>13</v>
      </c>
      <c r="F11783">
        <v>2299</v>
      </c>
      <c r="G11783" t="s">
        <v>11431</v>
      </c>
      <c r="H11783">
        <v>5.8150609163049998</v>
      </c>
      <c r="I11783">
        <v>51.989370410418999</v>
      </c>
      <c r="J11783" t="s">
        <v>67468</v>
      </c>
    </row>
    <row r="11784" spans="1:10" x14ac:dyDescent="0.25">
      <c r="A11784" t="s">
        <v>11425</v>
      </c>
      <c r="B11784" t="s">
        <v>11426</v>
      </c>
      <c r="C11784" t="s">
        <v>11427</v>
      </c>
      <c r="D11784" t="s">
        <v>11269</v>
      </c>
      <c r="E11784" t="s">
        <v>13</v>
      </c>
      <c r="F11784">
        <v>2298</v>
      </c>
      <c r="G11784" t="s">
        <v>11428</v>
      </c>
      <c r="H11784">
        <v>5.8037641036430001</v>
      </c>
      <c r="I11784">
        <v>51.990407069961002</v>
      </c>
      <c r="J11784" t="s">
        <v>67469</v>
      </c>
    </row>
    <row r="11785" spans="1:10" x14ac:dyDescent="0.25">
      <c r="A11785" t="s">
        <v>11421</v>
      </c>
      <c r="B11785" t="s">
        <v>11422</v>
      </c>
      <c r="C11785" t="s">
        <v>11423</v>
      </c>
      <c r="D11785" t="s">
        <v>11269</v>
      </c>
      <c r="E11785" t="s">
        <v>13</v>
      </c>
      <c r="F11785">
        <v>2297</v>
      </c>
      <c r="G11785" t="s">
        <v>11424</v>
      </c>
      <c r="H11785">
        <v>5.8209136192140001</v>
      </c>
      <c r="I11785">
        <v>51.985586178844997</v>
      </c>
      <c r="J11785" t="s">
        <v>67470</v>
      </c>
    </row>
    <row r="11786" spans="1:10" x14ac:dyDescent="0.25">
      <c r="A11786" t="s">
        <v>11417</v>
      </c>
      <c r="B11786" t="s">
        <v>11418</v>
      </c>
      <c r="C11786" t="s">
        <v>11419</v>
      </c>
      <c r="D11786" t="s">
        <v>11269</v>
      </c>
      <c r="E11786" t="s">
        <v>13</v>
      </c>
      <c r="F11786">
        <v>2296</v>
      </c>
      <c r="G11786" t="s">
        <v>11420</v>
      </c>
      <c r="H11786">
        <v>5.8255139121959996</v>
      </c>
      <c r="I11786">
        <v>51.982656247371999</v>
      </c>
      <c r="J11786" t="s">
        <v>67471</v>
      </c>
    </row>
    <row r="11787" spans="1:10" x14ac:dyDescent="0.25">
      <c r="A11787" t="s">
        <v>11413</v>
      </c>
      <c r="B11787" t="s">
        <v>11414</v>
      </c>
      <c r="C11787" t="s">
        <v>11415</v>
      </c>
      <c r="D11787" t="s">
        <v>11269</v>
      </c>
      <c r="E11787" t="s">
        <v>13</v>
      </c>
      <c r="F11787">
        <v>2295</v>
      </c>
      <c r="G11787" t="s">
        <v>11416</v>
      </c>
      <c r="H11787">
        <v>5.8120612663099998</v>
      </c>
      <c r="I11787">
        <v>51.974366341819</v>
      </c>
      <c r="J11787" t="s">
        <v>67472</v>
      </c>
    </row>
    <row r="11788" spans="1:10" x14ac:dyDescent="0.25">
      <c r="A11788" t="s">
        <v>11409</v>
      </c>
      <c r="B11788" t="s">
        <v>11410</v>
      </c>
      <c r="C11788" t="s">
        <v>11411</v>
      </c>
      <c r="D11788" t="s">
        <v>11269</v>
      </c>
      <c r="E11788" t="s">
        <v>13</v>
      </c>
      <c r="F11788">
        <v>2294</v>
      </c>
      <c r="G11788" t="s">
        <v>11412</v>
      </c>
      <c r="H11788">
        <v>5.8129742650049998</v>
      </c>
      <c r="I11788">
        <v>51.973070587720997</v>
      </c>
      <c r="J11788" t="s">
        <v>67473</v>
      </c>
    </row>
    <row r="11789" spans="1:10" x14ac:dyDescent="0.25">
      <c r="A11789" t="s">
        <v>11405</v>
      </c>
      <c r="B11789" t="s">
        <v>11406</v>
      </c>
      <c r="C11789" t="s">
        <v>11407</v>
      </c>
      <c r="D11789" t="s">
        <v>11269</v>
      </c>
      <c r="E11789" t="s">
        <v>13</v>
      </c>
      <c r="F11789">
        <v>2293</v>
      </c>
      <c r="G11789" t="s">
        <v>11408</v>
      </c>
      <c r="H11789">
        <v>5.8013281671890002</v>
      </c>
      <c r="I11789">
        <v>51.979941007214002</v>
      </c>
      <c r="J11789" t="s">
        <v>67474</v>
      </c>
    </row>
    <row r="11790" spans="1:10" x14ac:dyDescent="0.25">
      <c r="A11790" t="s">
        <v>11401</v>
      </c>
      <c r="B11790" t="s">
        <v>11402</v>
      </c>
      <c r="C11790" t="s">
        <v>11403</v>
      </c>
      <c r="D11790" t="s">
        <v>11269</v>
      </c>
      <c r="E11790" t="s">
        <v>13</v>
      </c>
      <c r="F11790">
        <v>2292</v>
      </c>
      <c r="G11790" t="s">
        <v>11404</v>
      </c>
      <c r="H11790">
        <v>5.7956036874430001</v>
      </c>
      <c r="I11790">
        <v>51.982862866986999</v>
      </c>
      <c r="J11790" t="s">
        <v>67475</v>
      </c>
    </row>
    <row r="11791" spans="1:10" x14ac:dyDescent="0.25">
      <c r="A11791" t="s">
        <v>11397</v>
      </c>
      <c r="B11791" t="s">
        <v>11398</v>
      </c>
      <c r="C11791" t="s">
        <v>11399</v>
      </c>
      <c r="D11791" t="s">
        <v>11269</v>
      </c>
      <c r="E11791" t="s">
        <v>13</v>
      </c>
      <c r="F11791">
        <v>2291</v>
      </c>
      <c r="G11791" t="s">
        <v>11400</v>
      </c>
      <c r="H11791">
        <v>5.7950998578300004</v>
      </c>
      <c r="I11791">
        <v>51.976845455248998</v>
      </c>
      <c r="J11791" t="s">
        <v>67476</v>
      </c>
    </row>
    <row r="11792" spans="1:10" x14ac:dyDescent="0.25">
      <c r="A11792" t="s">
        <v>11393</v>
      </c>
      <c r="B11792" t="s">
        <v>11394</v>
      </c>
      <c r="C11792" t="s">
        <v>11395</v>
      </c>
      <c r="D11792" t="s">
        <v>11269</v>
      </c>
      <c r="E11792" t="s">
        <v>13</v>
      </c>
      <c r="F11792">
        <v>2290</v>
      </c>
      <c r="G11792" t="s">
        <v>11396</v>
      </c>
      <c r="H11792">
        <v>5.7798538433360003</v>
      </c>
      <c r="I11792">
        <v>51.981445533155998</v>
      </c>
      <c r="J11792" t="s">
        <v>67477</v>
      </c>
    </row>
    <row r="11793" spans="1:10" x14ac:dyDescent="0.25">
      <c r="A11793" t="s">
        <v>11389</v>
      </c>
      <c r="B11793" t="s">
        <v>11390</v>
      </c>
      <c r="C11793" t="s">
        <v>11391</v>
      </c>
      <c r="D11793" t="s">
        <v>11269</v>
      </c>
      <c r="E11793" t="s">
        <v>13</v>
      </c>
      <c r="F11793">
        <v>2289</v>
      </c>
      <c r="G11793" t="s">
        <v>11392</v>
      </c>
      <c r="H11793">
        <v>5.7916798379490002</v>
      </c>
      <c r="I11793">
        <v>51.977404408896</v>
      </c>
      <c r="J11793" t="s">
        <v>67478</v>
      </c>
    </row>
    <row r="11794" spans="1:10" x14ac:dyDescent="0.25">
      <c r="A11794" t="s">
        <v>11385</v>
      </c>
      <c r="B11794" t="s">
        <v>11386</v>
      </c>
      <c r="C11794" t="s">
        <v>11387</v>
      </c>
      <c r="D11794" t="s">
        <v>11269</v>
      </c>
      <c r="E11794" t="s">
        <v>13</v>
      </c>
      <c r="F11794">
        <v>2288</v>
      </c>
      <c r="G11794" t="s">
        <v>11388</v>
      </c>
      <c r="H11794">
        <v>5.7768809814840001</v>
      </c>
      <c r="I11794">
        <v>51.965888701056002</v>
      </c>
      <c r="J11794" t="s">
        <v>67479</v>
      </c>
    </row>
    <row r="11795" spans="1:10" x14ac:dyDescent="0.25">
      <c r="A11795" t="s">
        <v>11381</v>
      </c>
      <c r="B11795" t="s">
        <v>11382</v>
      </c>
      <c r="C11795" t="s">
        <v>11383</v>
      </c>
      <c r="D11795" t="s">
        <v>11269</v>
      </c>
      <c r="E11795" t="s">
        <v>13</v>
      </c>
      <c r="F11795">
        <v>2287</v>
      </c>
      <c r="G11795" t="s">
        <v>11384</v>
      </c>
      <c r="H11795">
        <v>5.8019423025329999</v>
      </c>
      <c r="I11795">
        <v>52.017528285411998</v>
      </c>
      <c r="J11795" t="s">
        <v>67480</v>
      </c>
    </row>
    <row r="11796" spans="1:10" x14ac:dyDescent="0.25">
      <c r="A11796" t="s">
        <v>11377</v>
      </c>
      <c r="B11796" t="s">
        <v>11378</v>
      </c>
      <c r="C11796" t="s">
        <v>11379</v>
      </c>
      <c r="D11796" t="s">
        <v>11269</v>
      </c>
      <c r="E11796" t="s">
        <v>13</v>
      </c>
      <c r="F11796">
        <v>2286</v>
      </c>
      <c r="G11796" t="s">
        <v>11380</v>
      </c>
      <c r="H11796">
        <v>5.7903671784400004</v>
      </c>
      <c r="I11796">
        <v>52.008008511192998</v>
      </c>
      <c r="J11796" t="s">
        <v>67481</v>
      </c>
    </row>
    <row r="11797" spans="1:10" x14ac:dyDescent="0.25">
      <c r="A11797" t="s">
        <v>11373</v>
      </c>
      <c r="B11797" t="s">
        <v>11374</v>
      </c>
      <c r="C11797" t="s">
        <v>11375</v>
      </c>
      <c r="D11797" t="s">
        <v>11269</v>
      </c>
      <c r="E11797" t="s">
        <v>13</v>
      </c>
      <c r="F11797">
        <v>2285</v>
      </c>
      <c r="G11797" t="s">
        <v>11376</v>
      </c>
      <c r="H11797">
        <v>5.7892143033960002</v>
      </c>
      <c r="I11797">
        <v>52.015085001022001</v>
      </c>
      <c r="J11797" t="s">
        <v>67482</v>
      </c>
    </row>
    <row r="11798" spans="1:10" x14ac:dyDescent="0.25">
      <c r="A11798" t="s">
        <v>11369</v>
      </c>
      <c r="B11798" t="s">
        <v>11370</v>
      </c>
      <c r="C11798" t="s">
        <v>11371</v>
      </c>
      <c r="D11798" t="s">
        <v>11269</v>
      </c>
      <c r="E11798" t="s">
        <v>13</v>
      </c>
      <c r="F11798">
        <v>2284</v>
      </c>
      <c r="G11798" t="s">
        <v>11372</v>
      </c>
      <c r="H11798">
        <v>5.7598685906140004</v>
      </c>
      <c r="I11798">
        <v>52.016753364918998</v>
      </c>
      <c r="J11798" t="s">
        <v>67483</v>
      </c>
    </row>
    <row r="11799" spans="1:10" x14ac:dyDescent="0.25">
      <c r="A11799" t="s">
        <v>11365</v>
      </c>
      <c r="B11799" t="s">
        <v>11366</v>
      </c>
      <c r="C11799" t="s">
        <v>11367</v>
      </c>
      <c r="D11799" t="s">
        <v>11269</v>
      </c>
      <c r="E11799" t="s">
        <v>13</v>
      </c>
      <c r="F11799">
        <v>2283</v>
      </c>
      <c r="G11799" t="s">
        <v>11368</v>
      </c>
      <c r="H11799">
        <v>5.7941249232010001</v>
      </c>
      <c r="I11799">
        <v>52.002267473281002</v>
      </c>
      <c r="J11799" t="s">
        <v>67484</v>
      </c>
    </row>
    <row r="11800" spans="1:10" x14ac:dyDescent="0.25">
      <c r="A11800" t="s">
        <v>11361</v>
      </c>
      <c r="B11800" t="s">
        <v>11362</v>
      </c>
      <c r="C11800" t="s">
        <v>11363</v>
      </c>
      <c r="D11800" t="s">
        <v>11269</v>
      </c>
      <c r="E11800" t="s">
        <v>13</v>
      </c>
      <c r="F11800">
        <v>2282</v>
      </c>
      <c r="G11800" t="s">
        <v>11364</v>
      </c>
      <c r="H11800">
        <v>5.7854194256470004</v>
      </c>
      <c r="I11800">
        <v>52.002946123596999</v>
      </c>
      <c r="J11800" t="s">
        <v>67485</v>
      </c>
    </row>
    <row r="11801" spans="1:10" x14ac:dyDescent="0.25">
      <c r="A11801" t="s">
        <v>11357</v>
      </c>
      <c r="B11801" t="s">
        <v>11358</v>
      </c>
      <c r="C11801" t="s">
        <v>11359</v>
      </c>
      <c r="D11801" t="s">
        <v>11269</v>
      </c>
      <c r="E11801" t="s">
        <v>13</v>
      </c>
      <c r="F11801">
        <v>2281</v>
      </c>
      <c r="G11801" t="s">
        <v>11360</v>
      </c>
      <c r="H11801">
        <v>5.7989218491200001</v>
      </c>
      <c r="I11801">
        <v>51.997026324731998</v>
      </c>
      <c r="J11801" t="s">
        <v>67486</v>
      </c>
    </row>
    <row r="11802" spans="1:10" x14ac:dyDescent="0.25">
      <c r="A11802" t="s">
        <v>11353</v>
      </c>
      <c r="B11802" t="s">
        <v>11354</v>
      </c>
      <c r="C11802" t="s">
        <v>11355</v>
      </c>
      <c r="D11802" t="s">
        <v>11269</v>
      </c>
      <c r="E11802" t="s">
        <v>13</v>
      </c>
      <c r="F11802">
        <v>2280</v>
      </c>
      <c r="G11802" t="s">
        <v>11356</v>
      </c>
      <c r="H11802">
        <v>5.7755091972279997</v>
      </c>
      <c r="I11802">
        <v>51.997960377557</v>
      </c>
      <c r="J11802" t="s">
        <v>67487</v>
      </c>
    </row>
    <row r="11803" spans="1:10" x14ac:dyDescent="0.25">
      <c r="A11803" t="s">
        <v>11350</v>
      </c>
      <c r="B11803" t="s">
        <v>11351</v>
      </c>
      <c r="C11803" t="s">
        <v>11077</v>
      </c>
      <c r="D11803" t="s">
        <v>11269</v>
      </c>
      <c r="E11803" t="s">
        <v>13</v>
      </c>
      <c r="F11803">
        <v>2279</v>
      </c>
      <c r="G11803" t="s">
        <v>11352</v>
      </c>
      <c r="H11803">
        <v>5.7738629694250001</v>
      </c>
      <c r="I11803">
        <v>51.985778615179001</v>
      </c>
      <c r="J11803" t="s">
        <v>67488</v>
      </c>
    </row>
    <row r="11804" spans="1:10" x14ac:dyDescent="0.25">
      <c r="A11804" t="s">
        <v>11346</v>
      </c>
      <c r="B11804" t="s">
        <v>11347</v>
      </c>
      <c r="C11804" t="s">
        <v>11348</v>
      </c>
      <c r="D11804" t="s">
        <v>11269</v>
      </c>
      <c r="E11804" t="s">
        <v>13</v>
      </c>
      <c r="F11804">
        <v>2278</v>
      </c>
      <c r="G11804" t="s">
        <v>11349</v>
      </c>
      <c r="H11804">
        <v>5.767782972599</v>
      </c>
      <c r="I11804">
        <v>51.980064773172003</v>
      </c>
      <c r="J11804" t="s">
        <v>67489</v>
      </c>
    </row>
    <row r="11805" spans="1:10" x14ac:dyDescent="0.25">
      <c r="A11805" t="s">
        <v>11342</v>
      </c>
      <c r="B11805" t="s">
        <v>11343</v>
      </c>
      <c r="C11805" t="s">
        <v>11344</v>
      </c>
      <c r="D11805" t="s">
        <v>11269</v>
      </c>
      <c r="E11805" t="s">
        <v>13</v>
      </c>
      <c r="F11805">
        <v>2277</v>
      </c>
      <c r="G11805" t="s">
        <v>11345</v>
      </c>
      <c r="H11805">
        <v>5.7696542936719997</v>
      </c>
      <c r="I11805">
        <v>51.977653076960998</v>
      </c>
      <c r="J11805" t="s">
        <v>67490</v>
      </c>
    </row>
    <row r="11806" spans="1:10" x14ac:dyDescent="0.25">
      <c r="A11806" t="s">
        <v>11339</v>
      </c>
      <c r="B11806" t="s">
        <v>11340</v>
      </c>
      <c r="C11806" t="s">
        <v>4091</v>
      </c>
      <c r="D11806" t="s">
        <v>11269</v>
      </c>
      <c r="E11806" t="s">
        <v>13</v>
      </c>
      <c r="F11806">
        <v>2276</v>
      </c>
      <c r="G11806" t="s">
        <v>11341</v>
      </c>
      <c r="H11806">
        <v>5.7644438481230003</v>
      </c>
      <c r="I11806">
        <v>51.987538368903998</v>
      </c>
      <c r="J11806" t="s">
        <v>67491</v>
      </c>
    </row>
    <row r="11807" spans="1:10" x14ac:dyDescent="0.25">
      <c r="A11807" t="s">
        <v>11335</v>
      </c>
      <c r="B11807" t="s">
        <v>11336</v>
      </c>
      <c r="C11807" t="s">
        <v>11337</v>
      </c>
      <c r="D11807" t="s">
        <v>11269</v>
      </c>
      <c r="E11807" t="s">
        <v>13</v>
      </c>
      <c r="F11807">
        <v>2275</v>
      </c>
      <c r="G11807" t="s">
        <v>11338</v>
      </c>
      <c r="H11807">
        <v>5.7572247906560001</v>
      </c>
      <c r="I11807">
        <v>51.984720365891</v>
      </c>
      <c r="J11807" t="s">
        <v>67492</v>
      </c>
    </row>
    <row r="11808" spans="1:10" x14ac:dyDescent="0.25">
      <c r="A11808" t="s">
        <v>11331</v>
      </c>
      <c r="B11808" t="s">
        <v>11332</v>
      </c>
      <c r="C11808" t="s">
        <v>11333</v>
      </c>
      <c r="D11808" t="s">
        <v>11269</v>
      </c>
      <c r="E11808" t="s">
        <v>13</v>
      </c>
      <c r="F11808">
        <v>2274</v>
      </c>
      <c r="G11808" t="s">
        <v>11334</v>
      </c>
      <c r="H11808">
        <v>5.7540175998040004</v>
      </c>
      <c r="I11808">
        <v>51.981889425904001</v>
      </c>
      <c r="J11808" t="s">
        <v>67493</v>
      </c>
    </row>
    <row r="11809" spans="1:10" x14ac:dyDescent="0.25">
      <c r="A11809" t="s">
        <v>11327</v>
      </c>
      <c r="B11809" t="s">
        <v>11328</v>
      </c>
      <c r="C11809" t="s">
        <v>11329</v>
      </c>
      <c r="D11809" t="s">
        <v>11269</v>
      </c>
      <c r="E11809" t="s">
        <v>13</v>
      </c>
      <c r="F11809">
        <v>2273</v>
      </c>
      <c r="G11809" t="s">
        <v>11330</v>
      </c>
      <c r="H11809">
        <v>5.7479506753600003</v>
      </c>
      <c r="I11809">
        <v>51.980679943292998</v>
      </c>
      <c r="J11809" t="s">
        <v>67494</v>
      </c>
    </row>
    <row r="11810" spans="1:10" x14ac:dyDescent="0.25">
      <c r="A11810" t="s">
        <v>11323</v>
      </c>
      <c r="B11810" t="s">
        <v>11324</v>
      </c>
      <c r="C11810" t="s">
        <v>11325</v>
      </c>
      <c r="D11810" t="s">
        <v>11269</v>
      </c>
      <c r="E11810" t="s">
        <v>13</v>
      </c>
      <c r="F11810">
        <v>2272</v>
      </c>
      <c r="G11810" t="s">
        <v>11326</v>
      </c>
      <c r="H11810">
        <v>5.7556309060749999</v>
      </c>
      <c r="I11810">
        <v>51.978887557406999</v>
      </c>
      <c r="J11810" t="s">
        <v>67495</v>
      </c>
    </row>
    <row r="11811" spans="1:10" x14ac:dyDescent="0.25">
      <c r="A11811" t="s">
        <v>11319</v>
      </c>
      <c r="B11811" t="s">
        <v>11320</v>
      </c>
      <c r="C11811" t="s">
        <v>11321</v>
      </c>
      <c r="D11811" t="s">
        <v>11269</v>
      </c>
      <c r="E11811" t="s">
        <v>13</v>
      </c>
      <c r="F11811">
        <v>2271</v>
      </c>
      <c r="G11811" t="s">
        <v>11322</v>
      </c>
      <c r="H11811">
        <v>5.7559752816499996</v>
      </c>
      <c r="I11811">
        <v>51.975635412000997</v>
      </c>
      <c r="J11811" t="s">
        <v>67496</v>
      </c>
    </row>
    <row r="11812" spans="1:10" x14ac:dyDescent="0.25">
      <c r="A11812" t="s">
        <v>11315</v>
      </c>
      <c r="B11812" t="s">
        <v>11316</v>
      </c>
      <c r="C11812" t="s">
        <v>11317</v>
      </c>
      <c r="D11812" t="s">
        <v>11269</v>
      </c>
      <c r="E11812" t="s">
        <v>13</v>
      </c>
      <c r="F11812">
        <v>2270</v>
      </c>
      <c r="G11812" t="s">
        <v>11318</v>
      </c>
      <c r="H11812">
        <v>5.7548362816319996</v>
      </c>
      <c r="I11812">
        <v>51.997413441695002</v>
      </c>
      <c r="J11812" t="s">
        <v>67497</v>
      </c>
    </row>
    <row r="11813" spans="1:10" x14ac:dyDescent="0.25">
      <c r="A11813" t="s">
        <v>11311</v>
      </c>
      <c r="B11813" t="s">
        <v>11312</v>
      </c>
      <c r="C11813" t="s">
        <v>11313</v>
      </c>
      <c r="D11813" t="s">
        <v>11269</v>
      </c>
      <c r="E11813" t="s">
        <v>13</v>
      </c>
      <c r="F11813">
        <v>2269</v>
      </c>
      <c r="G11813" t="s">
        <v>11314</v>
      </c>
      <c r="H11813">
        <v>5.7403906725329996</v>
      </c>
      <c r="I11813">
        <v>52.003332408984001</v>
      </c>
      <c r="J11813" t="s">
        <v>67498</v>
      </c>
    </row>
    <row r="11814" spans="1:10" x14ac:dyDescent="0.25">
      <c r="A11814" t="s">
        <v>11307</v>
      </c>
      <c r="B11814" t="s">
        <v>11308</v>
      </c>
      <c r="C11814" t="s">
        <v>11309</v>
      </c>
      <c r="D11814" t="s">
        <v>11269</v>
      </c>
      <c r="E11814" t="s">
        <v>13</v>
      </c>
      <c r="F11814">
        <v>2268</v>
      </c>
      <c r="G11814" t="s">
        <v>11310</v>
      </c>
      <c r="H11814">
        <v>5.7457540587129996</v>
      </c>
      <c r="I11814">
        <v>51.985001180669002</v>
      </c>
      <c r="J11814" t="s">
        <v>67499</v>
      </c>
    </row>
    <row r="11815" spans="1:10" x14ac:dyDescent="0.25">
      <c r="A11815" t="s">
        <v>11303</v>
      </c>
      <c r="B11815" t="s">
        <v>11304</v>
      </c>
      <c r="C11815" t="s">
        <v>11305</v>
      </c>
      <c r="D11815" t="s">
        <v>11269</v>
      </c>
      <c r="E11815" t="s">
        <v>13</v>
      </c>
      <c r="F11815">
        <v>2267</v>
      </c>
      <c r="G11815" t="s">
        <v>11306</v>
      </c>
      <c r="H11815">
        <v>5.7410655069430003</v>
      </c>
      <c r="I11815">
        <v>51.985631420760001</v>
      </c>
      <c r="J11815" t="s">
        <v>67500</v>
      </c>
    </row>
    <row r="11816" spans="1:10" x14ac:dyDescent="0.25">
      <c r="A11816" t="s">
        <v>11299</v>
      </c>
      <c r="B11816" t="s">
        <v>11300</v>
      </c>
      <c r="C11816" t="s">
        <v>11301</v>
      </c>
      <c r="D11816" t="s">
        <v>11269</v>
      </c>
      <c r="E11816" t="s">
        <v>13</v>
      </c>
      <c r="F11816">
        <v>2266</v>
      </c>
      <c r="G11816" t="s">
        <v>11302</v>
      </c>
      <c r="H11816">
        <v>5.7412805945279999</v>
      </c>
      <c r="I11816">
        <v>51.981253507618</v>
      </c>
      <c r="J11816" t="s">
        <v>67501</v>
      </c>
    </row>
    <row r="11817" spans="1:10" x14ac:dyDescent="0.25">
      <c r="A11817" t="s">
        <v>11295</v>
      </c>
      <c r="B11817" t="s">
        <v>11296</v>
      </c>
      <c r="C11817" t="s">
        <v>11297</v>
      </c>
      <c r="D11817" t="s">
        <v>11269</v>
      </c>
      <c r="E11817" t="s">
        <v>13</v>
      </c>
      <c r="F11817">
        <v>2265</v>
      </c>
      <c r="G11817" t="s">
        <v>11298</v>
      </c>
      <c r="H11817">
        <v>5.7340037425809998</v>
      </c>
      <c r="I11817">
        <v>51.980783244215999</v>
      </c>
      <c r="J11817" t="s">
        <v>67502</v>
      </c>
    </row>
    <row r="11818" spans="1:10" x14ac:dyDescent="0.25">
      <c r="A11818" t="s">
        <v>11291</v>
      </c>
      <c r="B11818" t="s">
        <v>11292</v>
      </c>
      <c r="C11818" t="s">
        <v>11293</v>
      </c>
      <c r="D11818" t="s">
        <v>11269</v>
      </c>
      <c r="E11818" t="s">
        <v>13</v>
      </c>
      <c r="F11818">
        <v>2264</v>
      </c>
      <c r="G11818" t="s">
        <v>11294</v>
      </c>
      <c r="H11818">
        <v>5.7275211989640002</v>
      </c>
      <c r="I11818">
        <v>51.985313433873998</v>
      </c>
      <c r="J11818" t="s">
        <v>67503</v>
      </c>
    </row>
    <row r="11819" spans="1:10" x14ac:dyDescent="0.25">
      <c r="A11819" t="s">
        <v>11287</v>
      </c>
      <c r="B11819" t="s">
        <v>11288</v>
      </c>
      <c r="C11819" t="s">
        <v>11289</v>
      </c>
      <c r="D11819" t="s">
        <v>11269</v>
      </c>
      <c r="E11819" t="s">
        <v>13</v>
      </c>
      <c r="F11819">
        <v>2263</v>
      </c>
      <c r="G11819" t="s">
        <v>11290</v>
      </c>
      <c r="H11819">
        <v>5.7437220782829996</v>
      </c>
      <c r="I11819">
        <v>51.977163639891998</v>
      </c>
      <c r="J11819" t="s">
        <v>67504</v>
      </c>
    </row>
    <row r="11820" spans="1:10" x14ac:dyDescent="0.25">
      <c r="A11820" t="s">
        <v>11283</v>
      </c>
      <c r="B11820" t="s">
        <v>11284</v>
      </c>
      <c r="C11820" t="s">
        <v>11285</v>
      </c>
      <c r="D11820" t="s">
        <v>11269</v>
      </c>
      <c r="E11820" t="s">
        <v>13</v>
      </c>
      <c r="F11820">
        <v>2262</v>
      </c>
      <c r="G11820" t="s">
        <v>11286</v>
      </c>
      <c r="H11820">
        <v>5.7360289561849997</v>
      </c>
      <c r="I11820">
        <v>51.976907090112</v>
      </c>
      <c r="J11820" t="s">
        <v>67505</v>
      </c>
    </row>
    <row r="11821" spans="1:10" x14ac:dyDescent="0.25">
      <c r="A11821" t="s">
        <v>11279</v>
      </c>
      <c r="B11821" t="s">
        <v>11280</v>
      </c>
      <c r="C11821" t="s">
        <v>11281</v>
      </c>
      <c r="D11821" t="s">
        <v>11269</v>
      </c>
      <c r="E11821" t="s">
        <v>13</v>
      </c>
      <c r="F11821">
        <v>2261</v>
      </c>
      <c r="G11821" t="s">
        <v>11282</v>
      </c>
      <c r="H11821">
        <v>5.7319037868029996</v>
      </c>
      <c r="I11821">
        <v>51.973397299417002</v>
      </c>
      <c r="J11821" t="s">
        <v>67506</v>
      </c>
    </row>
    <row r="11822" spans="1:10" x14ac:dyDescent="0.25">
      <c r="A11822" t="s">
        <v>11275</v>
      </c>
      <c r="B11822" t="s">
        <v>11276</v>
      </c>
      <c r="C11822" t="s">
        <v>11277</v>
      </c>
      <c r="D11822" t="s">
        <v>11269</v>
      </c>
      <c r="E11822" t="s">
        <v>13</v>
      </c>
      <c r="F11822">
        <v>2260</v>
      </c>
      <c r="G11822" t="s">
        <v>11278</v>
      </c>
      <c r="H11822">
        <v>5.7253414065649997</v>
      </c>
      <c r="I11822">
        <v>51.974491650384998</v>
      </c>
      <c r="J11822" t="s">
        <v>67507</v>
      </c>
    </row>
    <row r="11823" spans="1:10" x14ac:dyDescent="0.25">
      <c r="A11823" t="s">
        <v>11271</v>
      </c>
      <c r="B11823" t="s">
        <v>11272</v>
      </c>
      <c r="C11823" t="s">
        <v>11273</v>
      </c>
      <c r="D11823" t="s">
        <v>11269</v>
      </c>
      <c r="E11823" t="s">
        <v>13</v>
      </c>
      <c r="F11823">
        <v>2259</v>
      </c>
      <c r="G11823" t="s">
        <v>11274</v>
      </c>
      <c r="H11823">
        <v>5.7199501994109996</v>
      </c>
      <c r="I11823">
        <v>51.974628356841002</v>
      </c>
      <c r="J11823" t="s">
        <v>67508</v>
      </c>
    </row>
    <row r="11824" spans="1:10" x14ac:dyDescent="0.25">
      <c r="A11824" t="s">
        <v>11266</v>
      </c>
      <c r="B11824" t="s">
        <v>11267</v>
      </c>
      <c r="C11824" t="s">
        <v>11268</v>
      </c>
      <c r="D11824" t="s">
        <v>11269</v>
      </c>
      <c r="E11824" t="s">
        <v>13</v>
      </c>
      <c r="F11824">
        <v>2258</v>
      </c>
      <c r="G11824" t="s">
        <v>11270</v>
      </c>
      <c r="H11824">
        <v>5.7332244538310002</v>
      </c>
      <c r="I11824">
        <v>51.97023755731</v>
      </c>
      <c r="J11824" t="s">
        <v>67509</v>
      </c>
    </row>
    <row r="11825" spans="1:10" x14ac:dyDescent="0.25">
      <c r="A11825" t="s">
        <v>11263</v>
      </c>
      <c r="B11825" t="s">
        <v>11264</v>
      </c>
      <c r="C11825" t="s">
        <v>10114</v>
      </c>
      <c r="D11825" t="s">
        <v>11217</v>
      </c>
      <c r="E11825" t="s">
        <v>13</v>
      </c>
      <c r="F11825">
        <v>2257</v>
      </c>
      <c r="G11825" t="s">
        <v>11265</v>
      </c>
      <c r="H11825">
        <v>5.6492986564659997</v>
      </c>
      <c r="I11825">
        <v>52.243481167218</v>
      </c>
      <c r="J11825" t="s">
        <v>67510</v>
      </c>
    </row>
    <row r="11826" spans="1:10" x14ac:dyDescent="0.25">
      <c r="A11826" t="s">
        <v>11259</v>
      </c>
      <c r="B11826" t="s">
        <v>11260</v>
      </c>
      <c r="C11826" t="s">
        <v>11261</v>
      </c>
      <c r="D11826" t="s">
        <v>11217</v>
      </c>
      <c r="E11826" t="s">
        <v>13</v>
      </c>
      <c r="F11826">
        <v>2256</v>
      </c>
      <c r="G11826" t="s">
        <v>11262</v>
      </c>
      <c r="H11826">
        <v>5.6207555685579997</v>
      </c>
      <c r="I11826">
        <v>52.226141977860003</v>
      </c>
      <c r="J11826" t="s">
        <v>67511</v>
      </c>
    </row>
    <row r="11827" spans="1:10" x14ac:dyDescent="0.25">
      <c r="A11827" t="s">
        <v>11255</v>
      </c>
      <c r="B11827" t="s">
        <v>11256</v>
      </c>
      <c r="C11827" t="s">
        <v>11257</v>
      </c>
      <c r="D11827" t="s">
        <v>11217</v>
      </c>
      <c r="E11827" t="s">
        <v>13</v>
      </c>
      <c r="F11827">
        <v>2255</v>
      </c>
      <c r="G11827" t="s">
        <v>11258</v>
      </c>
      <c r="H11827">
        <v>5.6640954831799997</v>
      </c>
      <c r="I11827">
        <v>52.232961327698</v>
      </c>
      <c r="J11827" t="s">
        <v>67512</v>
      </c>
    </row>
    <row r="11828" spans="1:10" x14ac:dyDescent="0.25">
      <c r="A11828" t="s">
        <v>11251</v>
      </c>
      <c r="B11828" t="s">
        <v>11252</v>
      </c>
      <c r="C11828" t="s">
        <v>11253</v>
      </c>
      <c r="D11828" t="s">
        <v>11217</v>
      </c>
      <c r="E11828" t="s">
        <v>13</v>
      </c>
      <c r="F11828">
        <v>2254</v>
      </c>
      <c r="G11828" t="s">
        <v>11254</v>
      </c>
      <c r="H11828">
        <v>5.5179086934330002</v>
      </c>
      <c r="I11828">
        <v>52.260074743160999</v>
      </c>
      <c r="J11828" t="s">
        <v>67513</v>
      </c>
    </row>
    <row r="11829" spans="1:10" x14ac:dyDescent="0.25">
      <c r="A11829" t="s">
        <v>11247</v>
      </c>
      <c r="B11829" t="s">
        <v>11248</v>
      </c>
      <c r="C11829" t="s">
        <v>11249</v>
      </c>
      <c r="D11829" t="s">
        <v>11217</v>
      </c>
      <c r="E11829" t="s">
        <v>13</v>
      </c>
      <c r="F11829">
        <v>2253</v>
      </c>
      <c r="G11829" t="s">
        <v>11250</v>
      </c>
      <c r="H11829">
        <v>5.5727956081409999</v>
      </c>
      <c r="I11829">
        <v>52.266421865913003</v>
      </c>
      <c r="J11829" t="s">
        <v>67514</v>
      </c>
    </row>
    <row r="11830" spans="1:10" x14ac:dyDescent="0.25">
      <c r="A11830" t="s">
        <v>11243</v>
      </c>
      <c r="B11830" t="s">
        <v>11244</v>
      </c>
      <c r="C11830" t="s">
        <v>11245</v>
      </c>
      <c r="D11830" t="s">
        <v>11217</v>
      </c>
      <c r="E11830" t="s">
        <v>13</v>
      </c>
      <c r="F11830">
        <v>2252</v>
      </c>
      <c r="G11830" t="s">
        <v>11246</v>
      </c>
      <c r="H11830">
        <v>5.5761450936779999</v>
      </c>
      <c r="I11830">
        <v>52.214131200486001</v>
      </c>
      <c r="J11830" t="s">
        <v>67515</v>
      </c>
    </row>
    <row r="11831" spans="1:10" x14ac:dyDescent="0.25">
      <c r="A11831" t="s">
        <v>11239</v>
      </c>
      <c r="B11831" t="s">
        <v>11240</v>
      </c>
      <c r="C11831" t="s">
        <v>11241</v>
      </c>
      <c r="D11831" t="s">
        <v>11217</v>
      </c>
      <c r="E11831" t="s">
        <v>13</v>
      </c>
      <c r="F11831">
        <v>2251</v>
      </c>
      <c r="G11831" t="s">
        <v>11242</v>
      </c>
      <c r="H11831">
        <v>5.5822461154429996</v>
      </c>
      <c r="I11831">
        <v>52.239160553017001</v>
      </c>
      <c r="J11831" t="s">
        <v>67516</v>
      </c>
    </row>
    <row r="11832" spans="1:10" x14ac:dyDescent="0.25">
      <c r="A11832" t="s">
        <v>11235</v>
      </c>
      <c r="B11832" t="s">
        <v>11236</v>
      </c>
      <c r="C11832" t="s">
        <v>11237</v>
      </c>
      <c r="D11832" t="s">
        <v>11217</v>
      </c>
      <c r="E11832" t="s">
        <v>13</v>
      </c>
      <c r="F11832">
        <v>2250</v>
      </c>
      <c r="G11832" t="s">
        <v>11238</v>
      </c>
      <c r="H11832">
        <v>5.5322132234839998</v>
      </c>
      <c r="I11832">
        <v>52.235114476275001</v>
      </c>
      <c r="J11832" t="s">
        <v>67517</v>
      </c>
    </row>
    <row r="11833" spans="1:10" x14ac:dyDescent="0.25">
      <c r="A11833" t="s">
        <v>11231</v>
      </c>
      <c r="B11833" t="s">
        <v>11232</v>
      </c>
      <c r="C11833" t="s">
        <v>11233</v>
      </c>
      <c r="D11833" t="s">
        <v>11217</v>
      </c>
      <c r="E11833" t="s">
        <v>13</v>
      </c>
      <c r="F11833">
        <v>2249</v>
      </c>
      <c r="G11833" t="s">
        <v>11234</v>
      </c>
      <c r="H11833">
        <v>5.5854562859729997</v>
      </c>
      <c r="I11833">
        <v>52.262930025764</v>
      </c>
      <c r="J11833" t="s">
        <v>67518</v>
      </c>
    </row>
    <row r="11834" spans="1:10" x14ac:dyDescent="0.25">
      <c r="A11834" t="s">
        <v>11227</v>
      </c>
      <c r="B11834" t="s">
        <v>11228</v>
      </c>
      <c r="C11834" t="s">
        <v>11229</v>
      </c>
      <c r="D11834" t="s">
        <v>11217</v>
      </c>
      <c r="E11834" t="s">
        <v>13</v>
      </c>
      <c r="F11834">
        <v>2248</v>
      </c>
      <c r="G11834" t="s">
        <v>11230</v>
      </c>
      <c r="H11834">
        <v>5.5967032178359997</v>
      </c>
      <c r="I11834">
        <v>52.256114744237998</v>
      </c>
      <c r="J11834" t="s">
        <v>67519</v>
      </c>
    </row>
    <row r="11835" spans="1:10" x14ac:dyDescent="0.25">
      <c r="A11835" t="s">
        <v>11223</v>
      </c>
      <c r="B11835" t="s">
        <v>11224</v>
      </c>
      <c r="C11835" t="s">
        <v>11225</v>
      </c>
      <c r="D11835" t="s">
        <v>11217</v>
      </c>
      <c r="E11835" t="s">
        <v>13</v>
      </c>
      <c r="F11835">
        <v>2247</v>
      </c>
      <c r="G11835" t="s">
        <v>11226</v>
      </c>
      <c r="H11835">
        <v>5.6168567092300004</v>
      </c>
      <c r="I11835">
        <v>52.266023395676001</v>
      </c>
      <c r="J11835" t="s">
        <v>67520</v>
      </c>
    </row>
    <row r="11836" spans="1:10" x14ac:dyDescent="0.25">
      <c r="A11836" t="s">
        <v>11219</v>
      </c>
      <c r="B11836" t="s">
        <v>11220</v>
      </c>
      <c r="C11836" t="s">
        <v>11221</v>
      </c>
      <c r="D11836" t="s">
        <v>11217</v>
      </c>
      <c r="E11836" t="s">
        <v>13</v>
      </c>
      <c r="F11836">
        <v>2246</v>
      </c>
      <c r="G11836" t="s">
        <v>11222</v>
      </c>
      <c r="H11836">
        <v>5.6142182941460002</v>
      </c>
      <c r="I11836">
        <v>52.255067592850999</v>
      </c>
      <c r="J11836" t="s">
        <v>67521</v>
      </c>
    </row>
    <row r="11837" spans="1:10" x14ac:dyDescent="0.25">
      <c r="A11837" t="s">
        <v>11214</v>
      </c>
      <c r="B11837" t="s">
        <v>11215</v>
      </c>
      <c r="C11837" t="s">
        <v>11216</v>
      </c>
      <c r="D11837" t="s">
        <v>11217</v>
      </c>
      <c r="E11837" t="s">
        <v>13</v>
      </c>
      <c r="F11837">
        <v>2245</v>
      </c>
      <c r="G11837" t="s">
        <v>11218</v>
      </c>
      <c r="H11837">
        <v>5.6055619503600003</v>
      </c>
      <c r="I11837">
        <v>52.259891661227996</v>
      </c>
      <c r="J11837" t="s">
        <v>67522</v>
      </c>
    </row>
    <row r="11838" spans="1:10" x14ac:dyDescent="0.25">
      <c r="A11838" t="s">
        <v>11211</v>
      </c>
      <c r="B11838" t="s">
        <v>11212</v>
      </c>
      <c r="C11838" t="s">
        <v>11205</v>
      </c>
      <c r="D11838" t="s">
        <v>11114</v>
      </c>
      <c r="E11838" t="s">
        <v>13</v>
      </c>
      <c r="F11838">
        <v>2244</v>
      </c>
      <c r="G11838" t="s">
        <v>11213</v>
      </c>
      <c r="H11838">
        <v>5.8790669044220003</v>
      </c>
      <c r="I11838">
        <v>52.483934100611002</v>
      </c>
      <c r="J11838" t="s">
        <v>67523</v>
      </c>
    </row>
    <row r="11839" spans="1:10" x14ac:dyDescent="0.25">
      <c r="A11839" t="s">
        <v>11207</v>
      </c>
      <c r="B11839" t="s">
        <v>11208</v>
      </c>
      <c r="C11839" t="s">
        <v>11209</v>
      </c>
      <c r="D11839" t="s">
        <v>11114</v>
      </c>
      <c r="E11839" t="s">
        <v>13</v>
      </c>
      <c r="F11839">
        <v>2243</v>
      </c>
      <c r="G11839" t="s">
        <v>11210</v>
      </c>
      <c r="H11839">
        <v>5.8752786474930003</v>
      </c>
      <c r="I11839">
        <v>52.507078795447001</v>
      </c>
      <c r="J11839" t="s">
        <v>67524</v>
      </c>
    </row>
    <row r="11840" spans="1:10" x14ac:dyDescent="0.25">
      <c r="A11840" t="s">
        <v>11203</v>
      </c>
      <c r="B11840" t="s">
        <v>11204</v>
      </c>
      <c r="C11840" t="s">
        <v>11205</v>
      </c>
      <c r="D11840" t="s">
        <v>11114</v>
      </c>
      <c r="E11840" t="s">
        <v>13</v>
      </c>
      <c r="F11840">
        <v>2242</v>
      </c>
      <c r="G11840" t="s">
        <v>11206</v>
      </c>
      <c r="H11840">
        <v>5.9053300006259999</v>
      </c>
      <c r="I11840">
        <v>52.469394957566998</v>
      </c>
      <c r="J11840" t="s">
        <v>67525</v>
      </c>
    </row>
    <row r="11841" spans="1:10" x14ac:dyDescent="0.25">
      <c r="A11841" t="s">
        <v>11199</v>
      </c>
      <c r="B11841" t="s">
        <v>11200</v>
      </c>
      <c r="C11841" t="s">
        <v>11201</v>
      </c>
      <c r="D11841" t="s">
        <v>11114</v>
      </c>
      <c r="E11841" t="s">
        <v>13</v>
      </c>
      <c r="F11841">
        <v>2241</v>
      </c>
      <c r="G11841" t="s">
        <v>11202</v>
      </c>
      <c r="H11841">
        <v>5.8879489336519999</v>
      </c>
      <c r="I11841">
        <v>52.455786396695999</v>
      </c>
      <c r="J11841" t="s">
        <v>67526</v>
      </c>
    </row>
    <row r="11842" spans="1:10" x14ac:dyDescent="0.25">
      <c r="A11842" t="s">
        <v>11195</v>
      </c>
      <c r="B11842" t="s">
        <v>11196</v>
      </c>
      <c r="C11842" t="s">
        <v>11197</v>
      </c>
      <c r="D11842" t="s">
        <v>11114</v>
      </c>
      <c r="E11842" t="s">
        <v>13</v>
      </c>
      <c r="F11842">
        <v>2240</v>
      </c>
      <c r="G11842" t="s">
        <v>11198</v>
      </c>
      <c r="H11842">
        <v>5.8766452160869997</v>
      </c>
      <c r="I11842">
        <v>52.512418413431</v>
      </c>
      <c r="J11842" t="s">
        <v>67527</v>
      </c>
    </row>
    <row r="11843" spans="1:10" x14ac:dyDescent="0.25">
      <c r="A11843" t="s">
        <v>11191</v>
      </c>
      <c r="B11843" t="s">
        <v>11192</v>
      </c>
      <c r="C11843" t="s">
        <v>11193</v>
      </c>
      <c r="D11843" t="s">
        <v>11114</v>
      </c>
      <c r="E11843" t="s">
        <v>13</v>
      </c>
      <c r="F11843">
        <v>2239</v>
      </c>
      <c r="G11843" t="s">
        <v>11194</v>
      </c>
      <c r="H11843">
        <v>5.8956540207910004</v>
      </c>
      <c r="I11843">
        <v>52.465233653445999</v>
      </c>
      <c r="J11843" t="s">
        <v>67528</v>
      </c>
    </row>
    <row r="11844" spans="1:10" x14ac:dyDescent="0.25">
      <c r="A11844" t="s">
        <v>11187</v>
      </c>
      <c r="B11844" t="s">
        <v>11188</v>
      </c>
      <c r="C11844" t="s">
        <v>11189</v>
      </c>
      <c r="D11844" t="s">
        <v>11114</v>
      </c>
      <c r="E11844" t="s">
        <v>13</v>
      </c>
      <c r="F11844">
        <v>2238</v>
      </c>
      <c r="G11844" t="s">
        <v>11190</v>
      </c>
      <c r="H11844">
        <v>5.9826640877250004</v>
      </c>
      <c r="I11844">
        <v>52.446265470259</v>
      </c>
      <c r="J11844" t="s">
        <v>67529</v>
      </c>
    </row>
    <row r="11845" spans="1:10" x14ac:dyDescent="0.25">
      <c r="A11845" t="s">
        <v>11183</v>
      </c>
      <c r="B11845" t="s">
        <v>11184</v>
      </c>
      <c r="C11845" t="s">
        <v>11185</v>
      </c>
      <c r="D11845" t="s">
        <v>11114</v>
      </c>
      <c r="E11845" t="s">
        <v>13</v>
      </c>
      <c r="F11845">
        <v>2237</v>
      </c>
      <c r="G11845" t="s">
        <v>11186</v>
      </c>
      <c r="H11845">
        <v>6.0268951265109996</v>
      </c>
      <c r="I11845">
        <v>52.465427803996</v>
      </c>
      <c r="J11845" t="s">
        <v>67530</v>
      </c>
    </row>
    <row r="11846" spans="1:10" x14ac:dyDescent="0.25">
      <c r="A11846" t="s">
        <v>11179</v>
      </c>
      <c r="B11846" t="s">
        <v>11180</v>
      </c>
      <c r="C11846" t="s">
        <v>11181</v>
      </c>
      <c r="D11846" t="s">
        <v>11114</v>
      </c>
      <c r="E11846" t="s">
        <v>13</v>
      </c>
      <c r="F11846">
        <v>2236</v>
      </c>
      <c r="G11846" t="s">
        <v>11182</v>
      </c>
      <c r="H11846">
        <v>6.0058510326979997</v>
      </c>
      <c r="I11846">
        <v>52.486300177323002</v>
      </c>
      <c r="J11846" t="s">
        <v>67531</v>
      </c>
    </row>
    <row r="11847" spans="1:10" x14ac:dyDescent="0.25">
      <c r="A11847" t="s">
        <v>11175</v>
      </c>
      <c r="B11847" t="s">
        <v>11176</v>
      </c>
      <c r="C11847" t="s">
        <v>11177</v>
      </c>
      <c r="D11847" t="s">
        <v>11114</v>
      </c>
      <c r="E11847" t="s">
        <v>13</v>
      </c>
      <c r="F11847">
        <v>2235</v>
      </c>
      <c r="G11847" t="s">
        <v>11178</v>
      </c>
      <c r="H11847">
        <v>6.0042523037739999</v>
      </c>
      <c r="I11847">
        <v>52.444140922018001</v>
      </c>
      <c r="J11847" t="s">
        <v>67532</v>
      </c>
    </row>
    <row r="11848" spans="1:10" x14ac:dyDescent="0.25">
      <c r="A11848" t="s">
        <v>11171</v>
      </c>
      <c r="B11848" t="s">
        <v>11172</v>
      </c>
      <c r="C11848" t="s">
        <v>11173</v>
      </c>
      <c r="D11848" t="s">
        <v>11114</v>
      </c>
      <c r="E11848" t="s">
        <v>13</v>
      </c>
      <c r="F11848">
        <v>2234</v>
      </c>
      <c r="G11848" t="s">
        <v>11174</v>
      </c>
      <c r="H11848">
        <v>5.9838991668089996</v>
      </c>
      <c r="I11848">
        <v>52.477229141316002</v>
      </c>
      <c r="J11848" t="s">
        <v>67533</v>
      </c>
    </row>
    <row r="11849" spans="1:10" x14ac:dyDescent="0.25">
      <c r="A11849" t="s">
        <v>11167</v>
      </c>
      <c r="B11849" t="s">
        <v>11168</v>
      </c>
      <c r="C11849" t="s">
        <v>11169</v>
      </c>
      <c r="D11849" t="s">
        <v>11114</v>
      </c>
      <c r="E11849" t="s">
        <v>13</v>
      </c>
      <c r="F11849">
        <v>2233</v>
      </c>
      <c r="G11849" t="s">
        <v>11170</v>
      </c>
      <c r="H11849">
        <v>5.9629572635020001</v>
      </c>
      <c r="I11849">
        <v>52.466079004336997</v>
      </c>
      <c r="J11849" t="s">
        <v>67534</v>
      </c>
    </row>
    <row r="11850" spans="1:10" x14ac:dyDescent="0.25">
      <c r="A11850" t="s">
        <v>11163</v>
      </c>
      <c r="B11850" t="s">
        <v>11164</v>
      </c>
      <c r="C11850" t="s">
        <v>11165</v>
      </c>
      <c r="D11850" t="s">
        <v>11114</v>
      </c>
      <c r="E11850" t="s">
        <v>13</v>
      </c>
      <c r="F11850">
        <v>2232</v>
      </c>
      <c r="G11850" t="s">
        <v>11166</v>
      </c>
      <c r="H11850">
        <v>6.0005430797660004</v>
      </c>
      <c r="I11850">
        <v>52.470387900805001</v>
      </c>
      <c r="J11850" t="s">
        <v>67535</v>
      </c>
    </row>
    <row r="11851" spans="1:10" x14ac:dyDescent="0.25">
      <c r="A11851" t="s">
        <v>11159</v>
      </c>
      <c r="B11851" t="s">
        <v>11160</v>
      </c>
      <c r="C11851" t="s">
        <v>11161</v>
      </c>
      <c r="D11851" t="s">
        <v>11114</v>
      </c>
      <c r="E11851" t="s">
        <v>13</v>
      </c>
      <c r="F11851">
        <v>2231</v>
      </c>
      <c r="G11851" t="s">
        <v>11162</v>
      </c>
      <c r="H11851">
        <v>5.9862457821439996</v>
      </c>
      <c r="I11851">
        <v>52.455623663132002</v>
      </c>
      <c r="J11851" t="s">
        <v>67536</v>
      </c>
    </row>
    <row r="11852" spans="1:10" x14ac:dyDescent="0.25">
      <c r="A11852" t="s">
        <v>11155</v>
      </c>
      <c r="B11852" t="s">
        <v>11156</v>
      </c>
      <c r="C11852" t="s">
        <v>11157</v>
      </c>
      <c r="D11852" t="s">
        <v>11114</v>
      </c>
      <c r="E11852" t="s">
        <v>13</v>
      </c>
      <c r="F11852">
        <v>2230</v>
      </c>
      <c r="G11852" t="s">
        <v>11158</v>
      </c>
      <c r="H11852">
        <v>6.0228986978399996</v>
      </c>
      <c r="I11852">
        <v>52.475294230307</v>
      </c>
      <c r="J11852" t="s">
        <v>67537</v>
      </c>
    </row>
    <row r="11853" spans="1:10" x14ac:dyDescent="0.25">
      <c r="A11853" t="s">
        <v>11151</v>
      </c>
      <c r="B11853" t="s">
        <v>11152</v>
      </c>
      <c r="C11853" t="s">
        <v>11153</v>
      </c>
      <c r="D11853" t="s">
        <v>11114</v>
      </c>
      <c r="E11853" t="s">
        <v>13</v>
      </c>
      <c r="F11853">
        <v>2229</v>
      </c>
      <c r="G11853" t="s">
        <v>11154</v>
      </c>
      <c r="H11853">
        <v>6.0086283768469997</v>
      </c>
      <c r="I11853">
        <v>52.464816526356998</v>
      </c>
      <c r="J11853" t="s">
        <v>67538</v>
      </c>
    </row>
    <row r="11854" spans="1:10" x14ac:dyDescent="0.25">
      <c r="A11854" t="s">
        <v>11147</v>
      </c>
      <c r="B11854" t="s">
        <v>11148</v>
      </c>
      <c r="C11854" t="s">
        <v>11149</v>
      </c>
      <c r="D11854" t="s">
        <v>11114</v>
      </c>
      <c r="E11854" t="s">
        <v>13</v>
      </c>
      <c r="F11854">
        <v>2228</v>
      </c>
      <c r="G11854" t="s">
        <v>11150</v>
      </c>
      <c r="H11854">
        <v>5.998856169453</v>
      </c>
      <c r="I11854">
        <v>52.456579301551002</v>
      </c>
      <c r="J11854" t="s">
        <v>67539</v>
      </c>
    </row>
    <row r="11855" spans="1:10" x14ac:dyDescent="0.25">
      <c r="A11855" t="s">
        <v>11143</v>
      </c>
      <c r="B11855" t="s">
        <v>11144</v>
      </c>
      <c r="C11855" t="s">
        <v>11145</v>
      </c>
      <c r="D11855" t="s">
        <v>11114</v>
      </c>
      <c r="E11855" t="s">
        <v>13</v>
      </c>
      <c r="F11855">
        <v>2227</v>
      </c>
      <c r="G11855" t="s">
        <v>11146</v>
      </c>
      <c r="H11855">
        <v>5.9681789015110001</v>
      </c>
      <c r="I11855">
        <v>52.429792536586</v>
      </c>
      <c r="J11855" t="s">
        <v>67540</v>
      </c>
    </row>
    <row r="11856" spans="1:10" x14ac:dyDescent="0.25">
      <c r="A11856" t="s">
        <v>11139</v>
      </c>
      <c r="B11856" t="s">
        <v>11140</v>
      </c>
      <c r="C11856" t="s">
        <v>11141</v>
      </c>
      <c r="D11856" t="s">
        <v>11114</v>
      </c>
      <c r="E11856" t="s">
        <v>13</v>
      </c>
      <c r="F11856">
        <v>2226</v>
      </c>
      <c r="G11856" t="s">
        <v>11142</v>
      </c>
      <c r="H11856">
        <v>5.9473334400490003</v>
      </c>
      <c r="I11856">
        <v>52.445020636429</v>
      </c>
      <c r="J11856" t="s">
        <v>67541</v>
      </c>
    </row>
    <row r="11857" spans="1:10" x14ac:dyDescent="0.25">
      <c r="A11857" t="s">
        <v>11135</v>
      </c>
      <c r="B11857" t="s">
        <v>11136</v>
      </c>
      <c r="C11857" t="s">
        <v>11137</v>
      </c>
      <c r="D11857" t="s">
        <v>11114</v>
      </c>
      <c r="E11857" t="s">
        <v>13</v>
      </c>
      <c r="F11857">
        <v>2225</v>
      </c>
      <c r="G11857" t="s">
        <v>11138</v>
      </c>
      <c r="H11857">
        <v>5.9085128015199997</v>
      </c>
      <c r="I11857">
        <v>52.455595402393001</v>
      </c>
      <c r="J11857" t="s">
        <v>67542</v>
      </c>
    </row>
    <row r="11858" spans="1:10" x14ac:dyDescent="0.25">
      <c r="A11858" t="s">
        <v>11131</v>
      </c>
      <c r="B11858" t="s">
        <v>11132</v>
      </c>
      <c r="C11858" t="s">
        <v>11133</v>
      </c>
      <c r="D11858" t="s">
        <v>11114</v>
      </c>
      <c r="E11858" t="s">
        <v>13</v>
      </c>
      <c r="F11858">
        <v>2224</v>
      </c>
      <c r="G11858" t="s">
        <v>11134</v>
      </c>
      <c r="H11858">
        <v>5.9355157344410001</v>
      </c>
      <c r="I11858">
        <v>52.412755846724998</v>
      </c>
      <c r="J11858" t="s">
        <v>67543</v>
      </c>
    </row>
    <row r="11859" spans="1:10" x14ac:dyDescent="0.25">
      <c r="A11859" t="s">
        <v>11127</v>
      </c>
      <c r="B11859" t="s">
        <v>11128</v>
      </c>
      <c r="C11859" t="s">
        <v>11129</v>
      </c>
      <c r="D11859" t="s">
        <v>11114</v>
      </c>
      <c r="E11859" t="s">
        <v>13</v>
      </c>
      <c r="F11859">
        <v>2223</v>
      </c>
      <c r="G11859" t="s">
        <v>11130</v>
      </c>
      <c r="H11859">
        <v>5.9177140709789997</v>
      </c>
      <c r="I11859">
        <v>52.440141712428002</v>
      </c>
      <c r="J11859" t="s">
        <v>67544</v>
      </c>
    </row>
    <row r="11860" spans="1:10" x14ac:dyDescent="0.25">
      <c r="A11860" t="s">
        <v>11124</v>
      </c>
      <c r="B11860" t="s">
        <v>11125</v>
      </c>
      <c r="C11860" t="s">
        <v>9839</v>
      </c>
      <c r="D11860" t="s">
        <v>11114</v>
      </c>
      <c r="E11860" t="s">
        <v>13</v>
      </c>
      <c r="F11860">
        <v>2222</v>
      </c>
      <c r="G11860" t="s">
        <v>11126</v>
      </c>
      <c r="H11860">
        <v>5.9535354253139996</v>
      </c>
      <c r="I11860">
        <v>52.445645296865997</v>
      </c>
      <c r="J11860" t="s">
        <v>67545</v>
      </c>
    </row>
    <row r="11861" spans="1:10" x14ac:dyDescent="0.25">
      <c r="A11861" t="s">
        <v>11120</v>
      </c>
      <c r="B11861" t="s">
        <v>11121</v>
      </c>
      <c r="C11861" t="s">
        <v>11122</v>
      </c>
      <c r="D11861" t="s">
        <v>11114</v>
      </c>
      <c r="E11861" t="s">
        <v>13</v>
      </c>
      <c r="F11861">
        <v>2221</v>
      </c>
      <c r="G11861" t="s">
        <v>11123</v>
      </c>
      <c r="H11861">
        <v>5.9257068797160004</v>
      </c>
      <c r="I11861">
        <v>52.455605692337002</v>
      </c>
      <c r="J11861" t="s">
        <v>67546</v>
      </c>
    </row>
    <row r="11862" spans="1:10" x14ac:dyDescent="0.25">
      <c r="A11862" t="s">
        <v>11116</v>
      </c>
      <c r="B11862" t="s">
        <v>11117</v>
      </c>
      <c r="C11862" t="s">
        <v>11118</v>
      </c>
      <c r="D11862" t="s">
        <v>11114</v>
      </c>
      <c r="E11862" t="s">
        <v>13</v>
      </c>
      <c r="F11862">
        <v>2220</v>
      </c>
      <c r="G11862" t="s">
        <v>11119</v>
      </c>
      <c r="H11862">
        <v>5.9038545547599997</v>
      </c>
      <c r="I11862">
        <v>52.438990166084999</v>
      </c>
      <c r="J11862" t="s">
        <v>67547</v>
      </c>
    </row>
    <row r="11863" spans="1:10" x14ac:dyDescent="0.25">
      <c r="A11863" t="s">
        <v>11111</v>
      </c>
      <c r="B11863" t="s">
        <v>11112</v>
      </c>
      <c r="C11863" t="s">
        <v>11113</v>
      </c>
      <c r="D11863" t="s">
        <v>11114</v>
      </c>
      <c r="E11863" t="s">
        <v>13</v>
      </c>
      <c r="F11863">
        <v>2219</v>
      </c>
      <c r="G11863" t="s">
        <v>11115</v>
      </c>
      <c r="H11863">
        <v>5.8988903393190002</v>
      </c>
      <c r="I11863">
        <v>52.444738229616</v>
      </c>
      <c r="J11863" t="s">
        <v>67548</v>
      </c>
    </row>
    <row r="11864" spans="1:10" x14ac:dyDescent="0.25">
      <c r="A11864" t="s">
        <v>11107</v>
      </c>
      <c r="B11864" t="s">
        <v>11108</v>
      </c>
      <c r="C11864" t="s">
        <v>11109</v>
      </c>
      <c r="D11864" t="s">
        <v>10938</v>
      </c>
      <c r="E11864" t="s">
        <v>13</v>
      </c>
      <c r="F11864">
        <v>2218</v>
      </c>
      <c r="G11864" t="s">
        <v>11110</v>
      </c>
      <c r="H11864">
        <v>5.8622323137379997</v>
      </c>
      <c r="I11864">
        <v>51.864602558336003</v>
      </c>
      <c r="J11864" t="s">
        <v>67549</v>
      </c>
    </row>
    <row r="11865" spans="1:10" x14ac:dyDescent="0.25">
      <c r="A11865" t="s">
        <v>11103</v>
      </c>
      <c r="B11865" t="s">
        <v>11104</v>
      </c>
      <c r="C11865" t="s">
        <v>11105</v>
      </c>
      <c r="D11865" t="s">
        <v>10938</v>
      </c>
      <c r="E11865" t="s">
        <v>13</v>
      </c>
      <c r="F11865">
        <v>2217</v>
      </c>
      <c r="G11865" t="s">
        <v>11106</v>
      </c>
      <c r="H11865">
        <v>5.8561889885490004</v>
      </c>
      <c r="I11865">
        <v>51.885443653289997</v>
      </c>
      <c r="J11865" t="s">
        <v>67550</v>
      </c>
    </row>
    <row r="11866" spans="1:10" x14ac:dyDescent="0.25">
      <c r="A11866" t="s">
        <v>11099</v>
      </c>
      <c r="B11866" t="s">
        <v>11100</v>
      </c>
      <c r="C11866" t="s">
        <v>11101</v>
      </c>
      <c r="D11866" t="s">
        <v>10938</v>
      </c>
      <c r="E11866" t="s">
        <v>13</v>
      </c>
      <c r="F11866">
        <v>2216</v>
      </c>
      <c r="G11866" t="s">
        <v>11102</v>
      </c>
      <c r="H11866">
        <v>5.8373969238700001</v>
      </c>
      <c r="I11866">
        <v>51.875275506415001</v>
      </c>
      <c r="J11866" t="s">
        <v>67551</v>
      </c>
    </row>
    <row r="11867" spans="1:10" x14ac:dyDescent="0.25">
      <c r="A11867" t="s">
        <v>11095</v>
      </c>
      <c r="B11867" t="s">
        <v>11096</v>
      </c>
      <c r="C11867" t="s">
        <v>11097</v>
      </c>
      <c r="D11867" t="s">
        <v>10938</v>
      </c>
      <c r="E11867" t="s">
        <v>13</v>
      </c>
      <c r="F11867">
        <v>2215</v>
      </c>
      <c r="G11867" t="s">
        <v>11098</v>
      </c>
      <c r="H11867">
        <v>5.7696876210020003</v>
      </c>
      <c r="I11867">
        <v>51.831602816928999</v>
      </c>
      <c r="J11867" t="s">
        <v>67552</v>
      </c>
    </row>
    <row r="11868" spans="1:10" x14ac:dyDescent="0.25">
      <c r="A11868" t="s">
        <v>11091</v>
      </c>
      <c r="B11868" t="s">
        <v>11092</v>
      </c>
      <c r="C11868" t="s">
        <v>11093</v>
      </c>
      <c r="D11868" t="s">
        <v>10938</v>
      </c>
      <c r="E11868" t="s">
        <v>13</v>
      </c>
      <c r="F11868">
        <v>2214</v>
      </c>
      <c r="G11868" t="s">
        <v>11094</v>
      </c>
      <c r="H11868">
        <v>5.7965273379209998</v>
      </c>
      <c r="I11868">
        <v>51.841701482203</v>
      </c>
      <c r="J11868" t="s">
        <v>67553</v>
      </c>
    </row>
    <row r="11869" spans="1:10" x14ac:dyDescent="0.25">
      <c r="A11869" t="s">
        <v>11087</v>
      </c>
      <c r="B11869" t="s">
        <v>11088</v>
      </c>
      <c r="C11869" t="s">
        <v>11089</v>
      </c>
      <c r="D11869" t="s">
        <v>10938</v>
      </c>
      <c r="E11869" t="s">
        <v>13</v>
      </c>
      <c r="F11869">
        <v>2213</v>
      </c>
      <c r="G11869" t="s">
        <v>11090</v>
      </c>
      <c r="H11869">
        <v>5.8086394202790004</v>
      </c>
      <c r="I11869">
        <v>51.845123609151003</v>
      </c>
      <c r="J11869" t="s">
        <v>67554</v>
      </c>
    </row>
    <row r="11870" spans="1:10" x14ac:dyDescent="0.25">
      <c r="A11870" t="s">
        <v>11083</v>
      </c>
      <c r="B11870" t="s">
        <v>11084</v>
      </c>
      <c r="C11870" t="s">
        <v>11085</v>
      </c>
      <c r="D11870" t="s">
        <v>10938</v>
      </c>
      <c r="E11870" t="s">
        <v>13</v>
      </c>
      <c r="F11870">
        <v>2212</v>
      </c>
      <c r="G11870" t="s">
        <v>11086</v>
      </c>
      <c r="H11870">
        <v>5.7835356067649997</v>
      </c>
      <c r="I11870">
        <v>51.824523556088003</v>
      </c>
      <c r="J11870" t="s">
        <v>67555</v>
      </c>
    </row>
    <row r="11871" spans="1:10" x14ac:dyDescent="0.25">
      <c r="A11871" t="s">
        <v>11079</v>
      </c>
      <c r="B11871" t="s">
        <v>11080</v>
      </c>
      <c r="C11871" t="s">
        <v>11081</v>
      </c>
      <c r="D11871" t="s">
        <v>10938</v>
      </c>
      <c r="E11871" t="s">
        <v>13</v>
      </c>
      <c r="F11871">
        <v>2211</v>
      </c>
      <c r="G11871" t="s">
        <v>11082</v>
      </c>
      <c r="H11871">
        <v>5.7812354662120002</v>
      </c>
      <c r="I11871">
        <v>51.829872104412999</v>
      </c>
      <c r="J11871" t="s">
        <v>67556</v>
      </c>
    </row>
    <row r="11872" spans="1:10" x14ac:dyDescent="0.25">
      <c r="A11872" t="s">
        <v>11075</v>
      </c>
      <c r="B11872" t="s">
        <v>11076</v>
      </c>
      <c r="C11872" t="s">
        <v>11077</v>
      </c>
      <c r="D11872" t="s">
        <v>10938</v>
      </c>
      <c r="E11872" t="s">
        <v>13</v>
      </c>
      <c r="F11872">
        <v>2210</v>
      </c>
      <c r="G11872" t="s">
        <v>11078</v>
      </c>
      <c r="H11872">
        <v>5.8016520539699998</v>
      </c>
      <c r="I11872">
        <v>51.830265999227997</v>
      </c>
      <c r="J11872" t="s">
        <v>67557</v>
      </c>
    </row>
    <row r="11873" spans="1:10" x14ac:dyDescent="0.25">
      <c r="A11873" t="s">
        <v>11071</v>
      </c>
      <c r="B11873" t="s">
        <v>11072</v>
      </c>
      <c r="C11873" t="s">
        <v>11073</v>
      </c>
      <c r="D11873" t="s">
        <v>10938</v>
      </c>
      <c r="E11873" t="s">
        <v>13</v>
      </c>
      <c r="F11873">
        <v>2209</v>
      </c>
      <c r="G11873" t="s">
        <v>11074</v>
      </c>
      <c r="H11873">
        <v>5.7881451997140001</v>
      </c>
      <c r="I11873">
        <v>51.836438859277003</v>
      </c>
      <c r="J11873" t="s">
        <v>67558</v>
      </c>
    </row>
    <row r="11874" spans="1:10" x14ac:dyDescent="0.25">
      <c r="A11874" t="s">
        <v>11067</v>
      </c>
      <c r="B11874" t="s">
        <v>11068</v>
      </c>
      <c r="C11874" t="s">
        <v>11069</v>
      </c>
      <c r="D11874" t="s">
        <v>10938</v>
      </c>
      <c r="E11874" t="s">
        <v>13</v>
      </c>
      <c r="F11874">
        <v>2208</v>
      </c>
      <c r="G11874" t="s">
        <v>11070</v>
      </c>
      <c r="H11874">
        <v>5.7885625132509997</v>
      </c>
      <c r="I11874">
        <v>51.808962404675</v>
      </c>
      <c r="J11874" t="s">
        <v>67559</v>
      </c>
    </row>
    <row r="11875" spans="1:10" x14ac:dyDescent="0.25">
      <c r="A11875" t="s">
        <v>11063</v>
      </c>
      <c r="B11875" t="s">
        <v>11064</v>
      </c>
      <c r="C11875" t="s">
        <v>11065</v>
      </c>
      <c r="D11875" t="s">
        <v>10938</v>
      </c>
      <c r="E11875" t="s">
        <v>13</v>
      </c>
      <c r="F11875">
        <v>2207</v>
      </c>
      <c r="G11875" t="s">
        <v>11066</v>
      </c>
      <c r="H11875">
        <v>5.8152400697889997</v>
      </c>
      <c r="I11875">
        <v>51.796290196849</v>
      </c>
      <c r="J11875" t="s">
        <v>67560</v>
      </c>
    </row>
    <row r="11876" spans="1:10" x14ac:dyDescent="0.25">
      <c r="A11876" t="s">
        <v>11059</v>
      </c>
      <c r="B11876" t="s">
        <v>11060</v>
      </c>
      <c r="C11876" t="s">
        <v>11061</v>
      </c>
      <c r="D11876" t="s">
        <v>10938</v>
      </c>
      <c r="E11876" t="s">
        <v>13</v>
      </c>
      <c r="F11876">
        <v>2206</v>
      </c>
      <c r="G11876" t="s">
        <v>11062</v>
      </c>
      <c r="H11876">
        <v>5.8091530984700004</v>
      </c>
      <c r="I11876">
        <v>51.800194531556002</v>
      </c>
      <c r="J11876" t="s">
        <v>67561</v>
      </c>
    </row>
    <row r="11877" spans="1:10" x14ac:dyDescent="0.25">
      <c r="A11877" t="s">
        <v>11055</v>
      </c>
      <c r="B11877" t="s">
        <v>11056</v>
      </c>
      <c r="C11877" t="s">
        <v>11057</v>
      </c>
      <c r="D11877" t="s">
        <v>10938</v>
      </c>
      <c r="E11877" t="s">
        <v>13</v>
      </c>
      <c r="F11877">
        <v>2205</v>
      </c>
      <c r="G11877" t="s">
        <v>11058</v>
      </c>
      <c r="H11877">
        <v>5.8091731095699997</v>
      </c>
      <c r="I11877">
        <v>51.808324715978998</v>
      </c>
      <c r="J11877" t="s">
        <v>67562</v>
      </c>
    </row>
    <row r="11878" spans="1:10" x14ac:dyDescent="0.25">
      <c r="A11878" t="s">
        <v>11051</v>
      </c>
      <c r="B11878" t="s">
        <v>11052</v>
      </c>
      <c r="C11878" t="s">
        <v>11053</v>
      </c>
      <c r="D11878" t="s">
        <v>10938</v>
      </c>
      <c r="E11878" t="s">
        <v>13</v>
      </c>
      <c r="F11878">
        <v>2204</v>
      </c>
      <c r="G11878" t="s">
        <v>11054</v>
      </c>
      <c r="H11878">
        <v>5.8006640814979997</v>
      </c>
      <c r="I11878">
        <v>51.805806322948001</v>
      </c>
      <c r="J11878" t="s">
        <v>67563</v>
      </c>
    </row>
    <row r="11879" spans="1:10" x14ac:dyDescent="0.25">
      <c r="A11879" t="s">
        <v>11047</v>
      </c>
      <c r="B11879" t="s">
        <v>11048</v>
      </c>
      <c r="C11879" t="s">
        <v>11049</v>
      </c>
      <c r="D11879" t="s">
        <v>10938</v>
      </c>
      <c r="E11879" t="s">
        <v>13</v>
      </c>
      <c r="F11879">
        <v>2203</v>
      </c>
      <c r="G11879" t="s">
        <v>11050</v>
      </c>
      <c r="H11879">
        <v>5.8082078335120002</v>
      </c>
      <c r="I11879">
        <v>51.814343925593001</v>
      </c>
      <c r="J11879" t="s">
        <v>67564</v>
      </c>
    </row>
    <row r="11880" spans="1:10" x14ac:dyDescent="0.25">
      <c r="A11880" t="s">
        <v>11043</v>
      </c>
      <c r="B11880" t="s">
        <v>11044</v>
      </c>
      <c r="C11880" t="s">
        <v>11045</v>
      </c>
      <c r="D11880" t="s">
        <v>10938</v>
      </c>
      <c r="E11880" t="s">
        <v>13</v>
      </c>
      <c r="F11880">
        <v>2202</v>
      </c>
      <c r="G11880" t="s">
        <v>11046</v>
      </c>
      <c r="H11880">
        <v>5.7971161243980003</v>
      </c>
      <c r="I11880">
        <v>51.812124865091</v>
      </c>
      <c r="J11880" t="s">
        <v>67565</v>
      </c>
    </row>
    <row r="11881" spans="1:10" x14ac:dyDescent="0.25">
      <c r="A11881" t="s">
        <v>11039</v>
      </c>
      <c r="B11881" t="s">
        <v>11040</v>
      </c>
      <c r="C11881" t="s">
        <v>11041</v>
      </c>
      <c r="D11881" t="s">
        <v>10938</v>
      </c>
      <c r="E11881" t="s">
        <v>13</v>
      </c>
      <c r="F11881">
        <v>2201</v>
      </c>
      <c r="G11881" t="s">
        <v>11042</v>
      </c>
      <c r="H11881">
        <v>5.8030769917710003</v>
      </c>
      <c r="I11881">
        <v>51.821209004429001</v>
      </c>
      <c r="J11881" t="s">
        <v>67566</v>
      </c>
    </row>
    <row r="11882" spans="1:10" x14ac:dyDescent="0.25">
      <c r="A11882" t="s">
        <v>11035</v>
      </c>
      <c r="B11882" t="s">
        <v>11036</v>
      </c>
      <c r="C11882" t="s">
        <v>11037</v>
      </c>
      <c r="D11882" t="s">
        <v>10938</v>
      </c>
      <c r="E11882" t="s">
        <v>13</v>
      </c>
      <c r="F11882">
        <v>2200</v>
      </c>
      <c r="G11882" t="s">
        <v>11038</v>
      </c>
      <c r="H11882">
        <v>5.7919261271810001</v>
      </c>
      <c r="I11882">
        <v>51.818532208941001</v>
      </c>
      <c r="J11882" t="s">
        <v>67567</v>
      </c>
    </row>
    <row r="11883" spans="1:10" x14ac:dyDescent="0.25">
      <c r="A11883" t="s">
        <v>11031</v>
      </c>
      <c r="B11883" t="s">
        <v>11032</v>
      </c>
      <c r="C11883" t="s">
        <v>11033</v>
      </c>
      <c r="D11883" t="s">
        <v>10938</v>
      </c>
      <c r="E11883" t="s">
        <v>13</v>
      </c>
      <c r="F11883">
        <v>2199</v>
      </c>
      <c r="G11883" t="s">
        <v>11034</v>
      </c>
      <c r="H11883">
        <v>5.8653682446040003</v>
      </c>
      <c r="I11883">
        <v>51.813284084887997</v>
      </c>
      <c r="J11883" t="s">
        <v>67568</v>
      </c>
    </row>
    <row r="11884" spans="1:10" x14ac:dyDescent="0.25">
      <c r="A11884" t="s">
        <v>11027</v>
      </c>
      <c r="B11884" t="s">
        <v>11028</v>
      </c>
      <c r="C11884" t="s">
        <v>11029</v>
      </c>
      <c r="D11884" t="s">
        <v>10938</v>
      </c>
      <c r="E11884" t="s">
        <v>13</v>
      </c>
      <c r="F11884">
        <v>2198</v>
      </c>
      <c r="G11884" t="s">
        <v>11030</v>
      </c>
      <c r="H11884">
        <v>5.8251374967020002</v>
      </c>
      <c r="I11884">
        <v>51.806812775094997</v>
      </c>
      <c r="J11884" t="s">
        <v>67569</v>
      </c>
    </row>
    <row r="11885" spans="1:10" x14ac:dyDescent="0.25">
      <c r="A11885" t="s">
        <v>11023</v>
      </c>
      <c r="B11885" t="s">
        <v>11024</v>
      </c>
      <c r="C11885" t="s">
        <v>11025</v>
      </c>
      <c r="D11885" t="s">
        <v>10938</v>
      </c>
      <c r="E11885" t="s">
        <v>13</v>
      </c>
      <c r="F11885">
        <v>2197</v>
      </c>
      <c r="G11885" t="s">
        <v>11026</v>
      </c>
      <c r="H11885">
        <v>5.8430101381890003</v>
      </c>
      <c r="I11885">
        <v>51.810883452603001</v>
      </c>
      <c r="J11885" t="s">
        <v>67570</v>
      </c>
    </row>
    <row r="11886" spans="1:10" x14ac:dyDescent="0.25">
      <c r="A11886" t="s">
        <v>11019</v>
      </c>
      <c r="B11886" t="s">
        <v>11020</v>
      </c>
      <c r="C11886" t="s">
        <v>11021</v>
      </c>
      <c r="D11886" t="s">
        <v>10938</v>
      </c>
      <c r="E11886" t="s">
        <v>13</v>
      </c>
      <c r="F11886">
        <v>2196</v>
      </c>
      <c r="G11886" t="s">
        <v>11022</v>
      </c>
      <c r="H11886">
        <v>5.8482473667130002</v>
      </c>
      <c r="I11886">
        <v>51.816783808684001</v>
      </c>
      <c r="J11886" t="s">
        <v>67571</v>
      </c>
    </row>
    <row r="11887" spans="1:10" x14ac:dyDescent="0.25">
      <c r="A11887" t="s">
        <v>11015</v>
      </c>
      <c r="B11887" t="s">
        <v>11016</v>
      </c>
      <c r="C11887" t="s">
        <v>11017</v>
      </c>
      <c r="D11887" t="s">
        <v>10938</v>
      </c>
      <c r="E11887" t="s">
        <v>13</v>
      </c>
      <c r="F11887">
        <v>2195</v>
      </c>
      <c r="G11887" t="s">
        <v>11018</v>
      </c>
      <c r="H11887">
        <v>5.8642126928699998</v>
      </c>
      <c r="I11887">
        <v>51.822625999696001</v>
      </c>
      <c r="J11887" t="s">
        <v>67572</v>
      </c>
    </row>
    <row r="11888" spans="1:10" x14ac:dyDescent="0.25">
      <c r="A11888" t="s">
        <v>11011</v>
      </c>
      <c r="B11888" t="s">
        <v>11012</v>
      </c>
      <c r="C11888" t="s">
        <v>11013</v>
      </c>
      <c r="D11888" t="s">
        <v>10938</v>
      </c>
      <c r="E11888" t="s">
        <v>13</v>
      </c>
      <c r="F11888">
        <v>2194</v>
      </c>
      <c r="G11888" t="s">
        <v>11014</v>
      </c>
      <c r="H11888">
        <v>5.850401173411</v>
      </c>
      <c r="I11888">
        <v>51.822196165483</v>
      </c>
      <c r="J11888" t="s">
        <v>67573</v>
      </c>
    </row>
    <row r="11889" spans="1:10" x14ac:dyDescent="0.25">
      <c r="A11889" t="s">
        <v>11007</v>
      </c>
      <c r="B11889" t="s">
        <v>11008</v>
      </c>
      <c r="C11889" t="s">
        <v>11009</v>
      </c>
      <c r="D11889" t="s">
        <v>10938</v>
      </c>
      <c r="E11889" t="s">
        <v>13</v>
      </c>
      <c r="F11889">
        <v>2193</v>
      </c>
      <c r="G11889" t="s">
        <v>11010</v>
      </c>
      <c r="H11889">
        <v>5.8259487262310001</v>
      </c>
      <c r="I11889">
        <v>51.820758893544003</v>
      </c>
      <c r="J11889" t="s">
        <v>67574</v>
      </c>
    </row>
    <row r="11890" spans="1:10" x14ac:dyDescent="0.25">
      <c r="A11890" t="s">
        <v>11003</v>
      </c>
      <c r="B11890" t="s">
        <v>11004</v>
      </c>
      <c r="C11890" t="s">
        <v>11005</v>
      </c>
      <c r="D11890" t="s">
        <v>10938</v>
      </c>
      <c r="E11890" t="s">
        <v>13</v>
      </c>
      <c r="F11890">
        <v>2192</v>
      </c>
      <c r="G11890" t="s">
        <v>11006</v>
      </c>
      <c r="H11890">
        <v>5.8473154398169997</v>
      </c>
      <c r="I11890">
        <v>51.826759116344</v>
      </c>
      <c r="J11890" t="s">
        <v>67575</v>
      </c>
    </row>
    <row r="11891" spans="1:10" x14ac:dyDescent="0.25">
      <c r="A11891" t="s">
        <v>10999</v>
      </c>
      <c r="B11891" t="s">
        <v>11000</v>
      </c>
      <c r="C11891" t="s">
        <v>11001</v>
      </c>
      <c r="D11891" t="s">
        <v>10938</v>
      </c>
      <c r="E11891" t="s">
        <v>13</v>
      </c>
      <c r="F11891">
        <v>2191</v>
      </c>
      <c r="G11891" t="s">
        <v>11002</v>
      </c>
      <c r="H11891">
        <v>5.8475255501219996</v>
      </c>
      <c r="I11891">
        <v>51.833110460142997</v>
      </c>
      <c r="J11891" t="s">
        <v>67576</v>
      </c>
    </row>
    <row r="11892" spans="1:10" x14ac:dyDescent="0.25">
      <c r="A11892" t="s">
        <v>10995</v>
      </c>
      <c r="B11892" t="s">
        <v>10996</v>
      </c>
      <c r="C11892" t="s">
        <v>10997</v>
      </c>
      <c r="D11892" t="s">
        <v>10938</v>
      </c>
      <c r="E11892" t="s">
        <v>13</v>
      </c>
      <c r="F11892">
        <v>2190</v>
      </c>
      <c r="G11892" t="s">
        <v>10998</v>
      </c>
      <c r="H11892">
        <v>5.8287546520579996</v>
      </c>
      <c r="I11892">
        <v>51.851921096388999</v>
      </c>
      <c r="J11892" t="s">
        <v>67577</v>
      </c>
    </row>
    <row r="11893" spans="1:10" x14ac:dyDescent="0.25">
      <c r="A11893" t="s">
        <v>10991</v>
      </c>
      <c r="B11893" t="s">
        <v>10992</v>
      </c>
      <c r="C11893" t="s">
        <v>10993</v>
      </c>
      <c r="D11893" t="s">
        <v>10938</v>
      </c>
      <c r="E11893" t="s">
        <v>13</v>
      </c>
      <c r="F11893">
        <v>2189</v>
      </c>
      <c r="G11893" t="s">
        <v>10994</v>
      </c>
      <c r="H11893">
        <v>5.8155796607010002</v>
      </c>
      <c r="I11893">
        <v>51.832348598347998</v>
      </c>
      <c r="J11893" t="s">
        <v>67578</v>
      </c>
    </row>
    <row r="11894" spans="1:10" x14ac:dyDescent="0.25">
      <c r="A11894" t="s">
        <v>10987</v>
      </c>
      <c r="B11894" t="s">
        <v>10988</v>
      </c>
      <c r="C11894" t="s">
        <v>10989</v>
      </c>
      <c r="D11894" t="s">
        <v>10938</v>
      </c>
      <c r="E11894" t="s">
        <v>13</v>
      </c>
      <c r="F11894">
        <v>2188</v>
      </c>
      <c r="G11894" t="s">
        <v>10990</v>
      </c>
      <c r="H11894">
        <v>5.831626553395</v>
      </c>
      <c r="I11894">
        <v>51.834621991787998</v>
      </c>
      <c r="J11894" t="s">
        <v>67579</v>
      </c>
    </row>
    <row r="11895" spans="1:10" x14ac:dyDescent="0.25">
      <c r="A11895" t="s">
        <v>10983</v>
      </c>
      <c r="B11895" t="s">
        <v>10984</v>
      </c>
      <c r="C11895" t="s">
        <v>10985</v>
      </c>
      <c r="D11895" t="s">
        <v>10938</v>
      </c>
      <c r="E11895" t="s">
        <v>13</v>
      </c>
      <c r="F11895">
        <v>2187</v>
      </c>
      <c r="G11895" t="s">
        <v>10986</v>
      </c>
      <c r="H11895">
        <v>5.8292964975619999</v>
      </c>
      <c r="I11895">
        <v>51.840859126703997</v>
      </c>
      <c r="J11895" t="s">
        <v>67580</v>
      </c>
    </row>
    <row r="11896" spans="1:10" x14ac:dyDescent="0.25">
      <c r="A11896" t="s">
        <v>10979</v>
      </c>
      <c r="B11896" t="s">
        <v>10980</v>
      </c>
      <c r="C11896" t="s">
        <v>10981</v>
      </c>
      <c r="D11896" t="s">
        <v>10938</v>
      </c>
      <c r="E11896" t="s">
        <v>13</v>
      </c>
      <c r="F11896">
        <v>2186</v>
      </c>
      <c r="G11896" t="s">
        <v>10982</v>
      </c>
      <c r="H11896">
        <v>5.8439688754450003</v>
      </c>
      <c r="I11896">
        <v>51.839556880288001</v>
      </c>
      <c r="J11896" t="s">
        <v>67581</v>
      </c>
    </row>
    <row r="11897" spans="1:10" x14ac:dyDescent="0.25">
      <c r="A11897" t="s">
        <v>10975</v>
      </c>
      <c r="B11897" t="s">
        <v>10976</v>
      </c>
      <c r="C11897" t="s">
        <v>10977</v>
      </c>
      <c r="D11897" t="s">
        <v>10938</v>
      </c>
      <c r="E11897" t="s">
        <v>13</v>
      </c>
      <c r="F11897">
        <v>2185</v>
      </c>
      <c r="G11897" t="s">
        <v>10978</v>
      </c>
      <c r="H11897">
        <v>5.8470233735669996</v>
      </c>
      <c r="I11897">
        <v>51.849452342326003</v>
      </c>
      <c r="J11897" t="s">
        <v>67582</v>
      </c>
    </row>
    <row r="11898" spans="1:10" x14ac:dyDescent="0.25">
      <c r="A11898" t="s">
        <v>10971</v>
      </c>
      <c r="B11898" t="s">
        <v>10972</v>
      </c>
      <c r="C11898" t="s">
        <v>10973</v>
      </c>
      <c r="D11898" t="s">
        <v>10938</v>
      </c>
      <c r="E11898" t="s">
        <v>13</v>
      </c>
      <c r="F11898">
        <v>2184</v>
      </c>
      <c r="G11898" t="s">
        <v>10974</v>
      </c>
      <c r="H11898">
        <v>5.8805077362190001</v>
      </c>
      <c r="I11898">
        <v>51.851764041462999</v>
      </c>
      <c r="J11898" t="s">
        <v>67583</v>
      </c>
    </row>
    <row r="11899" spans="1:10" x14ac:dyDescent="0.25">
      <c r="A11899" t="s">
        <v>10967</v>
      </c>
      <c r="B11899" t="s">
        <v>10968</v>
      </c>
      <c r="C11899" t="s">
        <v>10969</v>
      </c>
      <c r="D11899" t="s">
        <v>10938</v>
      </c>
      <c r="E11899" t="s">
        <v>13</v>
      </c>
      <c r="F11899">
        <v>2183</v>
      </c>
      <c r="G11899" t="s">
        <v>10970</v>
      </c>
      <c r="H11899">
        <v>5.8772266109049998</v>
      </c>
      <c r="I11899">
        <v>51.819821384123998</v>
      </c>
      <c r="J11899" t="s">
        <v>67584</v>
      </c>
    </row>
    <row r="11900" spans="1:10" x14ac:dyDescent="0.25">
      <c r="A11900" t="s">
        <v>10963</v>
      </c>
      <c r="B11900" t="s">
        <v>10964</v>
      </c>
      <c r="C11900" t="s">
        <v>10965</v>
      </c>
      <c r="D11900" t="s">
        <v>10938</v>
      </c>
      <c r="E11900" t="s">
        <v>13</v>
      </c>
      <c r="F11900">
        <v>2182</v>
      </c>
      <c r="G11900" t="s">
        <v>10966</v>
      </c>
      <c r="H11900">
        <v>5.8904852488410002</v>
      </c>
      <c r="I11900">
        <v>51.827544290327999</v>
      </c>
      <c r="J11900" t="s">
        <v>67585</v>
      </c>
    </row>
    <row r="11901" spans="1:10" x14ac:dyDescent="0.25">
      <c r="A11901" t="s">
        <v>10959</v>
      </c>
      <c r="B11901" t="s">
        <v>10960</v>
      </c>
      <c r="C11901" t="s">
        <v>10961</v>
      </c>
      <c r="D11901" t="s">
        <v>10938</v>
      </c>
      <c r="E11901" t="s">
        <v>13</v>
      </c>
      <c r="F11901">
        <v>2181</v>
      </c>
      <c r="G11901" t="s">
        <v>10962</v>
      </c>
      <c r="H11901">
        <v>5.8831997922559998</v>
      </c>
      <c r="I11901">
        <v>51.833747522052001</v>
      </c>
      <c r="J11901" t="s">
        <v>67586</v>
      </c>
    </row>
    <row r="11902" spans="1:10" x14ac:dyDescent="0.25">
      <c r="A11902" t="s">
        <v>10955</v>
      </c>
      <c r="B11902" t="s">
        <v>10956</v>
      </c>
      <c r="C11902" t="s">
        <v>10957</v>
      </c>
      <c r="D11902" t="s">
        <v>10938</v>
      </c>
      <c r="E11902" t="s">
        <v>13</v>
      </c>
      <c r="F11902">
        <v>2180</v>
      </c>
      <c r="G11902" t="s">
        <v>10958</v>
      </c>
      <c r="H11902">
        <v>5.8856745358209999</v>
      </c>
      <c r="I11902">
        <v>51.839887816632</v>
      </c>
      <c r="J11902" t="s">
        <v>67587</v>
      </c>
    </row>
    <row r="11903" spans="1:10" x14ac:dyDescent="0.25">
      <c r="A11903" t="s">
        <v>10951</v>
      </c>
      <c r="B11903" t="s">
        <v>10952</v>
      </c>
      <c r="C11903" t="s">
        <v>10953</v>
      </c>
      <c r="D11903" t="s">
        <v>10938</v>
      </c>
      <c r="E11903" t="s">
        <v>13</v>
      </c>
      <c r="F11903">
        <v>2179</v>
      </c>
      <c r="G11903" t="s">
        <v>10954</v>
      </c>
      <c r="H11903">
        <v>5.8729667827360004</v>
      </c>
      <c r="I11903">
        <v>51.838826509207998</v>
      </c>
      <c r="J11903" t="s">
        <v>67588</v>
      </c>
    </row>
    <row r="11904" spans="1:10" x14ac:dyDescent="0.25">
      <c r="A11904" t="s">
        <v>10948</v>
      </c>
      <c r="B11904" t="s">
        <v>10949</v>
      </c>
      <c r="C11904" t="s">
        <v>6521</v>
      </c>
      <c r="D11904" t="s">
        <v>10938</v>
      </c>
      <c r="E11904" t="s">
        <v>13</v>
      </c>
      <c r="F11904">
        <v>2178</v>
      </c>
      <c r="G11904" t="s">
        <v>10950</v>
      </c>
      <c r="H11904">
        <v>5.8659897146329998</v>
      </c>
      <c r="I11904">
        <v>51.833868167067997</v>
      </c>
      <c r="J11904" t="s">
        <v>67589</v>
      </c>
    </row>
    <row r="11905" spans="1:10" x14ac:dyDescent="0.25">
      <c r="A11905" t="s">
        <v>10944</v>
      </c>
      <c r="B11905" t="s">
        <v>10945</v>
      </c>
      <c r="C11905" t="s">
        <v>10946</v>
      </c>
      <c r="D11905" t="s">
        <v>10938</v>
      </c>
      <c r="E11905" t="s">
        <v>13</v>
      </c>
      <c r="F11905">
        <v>2177</v>
      </c>
      <c r="G11905" t="s">
        <v>10947</v>
      </c>
      <c r="H11905">
        <v>5.8555747096859996</v>
      </c>
      <c r="I11905">
        <v>51.838317580156001</v>
      </c>
      <c r="J11905" t="s">
        <v>67590</v>
      </c>
    </row>
    <row r="11906" spans="1:10" x14ac:dyDescent="0.25">
      <c r="A11906" t="s">
        <v>10940</v>
      </c>
      <c r="B11906" t="s">
        <v>10941</v>
      </c>
      <c r="C11906" t="s">
        <v>10942</v>
      </c>
      <c r="D11906" t="s">
        <v>10938</v>
      </c>
      <c r="E11906" t="s">
        <v>13</v>
      </c>
      <c r="F11906">
        <v>2176</v>
      </c>
      <c r="G11906" t="s">
        <v>10943</v>
      </c>
      <c r="H11906">
        <v>5.8627265474629997</v>
      </c>
      <c r="I11906">
        <v>51.844585981655001</v>
      </c>
      <c r="J11906" t="s">
        <v>67591</v>
      </c>
    </row>
    <row r="11907" spans="1:10" x14ac:dyDescent="0.25">
      <c r="A11907" t="s">
        <v>10935</v>
      </c>
      <c r="B11907" t="s">
        <v>10936</v>
      </c>
      <c r="C11907" t="s">
        <v>10937</v>
      </c>
      <c r="D11907" t="s">
        <v>10938</v>
      </c>
      <c r="E11907" t="s">
        <v>13</v>
      </c>
      <c r="F11907">
        <v>2175</v>
      </c>
      <c r="G11907" t="s">
        <v>10939</v>
      </c>
      <c r="H11907">
        <v>5.8644663690470002</v>
      </c>
      <c r="I11907">
        <v>51.849368783746002</v>
      </c>
      <c r="J11907" t="s">
        <v>67592</v>
      </c>
    </row>
    <row r="11908" spans="1:10" x14ac:dyDescent="0.25">
      <c r="A11908" t="s">
        <v>10931</v>
      </c>
      <c r="B11908" t="s">
        <v>10932</v>
      </c>
      <c r="C11908" t="s">
        <v>10933</v>
      </c>
      <c r="D11908" t="s">
        <v>10806</v>
      </c>
      <c r="E11908" t="s">
        <v>13</v>
      </c>
      <c r="F11908">
        <v>2174</v>
      </c>
      <c r="G11908" t="s">
        <v>10934</v>
      </c>
      <c r="H11908">
        <v>5.4762570996579996</v>
      </c>
      <c r="I11908">
        <v>52.171005897687003</v>
      </c>
      <c r="J11908" t="s">
        <v>67593</v>
      </c>
    </row>
    <row r="11909" spans="1:10" x14ac:dyDescent="0.25">
      <c r="A11909" t="s">
        <v>10927</v>
      </c>
      <c r="B11909" t="s">
        <v>10928</v>
      </c>
      <c r="C11909" t="s">
        <v>10929</v>
      </c>
      <c r="D11909" t="s">
        <v>10806</v>
      </c>
      <c r="E11909" t="s">
        <v>13</v>
      </c>
      <c r="F11909">
        <v>2173</v>
      </c>
      <c r="G11909" t="s">
        <v>10930</v>
      </c>
      <c r="H11909">
        <v>5.4697323254860004</v>
      </c>
      <c r="I11909">
        <v>52.181049652966998</v>
      </c>
      <c r="J11909" t="s">
        <v>67594</v>
      </c>
    </row>
    <row r="11910" spans="1:10" x14ac:dyDescent="0.25">
      <c r="A11910" t="s">
        <v>10923</v>
      </c>
      <c r="B11910" t="s">
        <v>10924</v>
      </c>
      <c r="C11910" t="s">
        <v>10925</v>
      </c>
      <c r="D11910" t="s">
        <v>10806</v>
      </c>
      <c r="E11910" t="s">
        <v>13</v>
      </c>
      <c r="F11910">
        <v>2172</v>
      </c>
      <c r="G11910" t="s">
        <v>10926</v>
      </c>
      <c r="H11910">
        <v>5.4477172441370003</v>
      </c>
      <c r="I11910">
        <v>52.183745794911999</v>
      </c>
      <c r="J11910" t="s">
        <v>67595</v>
      </c>
    </row>
    <row r="11911" spans="1:10" x14ac:dyDescent="0.25">
      <c r="A11911" t="s">
        <v>10919</v>
      </c>
      <c r="B11911" t="s">
        <v>10920</v>
      </c>
      <c r="C11911" t="s">
        <v>10921</v>
      </c>
      <c r="D11911" t="s">
        <v>10806</v>
      </c>
      <c r="E11911" t="s">
        <v>13</v>
      </c>
      <c r="F11911">
        <v>2171</v>
      </c>
      <c r="G11911" t="s">
        <v>10922</v>
      </c>
      <c r="H11911">
        <v>5.4500400081190001</v>
      </c>
      <c r="I11911">
        <v>52.171295675042003</v>
      </c>
      <c r="J11911" t="s">
        <v>67596</v>
      </c>
    </row>
    <row r="11912" spans="1:10" x14ac:dyDescent="0.25">
      <c r="A11912" t="s">
        <v>10915</v>
      </c>
      <c r="B11912" t="s">
        <v>10916</v>
      </c>
      <c r="C11912" t="s">
        <v>10917</v>
      </c>
      <c r="D11912" t="s">
        <v>10806</v>
      </c>
      <c r="E11912" t="s">
        <v>13</v>
      </c>
      <c r="F11912">
        <v>2170</v>
      </c>
      <c r="G11912" t="s">
        <v>10918</v>
      </c>
      <c r="H11912">
        <v>5.4648882898139997</v>
      </c>
      <c r="I11912">
        <v>52.169747418626997</v>
      </c>
      <c r="J11912" t="s">
        <v>67597</v>
      </c>
    </row>
    <row r="11913" spans="1:10" x14ac:dyDescent="0.25">
      <c r="A11913" t="s">
        <v>10911</v>
      </c>
      <c r="B11913" t="s">
        <v>10912</v>
      </c>
      <c r="C11913" t="s">
        <v>10913</v>
      </c>
      <c r="D11913" t="s">
        <v>10806</v>
      </c>
      <c r="E11913" t="s">
        <v>13</v>
      </c>
      <c r="F11913">
        <v>2169</v>
      </c>
      <c r="G11913" t="s">
        <v>10914</v>
      </c>
      <c r="H11913">
        <v>5.4613154709009999</v>
      </c>
      <c r="I11913">
        <v>52.173107334118001</v>
      </c>
      <c r="J11913" t="s">
        <v>67598</v>
      </c>
    </row>
    <row r="11914" spans="1:10" x14ac:dyDescent="0.25">
      <c r="A11914" t="s">
        <v>10907</v>
      </c>
      <c r="B11914" t="s">
        <v>10908</v>
      </c>
      <c r="C11914" t="s">
        <v>10909</v>
      </c>
      <c r="D11914" t="s">
        <v>10806</v>
      </c>
      <c r="E11914" t="s">
        <v>13</v>
      </c>
      <c r="F11914">
        <v>2168</v>
      </c>
      <c r="G11914" t="s">
        <v>10910</v>
      </c>
      <c r="H11914">
        <v>5.4230111098840004</v>
      </c>
      <c r="I11914">
        <v>52.219013210436003</v>
      </c>
      <c r="J11914" t="s">
        <v>67599</v>
      </c>
    </row>
    <row r="11915" spans="1:10" x14ac:dyDescent="0.25">
      <c r="A11915" t="s">
        <v>10903</v>
      </c>
      <c r="B11915" t="s">
        <v>10904</v>
      </c>
      <c r="C11915" t="s">
        <v>10905</v>
      </c>
      <c r="D11915" t="s">
        <v>10806</v>
      </c>
      <c r="E11915" t="s">
        <v>13</v>
      </c>
      <c r="F11915">
        <v>2167</v>
      </c>
      <c r="G11915" t="s">
        <v>10906</v>
      </c>
      <c r="H11915">
        <v>5.4402585323129999</v>
      </c>
      <c r="I11915">
        <v>52.239909747238002</v>
      </c>
      <c r="J11915" t="s">
        <v>67600</v>
      </c>
    </row>
    <row r="11916" spans="1:10" x14ac:dyDescent="0.25">
      <c r="A11916" t="s">
        <v>10899</v>
      </c>
      <c r="B11916" t="s">
        <v>10900</v>
      </c>
      <c r="C11916" t="s">
        <v>10901</v>
      </c>
      <c r="D11916" t="s">
        <v>10806</v>
      </c>
      <c r="E11916" t="s">
        <v>13</v>
      </c>
      <c r="F11916">
        <v>2166</v>
      </c>
      <c r="G11916" t="s">
        <v>10902</v>
      </c>
      <c r="H11916">
        <v>5.4508784985330001</v>
      </c>
      <c r="I11916">
        <v>52.202008516954002</v>
      </c>
      <c r="J11916" t="s">
        <v>67601</v>
      </c>
    </row>
    <row r="11917" spans="1:10" x14ac:dyDescent="0.25">
      <c r="A11917" t="s">
        <v>10895</v>
      </c>
      <c r="B11917" t="s">
        <v>10896</v>
      </c>
      <c r="C11917" t="s">
        <v>10897</v>
      </c>
      <c r="D11917" t="s">
        <v>10806</v>
      </c>
      <c r="E11917" t="s">
        <v>13</v>
      </c>
      <c r="F11917">
        <v>2165</v>
      </c>
      <c r="G11917" t="s">
        <v>10898</v>
      </c>
      <c r="H11917">
        <v>5.469834914632</v>
      </c>
      <c r="I11917">
        <v>52.189583700078998</v>
      </c>
      <c r="J11917" t="s">
        <v>67602</v>
      </c>
    </row>
    <row r="11918" spans="1:10" x14ac:dyDescent="0.25">
      <c r="A11918" t="s">
        <v>10891</v>
      </c>
      <c r="B11918" t="s">
        <v>10892</v>
      </c>
      <c r="C11918" t="s">
        <v>10893</v>
      </c>
      <c r="D11918" t="s">
        <v>10806</v>
      </c>
      <c r="E11918" t="s">
        <v>13</v>
      </c>
      <c r="F11918">
        <v>2164</v>
      </c>
      <c r="G11918" t="s">
        <v>10894</v>
      </c>
      <c r="H11918">
        <v>5.4720137262710002</v>
      </c>
      <c r="I11918">
        <v>52.195854127441997</v>
      </c>
      <c r="J11918" t="s">
        <v>67603</v>
      </c>
    </row>
    <row r="11919" spans="1:10" x14ac:dyDescent="0.25">
      <c r="A11919" t="s">
        <v>10887</v>
      </c>
      <c r="B11919" t="s">
        <v>10888</v>
      </c>
      <c r="C11919" t="s">
        <v>10889</v>
      </c>
      <c r="D11919" t="s">
        <v>10806</v>
      </c>
      <c r="E11919" t="s">
        <v>13</v>
      </c>
      <c r="F11919">
        <v>2163</v>
      </c>
      <c r="G11919" t="s">
        <v>10890</v>
      </c>
      <c r="H11919">
        <v>5.6204486482969997</v>
      </c>
      <c r="I11919">
        <v>52.200509945412001</v>
      </c>
      <c r="J11919" t="s">
        <v>67604</v>
      </c>
    </row>
    <row r="11920" spans="1:10" x14ac:dyDescent="0.25">
      <c r="A11920" t="s">
        <v>10883</v>
      </c>
      <c r="B11920" t="s">
        <v>10884</v>
      </c>
      <c r="C11920" t="s">
        <v>10885</v>
      </c>
      <c r="D11920" t="s">
        <v>10806</v>
      </c>
      <c r="E11920" t="s">
        <v>13</v>
      </c>
      <c r="F11920">
        <v>2162</v>
      </c>
      <c r="G11920" t="s">
        <v>10886</v>
      </c>
      <c r="H11920">
        <v>5.5588475569630003</v>
      </c>
      <c r="I11920">
        <v>52.193939532898</v>
      </c>
      <c r="J11920" t="s">
        <v>67605</v>
      </c>
    </row>
    <row r="11921" spans="1:10" x14ac:dyDescent="0.25">
      <c r="A11921" t="s">
        <v>10879</v>
      </c>
      <c r="B11921" t="s">
        <v>10880</v>
      </c>
      <c r="C11921" t="s">
        <v>10881</v>
      </c>
      <c r="D11921" t="s">
        <v>10806</v>
      </c>
      <c r="E11921" t="s">
        <v>13</v>
      </c>
      <c r="F11921">
        <v>2161</v>
      </c>
      <c r="G11921" t="s">
        <v>10882</v>
      </c>
      <c r="H11921">
        <v>5.4981041127359997</v>
      </c>
      <c r="I11921">
        <v>52.200616000629999</v>
      </c>
      <c r="J11921" t="s">
        <v>67606</v>
      </c>
    </row>
    <row r="11922" spans="1:10" x14ac:dyDescent="0.25">
      <c r="A11922" t="s">
        <v>10875</v>
      </c>
      <c r="B11922" t="s">
        <v>10876</v>
      </c>
      <c r="C11922" t="s">
        <v>10877</v>
      </c>
      <c r="D11922" t="s">
        <v>10806</v>
      </c>
      <c r="E11922" t="s">
        <v>13</v>
      </c>
      <c r="F11922">
        <v>2160</v>
      </c>
      <c r="G11922" t="s">
        <v>10878</v>
      </c>
      <c r="H11922">
        <v>5.5206868419850004</v>
      </c>
      <c r="I11922">
        <v>52.217435842599002</v>
      </c>
      <c r="J11922" t="s">
        <v>67607</v>
      </c>
    </row>
    <row r="11923" spans="1:10" x14ac:dyDescent="0.25">
      <c r="A11923" t="s">
        <v>10871</v>
      </c>
      <c r="B11923" t="s">
        <v>10872</v>
      </c>
      <c r="C11923" t="s">
        <v>10873</v>
      </c>
      <c r="D11923" t="s">
        <v>10806</v>
      </c>
      <c r="E11923" t="s">
        <v>13</v>
      </c>
      <c r="F11923">
        <v>2159</v>
      </c>
      <c r="G11923" t="s">
        <v>10874</v>
      </c>
      <c r="H11923">
        <v>5.4628295667069997</v>
      </c>
      <c r="I11923">
        <v>52.224411652651</v>
      </c>
      <c r="J11923" t="s">
        <v>67608</v>
      </c>
    </row>
    <row r="11924" spans="1:10" x14ac:dyDescent="0.25">
      <c r="A11924" t="s">
        <v>10867</v>
      </c>
      <c r="B11924" t="s">
        <v>10868</v>
      </c>
      <c r="C11924" t="s">
        <v>10869</v>
      </c>
      <c r="D11924" t="s">
        <v>10806</v>
      </c>
      <c r="E11924" t="s">
        <v>13</v>
      </c>
      <c r="F11924">
        <v>2158</v>
      </c>
      <c r="G11924" t="s">
        <v>10870</v>
      </c>
      <c r="H11924">
        <v>5.4537419280149999</v>
      </c>
      <c r="I11924">
        <v>52.215124799426</v>
      </c>
      <c r="J11924" t="s">
        <v>67609</v>
      </c>
    </row>
    <row r="11925" spans="1:10" x14ac:dyDescent="0.25">
      <c r="A11925" t="s">
        <v>10863</v>
      </c>
      <c r="B11925" t="s">
        <v>10864</v>
      </c>
      <c r="C11925" t="s">
        <v>10865</v>
      </c>
      <c r="D11925" t="s">
        <v>10806</v>
      </c>
      <c r="E11925" t="s">
        <v>13</v>
      </c>
      <c r="F11925">
        <v>2157</v>
      </c>
      <c r="G11925" t="s">
        <v>10866</v>
      </c>
      <c r="H11925">
        <v>5.4473393456919998</v>
      </c>
      <c r="I11925">
        <v>52.208741811387</v>
      </c>
      <c r="J11925" t="s">
        <v>67610</v>
      </c>
    </row>
    <row r="11926" spans="1:10" x14ac:dyDescent="0.25">
      <c r="A11926" t="s">
        <v>10859</v>
      </c>
      <c r="B11926" t="s">
        <v>10860</v>
      </c>
      <c r="C11926" t="s">
        <v>10861</v>
      </c>
      <c r="D11926" t="s">
        <v>10806</v>
      </c>
      <c r="E11926" t="s">
        <v>13</v>
      </c>
      <c r="F11926">
        <v>2156</v>
      </c>
      <c r="G11926" t="s">
        <v>10862</v>
      </c>
      <c r="H11926">
        <v>5.4621796308489996</v>
      </c>
      <c r="I11926">
        <v>52.210705345470998</v>
      </c>
      <c r="J11926" t="s">
        <v>67611</v>
      </c>
    </row>
    <row r="11927" spans="1:10" x14ac:dyDescent="0.25">
      <c r="A11927" t="s">
        <v>10855</v>
      </c>
      <c r="B11927" t="s">
        <v>10856</v>
      </c>
      <c r="C11927" t="s">
        <v>10857</v>
      </c>
      <c r="D11927" t="s">
        <v>10806</v>
      </c>
      <c r="E11927" t="s">
        <v>13</v>
      </c>
      <c r="F11927">
        <v>2155</v>
      </c>
      <c r="G11927" t="s">
        <v>10858</v>
      </c>
      <c r="H11927">
        <v>5.4979740615850003</v>
      </c>
      <c r="I11927">
        <v>52.212142654891998</v>
      </c>
      <c r="J11927" t="s">
        <v>67612</v>
      </c>
    </row>
    <row r="11928" spans="1:10" x14ac:dyDescent="0.25">
      <c r="A11928" t="s">
        <v>10851</v>
      </c>
      <c r="B11928" t="s">
        <v>10852</v>
      </c>
      <c r="C11928" t="s">
        <v>10853</v>
      </c>
      <c r="D11928" t="s">
        <v>10806</v>
      </c>
      <c r="E11928" t="s">
        <v>13</v>
      </c>
      <c r="F11928">
        <v>2154</v>
      </c>
      <c r="G11928" t="s">
        <v>10854</v>
      </c>
      <c r="H11928">
        <v>5.4929112782429996</v>
      </c>
      <c r="I11928">
        <v>52.213609951793998</v>
      </c>
      <c r="J11928" t="s">
        <v>67613</v>
      </c>
    </row>
    <row r="11929" spans="1:10" x14ac:dyDescent="0.25">
      <c r="A11929" t="s">
        <v>10847</v>
      </c>
      <c r="B11929" t="s">
        <v>10848</v>
      </c>
      <c r="C11929" t="s">
        <v>10849</v>
      </c>
      <c r="D11929" t="s">
        <v>10806</v>
      </c>
      <c r="E11929" t="s">
        <v>13</v>
      </c>
      <c r="F11929">
        <v>2153</v>
      </c>
      <c r="G11929" t="s">
        <v>10850</v>
      </c>
      <c r="H11929">
        <v>5.497581832931</v>
      </c>
      <c r="I11929">
        <v>52.218497489084001</v>
      </c>
      <c r="J11929" t="s">
        <v>67614</v>
      </c>
    </row>
    <row r="11930" spans="1:10" x14ac:dyDescent="0.25">
      <c r="A11930" t="s">
        <v>10843</v>
      </c>
      <c r="B11930" t="s">
        <v>10844</v>
      </c>
      <c r="C11930" t="s">
        <v>10845</v>
      </c>
      <c r="D11930" t="s">
        <v>10806</v>
      </c>
      <c r="E11930" t="s">
        <v>13</v>
      </c>
      <c r="F11930">
        <v>2152</v>
      </c>
      <c r="G11930" t="s">
        <v>10846</v>
      </c>
      <c r="H11930">
        <v>5.4881059900910003</v>
      </c>
      <c r="I11930">
        <v>52.215678813893</v>
      </c>
      <c r="J11930" t="s">
        <v>67615</v>
      </c>
    </row>
    <row r="11931" spans="1:10" x14ac:dyDescent="0.25">
      <c r="A11931" t="s">
        <v>10839</v>
      </c>
      <c r="B11931" t="s">
        <v>10840</v>
      </c>
      <c r="C11931" t="s">
        <v>10841</v>
      </c>
      <c r="D11931" t="s">
        <v>10806</v>
      </c>
      <c r="E11931" t="s">
        <v>13</v>
      </c>
      <c r="F11931">
        <v>2151</v>
      </c>
      <c r="G11931" t="s">
        <v>10842</v>
      </c>
      <c r="H11931">
        <v>5.5009221895040001</v>
      </c>
      <c r="I11931">
        <v>52.223190682594002</v>
      </c>
      <c r="J11931" t="s">
        <v>67616</v>
      </c>
    </row>
    <row r="11932" spans="1:10" x14ac:dyDescent="0.25">
      <c r="A11932" t="s">
        <v>10835</v>
      </c>
      <c r="B11932" t="s">
        <v>10836</v>
      </c>
      <c r="C11932" t="s">
        <v>10837</v>
      </c>
      <c r="D11932" t="s">
        <v>10806</v>
      </c>
      <c r="E11932" t="s">
        <v>13</v>
      </c>
      <c r="F11932">
        <v>2150</v>
      </c>
      <c r="G11932" t="s">
        <v>10838</v>
      </c>
      <c r="H11932">
        <v>5.484020875583</v>
      </c>
      <c r="I11932">
        <v>52.218338261524003</v>
      </c>
      <c r="J11932" t="s">
        <v>67617</v>
      </c>
    </row>
    <row r="11933" spans="1:10" x14ac:dyDescent="0.25">
      <c r="A11933" t="s">
        <v>10831</v>
      </c>
      <c r="B11933" t="s">
        <v>10832</v>
      </c>
      <c r="C11933" t="s">
        <v>10833</v>
      </c>
      <c r="D11933" t="s">
        <v>10806</v>
      </c>
      <c r="E11933" t="s">
        <v>13</v>
      </c>
      <c r="F11933">
        <v>2149</v>
      </c>
      <c r="G11933" t="s">
        <v>10834</v>
      </c>
      <c r="H11933">
        <v>5.4976509323779998</v>
      </c>
      <c r="I11933">
        <v>52.228970091145001</v>
      </c>
      <c r="J11933" t="s">
        <v>67618</v>
      </c>
    </row>
    <row r="11934" spans="1:10" x14ac:dyDescent="0.25">
      <c r="A11934" t="s">
        <v>10827</v>
      </c>
      <c r="B11934" t="s">
        <v>10828</v>
      </c>
      <c r="C11934" t="s">
        <v>10829</v>
      </c>
      <c r="D11934" t="s">
        <v>10806</v>
      </c>
      <c r="E11934" t="s">
        <v>13</v>
      </c>
      <c r="F11934">
        <v>2148</v>
      </c>
      <c r="G11934" t="s">
        <v>10830</v>
      </c>
      <c r="H11934">
        <v>5.4872260487359998</v>
      </c>
      <c r="I11934">
        <v>52.228654209539002</v>
      </c>
      <c r="J11934" t="s">
        <v>67619</v>
      </c>
    </row>
    <row r="11935" spans="1:10" x14ac:dyDescent="0.25">
      <c r="A11935" t="s">
        <v>10824</v>
      </c>
      <c r="B11935" t="s">
        <v>10825</v>
      </c>
      <c r="C11935" t="s">
        <v>129</v>
      </c>
      <c r="D11935" t="s">
        <v>10806</v>
      </c>
      <c r="E11935" t="s">
        <v>13</v>
      </c>
      <c r="F11935">
        <v>2147</v>
      </c>
      <c r="G11935" t="s">
        <v>10826</v>
      </c>
      <c r="H11935">
        <v>5.4854337718100004</v>
      </c>
      <c r="I11935">
        <v>52.223470481077001</v>
      </c>
      <c r="J11935" t="s">
        <v>67620</v>
      </c>
    </row>
    <row r="11936" spans="1:10" x14ac:dyDescent="0.25">
      <c r="A11936" t="s">
        <v>10820</v>
      </c>
      <c r="B11936" t="s">
        <v>10821</v>
      </c>
      <c r="C11936" t="s">
        <v>10822</v>
      </c>
      <c r="D11936" t="s">
        <v>10806</v>
      </c>
      <c r="E11936" t="s">
        <v>13</v>
      </c>
      <c r="F11936">
        <v>2146</v>
      </c>
      <c r="G11936" t="s">
        <v>10823</v>
      </c>
      <c r="H11936">
        <v>5.4755512629340002</v>
      </c>
      <c r="I11936">
        <v>52.225179362751</v>
      </c>
      <c r="J11936" t="s">
        <v>67621</v>
      </c>
    </row>
    <row r="11937" spans="1:10" x14ac:dyDescent="0.25">
      <c r="A11937" t="s">
        <v>10816</v>
      </c>
      <c r="B11937" t="s">
        <v>10817</v>
      </c>
      <c r="C11937" t="s">
        <v>10818</v>
      </c>
      <c r="D11937" t="s">
        <v>10806</v>
      </c>
      <c r="E11937" t="s">
        <v>13</v>
      </c>
      <c r="F11937">
        <v>2145</v>
      </c>
      <c r="G11937" t="s">
        <v>10819</v>
      </c>
      <c r="H11937">
        <v>5.4772113839129997</v>
      </c>
      <c r="I11937">
        <v>52.220539514418</v>
      </c>
      <c r="J11937" t="s">
        <v>67622</v>
      </c>
    </row>
    <row r="11938" spans="1:10" x14ac:dyDescent="0.25">
      <c r="A11938" t="s">
        <v>10812</v>
      </c>
      <c r="B11938" t="s">
        <v>10813</v>
      </c>
      <c r="C11938" t="s">
        <v>10814</v>
      </c>
      <c r="D11938" t="s">
        <v>10806</v>
      </c>
      <c r="E11938" t="s">
        <v>13</v>
      </c>
      <c r="F11938">
        <v>2144</v>
      </c>
      <c r="G11938" t="s">
        <v>10815</v>
      </c>
      <c r="H11938">
        <v>5.4692278123479996</v>
      </c>
      <c r="I11938">
        <v>52.216634218054999</v>
      </c>
      <c r="J11938" t="s">
        <v>67623</v>
      </c>
    </row>
    <row r="11939" spans="1:10" x14ac:dyDescent="0.25">
      <c r="A11939" t="s">
        <v>10808</v>
      </c>
      <c r="B11939" t="s">
        <v>10809</v>
      </c>
      <c r="C11939" t="s">
        <v>10810</v>
      </c>
      <c r="D11939" t="s">
        <v>10806</v>
      </c>
      <c r="E11939" t="s">
        <v>13</v>
      </c>
      <c r="F11939">
        <v>2143</v>
      </c>
      <c r="G11939" t="s">
        <v>10811</v>
      </c>
      <c r="H11939">
        <v>5.4583022644610004</v>
      </c>
      <c r="I11939">
        <v>52.218931585135998</v>
      </c>
      <c r="J11939" t="s">
        <v>67624</v>
      </c>
    </row>
    <row r="11940" spans="1:10" x14ac:dyDescent="0.25">
      <c r="A11940" t="s">
        <v>10804</v>
      </c>
      <c r="B11940" t="s">
        <v>10805</v>
      </c>
      <c r="C11940" t="s">
        <v>8705</v>
      </c>
      <c r="D11940" t="s">
        <v>10806</v>
      </c>
      <c r="E11940" t="s">
        <v>13</v>
      </c>
      <c r="F11940">
        <v>2142</v>
      </c>
      <c r="G11940" t="s">
        <v>10807</v>
      </c>
      <c r="H11940">
        <v>5.4759200157350003</v>
      </c>
      <c r="I11940">
        <v>52.233888330191</v>
      </c>
      <c r="J11940" t="s">
        <v>67625</v>
      </c>
    </row>
    <row r="11941" spans="1:10" x14ac:dyDescent="0.25">
      <c r="A11941" t="s">
        <v>10800</v>
      </c>
      <c r="B11941" t="s">
        <v>10801</v>
      </c>
      <c r="C11941" t="s">
        <v>10802</v>
      </c>
      <c r="D11941" t="s">
        <v>10710</v>
      </c>
      <c r="E11941" t="s">
        <v>13</v>
      </c>
      <c r="F11941">
        <v>2141</v>
      </c>
      <c r="G11941" t="s">
        <v>10803</v>
      </c>
      <c r="H11941">
        <v>5.2796832404130001</v>
      </c>
      <c r="I11941">
        <v>51.790589069250998</v>
      </c>
      <c r="J11941" t="s">
        <v>67626</v>
      </c>
    </row>
    <row r="11942" spans="1:10" x14ac:dyDescent="0.25">
      <c r="A11942" t="s">
        <v>10796</v>
      </c>
      <c r="B11942" t="s">
        <v>10797</v>
      </c>
      <c r="C11942" t="s">
        <v>10798</v>
      </c>
      <c r="D11942" t="s">
        <v>10710</v>
      </c>
      <c r="E11942" t="s">
        <v>13</v>
      </c>
      <c r="F11942">
        <v>2140</v>
      </c>
      <c r="G11942" t="s">
        <v>10799</v>
      </c>
      <c r="H11942">
        <v>5.3085116347229997</v>
      </c>
      <c r="I11942">
        <v>51.805754110656999</v>
      </c>
      <c r="J11942" t="s">
        <v>67627</v>
      </c>
    </row>
    <row r="11943" spans="1:10" x14ac:dyDescent="0.25">
      <c r="A11943" t="s">
        <v>10792</v>
      </c>
      <c r="B11943" t="s">
        <v>10793</v>
      </c>
      <c r="C11943" t="s">
        <v>10794</v>
      </c>
      <c r="D11943" t="s">
        <v>10710</v>
      </c>
      <c r="E11943" t="s">
        <v>13</v>
      </c>
      <c r="F11943">
        <v>2139</v>
      </c>
      <c r="G11943" t="s">
        <v>10795</v>
      </c>
      <c r="H11943">
        <v>5.316976749578</v>
      </c>
      <c r="I11943">
        <v>51.810873856275997</v>
      </c>
      <c r="J11943" t="s">
        <v>67628</v>
      </c>
    </row>
    <row r="11944" spans="1:10" x14ac:dyDescent="0.25">
      <c r="A11944" t="s">
        <v>10788</v>
      </c>
      <c r="B11944" t="s">
        <v>10789</v>
      </c>
      <c r="C11944" t="s">
        <v>10790</v>
      </c>
      <c r="D11944" t="s">
        <v>10710</v>
      </c>
      <c r="E11944" t="s">
        <v>13</v>
      </c>
      <c r="F11944">
        <v>2138</v>
      </c>
      <c r="G11944" t="s">
        <v>10791</v>
      </c>
      <c r="H11944">
        <v>5.3347400691339999</v>
      </c>
      <c r="I11944">
        <v>51.803249665785003</v>
      </c>
      <c r="J11944" t="s">
        <v>67629</v>
      </c>
    </row>
    <row r="11945" spans="1:10" x14ac:dyDescent="0.25">
      <c r="A11945" t="s">
        <v>10784</v>
      </c>
      <c r="B11945" t="s">
        <v>10785</v>
      </c>
      <c r="C11945" t="s">
        <v>10786</v>
      </c>
      <c r="D11945" t="s">
        <v>10710</v>
      </c>
      <c r="E11945" t="s">
        <v>13</v>
      </c>
      <c r="F11945">
        <v>2137</v>
      </c>
      <c r="G11945" t="s">
        <v>10787</v>
      </c>
      <c r="H11945">
        <v>5.3770190313960002</v>
      </c>
      <c r="I11945">
        <v>51.810373378701001</v>
      </c>
      <c r="J11945" t="s">
        <v>67630</v>
      </c>
    </row>
    <row r="11946" spans="1:10" x14ac:dyDescent="0.25">
      <c r="A11946" t="s">
        <v>10780</v>
      </c>
      <c r="B11946" t="s">
        <v>10781</v>
      </c>
      <c r="C11946" t="s">
        <v>10782</v>
      </c>
      <c r="D11946" t="s">
        <v>10710</v>
      </c>
      <c r="E11946" t="s">
        <v>13</v>
      </c>
      <c r="F11946">
        <v>2136</v>
      </c>
      <c r="G11946" t="s">
        <v>10783</v>
      </c>
      <c r="H11946">
        <v>5.4019911458859999</v>
      </c>
      <c r="I11946">
        <v>51.826261081140998</v>
      </c>
      <c r="J11946" t="s">
        <v>67631</v>
      </c>
    </row>
    <row r="11947" spans="1:10" x14ac:dyDescent="0.25">
      <c r="A11947" t="s">
        <v>10776</v>
      </c>
      <c r="B11947" t="s">
        <v>10777</v>
      </c>
      <c r="C11947" t="s">
        <v>10778</v>
      </c>
      <c r="D11947" t="s">
        <v>10710</v>
      </c>
      <c r="E11947" t="s">
        <v>13</v>
      </c>
      <c r="F11947">
        <v>2135</v>
      </c>
      <c r="G11947" t="s">
        <v>10779</v>
      </c>
      <c r="H11947">
        <v>5.3929427037210003</v>
      </c>
      <c r="I11947">
        <v>51.817753245921999</v>
      </c>
      <c r="J11947" t="s">
        <v>67632</v>
      </c>
    </row>
    <row r="11948" spans="1:10" x14ac:dyDescent="0.25">
      <c r="A11948" t="s">
        <v>10772</v>
      </c>
      <c r="B11948" t="s">
        <v>10773</v>
      </c>
      <c r="C11948" t="s">
        <v>10774</v>
      </c>
      <c r="D11948" t="s">
        <v>10710</v>
      </c>
      <c r="E11948" t="s">
        <v>13</v>
      </c>
      <c r="F11948">
        <v>2134</v>
      </c>
      <c r="G11948" t="s">
        <v>10775</v>
      </c>
      <c r="H11948">
        <v>5.2545147657879996</v>
      </c>
      <c r="I11948">
        <v>51.763873413142001</v>
      </c>
      <c r="J11948" t="s">
        <v>67633</v>
      </c>
    </row>
    <row r="11949" spans="1:10" x14ac:dyDescent="0.25">
      <c r="A11949" t="s">
        <v>10768</v>
      </c>
      <c r="B11949" t="s">
        <v>10769</v>
      </c>
      <c r="C11949" t="s">
        <v>10770</v>
      </c>
      <c r="D11949" t="s">
        <v>10710</v>
      </c>
      <c r="E11949" t="s">
        <v>13</v>
      </c>
      <c r="F11949">
        <v>2133</v>
      </c>
      <c r="G11949" t="s">
        <v>10771</v>
      </c>
      <c r="H11949">
        <v>5.259804466526</v>
      </c>
      <c r="I11949">
        <v>51.747265046279999</v>
      </c>
      <c r="J11949" t="s">
        <v>67634</v>
      </c>
    </row>
    <row r="11950" spans="1:10" x14ac:dyDescent="0.25">
      <c r="A11950" t="s">
        <v>10764</v>
      </c>
      <c r="B11950" t="s">
        <v>10765</v>
      </c>
      <c r="C11950" t="s">
        <v>10766</v>
      </c>
      <c r="D11950" t="s">
        <v>10710</v>
      </c>
      <c r="E11950" t="s">
        <v>13</v>
      </c>
      <c r="F11950">
        <v>2132</v>
      </c>
      <c r="G11950" t="s">
        <v>10767</v>
      </c>
      <c r="H11950">
        <v>5.2620893582889998</v>
      </c>
      <c r="I11950">
        <v>51.747569534546997</v>
      </c>
      <c r="J11950" t="s">
        <v>67635</v>
      </c>
    </row>
    <row r="11951" spans="1:10" x14ac:dyDescent="0.25">
      <c r="A11951" t="s">
        <v>10760</v>
      </c>
      <c r="B11951" t="s">
        <v>10761</v>
      </c>
      <c r="C11951" t="s">
        <v>10762</v>
      </c>
      <c r="D11951" t="s">
        <v>10710</v>
      </c>
      <c r="E11951" t="s">
        <v>13</v>
      </c>
      <c r="F11951">
        <v>2131</v>
      </c>
      <c r="G11951" t="s">
        <v>10763</v>
      </c>
      <c r="H11951">
        <v>5.2204358825549999</v>
      </c>
      <c r="I11951">
        <v>51.759087495228002</v>
      </c>
      <c r="J11951" t="s">
        <v>67636</v>
      </c>
    </row>
    <row r="11952" spans="1:10" x14ac:dyDescent="0.25">
      <c r="A11952" t="s">
        <v>10756</v>
      </c>
      <c r="B11952" t="s">
        <v>10757</v>
      </c>
      <c r="C11952" t="s">
        <v>10758</v>
      </c>
      <c r="D11952" t="s">
        <v>10710</v>
      </c>
      <c r="E11952" t="s">
        <v>13</v>
      </c>
      <c r="F11952">
        <v>2130</v>
      </c>
      <c r="G11952" t="s">
        <v>10759</v>
      </c>
      <c r="H11952">
        <v>5.1963399252090001</v>
      </c>
      <c r="I11952">
        <v>51.754764096955</v>
      </c>
      <c r="J11952" t="s">
        <v>67637</v>
      </c>
    </row>
    <row r="11953" spans="1:10" x14ac:dyDescent="0.25">
      <c r="A11953" t="s">
        <v>10752</v>
      </c>
      <c r="B11953" t="s">
        <v>10753</v>
      </c>
      <c r="C11953" t="s">
        <v>10754</v>
      </c>
      <c r="D11953" t="s">
        <v>10710</v>
      </c>
      <c r="E11953" t="s">
        <v>13</v>
      </c>
      <c r="F11953">
        <v>2129</v>
      </c>
      <c r="G11953" t="s">
        <v>10755</v>
      </c>
      <c r="H11953">
        <v>5.186235864815</v>
      </c>
      <c r="I11953">
        <v>51.758431714126999</v>
      </c>
      <c r="J11953" t="s">
        <v>67638</v>
      </c>
    </row>
    <row r="11954" spans="1:10" x14ac:dyDescent="0.25">
      <c r="A11954" t="s">
        <v>10748</v>
      </c>
      <c r="B11954" t="s">
        <v>10749</v>
      </c>
      <c r="C11954" t="s">
        <v>10750</v>
      </c>
      <c r="D11954" t="s">
        <v>10710</v>
      </c>
      <c r="E11954" t="s">
        <v>13</v>
      </c>
      <c r="F11954">
        <v>2128</v>
      </c>
      <c r="G11954" t="s">
        <v>10751</v>
      </c>
      <c r="H11954">
        <v>5.2036059441139999</v>
      </c>
      <c r="I11954">
        <v>51.747080329867003</v>
      </c>
      <c r="J11954" t="s">
        <v>67639</v>
      </c>
    </row>
    <row r="11955" spans="1:10" x14ac:dyDescent="0.25">
      <c r="A11955" t="s">
        <v>10744</v>
      </c>
      <c r="B11955" t="s">
        <v>10745</v>
      </c>
      <c r="C11955" t="s">
        <v>10746</v>
      </c>
      <c r="D11955" t="s">
        <v>10710</v>
      </c>
      <c r="E11955" t="s">
        <v>13</v>
      </c>
      <c r="F11955">
        <v>2127</v>
      </c>
      <c r="G11955" t="s">
        <v>10747</v>
      </c>
      <c r="H11955">
        <v>5.223925688664</v>
      </c>
      <c r="I11955">
        <v>51.749136194663997</v>
      </c>
      <c r="J11955" t="s">
        <v>67640</v>
      </c>
    </row>
    <row r="11956" spans="1:10" x14ac:dyDescent="0.25">
      <c r="A11956" t="s">
        <v>10740</v>
      </c>
      <c r="B11956" t="s">
        <v>10741</v>
      </c>
      <c r="C11956" t="s">
        <v>10742</v>
      </c>
      <c r="D11956" t="s">
        <v>10710</v>
      </c>
      <c r="E11956" t="s">
        <v>13</v>
      </c>
      <c r="F11956">
        <v>2126</v>
      </c>
      <c r="G11956" t="s">
        <v>10743</v>
      </c>
      <c r="H11956">
        <v>5.3473590532279998</v>
      </c>
      <c r="I11956">
        <v>51.785300521815998</v>
      </c>
      <c r="J11956" t="s">
        <v>67641</v>
      </c>
    </row>
    <row r="11957" spans="1:10" x14ac:dyDescent="0.25">
      <c r="A11957" t="s">
        <v>10736</v>
      </c>
      <c r="B11957" t="s">
        <v>10737</v>
      </c>
      <c r="C11957" t="s">
        <v>10738</v>
      </c>
      <c r="D11957" t="s">
        <v>10710</v>
      </c>
      <c r="E11957" t="s">
        <v>13</v>
      </c>
      <c r="F11957">
        <v>2125</v>
      </c>
      <c r="G11957" t="s">
        <v>10739</v>
      </c>
      <c r="H11957">
        <v>5.3213590711830001</v>
      </c>
      <c r="I11957">
        <v>51.754836258186998</v>
      </c>
      <c r="J11957" t="s">
        <v>67642</v>
      </c>
    </row>
    <row r="11958" spans="1:10" x14ac:dyDescent="0.25">
      <c r="A11958" t="s">
        <v>10732</v>
      </c>
      <c r="B11958" t="s">
        <v>10733</v>
      </c>
      <c r="C11958" t="s">
        <v>10734</v>
      </c>
      <c r="D11958" t="s">
        <v>10710</v>
      </c>
      <c r="E11958" t="s">
        <v>13</v>
      </c>
      <c r="F11958">
        <v>2124</v>
      </c>
      <c r="G11958" t="s">
        <v>10735</v>
      </c>
      <c r="H11958">
        <v>5.288697156594</v>
      </c>
      <c r="I11958">
        <v>51.770723500396002</v>
      </c>
      <c r="J11958" t="s">
        <v>67643</v>
      </c>
    </row>
    <row r="11959" spans="1:10" x14ac:dyDescent="0.25">
      <c r="A11959" t="s">
        <v>10728</v>
      </c>
      <c r="B11959" t="s">
        <v>10729</v>
      </c>
      <c r="C11959" t="s">
        <v>10730</v>
      </c>
      <c r="D11959" t="s">
        <v>10710</v>
      </c>
      <c r="E11959" t="s">
        <v>13</v>
      </c>
      <c r="F11959">
        <v>2123</v>
      </c>
      <c r="G11959" t="s">
        <v>10731</v>
      </c>
      <c r="H11959">
        <v>5.3211228962670001</v>
      </c>
      <c r="I11959">
        <v>51.777487962812998</v>
      </c>
      <c r="J11959" t="s">
        <v>67644</v>
      </c>
    </row>
    <row r="11960" spans="1:10" x14ac:dyDescent="0.25">
      <c r="A11960" t="s">
        <v>10724</v>
      </c>
      <c r="B11960" t="s">
        <v>10725</v>
      </c>
      <c r="C11960" t="s">
        <v>10726</v>
      </c>
      <c r="D11960" t="s">
        <v>10710</v>
      </c>
      <c r="E11960" t="s">
        <v>13</v>
      </c>
      <c r="F11960">
        <v>2122</v>
      </c>
      <c r="G11960" t="s">
        <v>10727</v>
      </c>
      <c r="H11960">
        <v>5.3068417507300003</v>
      </c>
      <c r="I11960">
        <v>51.783509543378997</v>
      </c>
      <c r="J11960" t="s">
        <v>67645</v>
      </c>
    </row>
    <row r="11961" spans="1:10" x14ac:dyDescent="0.25">
      <c r="A11961" t="s">
        <v>10720</v>
      </c>
      <c r="B11961" t="s">
        <v>10721</v>
      </c>
      <c r="C11961" t="s">
        <v>10722</v>
      </c>
      <c r="D11961" t="s">
        <v>10710</v>
      </c>
      <c r="E11961" t="s">
        <v>13</v>
      </c>
      <c r="F11961">
        <v>2121</v>
      </c>
      <c r="G11961" t="s">
        <v>10723</v>
      </c>
      <c r="H11961">
        <v>5.3422322861640001</v>
      </c>
      <c r="I11961">
        <v>51.786846128435997</v>
      </c>
      <c r="J11961" t="s">
        <v>67646</v>
      </c>
    </row>
    <row r="11962" spans="1:10" x14ac:dyDescent="0.25">
      <c r="A11962" t="s">
        <v>10716</v>
      </c>
      <c r="B11962" t="s">
        <v>10717</v>
      </c>
      <c r="C11962" t="s">
        <v>10718</v>
      </c>
      <c r="D11962" t="s">
        <v>10710</v>
      </c>
      <c r="E11962" t="s">
        <v>13</v>
      </c>
      <c r="F11962">
        <v>2120</v>
      </c>
      <c r="G11962" t="s">
        <v>10719</v>
      </c>
      <c r="H11962">
        <v>5.3318201477149998</v>
      </c>
      <c r="I11962">
        <v>51.755388816001002</v>
      </c>
      <c r="J11962" t="s">
        <v>67647</v>
      </c>
    </row>
    <row r="11963" spans="1:10" x14ac:dyDescent="0.25">
      <c r="A11963" t="s">
        <v>10712</v>
      </c>
      <c r="B11963" t="s">
        <v>10713</v>
      </c>
      <c r="C11963" t="s">
        <v>10714</v>
      </c>
      <c r="D11963" t="s">
        <v>10710</v>
      </c>
      <c r="E11963" t="s">
        <v>13</v>
      </c>
      <c r="F11963">
        <v>2119</v>
      </c>
      <c r="G11963" t="s">
        <v>10715</v>
      </c>
      <c r="H11963">
        <v>5.3073412087570002</v>
      </c>
      <c r="I11963">
        <v>51.770423629691997</v>
      </c>
      <c r="J11963" t="s">
        <v>67648</v>
      </c>
    </row>
    <row r="11964" spans="1:10" x14ac:dyDescent="0.25">
      <c r="A11964" t="s">
        <v>10707</v>
      </c>
      <c r="B11964" t="s">
        <v>10708</v>
      </c>
      <c r="C11964" t="s">
        <v>10709</v>
      </c>
      <c r="D11964" t="s">
        <v>10710</v>
      </c>
      <c r="E11964" t="s">
        <v>13</v>
      </c>
      <c r="F11964">
        <v>2118</v>
      </c>
      <c r="G11964" t="s">
        <v>10711</v>
      </c>
      <c r="H11964">
        <v>5.3347474709089999</v>
      </c>
      <c r="I11964">
        <v>51.770302418189999</v>
      </c>
      <c r="J11964" t="s">
        <v>67649</v>
      </c>
    </row>
    <row r="11965" spans="1:10" x14ac:dyDescent="0.25">
      <c r="A11965" t="s">
        <v>10703</v>
      </c>
      <c r="B11965" t="s">
        <v>10704</v>
      </c>
      <c r="C11965" t="s">
        <v>10705</v>
      </c>
      <c r="D11965" t="s">
        <v>10565</v>
      </c>
      <c r="E11965" t="s">
        <v>13</v>
      </c>
      <c r="F11965">
        <v>2117</v>
      </c>
      <c r="G11965" t="s">
        <v>10706</v>
      </c>
      <c r="H11965">
        <v>6.3220338727619998</v>
      </c>
      <c r="I11965">
        <v>52.227417681764003</v>
      </c>
      <c r="J11965" t="s">
        <v>67650</v>
      </c>
    </row>
    <row r="11966" spans="1:10" x14ac:dyDescent="0.25">
      <c r="A11966" t="s">
        <v>10699</v>
      </c>
      <c r="B11966" t="s">
        <v>10700</v>
      </c>
      <c r="C11966" t="s">
        <v>10701</v>
      </c>
      <c r="D11966" t="s">
        <v>10565</v>
      </c>
      <c r="E11966" t="s">
        <v>13</v>
      </c>
      <c r="F11966">
        <v>2116</v>
      </c>
      <c r="G11966" t="s">
        <v>10702</v>
      </c>
      <c r="H11966">
        <v>6.290627493223</v>
      </c>
      <c r="I11966">
        <v>52.195411166386997</v>
      </c>
      <c r="J11966" t="s">
        <v>67651</v>
      </c>
    </row>
    <row r="11967" spans="1:10" x14ac:dyDescent="0.25">
      <c r="A11967" t="s">
        <v>10695</v>
      </c>
      <c r="B11967" t="s">
        <v>10696</v>
      </c>
      <c r="C11967" t="s">
        <v>10697</v>
      </c>
      <c r="D11967" t="s">
        <v>10565</v>
      </c>
      <c r="E11967" t="s">
        <v>13</v>
      </c>
      <c r="F11967">
        <v>2115</v>
      </c>
      <c r="G11967" t="s">
        <v>10698</v>
      </c>
      <c r="H11967">
        <v>6.2881498624030003</v>
      </c>
      <c r="I11967">
        <v>52.170867073997002</v>
      </c>
      <c r="J11967" t="s">
        <v>67652</v>
      </c>
    </row>
    <row r="11968" spans="1:10" x14ac:dyDescent="0.25">
      <c r="A11968" t="s">
        <v>10691</v>
      </c>
      <c r="B11968" t="s">
        <v>10692</v>
      </c>
      <c r="C11968" t="s">
        <v>10693</v>
      </c>
      <c r="D11968" t="s">
        <v>10565</v>
      </c>
      <c r="E11968" t="s">
        <v>13</v>
      </c>
      <c r="F11968">
        <v>2114</v>
      </c>
      <c r="G11968" t="s">
        <v>10694</v>
      </c>
      <c r="H11968">
        <v>6.2907691847100002</v>
      </c>
      <c r="I11968">
        <v>52.157771950403003</v>
      </c>
      <c r="J11968" t="s">
        <v>67653</v>
      </c>
    </row>
    <row r="11969" spans="1:10" x14ac:dyDescent="0.25">
      <c r="A11969" t="s">
        <v>10687</v>
      </c>
      <c r="B11969" t="s">
        <v>10688</v>
      </c>
      <c r="C11969" t="s">
        <v>10689</v>
      </c>
      <c r="D11969" t="s">
        <v>10565</v>
      </c>
      <c r="E11969" t="s">
        <v>13</v>
      </c>
      <c r="F11969">
        <v>2113</v>
      </c>
      <c r="G11969" t="s">
        <v>10690</v>
      </c>
      <c r="H11969">
        <v>6.2965034280119996</v>
      </c>
      <c r="I11969">
        <v>52.206942489741998</v>
      </c>
      <c r="J11969" t="s">
        <v>67654</v>
      </c>
    </row>
    <row r="11970" spans="1:10" x14ac:dyDescent="0.25">
      <c r="A11970" t="s">
        <v>10683</v>
      </c>
      <c r="B11970" t="s">
        <v>10684</v>
      </c>
      <c r="C11970" t="s">
        <v>10685</v>
      </c>
      <c r="D11970" t="s">
        <v>10565</v>
      </c>
      <c r="E11970" t="s">
        <v>13</v>
      </c>
      <c r="F11970">
        <v>2112</v>
      </c>
      <c r="G11970" t="s">
        <v>10686</v>
      </c>
      <c r="H11970">
        <v>6.3026950927829999</v>
      </c>
      <c r="I11970">
        <v>52.161619778202997</v>
      </c>
      <c r="J11970" t="s">
        <v>67655</v>
      </c>
    </row>
    <row r="11971" spans="1:10" x14ac:dyDescent="0.25">
      <c r="A11971" t="s">
        <v>10679</v>
      </c>
      <c r="B11971" t="s">
        <v>10680</v>
      </c>
      <c r="C11971" t="s">
        <v>10681</v>
      </c>
      <c r="D11971" t="s">
        <v>10565</v>
      </c>
      <c r="E11971" t="s">
        <v>13</v>
      </c>
      <c r="F11971">
        <v>2111</v>
      </c>
      <c r="G11971" t="s">
        <v>10682</v>
      </c>
      <c r="H11971">
        <v>6.2304440177489999</v>
      </c>
      <c r="I11971">
        <v>52.171335048777003</v>
      </c>
      <c r="J11971" t="s">
        <v>67656</v>
      </c>
    </row>
    <row r="11972" spans="1:10" x14ac:dyDescent="0.25">
      <c r="A11972" t="s">
        <v>10675</v>
      </c>
      <c r="B11972" t="s">
        <v>10676</v>
      </c>
      <c r="C11972" t="s">
        <v>10677</v>
      </c>
      <c r="D11972" t="s">
        <v>10565</v>
      </c>
      <c r="E11972" t="s">
        <v>13</v>
      </c>
      <c r="F11972">
        <v>2110</v>
      </c>
      <c r="G11972" t="s">
        <v>10678</v>
      </c>
      <c r="H11972">
        <v>6.2157593230180002</v>
      </c>
      <c r="I11972">
        <v>52.222032414704998</v>
      </c>
      <c r="J11972" t="s">
        <v>67657</v>
      </c>
    </row>
    <row r="11973" spans="1:10" x14ac:dyDescent="0.25">
      <c r="A11973" t="s">
        <v>10671</v>
      </c>
      <c r="B11973" t="s">
        <v>10672</v>
      </c>
      <c r="C11973" t="s">
        <v>10673</v>
      </c>
      <c r="D11973" t="s">
        <v>10565</v>
      </c>
      <c r="E11973" t="s">
        <v>13</v>
      </c>
      <c r="F11973">
        <v>2109</v>
      </c>
      <c r="G11973" t="s">
        <v>10674</v>
      </c>
      <c r="H11973">
        <v>6.1944257883739997</v>
      </c>
      <c r="I11973">
        <v>52.194097477089997</v>
      </c>
      <c r="J11973" t="s">
        <v>67658</v>
      </c>
    </row>
    <row r="11974" spans="1:10" x14ac:dyDescent="0.25">
      <c r="A11974" t="s">
        <v>10667</v>
      </c>
      <c r="B11974" t="s">
        <v>10668</v>
      </c>
      <c r="C11974" t="s">
        <v>10669</v>
      </c>
      <c r="D11974" t="s">
        <v>10565</v>
      </c>
      <c r="E11974" t="s">
        <v>13</v>
      </c>
      <c r="F11974">
        <v>2108</v>
      </c>
      <c r="G11974" t="s">
        <v>10670</v>
      </c>
      <c r="H11974">
        <v>6.2441574314089996</v>
      </c>
      <c r="I11974">
        <v>52.205506634202997</v>
      </c>
      <c r="J11974" t="s">
        <v>67659</v>
      </c>
    </row>
    <row r="11975" spans="1:10" x14ac:dyDescent="0.25">
      <c r="A11975" t="s">
        <v>10663</v>
      </c>
      <c r="B11975" t="s">
        <v>10664</v>
      </c>
      <c r="C11975" t="s">
        <v>10665</v>
      </c>
      <c r="D11975" t="s">
        <v>10565</v>
      </c>
      <c r="E11975" t="s">
        <v>13</v>
      </c>
      <c r="F11975">
        <v>2107</v>
      </c>
      <c r="G11975" t="s">
        <v>10666</v>
      </c>
      <c r="H11975">
        <v>6.2081395212599997</v>
      </c>
      <c r="I11975">
        <v>52.223816278374002</v>
      </c>
      <c r="J11975" t="s">
        <v>67660</v>
      </c>
    </row>
    <row r="11976" spans="1:10" x14ac:dyDescent="0.25">
      <c r="A11976" t="s">
        <v>10659</v>
      </c>
      <c r="B11976" t="s">
        <v>10660</v>
      </c>
      <c r="C11976" t="s">
        <v>10661</v>
      </c>
      <c r="D11976" t="s">
        <v>10565</v>
      </c>
      <c r="E11976" t="s">
        <v>13</v>
      </c>
      <c r="F11976">
        <v>2106</v>
      </c>
      <c r="G11976" t="s">
        <v>10662</v>
      </c>
      <c r="H11976">
        <v>6.2277558159130004</v>
      </c>
      <c r="I11976">
        <v>52.166142675491997</v>
      </c>
      <c r="J11976" t="s">
        <v>67661</v>
      </c>
    </row>
    <row r="11977" spans="1:10" x14ac:dyDescent="0.25">
      <c r="A11977" t="s">
        <v>10655</v>
      </c>
      <c r="B11977" t="s">
        <v>10656</v>
      </c>
      <c r="C11977" t="s">
        <v>10657</v>
      </c>
      <c r="D11977" t="s">
        <v>10565</v>
      </c>
      <c r="E11977" t="s">
        <v>13</v>
      </c>
      <c r="F11977">
        <v>2105</v>
      </c>
      <c r="G11977" t="s">
        <v>10658</v>
      </c>
      <c r="H11977">
        <v>6.2056543655369998</v>
      </c>
      <c r="I11977">
        <v>52.201645273514004</v>
      </c>
      <c r="J11977" t="s">
        <v>67662</v>
      </c>
    </row>
    <row r="11978" spans="1:10" x14ac:dyDescent="0.25">
      <c r="A11978" t="s">
        <v>10651</v>
      </c>
      <c r="B11978" t="s">
        <v>10652</v>
      </c>
      <c r="C11978" t="s">
        <v>10653</v>
      </c>
      <c r="D11978" t="s">
        <v>10565</v>
      </c>
      <c r="E11978" t="s">
        <v>13</v>
      </c>
      <c r="F11978">
        <v>2104</v>
      </c>
      <c r="G11978" t="s">
        <v>10654</v>
      </c>
      <c r="H11978">
        <v>6.4681409271770001</v>
      </c>
      <c r="I11978">
        <v>52.123160891048997</v>
      </c>
      <c r="J11978" t="s">
        <v>67663</v>
      </c>
    </row>
    <row r="11979" spans="1:10" x14ac:dyDescent="0.25">
      <c r="A11979" t="s">
        <v>10647</v>
      </c>
      <c r="B11979" t="s">
        <v>10648</v>
      </c>
      <c r="C11979" t="s">
        <v>10649</v>
      </c>
      <c r="D11979" t="s">
        <v>10565</v>
      </c>
      <c r="E11979" t="s">
        <v>13</v>
      </c>
      <c r="F11979">
        <v>2103</v>
      </c>
      <c r="G11979" t="s">
        <v>10650</v>
      </c>
      <c r="H11979">
        <v>6.4175347927809998</v>
      </c>
      <c r="I11979">
        <v>52.117601356028999</v>
      </c>
      <c r="J11979" t="s">
        <v>67664</v>
      </c>
    </row>
    <row r="11980" spans="1:10" x14ac:dyDescent="0.25">
      <c r="A11980" t="s">
        <v>10643</v>
      </c>
      <c r="B11980" t="s">
        <v>10644</v>
      </c>
      <c r="C11980" t="s">
        <v>10645</v>
      </c>
      <c r="D11980" t="s">
        <v>10565</v>
      </c>
      <c r="E11980" t="s">
        <v>13</v>
      </c>
      <c r="F11980">
        <v>2102</v>
      </c>
      <c r="G11980" t="s">
        <v>10646</v>
      </c>
      <c r="H11980">
        <v>6.4366933712899996</v>
      </c>
      <c r="I11980">
        <v>52.133790390870999</v>
      </c>
      <c r="J11980" t="s">
        <v>67665</v>
      </c>
    </row>
    <row r="11981" spans="1:10" x14ac:dyDescent="0.25">
      <c r="A11981" t="s">
        <v>10639</v>
      </c>
      <c r="B11981" t="s">
        <v>10640</v>
      </c>
      <c r="C11981" t="s">
        <v>10641</v>
      </c>
      <c r="D11981" t="s">
        <v>10565</v>
      </c>
      <c r="E11981" t="s">
        <v>13</v>
      </c>
      <c r="F11981">
        <v>2101</v>
      </c>
      <c r="G11981" t="s">
        <v>10642</v>
      </c>
      <c r="H11981">
        <v>6.4433184940229999</v>
      </c>
      <c r="I11981">
        <v>52.124162637967999</v>
      </c>
      <c r="J11981" t="s">
        <v>67666</v>
      </c>
    </row>
    <row r="11982" spans="1:10" x14ac:dyDescent="0.25">
      <c r="A11982" t="s">
        <v>10635</v>
      </c>
      <c r="B11982" t="s">
        <v>10636</v>
      </c>
      <c r="C11982" t="s">
        <v>10637</v>
      </c>
      <c r="D11982" t="s">
        <v>10565</v>
      </c>
      <c r="E11982" t="s">
        <v>13</v>
      </c>
      <c r="F11982">
        <v>2100</v>
      </c>
      <c r="G11982" t="s">
        <v>10638</v>
      </c>
      <c r="H11982">
        <v>6.3895546489199999</v>
      </c>
      <c r="I11982">
        <v>52.173901130369998</v>
      </c>
      <c r="J11982" t="s">
        <v>67667</v>
      </c>
    </row>
    <row r="11983" spans="1:10" x14ac:dyDescent="0.25">
      <c r="A11983" t="s">
        <v>10631</v>
      </c>
      <c r="B11983" t="s">
        <v>10632</v>
      </c>
      <c r="C11983" t="s">
        <v>10633</v>
      </c>
      <c r="D11983" t="s">
        <v>10565</v>
      </c>
      <c r="E11983" t="s">
        <v>13</v>
      </c>
      <c r="F11983">
        <v>2099</v>
      </c>
      <c r="G11983" t="s">
        <v>10634</v>
      </c>
      <c r="H11983">
        <v>6.4165437365609996</v>
      </c>
      <c r="I11983">
        <v>52.188394216840997</v>
      </c>
      <c r="J11983" t="s">
        <v>67668</v>
      </c>
    </row>
    <row r="11984" spans="1:10" x14ac:dyDescent="0.25">
      <c r="A11984" t="s">
        <v>10627</v>
      </c>
      <c r="B11984" t="s">
        <v>10628</v>
      </c>
      <c r="C11984" t="s">
        <v>10629</v>
      </c>
      <c r="D11984" t="s">
        <v>10565</v>
      </c>
      <c r="E11984" t="s">
        <v>13</v>
      </c>
      <c r="F11984">
        <v>2098</v>
      </c>
      <c r="G11984" t="s">
        <v>10630</v>
      </c>
      <c r="H11984">
        <v>6.3964514171419999</v>
      </c>
      <c r="I11984">
        <v>52.215175059446999</v>
      </c>
      <c r="J11984" t="s">
        <v>67669</v>
      </c>
    </row>
    <row r="11985" spans="1:10" x14ac:dyDescent="0.25">
      <c r="A11985" t="s">
        <v>10623</v>
      </c>
      <c r="B11985" t="s">
        <v>10624</v>
      </c>
      <c r="C11985" t="s">
        <v>10625</v>
      </c>
      <c r="D11985" t="s">
        <v>10565</v>
      </c>
      <c r="E11985" t="s">
        <v>13</v>
      </c>
      <c r="F11985">
        <v>2097</v>
      </c>
      <c r="G11985" t="s">
        <v>10626</v>
      </c>
      <c r="H11985">
        <v>6.3465590359529997</v>
      </c>
      <c r="I11985">
        <v>52.200295582251002</v>
      </c>
      <c r="J11985" t="s">
        <v>67670</v>
      </c>
    </row>
    <row r="11986" spans="1:10" x14ac:dyDescent="0.25">
      <c r="A11986" t="s">
        <v>10619</v>
      </c>
      <c r="B11986" t="s">
        <v>10620</v>
      </c>
      <c r="C11986" t="s">
        <v>10621</v>
      </c>
      <c r="D11986" t="s">
        <v>10565</v>
      </c>
      <c r="E11986" t="s">
        <v>13</v>
      </c>
      <c r="F11986">
        <v>2096</v>
      </c>
      <c r="G11986" t="s">
        <v>10622</v>
      </c>
      <c r="H11986">
        <v>6.3535009797599997</v>
      </c>
      <c r="I11986">
        <v>52.174049887485999</v>
      </c>
      <c r="J11986" t="s">
        <v>67671</v>
      </c>
    </row>
    <row r="11987" spans="1:10" x14ac:dyDescent="0.25">
      <c r="A11987" t="s">
        <v>10615</v>
      </c>
      <c r="B11987" t="s">
        <v>10616</v>
      </c>
      <c r="C11987" t="s">
        <v>10617</v>
      </c>
      <c r="D11987" t="s">
        <v>10565</v>
      </c>
      <c r="E11987" t="s">
        <v>13</v>
      </c>
      <c r="F11987">
        <v>2095</v>
      </c>
      <c r="G11987" t="s">
        <v>10618</v>
      </c>
      <c r="H11987">
        <v>6.4137349893050004</v>
      </c>
      <c r="I11987">
        <v>52.184371970470004</v>
      </c>
      <c r="J11987" t="s">
        <v>67672</v>
      </c>
    </row>
    <row r="11988" spans="1:10" x14ac:dyDescent="0.25">
      <c r="A11988" t="s">
        <v>10611</v>
      </c>
      <c r="B11988" t="s">
        <v>10612</v>
      </c>
      <c r="C11988" t="s">
        <v>10613</v>
      </c>
      <c r="D11988" t="s">
        <v>10565</v>
      </c>
      <c r="E11988" t="s">
        <v>13</v>
      </c>
      <c r="F11988">
        <v>2094</v>
      </c>
      <c r="G11988" t="s">
        <v>10614</v>
      </c>
      <c r="H11988">
        <v>6.3628400359889996</v>
      </c>
      <c r="I11988">
        <v>52.193969366087998</v>
      </c>
      <c r="J11988" t="s">
        <v>67673</v>
      </c>
    </row>
    <row r="11989" spans="1:10" x14ac:dyDescent="0.25">
      <c r="A11989" t="s">
        <v>10607</v>
      </c>
      <c r="B11989" t="s">
        <v>10608</v>
      </c>
      <c r="C11989" t="s">
        <v>10609</v>
      </c>
      <c r="D11989" t="s">
        <v>10565</v>
      </c>
      <c r="E11989" t="s">
        <v>13</v>
      </c>
      <c r="F11989">
        <v>2093</v>
      </c>
      <c r="G11989" t="s">
        <v>10610</v>
      </c>
      <c r="H11989">
        <v>6.4585537353199998</v>
      </c>
      <c r="I11989">
        <v>52.160642545263997</v>
      </c>
      <c r="J11989" t="s">
        <v>67674</v>
      </c>
    </row>
    <row r="11990" spans="1:10" x14ac:dyDescent="0.25">
      <c r="A11990" t="s">
        <v>10603</v>
      </c>
      <c r="B11990" t="s">
        <v>10604</v>
      </c>
      <c r="C11990" t="s">
        <v>10605</v>
      </c>
      <c r="D11990" t="s">
        <v>10565</v>
      </c>
      <c r="E11990" t="s">
        <v>13</v>
      </c>
      <c r="F11990">
        <v>2092</v>
      </c>
      <c r="G11990" t="s">
        <v>10606</v>
      </c>
      <c r="H11990">
        <v>6.4425698729700001</v>
      </c>
      <c r="I11990">
        <v>52.181536341860003</v>
      </c>
      <c r="J11990" t="s">
        <v>67675</v>
      </c>
    </row>
    <row r="11991" spans="1:10" x14ac:dyDescent="0.25">
      <c r="A11991" t="s">
        <v>10599</v>
      </c>
      <c r="B11991" t="s">
        <v>10600</v>
      </c>
      <c r="C11991" t="s">
        <v>10601</v>
      </c>
      <c r="D11991" t="s">
        <v>10565</v>
      </c>
      <c r="E11991" t="s">
        <v>13</v>
      </c>
      <c r="F11991">
        <v>2091</v>
      </c>
      <c r="G11991" t="s">
        <v>10602</v>
      </c>
      <c r="H11991">
        <v>6.3554819137129996</v>
      </c>
      <c r="I11991">
        <v>52.153212318689</v>
      </c>
      <c r="J11991" t="s">
        <v>67676</v>
      </c>
    </row>
    <row r="11992" spans="1:10" x14ac:dyDescent="0.25">
      <c r="A11992" t="s">
        <v>10595</v>
      </c>
      <c r="B11992" t="s">
        <v>10596</v>
      </c>
      <c r="C11992" t="s">
        <v>10597</v>
      </c>
      <c r="D11992" t="s">
        <v>10565</v>
      </c>
      <c r="E11992" t="s">
        <v>13</v>
      </c>
      <c r="F11992">
        <v>2090</v>
      </c>
      <c r="G11992" t="s">
        <v>10598</v>
      </c>
      <c r="H11992">
        <v>6.3857108905190003</v>
      </c>
      <c r="I11992">
        <v>52.138936104639001</v>
      </c>
      <c r="J11992" t="s">
        <v>67677</v>
      </c>
    </row>
    <row r="11993" spans="1:10" x14ac:dyDescent="0.25">
      <c r="A11993" t="s">
        <v>10591</v>
      </c>
      <c r="B11993" t="s">
        <v>10592</v>
      </c>
      <c r="C11993" t="s">
        <v>10593</v>
      </c>
      <c r="D11993" t="s">
        <v>10565</v>
      </c>
      <c r="E11993" t="s">
        <v>13</v>
      </c>
      <c r="F11993">
        <v>2089</v>
      </c>
      <c r="G11993" t="s">
        <v>10594</v>
      </c>
      <c r="H11993">
        <v>6.4494206434730001</v>
      </c>
      <c r="I11993">
        <v>52.146718512376999</v>
      </c>
      <c r="J11993" t="s">
        <v>67678</v>
      </c>
    </row>
    <row r="11994" spans="1:10" x14ac:dyDescent="0.25">
      <c r="A11994" t="s">
        <v>10587</v>
      </c>
      <c r="B11994" t="s">
        <v>10588</v>
      </c>
      <c r="C11994" t="s">
        <v>10589</v>
      </c>
      <c r="D11994" t="s">
        <v>10565</v>
      </c>
      <c r="E11994" t="s">
        <v>13</v>
      </c>
      <c r="F11994">
        <v>2088</v>
      </c>
      <c r="G11994" t="s">
        <v>10590</v>
      </c>
      <c r="H11994">
        <v>6.3963316501850001</v>
      </c>
      <c r="I11994">
        <v>52.161315828812</v>
      </c>
      <c r="J11994" t="s">
        <v>67679</v>
      </c>
    </row>
    <row r="11995" spans="1:10" x14ac:dyDescent="0.25">
      <c r="A11995" t="s">
        <v>10583</v>
      </c>
      <c r="B11995" t="s">
        <v>10584</v>
      </c>
      <c r="C11995" t="s">
        <v>10585</v>
      </c>
      <c r="D11995" t="s">
        <v>10565</v>
      </c>
      <c r="E11995" t="s">
        <v>13</v>
      </c>
      <c r="F11995">
        <v>2087</v>
      </c>
      <c r="G11995" t="s">
        <v>10586</v>
      </c>
      <c r="H11995">
        <v>6.4058339773539998</v>
      </c>
      <c r="I11995">
        <v>52.166141889042002</v>
      </c>
      <c r="J11995" t="s">
        <v>67680</v>
      </c>
    </row>
    <row r="11996" spans="1:10" x14ac:dyDescent="0.25">
      <c r="A11996" t="s">
        <v>10579</v>
      </c>
      <c r="B11996" t="s">
        <v>10580</v>
      </c>
      <c r="C11996" t="s">
        <v>10581</v>
      </c>
      <c r="D11996" t="s">
        <v>10565</v>
      </c>
      <c r="E11996" t="s">
        <v>13</v>
      </c>
      <c r="F11996">
        <v>2086</v>
      </c>
      <c r="G11996" t="s">
        <v>10582</v>
      </c>
      <c r="H11996">
        <v>6.3958838430589999</v>
      </c>
      <c r="I11996">
        <v>52.154194323889001</v>
      </c>
      <c r="J11996" t="s">
        <v>67681</v>
      </c>
    </row>
    <row r="11997" spans="1:10" x14ac:dyDescent="0.25">
      <c r="A11997" t="s">
        <v>10575</v>
      </c>
      <c r="B11997" t="s">
        <v>10576</v>
      </c>
      <c r="C11997" t="s">
        <v>10577</v>
      </c>
      <c r="D11997" t="s">
        <v>10565</v>
      </c>
      <c r="E11997" t="s">
        <v>13</v>
      </c>
      <c r="F11997">
        <v>2085</v>
      </c>
      <c r="G11997" t="s">
        <v>10578</v>
      </c>
      <c r="H11997">
        <v>6.4227258200669999</v>
      </c>
      <c r="I11997">
        <v>52.157338107066998</v>
      </c>
      <c r="J11997" t="s">
        <v>67682</v>
      </c>
    </row>
    <row r="11998" spans="1:10" x14ac:dyDescent="0.25">
      <c r="A11998" t="s">
        <v>10571</v>
      </c>
      <c r="B11998" t="s">
        <v>10572</v>
      </c>
      <c r="C11998" t="s">
        <v>10573</v>
      </c>
      <c r="D11998" t="s">
        <v>10565</v>
      </c>
      <c r="E11998" t="s">
        <v>13</v>
      </c>
      <c r="F11998">
        <v>2084</v>
      </c>
      <c r="G11998" t="s">
        <v>10574</v>
      </c>
      <c r="H11998">
        <v>6.4128150973690001</v>
      </c>
      <c r="I11998">
        <v>52.152281384326997</v>
      </c>
      <c r="J11998" t="s">
        <v>67683</v>
      </c>
    </row>
    <row r="11999" spans="1:10" x14ac:dyDescent="0.25">
      <c r="A11999" t="s">
        <v>10567</v>
      </c>
      <c r="B11999" t="s">
        <v>10568</v>
      </c>
      <c r="C11999" t="s">
        <v>10569</v>
      </c>
      <c r="D11999" t="s">
        <v>10565</v>
      </c>
      <c r="E11999" t="s">
        <v>13</v>
      </c>
      <c r="F11999">
        <v>2083</v>
      </c>
      <c r="G11999" t="s">
        <v>10570</v>
      </c>
      <c r="H11999">
        <v>6.4071076649309999</v>
      </c>
      <c r="I11999">
        <v>52.158562161360003</v>
      </c>
      <c r="J11999" t="s">
        <v>67684</v>
      </c>
    </row>
    <row r="12000" spans="1:10" x14ac:dyDescent="0.25">
      <c r="A12000" t="s">
        <v>10562</v>
      </c>
      <c r="B12000" t="s">
        <v>10563</v>
      </c>
      <c r="C12000" t="s">
        <v>10564</v>
      </c>
      <c r="D12000" t="s">
        <v>10565</v>
      </c>
      <c r="E12000" t="s">
        <v>13</v>
      </c>
      <c r="F12000">
        <v>2082</v>
      </c>
      <c r="G12000" t="s">
        <v>10566</v>
      </c>
      <c r="H12000">
        <v>6.415385452232</v>
      </c>
      <c r="I12000">
        <v>52.161430289222999</v>
      </c>
      <c r="J12000" t="s">
        <v>67685</v>
      </c>
    </row>
    <row r="12001" spans="1:10" x14ac:dyDescent="0.25">
      <c r="A12001" t="s">
        <v>10558</v>
      </c>
      <c r="B12001" t="s">
        <v>10559</v>
      </c>
      <c r="C12001" t="s">
        <v>10560</v>
      </c>
      <c r="D12001" t="s">
        <v>10489</v>
      </c>
      <c r="E12001" t="s">
        <v>13</v>
      </c>
      <c r="F12001">
        <v>2081</v>
      </c>
      <c r="G12001" t="s">
        <v>10561</v>
      </c>
      <c r="H12001">
        <v>5.7521802332360004</v>
      </c>
      <c r="I12001">
        <v>51.766152033330997</v>
      </c>
      <c r="J12001" t="s">
        <v>67686</v>
      </c>
    </row>
    <row r="12002" spans="1:10" x14ac:dyDescent="0.25">
      <c r="A12002" t="s">
        <v>10554</v>
      </c>
      <c r="B12002" t="s">
        <v>10555</v>
      </c>
      <c r="C12002" t="s">
        <v>10556</v>
      </c>
      <c r="D12002" t="s">
        <v>10489</v>
      </c>
      <c r="E12002" t="s">
        <v>13</v>
      </c>
      <c r="F12002">
        <v>2080</v>
      </c>
      <c r="G12002" t="s">
        <v>10557</v>
      </c>
      <c r="H12002">
        <v>5.7355466939140003</v>
      </c>
      <c r="I12002">
        <v>51.774543539375998</v>
      </c>
      <c r="J12002" t="s">
        <v>67687</v>
      </c>
    </row>
    <row r="12003" spans="1:10" x14ac:dyDescent="0.25">
      <c r="A12003" t="s">
        <v>10550</v>
      </c>
      <c r="B12003" t="s">
        <v>10551</v>
      </c>
      <c r="C12003" t="s">
        <v>10552</v>
      </c>
      <c r="D12003" t="s">
        <v>10489</v>
      </c>
      <c r="E12003" t="s">
        <v>13</v>
      </c>
      <c r="F12003">
        <v>2079</v>
      </c>
      <c r="G12003" t="s">
        <v>10553</v>
      </c>
      <c r="H12003">
        <v>5.8071213008780003</v>
      </c>
      <c r="I12003">
        <v>51.765528157916997</v>
      </c>
      <c r="J12003" t="s">
        <v>67688</v>
      </c>
    </row>
    <row r="12004" spans="1:10" x14ac:dyDescent="0.25">
      <c r="A12004" t="s">
        <v>10546</v>
      </c>
      <c r="B12004" t="s">
        <v>10547</v>
      </c>
      <c r="C12004" t="s">
        <v>10548</v>
      </c>
      <c r="D12004" t="s">
        <v>10489</v>
      </c>
      <c r="E12004" t="s">
        <v>13</v>
      </c>
      <c r="F12004">
        <v>2078</v>
      </c>
      <c r="G12004" t="s">
        <v>10549</v>
      </c>
      <c r="H12004">
        <v>5.7575334846119999</v>
      </c>
      <c r="I12004">
        <v>51.776726748378998</v>
      </c>
      <c r="J12004" t="s">
        <v>67689</v>
      </c>
    </row>
    <row r="12005" spans="1:10" x14ac:dyDescent="0.25">
      <c r="A12005" t="s">
        <v>10542</v>
      </c>
      <c r="B12005" t="s">
        <v>10543</v>
      </c>
      <c r="C12005" t="s">
        <v>10544</v>
      </c>
      <c r="D12005" t="s">
        <v>10489</v>
      </c>
      <c r="E12005" t="s">
        <v>13</v>
      </c>
      <c r="F12005">
        <v>2077</v>
      </c>
      <c r="G12005" t="s">
        <v>10545</v>
      </c>
      <c r="H12005">
        <v>5.8026182590730002</v>
      </c>
      <c r="I12005">
        <v>51.782075775080003</v>
      </c>
      <c r="J12005" t="s">
        <v>67690</v>
      </c>
    </row>
    <row r="12006" spans="1:10" x14ac:dyDescent="0.25">
      <c r="A12006" t="s">
        <v>10538</v>
      </c>
      <c r="B12006" t="s">
        <v>10539</v>
      </c>
      <c r="C12006" t="s">
        <v>10540</v>
      </c>
      <c r="D12006" t="s">
        <v>10489</v>
      </c>
      <c r="E12006" t="s">
        <v>13</v>
      </c>
      <c r="F12006">
        <v>2076</v>
      </c>
      <c r="G12006" t="s">
        <v>10541</v>
      </c>
      <c r="H12006">
        <v>5.7770837253189997</v>
      </c>
      <c r="I12006">
        <v>51.759076619835</v>
      </c>
      <c r="J12006" t="s">
        <v>67691</v>
      </c>
    </row>
    <row r="12007" spans="1:10" x14ac:dyDescent="0.25">
      <c r="A12007" t="s">
        <v>10534</v>
      </c>
      <c r="B12007" t="s">
        <v>10535</v>
      </c>
      <c r="C12007" t="s">
        <v>10536</v>
      </c>
      <c r="D12007" t="s">
        <v>10489</v>
      </c>
      <c r="E12007" t="s">
        <v>13</v>
      </c>
      <c r="F12007">
        <v>2075</v>
      </c>
      <c r="G12007" t="s">
        <v>10537</v>
      </c>
      <c r="H12007">
        <v>5.7919565360389997</v>
      </c>
      <c r="I12007">
        <v>51.777523611427</v>
      </c>
      <c r="J12007" t="s">
        <v>67692</v>
      </c>
    </row>
    <row r="12008" spans="1:10" x14ac:dyDescent="0.25">
      <c r="A12008" t="s">
        <v>10530</v>
      </c>
      <c r="B12008" t="s">
        <v>10531</v>
      </c>
      <c r="C12008" t="s">
        <v>10532</v>
      </c>
      <c r="D12008" t="s">
        <v>10489</v>
      </c>
      <c r="E12008" t="s">
        <v>13</v>
      </c>
      <c r="F12008">
        <v>2074</v>
      </c>
      <c r="G12008" t="s">
        <v>10533</v>
      </c>
      <c r="H12008">
        <v>5.7463369436780001</v>
      </c>
      <c r="I12008">
        <v>51.771757204495003</v>
      </c>
      <c r="J12008" t="s">
        <v>67693</v>
      </c>
    </row>
    <row r="12009" spans="1:10" x14ac:dyDescent="0.25">
      <c r="A12009" t="s">
        <v>10526</v>
      </c>
      <c r="B12009" t="s">
        <v>10527</v>
      </c>
      <c r="C12009" t="s">
        <v>10528</v>
      </c>
      <c r="D12009" t="s">
        <v>10489</v>
      </c>
      <c r="E12009" t="s">
        <v>13</v>
      </c>
      <c r="F12009">
        <v>2073</v>
      </c>
      <c r="G12009" t="s">
        <v>10529</v>
      </c>
      <c r="H12009">
        <v>5.7865702408940001</v>
      </c>
      <c r="I12009">
        <v>51.760869063976003</v>
      </c>
      <c r="J12009" t="s">
        <v>67694</v>
      </c>
    </row>
    <row r="12010" spans="1:10" x14ac:dyDescent="0.25">
      <c r="A12010" t="s">
        <v>10522</v>
      </c>
      <c r="B12010" t="s">
        <v>10523</v>
      </c>
      <c r="C12010" t="s">
        <v>10524</v>
      </c>
      <c r="D12010" t="s">
        <v>10489</v>
      </c>
      <c r="E12010" t="s">
        <v>13</v>
      </c>
      <c r="F12010">
        <v>2072</v>
      </c>
      <c r="G12010" t="s">
        <v>10525</v>
      </c>
      <c r="H12010">
        <v>5.8258341727229999</v>
      </c>
      <c r="I12010">
        <v>51.773602206379003</v>
      </c>
      <c r="J12010" t="s">
        <v>67695</v>
      </c>
    </row>
    <row r="12011" spans="1:10" x14ac:dyDescent="0.25">
      <c r="A12011" t="s">
        <v>10518</v>
      </c>
      <c r="B12011" t="s">
        <v>10519</v>
      </c>
      <c r="C12011" t="s">
        <v>10520</v>
      </c>
      <c r="D12011" t="s">
        <v>10489</v>
      </c>
      <c r="E12011" t="s">
        <v>13</v>
      </c>
      <c r="F12011">
        <v>2071</v>
      </c>
      <c r="G12011" t="s">
        <v>10521</v>
      </c>
      <c r="H12011">
        <v>5.8357030334040001</v>
      </c>
      <c r="I12011">
        <v>51.772982920994998</v>
      </c>
      <c r="J12011" t="s">
        <v>67696</v>
      </c>
    </row>
    <row r="12012" spans="1:10" x14ac:dyDescent="0.25">
      <c r="A12012" t="s">
        <v>10514</v>
      </c>
      <c r="B12012" t="s">
        <v>10515</v>
      </c>
      <c r="C12012" t="s">
        <v>10516</v>
      </c>
      <c r="D12012" t="s">
        <v>10489</v>
      </c>
      <c r="E12012" t="s">
        <v>13</v>
      </c>
      <c r="F12012">
        <v>2070</v>
      </c>
      <c r="G12012" t="s">
        <v>10517</v>
      </c>
      <c r="H12012">
        <v>5.8723415047209997</v>
      </c>
      <c r="I12012">
        <v>51.793790406988997</v>
      </c>
      <c r="J12012" t="s">
        <v>67697</v>
      </c>
    </row>
    <row r="12013" spans="1:10" x14ac:dyDescent="0.25">
      <c r="A12013" t="s">
        <v>10510</v>
      </c>
      <c r="B12013" t="s">
        <v>10511</v>
      </c>
      <c r="C12013" t="s">
        <v>10512</v>
      </c>
      <c r="D12013" t="s">
        <v>10489</v>
      </c>
      <c r="E12013" t="s">
        <v>13</v>
      </c>
      <c r="F12013">
        <v>2069</v>
      </c>
      <c r="G12013" t="s">
        <v>10513</v>
      </c>
      <c r="H12013">
        <v>5.8499754232030003</v>
      </c>
      <c r="I12013">
        <v>51.787095833549003</v>
      </c>
      <c r="J12013" t="s">
        <v>67698</v>
      </c>
    </row>
    <row r="12014" spans="1:10" x14ac:dyDescent="0.25">
      <c r="A12014" t="s">
        <v>10506</v>
      </c>
      <c r="B12014" t="s">
        <v>10507</v>
      </c>
      <c r="C12014" t="s">
        <v>10508</v>
      </c>
      <c r="D12014" t="s">
        <v>10489</v>
      </c>
      <c r="E12014" t="s">
        <v>13</v>
      </c>
      <c r="F12014">
        <v>2068</v>
      </c>
      <c r="G12014" t="s">
        <v>10509</v>
      </c>
      <c r="H12014">
        <v>5.8498105498259996</v>
      </c>
      <c r="I12014">
        <v>51.801819929472998</v>
      </c>
      <c r="J12014" t="s">
        <v>67699</v>
      </c>
    </row>
    <row r="12015" spans="1:10" x14ac:dyDescent="0.25">
      <c r="A12015" t="s">
        <v>10503</v>
      </c>
      <c r="B12015" t="s">
        <v>10504</v>
      </c>
      <c r="C12015" t="s">
        <v>4701</v>
      </c>
      <c r="D12015" t="s">
        <v>10489</v>
      </c>
      <c r="E12015" t="s">
        <v>13</v>
      </c>
      <c r="F12015">
        <v>2067</v>
      </c>
      <c r="G12015" t="s">
        <v>10505</v>
      </c>
      <c r="H12015">
        <v>5.8644461801379997</v>
      </c>
      <c r="I12015">
        <v>51.766650583820997</v>
      </c>
      <c r="J12015" t="s">
        <v>67700</v>
      </c>
    </row>
    <row r="12016" spans="1:10" x14ac:dyDescent="0.25">
      <c r="A12016" t="s">
        <v>10499</v>
      </c>
      <c r="B12016" t="s">
        <v>10500</v>
      </c>
      <c r="C12016" t="s">
        <v>10501</v>
      </c>
      <c r="D12016" t="s">
        <v>10489</v>
      </c>
      <c r="E12016" t="s">
        <v>13</v>
      </c>
      <c r="F12016">
        <v>2066</v>
      </c>
      <c r="G12016" t="s">
        <v>10502</v>
      </c>
      <c r="H12016">
        <v>5.8347061615770004</v>
      </c>
      <c r="I12016">
        <v>51.794340329915002</v>
      </c>
      <c r="J12016" t="s">
        <v>67701</v>
      </c>
    </row>
    <row r="12017" spans="1:10" x14ac:dyDescent="0.25">
      <c r="A12017" t="s">
        <v>10495</v>
      </c>
      <c r="B12017" t="s">
        <v>10496</v>
      </c>
      <c r="C12017" t="s">
        <v>10497</v>
      </c>
      <c r="D12017" t="s">
        <v>10489</v>
      </c>
      <c r="E12017" t="s">
        <v>13</v>
      </c>
      <c r="F12017">
        <v>2065</v>
      </c>
      <c r="G12017" t="s">
        <v>10498</v>
      </c>
      <c r="H12017">
        <v>5.8588742818529997</v>
      </c>
      <c r="I12017">
        <v>51.783087106209997</v>
      </c>
      <c r="J12017" t="s">
        <v>67702</v>
      </c>
    </row>
    <row r="12018" spans="1:10" x14ac:dyDescent="0.25">
      <c r="A12018" t="s">
        <v>10491</v>
      </c>
      <c r="B12018" t="s">
        <v>10492</v>
      </c>
      <c r="C12018" t="s">
        <v>10493</v>
      </c>
      <c r="D12018" t="s">
        <v>10489</v>
      </c>
      <c r="E12018" t="s">
        <v>13</v>
      </c>
      <c r="F12018">
        <v>2064</v>
      </c>
      <c r="G12018" t="s">
        <v>10494</v>
      </c>
      <c r="H12018">
        <v>5.84747901225</v>
      </c>
      <c r="I12018">
        <v>51.782714914669</v>
      </c>
      <c r="J12018" t="s">
        <v>67703</v>
      </c>
    </row>
    <row r="12019" spans="1:10" x14ac:dyDescent="0.25">
      <c r="A12019" t="s">
        <v>10486</v>
      </c>
      <c r="B12019" t="s">
        <v>10487</v>
      </c>
      <c r="C12019" t="s">
        <v>10488</v>
      </c>
      <c r="D12019" t="s">
        <v>10489</v>
      </c>
      <c r="E12019" t="s">
        <v>13</v>
      </c>
      <c r="F12019">
        <v>2063</v>
      </c>
      <c r="G12019" t="s">
        <v>10490</v>
      </c>
      <c r="H12019">
        <v>5.8424915029309998</v>
      </c>
      <c r="I12019">
        <v>51.765227225704002</v>
      </c>
      <c r="J12019" t="s">
        <v>67704</v>
      </c>
    </row>
    <row r="12020" spans="1:10" x14ac:dyDescent="0.25">
      <c r="A12020" t="s">
        <v>10483</v>
      </c>
      <c r="B12020" t="s">
        <v>10484</v>
      </c>
      <c r="C12020" t="s">
        <v>10114</v>
      </c>
      <c r="D12020" t="s">
        <v>10432</v>
      </c>
      <c r="E12020" t="s">
        <v>13</v>
      </c>
      <c r="F12020">
        <v>2062</v>
      </c>
      <c r="G12020" t="s">
        <v>10485</v>
      </c>
      <c r="H12020">
        <v>6.0360866868049996</v>
      </c>
      <c r="I12020">
        <v>52.431073341259001</v>
      </c>
      <c r="J12020" t="s">
        <v>67705</v>
      </c>
    </row>
    <row r="12021" spans="1:10" x14ac:dyDescent="0.25">
      <c r="A12021" t="s">
        <v>10480</v>
      </c>
      <c r="B12021" t="s">
        <v>10481</v>
      </c>
      <c r="C12021" t="s">
        <v>10463</v>
      </c>
      <c r="D12021" t="s">
        <v>10432</v>
      </c>
      <c r="E12021" t="s">
        <v>13</v>
      </c>
      <c r="F12021">
        <v>2061</v>
      </c>
      <c r="G12021" t="s">
        <v>10482</v>
      </c>
      <c r="H12021">
        <v>6.1001550362539998</v>
      </c>
      <c r="I12021">
        <v>52.425762692021003</v>
      </c>
      <c r="J12021" t="s">
        <v>67706</v>
      </c>
    </row>
    <row r="12022" spans="1:10" x14ac:dyDescent="0.25">
      <c r="A12022" t="s">
        <v>10476</v>
      </c>
      <c r="B12022" t="s">
        <v>10477</v>
      </c>
      <c r="C12022" t="s">
        <v>10478</v>
      </c>
      <c r="D12022" t="s">
        <v>10432</v>
      </c>
      <c r="E12022" t="s">
        <v>13</v>
      </c>
      <c r="F12022">
        <v>2060</v>
      </c>
      <c r="G12022" t="s">
        <v>10479</v>
      </c>
      <c r="H12022">
        <v>6.0713539654020003</v>
      </c>
      <c r="I12022">
        <v>52.419359927937997</v>
      </c>
      <c r="J12022" t="s">
        <v>67707</v>
      </c>
    </row>
    <row r="12023" spans="1:10" x14ac:dyDescent="0.25">
      <c r="A12023" t="s">
        <v>10472</v>
      </c>
      <c r="B12023" t="s">
        <v>10473</v>
      </c>
      <c r="C12023" t="s">
        <v>10474</v>
      </c>
      <c r="D12023" t="s">
        <v>10432</v>
      </c>
      <c r="E12023" t="s">
        <v>13</v>
      </c>
      <c r="F12023">
        <v>2059</v>
      </c>
      <c r="G12023" t="s">
        <v>10475</v>
      </c>
      <c r="H12023">
        <v>6.0792200064479998</v>
      </c>
      <c r="I12023">
        <v>52.44427498025</v>
      </c>
      <c r="J12023" t="s">
        <v>67708</v>
      </c>
    </row>
    <row r="12024" spans="1:10" x14ac:dyDescent="0.25">
      <c r="A12024" t="s">
        <v>10468</v>
      </c>
      <c r="B12024" t="s">
        <v>10469</v>
      </c>
      <c r="C12024" t="s">
        <v>10470</v>
      </c>
      <c r="D12024" t="s">
        <v>10432</v>
      </c>
      <c r="E12024" t="s">
        <v>13</v>
      </c>
      <c r="F12024">
        <v>2058</v>
      </c>
      <c r="G12024" t="s">
        <v>10471</v>
      </c>
      <c r="H12024">
        <v>6.0733224768309997</v>
      </c>
      <c r="I12024">
        <v>52.430735143478003</v>
      </c>
      <c r="J12024" t="s">
        <v>67709</v>
      </c>
    </row>
    <row r="12025" spans="1:10" x14ac:dyDescent="0.25">
      <c r="A12025" t="s">
        <v>10465</v>
      </c>
      <c r="B12025" t="s">
        <v>10466</v>
      </c>
      <c r="C12025" t="s">
        <v>10114</v>
      </c>
      <c r="D12025" t="s">
        <v>10432</v>
      </c>
      <c r="E12025" t="s">
        <v>13</v>
      </c>
      <c r="F12025">
        <v>2057</v>
      </c>
      <c r="G12025" t="s">
        <v>10467</v>
      </c>
      <c r="H12025">
        <v>5.9955587103359997</v>
      </c>
      <c r="I12025">
        <v>52.402957655941002</v>
      </c>
      <c r="J12025" t="s">
        <v>67710</v>
      </c>
    </row>
    <row r="12026" spans="1:10" x14ac:dyDescent="0.25">
      <c r="A12026" t="s">
        <v>10461</v>
      </c>
      <c r="B12026" t="s">
        <v>10462</v>
      </c>
      <c r="C12026" t="s">
        <v>10463</v>
      </c>
      <c r="D12026" t="s">
        <v>10432</v>
      </c>
      <c r="E12026" t="s">
        <v>13</v>
      </c>
      <c r="F12026">
        <v>2056</v>
      </c>
      <c r="G12026" t="s">
        <v>10464</v>
      </c>
      <c r="H12026">
        <v>6.0739808695499997</v>
      </c>
      <c r="I12026">
        <v>52.385498815140998</v>
      </c>
      <c r="J12026" t="s">
        <v>67711</v>
      </c>
    </row>
    <row r="12027" spans="1:10" x14ac:dyDescent="0.25">
      <c r="A12027" t="s">
        <v>10457</v>
      </c>
      <c r="B12027" t="s">
        <v>10458</v>
      </c>
      <c r="C12027" t="s">
        <v>10459</v>
      </c>
      <c r="D12027" t="s">
        <v>10432</v>
      </c>
      <c r="E12027" t="s">
        <v>13</v>
      </c>
      <c r="F12027">
        <v>2055</v>
      </c>
      <c r="G12027" t="s">
        <v>10460</v>
      </c>
      <c r="H12027">
        <v>6.1130642808709998</v>
      </c>
      <c r="I12027">
        <v>52.395041858452998</v>
      </c>
      <c r="J12027" t="s">
        <v>67712</v>
      </c>
    </row>
    <row r="12028" spans="1:10" x14ac:dyDescent="0.25">
      <c r="A12028" t="s">
        <v>10453</v>
      </c>
      <c r="B12028" t="s">
        <v>10454</v>
      </c>
      <c r="C12028" t="s">
        <v>10455</v>
      </c>
      <c r="D12028" t="s">
        <v>10432</v>
      </c>
      <c r="E12028" t="s">
        <v>13</v>
      </c>
      <c r="F12028">
        <v>2054</v>
      </c>
      <c r="G12028" t="s">
        <v>10456</v>
      </c>
      <c r="H12028">
        <v>6.0284609701849998</v>
      </c>
      <c r="I12028">
        <v>52.376946356956999</v>
      </c>
      <c r="J12028" t="s">
        <v>67713</v>
      </c>
    </row>
    <row r="12029" spans="1:10" x14ac:dyDescent="0.25">
      <c r="A12029" t="s">
        <v>10449</v>
      </c>
      <c r="B12029" t="s">
        <v>10450</v>
      </c>
      <c r="C12029" t="s">
        <v>10451</v>
      </c>
      <c r="D12029" t="s">
        <v>10432</v>
      </c>
      <c r="E12029" t="s">
        <v>13</v>
      </c>
      <c r="F12029">
        <v>2053</v>
      </c>
      <c r="G12029" t="s">
        <v>10452</v>
      </c>
      <c r="H12029">
        <v>6.0406986915180001</v>
      </c>
      <c r="I12029">
        <v>52.398548954452998</v>
      </c>
      <c r="J12029" t="s">
        <v>67714</v>
      </c>
    </row>
    <row r="12030" spans="1:10" x14ac:dyDescent="0.25">
      <c r="A12030" t="s">
        <v>10445</v>
      </c>
      <c r="B12030" t="s">
        <v>10446</v>
      </c>
      <c r="C12030" t="s">
        <v>10447</v>
      </c>
      <c r="D12030" t="s">
        <v>10432</v>
      </c>
      <c r="E12030" t="s">
        <v>13</v>
      </c>
      <c r="F12030">
        <v>2052</v>
      </c>
      <c r="G12030" t="s">
        <v>10448</v>
      </c>
      <c r="H12030">
        <v>6.0924248385490003</v>
      </c>
      <c r="I12030">
        <v>52.377661172541004</v>
      </c>
      <c r="J12030" t="s">
        <v>67715</v>
      </c>
    </row>
    <row r="12031" spans="1:10" x14ac:dyDescent="0.25">
      <c r="A12031" t="s">
        <v>10442</v>
      </c>
      <c r="B12031" t="s">
        <v>10443</v>
      </c>
      <c r="C12031" t="s">
        <v>6219</v>
      </c>
      <c r="D12031" t="s">
        <v>10432</v>
      </c>
      <c r="E12031" t="s">
        <v>13</v>
      </c>
      <c r="F12031">
        <v>2051</v>
      </c>
      <c r="G12031" t="s">
        <v>10444</v>
      </c>
      <c r="H12031">
        <v>6.0654669771189997</v>
      </c>
      <c r="I12031">
        <v>52.401942737025003</v>
      </c>
      <c r="J12031" t="s">
        <v>67716</v>
      </c>
    </row>
    <row r="12032" spans="1:10" x14ac:dyDescent="0.25">
      <c r="A12032" t="s">
        <v>10438</v>
      </c>
      <c r="B12032" t="s">
        <v>10439</v>
      </c>
      <c r="C12032" t="s">
        <v>10440</v>
      </c>
      <c r="D12032" t="s">
        <v>10432</v>
      </c>
      <c r="E12032" t="s">
        <v>13</v>
      </c>
      <c r="F12032">
        <v>2050</v>
      </c>
      <c r="G12032" t="s">
        <v>10441</v>
      </c>
      <c r="H12032">
        <v>6.106519975466</v>
      </c>
      <c r="I12032">
        <v>52.398598161674002</v>
      </c>
      <c r="J12032" t="s">
        <v>67717</v>
      </c>
    </row>
    <row r="12033" spans="1:10" x14ac:dyDescent="0.25">
      <c r="A12033" t="s">
        <v>10434</v>
      </c>
      <c r="B12033" t="s">
        <v>10435</v>
      </c>
      <c r="C12033" t="s">
        <v>10436</v>
      </c>
      <c r="D12033" t="s">
        <v>10432</v>
      </c>
      <c r="E12033" t="s">
        <v>13</v>
      </c>
      <c r="F12033">
        <v>2049</v>
      </c>
      <c r="G12033" t="s">
        <v>10437</v>
      </c>
      <c r="H12033">
        <v>6.0877611149169999</v>
      </c>
      <c r="I12033">
        <v>52.377387209414003</v>
      </c>
      <c r="J12033" t="s">
        <v>67718</v>
      </c>
    </row>
    <row r="12034" spans="1:10" x14ac:dyDescent="0.25">
      <c r="A12034" t="s">
        <v>10429</v>
      </c>
      <c r="B12034" t="s">
        <v>10430</v>
      </c>
      <c r="C12034" t="s">
        <v>10431</v>
      </c>
      <c r="D12034" t="s">
        <v>10432</v>
      </c>
      <c r="E12034" t="s">
        <v>13</v>
      </c>
      <c r="F12034">
        <v>2048</v>
      </c>
      <c r="G12034" t="s">
        <v>10433</v>
      </c>
      <c r="H12034">
        <v>6.0396669616800001</v>
      </c>
      <c r="I12034">
        <v>52.387876108985999</v>
      </c>
      <c r="J12034" t="s">
        <v>67719</v>
      </c>
    </row>
    <row r="12035" spans="1:10" x14ac:dyDescent="0.25">
      <c r="A12035" t="s">
        <v>10425</v>
      </c>
      <c r="B12035" t="s">
        <v>10426</v>
      </c>
      <c r="C12035" t="s">
        <v>10427</v>
      </c>
      <c r="D12035" t="s">
        <v>10392</v>
      </c>
      <c r="E12035" t="s">
        <v>13</v>
      </c>
      <c r="F12035">
        <v>2047</v>
      </c>
      <c r="G12035" t="s">
        <v>10428</v>
      </c>
      <c r="H12035">
        <v>6.0335734363620004</v>
      </c>
      <c r="I12035">
        <v>52.494782401988999</v>
      </c>
      <c r="J12035" t="s">
        <v>67720</v>
      </c>
    </row>
    <row r="12036" spans="1:10" x14ac:dyDescent="0.25">
      <c r="A12036" t="s">
        <v>10421</v>
      </c>
      <c r="B12036" t="s">
        <v>10422</v>
      </c>
      <c r="C12036" t="s">
        <v>10423</v>
      </c>
      <c r="D12036" t="s">
        <v>10392</v>
      </c>
      <c r="E12036" t="s">
        <v>13</v>
      </c>
      <c r="F12036">
        <v>2046</v>
      </c>
      <c r="G12036" t="s">
        <v>10424</v>
      </c>
      <c r="H12036">
        <v>6.0452437489369997</v>
      </c>
      <c r="I12036">
        <v>52.470755945778997</v>
      </c>
      <c r="J12036" t="s">
        <v>67721</v>
      </c>
    </row>
    <row r="12037" spans="1:10" x14ac:dyDescent="0.25">
      <c r="A12037" t="s">
        <v>10417</v>
      </c>
      <c r="B12037" t="s">
        <v>10418</v>
      </c>
      <c r="C12037" t="s">
        <v>10419</v>
      </c>
      <c r="D12037" t="s">
        <v>10392</v>
      </c>
      <c r="E12037" t="s">
        <v>13</v>
      </c>
      <c r="F12037">
        <v>2045</v>
      </c>
      <c r="G12037" t="s">
        <v>10420</v>
      </c>
      <c r="H12037">
        <v>6.0859590061619997</v>
      </c>
      <c r="I12037">
        <v>52.467634614277998</v>
      </c>
      <c r="J12037" t="s">
        <v>67722</v>
      </c>
    </row>
    <row r="12038" spans="1:10" x14ac:dyDescent="0.25">
      <c r="A12038" t="s">
        <v>10414</v>
      </c>
      <c r="B12038" t="s">
        <v>10415</v>
      </c>
      <c r="C12038" t="s">
        <v>10114</v>
      </c>
      <c r="D12038" t="s">
        <v>10392</v>
      </c>
      <c r="E12038" t="s">
        <v>13</v>
      </c>
      <c r="F12038">
        <v>2044</v>
      </c>
      <c r="G12038" t="s">
        <v>10416</v>
      </c>
      <c r="H12038">
        <v>6.0425863232800001</v>
      </c>
      <c r="I12038">
        <v>52.452888370449998</v>
      </c>
      <c r="J12038" t="s">
        <v>67723</v>
      </c>
    </row>
    <row r="12039" spans="1:10" x14ac:dyDescent="0.25">
      <c r="A12039" t="s">
        <v>10410</v>
      </c>
      <c r="B12039" t="s">
        <v>10411</v>
      </c>
      <c r="C12039" t="s">
        <v>10412</v>
      </c>
      <c r="D12039" t="s">
        <v>10392</v>
      </c>
      <c r="E12039" t="s">
        <v>13</v>
      </c>
      <c r="F12039">
        <v>2043</v>
      </c>
      <c r="G12039" t="s">
        <v>10413</v>
      </c>
      <c r="H12039">
        <v>6.0522441931640003</v>
      </c>
      <c r="I12039">
        <v>52.479004503120002</v>
      </c>
      <c r="J12039" t="s">
        <v>67724</v>
      </c>
    </row>
    <row r="12040" spans="1:10" x14ac:dyDescent="0.25">
      <c r="A12040" t="s">
        <v>10406</v>
      </c>
      <c r="B12040" t="s">
        <v>10407</v>
      </c>
      <c r="C12040" t="s">
        <v>10408</v>
      </c>
      <c r="D12040" t="s">
        <v>10392</v>
      </c>
      <c r="E12040" t="s">
        <v>13</v>
      </c>
      <c r="F12040">
        <v>2042</v>
      </c>
      <c r="G12040" t="s">
        <v>10409</v>
      </c>
      <c r="H12040">
        <v>6.064099436587</v>
      </c>
      <c r="I12040">
        <v>52.456517540664002</v>
      </c>
      <c r="J12040" t="s">
        <v>67725</v>
      </c>
    </row>
    <row r="12041" spans="1:10" x14ac:dyDescent="0.25">
      <c r="A12041" t="s">
        <v>10402</v>
      </c>
      <c r="B12041" t="s">
        <v>10403</v>
      </c>
      <c r="C12041" t="s">
        <v>10404</v>
      </c>
      <c r="D12041" t="s">
        <v>10392</v>
      </c>
      <c r="E12041" t="s">
        <v>13</v>
      </c>
      <c r="F12041">
        <v>2041</v>
      </c>
      <c r="G12041" t="s">
        <v>10405</v>
      </c>
      <c r="H12041">
        <v>6.0597843761229999</v>
      </c>
      <c r="I12041">
        <v>52.470175777751002</v>
      </c>
      <c r="J12041" t="s">
        <v>67726</v>
      </c>
    </row>
    <row r="12042" spans="1:10" x14ac:dyDescent="0.25">
      <c r="A12042" t="s">
        <v>10398</v>
      </c>
      <c r="B12042" t="s">
        <v>10399</v>
      </c>
      <c r="C12042" t="s">
        <v>10400</v>
      </c>
      <c r="D12042" t="s">
        <v>10392</v>
      </c>
      <c r="E12042" t="s">
        <v>13</v>
      </c>
      <c r="F12042">
        <v>2040</v>
      </c>
      <c r="G12042" t="s">
        <v>10401</v>
      </c>
      <c r="H12042">
        <v>6.0748664052669996</v>
      </c>
      <c r="I12042">
        <v>52.464531064269998</v>
      </c>
      <c r="J12042" t="s">
        <v>67727</v>
      </c>
    </row>
    <row r="12043" spans="1:10" x14ac:dyDescent="0.25">
      <c r="A12043" t="s">
        <v>10394</v>
      </c>
      <c r="B12043" t="s">
        <v>10395</v>
      </c>
      <c r="C12043" t="s">
        <v>10396</v>
      </c>
      <c r="D12043" t="s">
        <v>10392</v>
      </c>
      <c r="E12043" t="s">
        <v>13</v>
      </c>
      <c r="F12043">
        <v>2039</v>
      </c>
      <c r="G12043" t="s">
        <v>10397</v>
      </c>
      <c r="H12043">
        <v>6.0611843700039998</v>
      </c>
      <c r="I12043">
        <v>52.476107460168997</v>
      </c>
      <c r="J12043" t="s">
        <v>67728</v>
      </c>
    </row>
    <row r="12044" spans="1:10" x14ac:dyDescent="0.25">
      <c r="A12044" t="s">
        <v>10390</v>
      </c>
      <c r="B12044" t="s">
        <v>10391</v>
      </c>
      <c r="C12044" t="s">
        <v>2874</v>
      </c>
      <c r="D12044" t="s">
        <v>10392</v>
      </c>
      <c r="E12044" t="s">
        <v>13</v>
      </c>
      <c r="F12044">
        <v>2038</v>
      </c>
      <c r="G12044" t="s">
        <v>10393</v>
      </c>
      <c r="H12044">
        <v>6.0689257387789999</v>
      </c>
      <c r="I12044">
        <v>52.474465235433001</v>
      </c>
      <c r="J12044" t="s">
        <v>67729</v>
      </c>
    </row>
    <row r="12045" spans="1:10" x14ac:dyDescent="0.25">
      <c r="A12045" t="s">
        <v>10386</v>
      </c>
      <c r="B12045" t="s">
        <v>10387</v>
      </c>
      <c r="C12045" t="s">
        <v>10388</v>
      </c>
      <c r="D12045" t="s">
        <v>10142</v>
      </c>
      <c r="E12045" t="s">
        <v>13</v>
      </c>
      <c r="F12045">
        <v>2037</v>
      </c>
      <c r="G12045" t="s">
        <v>10389</v>
      </c>
      <c r="H12045">
        <v>5.5994470320560001</v>
      </c>
      <c r="I12045">
        <v>52.362480429351002</v>
      </c>
      <c r="J12045" t="s">
        <v>67730</v>
      </c>
    </row>
    <row r="12046" spans="1:10" x14ac:dyDescent="0.25">
      <c r="A12046" t="s">
        <v>10382</v>
      </c>
      <c r="B12046" t="s">
        <v>10383</v>
      </c>
      <c r="C12046" t="s">
        <v>10384</v>
      </c>
      <c r="D12046" t="s">
        <v>10142</v>
      </c>
      <c r="E12046" t="s">
        <v>13</v>
      </c>
      <c r="F12046">
        <v>2036</v>
      </c>
      <c r="G12046" t="s">
        <v>10385</v>
      </c>
      <c r="H12046">
        <v>5.692663304801</v>
      </c>
      <c r="I12046">
        <v>52.353034989249998</v>
      </c>
      <c r="J12046" t="s">
        <v>67731</v>
      </c>
    </row>
    <row r="12047" spans="1:10" x14ac:dyDescent="0.25">
      <c r="A12047" t="s">
        <v>10378</v>
      </c>
      <c r="B12047" t="s">
        <v>10379</v>
      </c>
      <c r="C12047" t="s">
        <v>10380</v>
      </c>
      <c r="D12047" t="s">
        <v>10142</v>
      </c>
      <c r="E12047" t="s">
        <v>13</v>
      </c>
      <c r="F12047">
        <v>2035</v>
      </c>
      <c r="G12047" t="s">
        <v>10381</v>
      </c>
      <c r="H12047">
        <v>5.6890460011539998</v>
      </c>
      <c r="I12047">
        <v>52.346238285120002</v>
      </c>
      <c r="J12047" t="s">
        <v>67732</v>
      </c>
    </row>
    <row r="12048" spans="1:10" x14ac:dyDescent="0.25">
      <c r="A12048" t="s">
        <v>10374</v>
      </c>
      <c r="B12048" t="s">
        <v>10375</v>
      </c>
      <c r="C12048" t="s">
        <v>10376</v>
      </c>
      <c r="D12048" t="s">
        <v>10142</v>
      </c>
      <c r="E12048" t="s">
        <v>13</v>
      </c>
      <c r="F12048">
        <v>2034</v>
      </c>
      <c r="G12048" t="s">
        <v>10377</v>
      </c>
      <c r="H12048">
        <v>5.666930026218</v>
      </c>
      <c r="I12048">
        <v>52.349441883746003</v>
      </c>
      <c r="J12048" t="s">
        <v>67733</v>
      </c>
    </row>
    <row r="12049" spans="1:10" x14ac:dyDescent="0.25">
      <c r="A12049" t="s">
        <v>10370</v>
      </c>
      <c r="B12049" t="s">
        <v>10371</v>
      </c>
      <c r="C12049" t="s">
        <v>10372</v>
      </c>
      <c r="D12049" t="s">
        <v>10142</v>
      </c>
      <c r="E12049" t="s">
        <v>13</v>
      </c>
      <c r="F12049">
        <v>2033</v>
      </c>
      <c r="G12049" t="s">
        <v>10373</v>
      </c>
      <c r="H12049">
        <v>5.6761971665240001</v>
      </c>
      <c r="I12049">
        <v>52.366068511163</v>
      </c>
      <c r="J12049" t="s">
        <v>67734</v>
      </c>
    </row>
    <row r="12050" spans="1:10" x14ac:dyDescent="0.25">
      <c r="A12050" t="s">
        <v>10366</v>
      </c>
      <c r="B12050" t="s">
        <v>10367</v>
      </c>
      <c r="C12050" t="s">
        <v>10368</v>
      </c>
      <c r="D12050" t="s">
        <v>10142</v>
      </c>
      <c r="E12050" t="s">
        <v>13</v>
      </c>
      <c r="F12050">
        <v>2032</v>
      </c>
      <c r="G12050" t="s">
        <v>10369</v>
      </c>
      <c r="H12050">
        <v>5.651853728731</v>
      </c>
      <c r="I12050">
        <v>52.355169547213002</v>
      </c>
      <c r="J12050" t="s">
        <v>67735</v>
      </c>
    </row>
    <row r="12051" spans="1:10" x14ac:dyDescent="0.25">
      <c r="A12051" t="s">
        <v>10362</v>
      </c>
      <c r="B12051" t="s">
        <v>10363</v>
      </c>
      <c r="C12051" t="s">
        <v>10364</v>
      </c>
      <c r="D12051" t="s">
        <v>10142</v>
      </c>
      <c r="E12051" t="s">
        <v>13</v>
      </c>
      <c r="F12051">
        <v>2031</v>
      </c>
      <c r="G12051" t="s">
        <v>10365</v>
      </c>
      <c r="H12051">
        <v>5.6761701328229996</v>
      </c>
      <c r="I12051">
        <v>52.358325839955</v>
      </c>
      <c r="J12051" t="s">
        <v>67736</v>
      </c>
    </row>
    <row r="12052" spans="1:10" x14ac:dyDescent="0.25">
      <c r="A12052" t="s">
        <v>10358</v>
      </c>
      <c r="B12052" t="s">
        <v>10359</v>
      </c>
      <c r="C12052" t="s">
        <v>10360</v>
      </c>
      <c r="D12052" t="s">
        <v>10142</v>
      </c>
      <c r="E12052" t="s">
        <v>13</v>
      </c>
      <c r="F12052">
        <v>2030</v>
      </c>
      <c r="G12052" t="s">
        <v>10361</v>
      </c>
      <c r="H12052">
        <v>5.6737958106319999</v>
      </c>
      <c r="I12052">
        <v>52.327219536393002</v>
      </c>
      <c r="J12052" t="s">
        <v>67737</v>
      </c>
    </row>
    <row r="12053" spans="1:10" x14ac:dyDescent="0.25">
      <c r="A12053" t="s">
        <v>10354</v>
      </c>
      <c r="B12053" t="s">
        <v>10355</v>
      </c>
      <c r="C12053" t="s">
        <v>10356</v>
      </c>
      <c r="D12053" t="s">
        <v>10142</v>
      </c>
      <c r="E12053" t="s">
        <v>13</v>
      </c>
      <c r="F12053">
        <v>2029</v>
      </c>
      <c r="G12053" t="s">
        <v>10357</v>
      </c>
      <c r="H12053">
        <v>5.6606036583100003</v>
      </c>
      <c r="I12053">
        <v>52.321898246798</v>
      </c>
      <c r="J12053" t="s">
        <v>67738</v>
      </c>
    </row>
    <row r="12054" spans="1:10" x14ac:dyDescent="0.25">
      <c r="A12054" t="s">
        <v>10350</v>
      </c>
      <c r="B12054" t="s">
        <v>10351</v>
      </c>
      <c r="C12054" t="s">
        <v>10352</v>
      </c>
      <c r="D12054" t="s">
        <v>10142</v>
      </c>
      <c r="E12054" t="s">
        <v>13</v>
      </c>
      <c r="F12054">
        <v>2028</v>
      </c>
      <c r="G12054" t="s">
        <v>10353</v>
      </c>
      <c r="H12054">
        <v>5.6345088006669997</v>
      </c>
      <c r="I12054">
        <v>52.327381415089</v>
      </c>
      <c r="J12054" t="s">
        <v>67739</v>
      </c>
    </row>
    <row r="12055" spans="1:10" x14ac:dyDescent="0.25">
      <c r="A12055" t="s">
        <v>10346</v>
      </c>
      <c r="B12055" t="s">
        <v>10347</v>
      </c>
      <c r="C12055" t="s">
        <v>10348</v>
      </c>
      <c r="D12055" t="s">
        <v>10142</v>
      </c>
      <c r="E12055" t="s">
        <v>13</v>
      </c>
      <c r="F12055">
        <v>2027</v>
      </c>
      <c r="G12055" t="s">
        <v>10349</v>
      </c>
      <c r="H12055">
        <v>5.65615838049</v>
      </c>
      <c r="I12055">
        <v>52.359321757118003</v>
      </c>
      <c r="J12055" t="s">
        <v>67740</v>
      </c>
    </row>
    <row r="12056" spans="1:10" x14ac:dyDescent="0.25">
      <c r="A12056" t="s">
        <v>10342</v>
      </c>
      <c r="B12056" t="s">
        <v>10343</v>
      </c>
      <c r="C12056" t="s">
        <v>10344</v>
      </c>
      <c r="D12056" t="s">
        <v>10142</v>
      </c>
      <c r="E12056" t="s">
        <v>13</v>
      </c>
      <c r="F12056">
        <v>2026</v>
      </c>
      <c r="G12056" t="s">
        <v>10345</v>
      </c>
      <c r="H12056">
        <v>5.6447614700289996</v>
      </c>
      <c r="I12056">
        <v>52.363823095580003</v>
      </c>
      <c r="J12056" t="s">
        <v>67741</v>
      </c>
    </row>
    <row r="12057" spans="1:10" x14ac:dyDescent="0.25">
      <c r="A12057" t="s">
        <v>10338</v>
      </c>
      <c r="B12057" t="s">
        <v>10339</v>
      </c>
      <c r="C12057" t="s">
        <v>10340</v>
      </c>
      <c r="D12057" t="s">
        <v>10142</v>
      </c>
      <c r="E12057" t="s">
        <v>13</v>
      </c>
      <c r="F12057">
        <v>2025</v>
      </c>
      <c r="G12057" t="s">
        <v>10341</v>
      </c>
      <c r="H12057">
        <v>5.6365814872650004</v>
      </c>
      <c r="I12057">
        <v>52.358230587133001</v>
      </c>
      <c r="J12057" t="s">
        <v>67742</v>
      </c>
    </row>
    <row r="12058" spans="1:10" x14ac:dyDescent="0.25">
      <c r="A12058" t="s">
        <v>10334</v>
      </c>
      <c r="B12058" t="s">
        <v>10335</v>
      </c>
      <c r="C12058" t="s">
        <v>10336</v>
      </c>
      <c r="D12058" t="s">
        <v>10142</v>
      </c>
      <c r="E12058" t="s">
        <v>13</v>
      </c>
      <c r="F12058">
        <v>2024</v>
      </c>
      <c r="G12058" t="s">
        <v>10337</v>
      </c>
      <c r="H12058">
        <v>5.6169686468139997</v>
      </c>
      <c r="I12058">
        <v>52.329232203369997</v>
      </c>
      <c r="J12058" t="s">
        <v>67743</v>
      </c>
    </row>
    <row r="12059" spans="1:10" x14ac:dyDescent="0.25">
      <c r="A12059" t="s">
        <v>10331</v>
      </c>
      <c r="B12059" t="s">
        <v>10332</v>
      </c>
      <c r="C12059" t="s">
        <v>10094</v>
      </c>
      <c r="D12059" t="s">
        <v>10142</v>
      </c>
      <c r="E12059" t="s">
        <v>13</v>
      </c>
      <c r="F12059">
        <v>2023</v>
      </c>
      <c r="G12059" t="s">
        <v>10333</v>
      </c>
      <c r="H12059">
        <v>5.6145625384039999</v>
      </c>
      <c r="I12059">
        <v>52.326674525935999</v>
      </c>
      <c r="J12059" t="s">
        <v>67744</v>
      </c>
    </row>
    <row r="12060" spans="1:10" x14ac:dyDescent="0.25">
      <c r="A12060" t="s">
        <v>10327</v>
      </c>
      <c r="B12060" t="s">
        <v>10328</v>
      </c>
      <c r="C12060" t="s">
        <v>10329</v>
      </c>
      <c r="D12060" t="s">
        <v>10142</v>
      </c>
      <c r="E12060" t="s">
        <v>13</v>
      </c>
      <c r="F12060">
        <v>2022</v>
      </c>
      <c r="G12060" t="s">
        <v>10330</v>
      </c>
      <c r="H12060">
        <v>5.6024482904359996</v>
      </c>
      <c r="I12060">
        <v>52.322033299940998</v>
      </c>
      <c r="J12060" t="s">
        <v>67745</v>
      </c>
    </row>
    <row r="12061" spans="1:10" x14ac:dyDescent="0.25">
      <c r="A12061" t="s">
        <v>10323</v>
      </c>
      <c r="B12061" t="s">
        <v>10324</v>
      </c>
      <c r="C12061" t="s">
        <v>10325</v>
      </c>
      <c r="D12061" t="s">
        <v>10142</v>
      </c>
      <c r="E12061" t="s">
        <v>13</v>
      </c>
      <c r="F12061">
        <v>2021</v>
      </c>
      <c r="G12061" t="s">
        <v>10326</v>
      </c>
      <c r="H12061">
        <v>5.5860660280300003</v>
      </c>
      <c r="I12061">
        <v>52.325052105838999</v>
      </c>
      <c r="J12061" t="s">
        <v>67746</v>
      </c>
    </row>
    <row r="12062" spans="1:10" x14ac:dyDescent="0.25">
      <c r="A12062" t="s">
        <v>10319</v>
      </c>
      <c r="B12062" t="s">
        <v>10320</v>
      </c>
      <c r="C12062" t="s">
        <v>10321</v>
      </c>
      <c r="D12062" t="s">
        <v>10142</v>
      </c>
      <c r="E12062" t="s">
        <v>13</v>
      </c>
      <c r="F12062">
        <v>2020</v>
      </c>
      <c r="G12062" t="s">
        <v>10322</v>
      </c>
      <c r="H12062">
        <v>5.5890859554569996</v>
      </c>
      <c r="I12062">
        <v>52.328910217007</v>
      </c>
      <c r="J12062" t="s">
        <v>67747</v>
      </c>
    </row>
    <row r="12063" spans="1:10" x14ac:dyDescent="0.25">
      <c r="A12063" t="s">
        <v>10315</v>
      </c>
      <c r="B12063" t="s">
        <v>10316</v>
      </c>
      <c r="C12063" t="s">
        <v>10317</v>
      </c>
      <c r="D12063" t="s">
        <v>10142</v>
      </c>
      <c r="E12063" t="s">
        <v>13</v>
      </c>
      <c r="F12063">
        <v>2019</v>
      </c>
      <c r="G12063" t="s">
        <v>10318</v>
      </c>
      <c r="H12063">
        <v>5.6042294171879998</v>
      </c>
      <c r="I12063">
        <v>52.322654540872001</v>
      </c>
      <c r="J12063" t="s">
        <v>67748</v>
      </c>
    </row>
    <row r="12064" spans="1:10" x14ac:dyDescent="0.25">
      <c r="A12064" t="s">
        <v>10311</v>
      </c>
      <c r="B12064" t="s">
        <v>10312</v>
      </c>
      <c r="C12064" t="s">
        <v>10313</v>
      </c>
      <c r="D12064" t="s">
        <v>10142</v>
      </c>
      <c r="E12064" t="s">
        <v>13</v>
      </c>
      <c r="F12064">
        <v>2018</v>
      </c>
      <c r="G12064" t="s">
        <v>10314</v>
      </c>
      <c r="H12064">
        <v>5.5958757677740003</v>
      </c>
      <c r="I12064">
        <v>52.323999784305997</v>
      </c>
      <c r="J12064" t="s">
        <v>67749</v>
      </c>
    </row>
    <row r="12065" spans="1:10" x14ac:dyDescent="0.25">
      <c r="A12065" t="s">
        <v>10307</v>
      </c>
      <c r="B12065" t="s">
        <v>10308</v>
      </c>
      <c r="C12065" t="s">
        <v>10309</v>
      </c>
      <c r="D12065" t="s">
        <v>10142</v>
      </c>
      <c r="E12065" t="s">
        <v>13</v>
      </c>
      <c r="F12065">
        <v>2017</v>
      </c>
      <c r="G12065" t="s">
        <v>10310</v>
      </c>
      <c r="H12065">
        <v>5.6009452776620003</v>
      </c>
      <c r="I12065">
        <v>52.326062956045</v>
      </c>
      <c r="J12065" t="s">
        <v>67750</v>
      </c>
    </row>
    <row r="12066" spans="1:10" x14ac:dyDescent="0.25">
      <c r="A12066" t="s">
        <v>10303</v>
      </c>
      <c r="B12066" t="s">
        <v>10304</v>
      </c>
      <c r="C12066" t="s">
        <v>10305</v>
      </c>
      <c r="D12066" t="s">
        <v>10142</v>
      </c>
      <c r="E12066" t="s">
        <v>13</v>
      </c>
      <c r="F12066">
        <v>2016</v>
      </c>
      <c r="G12066" t="s">
        <v>10306</v>
      </c>
      <c r="H12066">
        <v>5.6084376678980004</v>
      </c>
      <c r="I12066">
        <v>52.326104121832998</v>
      </c>
      <c r="J12066" t="s">
        <v>67751</v>
      </c>
    </row>
    <row r="12067" spans="1:10" x14ac:dyDescent="0.25">
      <c r="A12067" t="s">
        <v>10299</v>
      </c>
      <c r="B12067" t="s">
        <v>10300</v>
      </c>
      <c r="C12067" t="s">
        <v>10301</v>
      </c>
      <c r="D12067" t="s">
        <v>10142</v>
      </c>
      <c r="E12067" t="s">
        <v>13</v>
      </c>
      <c r="F12067">
        <v>2015</v>
      </c>
      <c r="G12067" t="s">
        <v>10302</v>
      </c>
      <c r="H12067">
        <v>5.5947913269529996</v>
      </c>
      <c r="I12067">
        <v>52.327461307572001</v>
      </c>
      <c r="J12067" t="s">
        <v>67752</v>
      </c>
    </row>
    <row r="12068" spans="1:10" x14ac:dyDescent="0.25">
      <c r="A12068" t="s">
        <v>10295</v>
      </c>
      <c r="B12068" t="s">
        <v>10296</v>
      </c>
      <c r="C12068" t="s">
        <v>10297</v>
      </c>
      <c r="D12068" t="s">
        <v>10142</v>
      </c>
      <c r="E12068" t="s">
        <v>13</v>
      </c>
      <c r="F12068">
        <v>2014</v>
      </c>
      <c r="G12068" t="s">
        <v>10298</v>
      </c>
      <c r="H12068">
        <v>5.598205532972</v>
      </c>
      <c r="I12068">
        <v>52.329953845511</v>
      </c>
      <c r="J12068" t="s">
        <v>67753</v>
      </c>
    </row>
    <row r="12069" spans="1:10" x14ac:dyDescent="0.25">
      <c r="A12069" t="s">
        <v>10291</v>
      </c>
      <c r="B12069" t="s">
        <v>10292</v>
      </c>
      <c r="C12069" t="s">
        <v>10293</v>
      </c>
      <c r="D12069" t="s">
        <v>10142</v>
      </c>
      <c r="E12069" t="s">
        <v>13</v>
      </c>
      <c r="F12069">
        <v>2013</v>
      </c>
      <c r="G12069" t="s">
        <v>10294</v>
      </c>
      <c r="H12069">
        <v>5.6058628204990004</v>
      </c>
      <c r="I12069">
        <v>52.329446110561001</v>
      </c>
      <c r="J12069" t="s">
        <v>67754</v>
      </c>
    </row>
    <row r="12070" spans="1:10" x14ac:dyDescent="0.25">
      <c r="A12070" t="s">
        <v>10287</v>
      </c>
      <c r="B12070" t="s">
        <v>10288</v>
      </c>
      <c r="C12070" t="s">
        <v>10289</v>
      </c>
      <c r="D12070" t="s">
        <v>10142</v>
      </c>
      <c r="E12070" t="s">
        <v>13</v>
      </c>
      <c r="F12070">
        <v>2012</v>
      </c>
      <c r="G12070" t="s">
        <v>10290</v>
      </c>
      <c r="H12070">
        <v>5.653914802778</v>
      </c>
      <c r="I12070">
        <v>52.344846612551002</v>
      </c>
      <c r="J12070" t="s">
        <v>67755</v>
      </c>
    </row>
    <row r="12071" spans="1:10" x14ac:dyDescent="0.25">
      <c r="A12071" t="s">
        <v>10283</v>
      </c>
      <c r="B12071" t="s">
        <v>10284</v>
      </c>
      <c r="C12071" t="s">
        <v>10285</v>
      </c>
      <c r="D12071" t="s">
        <v>10142</v>
      </c>
      <c r="E12071" t="s">
        <v>13</v>
      </c>
      <c r="F12071">
        <v>2011</v>
      </c>
      <c r="G12071" t="s">
        <v>10286</v>
      </c>
      <c r="H12071">
        <v>5.6480191242829996</v>
      </c>
      <c r="I12071">
        <v>52.344268499214003</v>
      </c>
      <c r="J12071" t="s">
        <v>67756</v>
      </c>
    </row>
    <row r="12072" spans="1:10" x14ac:dyDescent="0.25">
      <c r="A12072" t="s">
        <v>10279</v>
      </c>
      <c r="B12072" t="s">
        <v>10280</v>
      </c>
      <c r="C12072" t="s">
        <v>10281</v>
      </c>
      <c r="D12072" t="s">
        <v>10142</v>
      </c>
      <c r="E12072" t="s">
        <v>13</v>
      </c>
      <c r="F12072">
        <v>2010</v>
      </c>
      <c r="G12072" t="s">
        <v>10282</v>
      </c>
      <c r="H12072">
        <v>5.6463681529979999</v>
      </c>
      <c r="I12072">
        <v>52.349008057676997</v>
      </c>
      <c r="J12072" t="s">
        <v>67757</v>
      </c>
    </row>
    <row r="12073" spans="1:10" x14ac:dyDescent="0.25">
      <c r="A12073" t="s">
        <v>10275</v>
      </c>
      <c r="B12073" t="s">
        <v>10276</v>
      </c>
      <c r="C12073" t="s">
        <v>10277</v>
      </c>
      <c r="D12073" t="s">
        <v>10142</v>
      </c>
      <c r="E12073" t="s">
        <v>13</v>
      </c>
      <c r="F12073">
        <v>2009</v>
      </c>
      <c r="G12073" t="s">
        <v>10278</v>
      </c>
      <c r="H12073">
        <v>5.6423111469049996</v>
      </c>
      <c r="I12073">
        <v>52.352651798651003</v>
      </c>
      <c r="J12073" t="s">
        <v>67758</v>
      </c>
    </row>
    <row r="12074" spans="1:10" x14ac:dyDescent="0.25">
      <c r="A12074" t="s">
        <v>10271</v>
      </c>
      <c r="B12074" t="s">
        <v>10272</v>
      </c>
      <c r="C12074" t="s">
        <v>10273</v>
      </c>
      <c r="D12074" t="s">
        <v>10142</v>
      </c>
      <c r="E12074" t="s">
        <v>13</v>
      </c>
      <c r="F12074">
        <v>2008</v>
      </c>
      <c r="G12074" t="s">
        <v>10274</v>
      </c>
      <c r="H12074">
        <v>5.6402379002289997</v>
      </c>
      <c r="I12074">
        <v>52.336762315952001</v>
      </c>
      <c r="J12074" t="s">
        <v>67759</v>
      </c>
    </row>
    <row r="12075" spans="1:10" x14ac:dyDescent="0.25">
      <c r="A12075" t="s">
        <v>10267</v>
      </c>
      <c r="B12075" t="s">
        <v>10268</v>
      </c>
      <c r="C12075" t="s">
        <v>10269</v>
      </c>
      <c r="D12075" t="s">
        <v>10142</v>
      </c>
      <c r="E12075" t="s">
        <v>13</v>
      </c>
      <c r="F12075">
        <v>2007</v>
      </c>
      <c r="G12075" t="s">
        <v>10270</v>
      </c>
      <c r="H12075">
        <v>5.6381147849889999</v>
      </c>
      <c r="I12075">
        <v>52.339155358047002</v>
      </c>
      <c r="J12075" t="s">
        <v>67760</v>
      </c>
    </row>
    <row r="12076" spans="1:10" x14ac:dyDescent="0.25">
      <c r="A12076" t="s">
        <v>10263</v>
      </c>
      <c r="B12076" t="s">
        <v>10264</v>
      </c>
      <c r="C12076" t="s">
        <v>10265</v>
      </c>
      <c r="D12076" t="s">
        <v>10142</v>
      </c>
      <c r="E12076" t="s">
        <v>13</v>
      </c>
      <c r="F12076">
        <v>2006</v>
      </c>
      <c r="G12076" t="s">
        <v>10266</v>
      </c>
      <c r="H12076">
        <v>5.6328152119660002</v>
      </c>
      <c r="I12076">
        <v>52.334684185897999</v>
      </c>
      <c r="J12076" t="s">
        <v>67761</v>
      </c>
    </row>
    <row r="12077" spans="1:10" x14ac:dyDescent="0.25">
      <c r="A12077" t="s">
        <v>10259</v>
      </c>
      <c r="B12077" t="s">
        <v>10260</v>
      </c>
      <c r="C12077" t="s">
        <v>10261</v>
      </c>
      <c r="D12077" t="s">
        <v>10142</v>
      </c>
      <c r="E12077" t="s">
        <v>13</v>
      </c>
      <c r="F12077">
        <v>2005</v>
      </c>
      <c r="G12077" t="s">
        <v>10262</v>
      </c>
      <c r="H12077">
        <v>5.6299472205720003</v>
      </c>
      <c r="I12077">
        <v>52.337709167782002</v>
      </c>
      <c r="J12077" t="s">
        <v>67762</v>
      </c>
    </row>
    <row r="12078" spans="1:10" x14ac:dyDescent="0.25">
      <c r="A12078" t="s">
        <v>10255</v>
      </c>
      <c r="B12078" t="s">
        <v>10256</v>
      </c>
      <c r="C12078" t="s">
        <v>10257</v>
      </c>
      <c r="D12078" t="s">
        <v>10142</v>
      </c>
      <c r="E12078" t="s">
        <v>13</v>
      </c>
      <c r="F12078">
        <v>2004</v>
      </c>
      <c r="G12078" t="s">
        <v>10258</v>
      </c>
      <c r="H12078">
        <v>5.6249392905070001</v>
      </c>
      <c r="I12078">
        <v>52.335760519231997</v>
      </c>
      <c r="J12078" t="s">
        <v>67763</v>
      </c>
    </row>
    <row r="12079" spans="1:10" x14ac:dyDescent="0.25">
      <c r="A12079" t="s">
        <v>10251</v>
      </c>
      <c r="B12079" t="s">
        <v>10252</v>
      </c>
      <c r="C12079" t="s">
        <v>10253</v>
      </c>
      <c r="D12079" t="s">
        <v>10142</v>
      </c>
      <c r="E12079" t="s">
        <v>13</v>
      </c>
      <c r="F12079">
        <v>2003</v>
      </c>
      <c r="G12079" t="s">
        <v>10254</v>
      </c>
      <c r="H12079">
        <v>5.6258633949360002</v>
      </c>
      <c r="I12079">
        <v>52.331952673975998</v>
      </c>
      <c r="J12079" t="s">
        <v>67764</v>
      </c>
    </row>
    <row r="12080" spans="1:10" x14ac:dyDescent="0.25">
      <c r="A12080" t="s">
        <v>10247</v>
      </c>
      <c r="B12080" t="s">
        <v>10248</v>
      </c>
      <c r="C12080" t="s">
        <v>10249</v>
      </c>
      <c r="D12080" t="s">
        <v>10142</v>
      </c>
      <c r="E12080" t="s">
        <v>13</v>
      </c>
      <c r="F12080">
        <v>2002</v>
      </c>
      <c r="G12080" t="s">
        <v>10250</v>
      </c>
      <c r="H12080">
        <v>5.6157609921229996</v>
      </c>
      <c r="I12080">
        <v>52.332468772478002</v>
      </c>
      <c r="J12080" t="s">
        <v>67765</v>
      </c>
    </row>
    <row r="12081" spans="1:10" x14ac:dyDescent="0.25">
      <c r="A12081" t="s">
        <v>10243</v>
      </c>
      <c r="B12081" t="s">
        <v>10244</v>
      </c>
      <c r="C12081" t="s">
        <v>10245</v>
      </c>
      <c r="D12081" t="s">
        <v>10142</v>
      </c>
      <c r="E12081" t="s">
        <v>13</v>
      </c>
      <c r="F12081">
        <v>2001</v>
      </c>
      <c r="G12081" t="s">
        <v>10246</v>
      </c>
      <c r="H12081">
        <v>5.617376058074</v>
      </c>
      <c r="I12081">
        <v>52.335703938870999</v>
      </c>
      <c r="J12081" t="s">
        <v>67766</v>
      </c>
    </row>
    <row r="12082" spans="1:10" x14ac:dyDescent="0.25">
      <c r="A12082" t="s">
        <v>10239</v>
      </c>
      <c r="B12082" t="s">
        <v>10240</v>
      </c>
      <c r="C12082" t="s">
        <v>10241</v>
      </c>
      <c r="D12082" t="s">
        <v>10142</v>
      </c>
      <c r="E12082" t="s">
        <v>13</v>
      </c>
      <c r="F12082">
        <v>2000</v>
      </c>
      <c r="G12082" t="s">
        <v>10242</v>
      </c>
      <c r="H12082">
        <v>5.6123863049700002</v>
      </c>
      <c r="I12082">
        <v>52.340423690503002</v>
      </c>
      <c r="J12082" t="s">
        <v>67767</v>
      </c>
    </row>
    <row r="12083" spans="1:10" x14ac:dyDescent="0.25">
      <c r="A12083" t="s">
        <v>10235</v>
      </c>
      <c r="B12083" t="s">
        <v>10236</v>
      </c>
      <c r="C12083" t="s">
        <v>10237</v>
      </c>
      <c r="D12083" t="s">
        <v>10142</v>
      </c>
      <c r="E12083" t="s">
        <v>13</v>
      </c>
      <c r="F12083">
        <v>1999</v>
      </c>
      <c r="G12083" t="s">
        <v>10238</v>
      </c>
      <c r="H12083">
        <v>5.6106814778959997</v>
      </c>
      <c r="I12083">
        <v>52.337628440255997</v>
      </c>
      <c r="J12083" t="s">
        <v>67768</v>
      </c>
    </row>
    <row r="12084" spans="1:10" x14ac:dyDescent="0.25">
      <c r="A12084" t="s">
        <v>10231</v>
      </c>
      <c r="B12084" t="s">
        <v>10232</v>
      </c>
      <c r="C12084" t="s">
        <v>10233</v>
      </c>
      <c r="D12084" t="s">
        <v>10142</v>
      </c>
      <c r="E12084" t="s">
        <v>13</v>
      </c>
      <c r="F12084">
        <v>1998</v>
      </c>
      <c r="G12084" t="s">
        <v>10234</v>
      </c>
      <c r="H12084">
        <v>5.6079751645249996</v>
      </c>
      <c r="I12084">
        <v>52.333838758535002</v>
      </c>
      <c r="J12084" t="s">
        <v>67769</v>
      </c>
    </row>
    <row r="12085" spans="1:10" x14ac:dyDescent="0.25">
      <c r="A12085" t="s">
        <v>10227</v>
      </c>
      <c r="B12085" t="s">
        <v>10228</v>
      </c>
      <c r="C12085" t="s">
        <v>10229</v>
      </c>
      <c r="D12085" t="s">
        <v>10142</v>
      </c>
      <c r="E12085" t="s">
        <v>13</v>
      </c>
      <c r="F12085">
        <v>1997</v>
      </c>
      <c r="G12085" t="s">
        <v>10230</v>
      </c>
      <c r="H12085">
        <v>5.5926050405309997</v>
      </c>
      <c r="I12085">
        <v>52.332167124591003</v>
      </c>
      <c r="J12085" t="s">
        <v>67770</v>
      </c>
    </row>
    <row r="12086" spans="1:10" x14ac:dyDescent="0.25">
      <c r="A12086" t="s">
        <v>10223</v>
      </c>
      <c r="B12086" t="s">
        <v>10224</v>
      </c>
      <c r="C12086" t="s">
        <v>10225</v>
      </c>
      <c r="D12086" t="s">
        <v>10142</v>
      </c>
      <c r="E12086" t="s">
        <v>13</v>
      </c>
      <c r="F12086">
        <v>1996</v>
      </c>
      <c r="G12086" t="s">
        <v>10226</v>
      </c>
      <c r="H12086">
        <v>5.6032418873249998</v>
      </c>
      <c r="I12086">
        <v>52.337144744112997</v>
      </c>
      <c r="J12086" t="s">
        <v>67771</v>
      </c>
    </row>
    <row r="12087" spans="1:10" x14ac:dyDescent="0.25">
      <c r="A12087" t="s">
        <v>10219</v>
      </c>
      <c r="B12087" t="s">
        <v>10220</v>
      </c>
      <c r="C12087" t="s">
        <v>10221</v>
      </c>
      <c r="D12087" t="s">
        <v>10142</v>
      </c>
      <c r="E12087" t="s">
        <v>13</v>
      </c>
      <c r="F12087">
        <v>1995</v>
      </c>
      <c r="G12087" t="s">
        <v>10222</v>
      </c>
      <c r="H12087">
        <v>5.6072502921270004</v>
      </c>
      <c r="I12087">
        <v>52.340133163103999</v>
      </c>
      <c r="J12087" t="s">
        <v>67772</v>
      </c>
    </row>
    <row r="12088" spans="1:10" x14ac:dyDescent="0.25">
      <c r="A12088" t="s">
        <v>10215</v>
      </c>
      <c r="B12088" t="s">
        <v>10216</v>
      </c>
      <c r="C12088" t="s">
        <v>10217</v>
      </c>
      <c r="D12088" t="s">
        <v>10142</v>
      </c>
      <c r="E12088" t="s">
        <v>13</v>
      </c>
      <c r="F12088">
        <v>1994</v>
      </c>
      <c r="G12088" t="s">
        <v>10218</v>
      </c>
      <c r="H12088">
        <v>5.6108634914189999</v>
      </c>
      <c r="I12088">
        <v>52.343156602443997</v>
      </c>
      <c r="J12088" t="s">
        <v>67773</v>
      </c>
    </row>
    <row r="12089" spans="1:10" x14ac:dyDescent="0.25">
      <c r="A12089" t="s">
        <v>10211</v>
      </c>
      <c r="B12089" t="s">
        <v>10212</v>
      </c>
      <c r="C12089" t="s">
        <v>10213</v>
      </c>
      <c r="D12089" t="s">
        <v>10142</v>
      </c>
      <c r="E12089" t="s">
        <v>13</v>
      </c>
      <c r="F12089">
        <v>1993</v>
      </c>
      <c r="G12089" t="s">
        <v>10214</v>
      </c>
      <c r="H12089">
        <v>5.6156476551500001</v>
      </c>
      <c r="I12089">
        <v>52.343863806096998</v>
      </c>
      <c r="J12089" t="s">
        <v>67774</v>
      </c>
    </row>
    <row r="12090" spans="1:10" x14ac:dyDescent="0.25">
      <c r="A12090" t="s">
        <v>10207</v>
      </c>
      <c r="B12090" t="s">
        <v>10208</v>
      </c>
      <c r="C12090" t="s">
        <v>10209</v>
      </c>
      <c r="D12090" t="s">
        <v>10142</v>
      </c>
      <c r="E12090" t="s">
        <v>13</v>
      </c>
      <c r="F12090">
        <v>1992</v>
      </c>
      <c r="G12090" t="s">
        <v>10210</v>
      </c>
      <c r="H12090">
        <v>5.6174895136499998</v>
      </c>
      <c r="I12090">
        <v>52.339251612748001</v>
      </c>
      <c r="J12090" t="s">
        <v>67775</v>
      </c>
    </row>
    <row r="12091" spans="1:10" x14ac:dyDescent="0.25">
      <c r="A12091" t="s">
        <v>10203</v>
      </c>
      <c r="B12091" t="s">
        <v>10204</v>
      </c>
      <c r="C12091" t="s">
        <v>10205</v>
      </c>
      <c r="D12091" t="s">
        <v>10142</v>
      </c>
      <c r="E12091" t="s">
        <v>13</v>
      </c>
      <c r="F12091">
        <v>1991</v>
      </c>
      <c r="G12091" t="s">
        <v>10206</v>
      </c>
      <c r="H12091">
        <v>5.6150419967809997</v>
      </c>
      <c r="I12091">
        <v>52.337187474316998</v>
      </c>
      <c r="J12091" t="s">
        <v>67776</v>
      </c>
    </row>
    <row r="12092" spans="1:10" x14ac:dyDescent="0.25">
      <c r="A12092" t="s">
        <v>10199</v>
      </c>
      <c r="B12092" t="s">
        <v>10200</v>
      </c>
      <c r="C12092" t="s">
        <v>10201</v>
      </c>
      <c r="D12092" t="s">
        <v>10142</v>
      </c>
      <c r="E12092" t="s">
        <v>13</v>
      </c>
      <c r="F12092">
        <v>1990</v>
      </c>
      <c r="G12092" t="s">
        <v>10202</v>
      </c>
      <c r="H12092">
        <v>5.6234763435890001</v>
      </c>
      <c r="I12092">
        <v>52.340336484142</v>
      </c>
      <c r="J12092" t="s">
        <v>67777</v>
      </c>
    </row>
    <row r="12093" spans="1:10" x14ac:dyDescent="0.25">
      <c r="A12093" t="s">
        <v>10195</v>
      </c>
      <c r="B12093" t="s">
        <v>10196</v>
      </c>
      <c r="C12093" t="s">
        <v>10197</v>
      </c>
      <c r="D12093" t="s">
        <v>10142</v>
      </c>
      <c r="E12093" t="s">
        <v>13</v>
      </c>
      <c r="F12093">
        <v>1989</v>
      </c>
      <c r="G12093" t="s">
        <v>10198</v>
      </c>
      <c r="H12093">
        <v>5.6274539486180002</v>
      </c>
      <c r="I12093">
        <v>52.341991726986997</v>
      </c>
      <c r="J12093" t="s">
        <v>67778</v>
      </c>
    </row>
    <row r="12094" spans="1:10" x14ac:dyDescent="0.25">
      <c r="A12094" t="s">
        <v>10191</v>
      </c>
      <c r="B12094" t="s">
        <v>10192</v>
      </c>
      <c r="C12094" t="s">
        <v>10193</v>
      </c>
      <c r="D12094" t="s">
        <v>10142</v>
      </c>
      <c r="E12094" t="s">
        <v>13</v>
      </c>
      <c r="F12094">
        <v>1988</v>
      </c>
      <c r="G12094" t="s">
        <v>10194</v>
      </c>
      <c r="H12094">
        <v>5.6350948212310001</v>
      </c>
      <c r="I12094">
        <v>52.341340697694001</v>
      </c>
      <c r="J12094" t="s">
        <v>67779</v>
      </c>
    </row>
    <row r="12095" spans="1:10" x14ac:dyDescent="0.25">
      <c r="A12095" t="s">
        <v>10187</v>
      </c>
      <c r="B12095" t="s">
        <v>10188</v>
      </c>
      <c r="C12095" t="s">
        <v>10189</v>
      </c>
      <c r="D12095" t="s">
        <v>10142</v>
      </c>
      <c r="E12095" t="s">
        <v>13</v>
      </c>
      <c r="F12095">
        <v>1987</v>
      </c>
      <c r="G12095" t="s">
        <v>10190</v>
      </c>
      <c r="H12095">
        <v>5.6411158321519999</v>
      </c>
      <c r="I12095">
        <v>52.343275115055</v>
      </c>
      <c r="J12095" t="s">
        <v>67780</v>
      </c>
    </row>
    <row r="12096" spans="1:10" x14ac:dyDescent="0.25">
      <c r="A12096" t="s">
        <v>10183</v>
      </c>
      <c r="B12096" t="s">
        <v>10184</v>
      </c>
      <c r="C12096" t="s">
        <v>10185</v>
      </c>
      <c r="D12096" t="s">
        <v>10142</v>
      </c>
      <c r="E12096" t="s">
        <v>13</v>
      </c>
      <c r="F12096">
        <v>1986</v>
      </c>
      <c r="G12096" t="s">
        <v>10186</v>
      </c>
      <c r="H12096">
        <v>5.6360858211640004</v>
      </c>
      <c r="I12096">
        <v>52.344813620620002</v>
      </c>
      <c r="J12096" t="s">
        <v>67781</v>
      </c>
    </row>
    <row r="12097" spans="1:10" x14ac:dyDescent="0.25">
      <c r="A12097" t="s">
        <v>10179</v>
      </c>
      <c r="B12097" t="s">
        <v>10180</v>
      </c>
      <c r="C12097" t="s">
        <v>10181</v>
      </c>
      <c r="D12097" t="s">
        <v>10142</v>
      </c>
      <c r="E12097" t="s">
        <v>13</v>
      </c>
      <c r="F12097">
        <v>1985</v>
      </c>
      <c r="G12097" t="s">
        <v>10182</v>
      </c>
      <c r="H12097">
        <v>5.634452664676</v>
      </c>
      <c r="I12097">
        <v>52.347645876035998</v>
      </c>
      <c r="J12097" t="s">
        <v>67782</v>
      </c>
    </row>
    <row r="12098" spans="1:10" x14ac:dyDescent="0.25">
      <c r="A12098" t="s">
        <v>10175</v>
      </c>
      <c r="B12098" t="s">
        <v>10176</v>
      </c>
      <c r="C12098" t="s">
        <v>10177</v>
      </c>
      <c r="D12098" t="s">
        <v>10142</v>
      </c>
      <c r="E12098" t="s">
        <v>13</v>
      </c>
      <c r="F12098">
        <v>1984</v>
      </c>
      <c r="G12098" t="s">
        <v>10178</v>
      </c>
      <c r="H12098">
        <v>5.6210452177340002</v>
      </c>
      <c r="I12098">
        <v>52.344527823939998</v>
      </c>
      <c r="J12098" t="s">
        <v>67783</v>
      </c>
    </row>
    <row r="12099" spans="1:10" x14ac:dyDescent="0.25">
      <c r="A12099" t="s">
        <v>10171</v>
      </c>
      <c r="B12099" t="s">
        <v>10172</v>
      </c>
      <c r="C12099" t="s">
        <v>10173</v>
      </c>
      <c r="D12099" t="s">
        <v>10142</v>
      </c>
      <c r="E12099" t="s">
        <v>13</v>
      </c>
      <c r="F12099">
        <v>1983</v>
      </c>
      <c r="G12099" t="s">
        <v>10174</v>
      </c>
      <c r="H12099">
        <v>5.6248824654070004</v>
      </c>
      <c r="I12099">
        <v>52.347302204518002</v>
      </c>
      <c r="J12099" t="s">
        <v>67784</v>
      </c>
    </row>
    <row r="12100" spans="1:10" x14ac:dyDescent="0.25">
      <c r="A12100" t="s">
        <v>10167</v>
      </c>
      <c r="B12100" t="s">
        <v>10168</v>
      </c>
      <c r="C12100" t="s">
        <v>10169</v>
      </c>
      <c r="D12100" t="s">
        <v>10142</v>
      </c>
      <c r="E12100" t="s">
        <v>13</v>
      </c>
      <c r="F12100">
        <v>1982</v>
      </c>
      <c r="G12100" t="s">
        <v>10170</v>
      </c>
      <c r="H12100">
        <v>5.6257762203950001</v>
      </c>
      <c r="I12100">
        <v>52.349650291469999</v>
      </c>
      <c r="J12100" t="s">
        <v>67785</v>
      </c>
    </row>
    <row r="12101" spans="1:10" x14ac:dyDescent="0.25">
      <c r="A12101" t="s">
        <v>10163</v>
      </c>
      <c r="B12101" t="s">
        <v>10164</v>
      </c>
      <c r="C12101" t="s">
        <v>10165</v>
      </c>
      <c r="D12101" t="s">
        <v>10142</v>
      </c>
      <c r="E12101" t="s">
        <v>13</v>
      </c>
      <c r="F12101">
        <v>1981</v>
      </c>
      <c r="G12101" t="s">
        <v>10166</v>
      </c>
      <c r="H12101">
        <v>5.6309756511769997</v>
      </c>
      <c r="I12101">
        <v>52.351519653624003</v>
      </c>
      <c r="J12101" t="s">
        <v>67786</v>
      </c>
    </row>
    <row r="12102" spans="1:10" x14ac:dyDescent="0.25">
      <c r="A12102" t="s">
        <v>10159</v>
      </c>
      <c r="B12102" t="s">
        <v>10160</v>
      </c>
      <c r="C12102" t="s">
        <v>10161</v>
      </c>
      <c r="D12102" t="s">
        <v>10142</v>
      </c>
      <c r="E12102" t="s">
        <v>13</v>
      </c>
      <c r="F12102">
        <v>1980</v>
      </c>
      <c r="G12102" t="s">
        <v>10162</v>
      </c>
      <c r="H12102">
        <v>5.6166469992339998</v>
      </c>
      <c r="I12102">
        <v>52.358897709639002</v>
      </c>
      <c r="J12102" t="s">
        <v>67787</v>
      </c>
    </row>
    <row r="12103" spans="1:10" x14ac:dyDescent="0.25">
      <c r="A12103" t="s">
        <v>10156</v>
      </c>
      <c r="B12103" t="s">
        <v>10157</v>
      </c>
      <c r="C12103" t="s">
        <v>407</v>
      </c>
      <c r="D12103" t="s">
        <v>10142</v>
      </c>
      <c r="E12103" t="s">
        <v>13</v>
      </c>
      <c r="F12103">
        <v>1979</v>
      </c>
      <c r="G12103" t="s">
        <v>10158</v>
      </c>
      <c r="H12103">
        <v>5.6237932944560001</v>
      </c>
      <c r="I12103">
        <v>52.353602459264003</v>
      </c>
      <c r="J12103" t="s">
        <v>67788</v>
      </c>
    </row>
    <row r="12104" spans="1:10" x14ac:dyDescent="0.25">
      <c r="A12104" t="s">
        <v>10152</v>
      </c>
      <c r="B12104" t="s">
        <v>10153</v>
      </c>
      <c r="C12104" t="s">
        <v>10154</v>
      </c>
      <c r="D12104" t="s">
        <v>10142</v>
      </c>
      <c r="E12104" t="s">
        <v>13</v>
      </c>
      <c r="F12104">
        <v>1978</v>
      </c>
      <c r="G12104" t="s">
        <v>10155</v>
      </c>
      <c r="H12104">
        <v>5.6270376577330001</v>
      </c>
      <c r="I12104">
        <v>52.355382439345</v>
      </c>
      <c r="J12104" t="s">
        <v>67789</v>
      </c>
    </row>
    <row r="12105" spans="1:10" x14ac:dyDescent="0.25">
      <c r="A12105" t="s">
        <v>10148</v>
      </c>
      <c r="B12105" t="s">
        <v>10149</v>
      </c>
      <c r="C12105" t="s">
        <v>10150</v>
      </c>
      <c r="D12105" t="s">
        <v>10142</v>
      </c>
      <c r="E12105" t="s">
        <v>13</v>
      </c>
      <c r="F12105">
        <v>1977</v>
      </c>
      <c r="G12105" t="s">
        <v>10151</v>
      </c>
      <c r="H12105">
        <v>5.6203840575250004</v>
      </c>
      <c r="I12105">
        <v>52.358162934334999</v>
      </c>
      <c r="J12105" t="s">
        <v>67790</v>
      </c>
    </row>
    <row r="12106" spans="1:10" x14ac:dyDescent="0.25">
      <c r="A12106" t="s">
        <v>10144</v>
      </c>
      <c r="B12106" t="s">
        <v>10145</v>
      </c>
      <c r="C12106" t="s">
        <v>10146</v>
      </c>
      <c r="D12106" t="s">
        <v>10142</v>
      </c>
      <c r="E12106" t="s">
        <v>13</v>
      </c>
      <c r="F12106">
        <v>1976</v>
      </c>
      <c r="G12106" t="s">
        <v>10147</v>
      </c>
      <c r="H12106">
        <v>5.6164532491330004</v>
      </c>
      <c r="I12106">
        <v>52.348543971483998</v>
      </c>
      <c r="J12106" t="s">
        <v>67791</v>
      </c>
    </row>
    <row r="12107" spans="1:10" x14ac:dyDescent="0.25">
      <c r="A12107" t="s">
        <v>10139</v>
      </c>
      <c r="B12107" t="s">
        <v>10140</v>
      </c>
      <c r="C12107" t="s">
        <v>10141</v>
      </c>
      <c r="D12107" t="s">
        <v>10142</v>
      </c>
      <c r="E12107" t="s">
        <v>13</v>
      </c>
      <c r="F12107">
        <v>1975</v>
      </c>
      <c r="G12107" t="s">
        <v>10143</v>
      </c>
      <c r="H12107">
        <v>5.6184260814089999</v>
      </c>
      <c r="I12107">
        <v>52.352284518306</v>
      </c>
      <c r="J12107" t="s">
        <v>67792</v>
      </c>
    </row>
    <row r="12108" spans="1:10" x14ac:dyDescent="0.25">
      <c r="A12108" t="s">
        <v>10136</v>
      </c>
      <c r="B12108" t="s">
        <v>10137</v>
      </c>
      <c r="C12108" t="s">
        <v>10114</v>
      </c>
      <c r="D12108" t="s">
        <v>10078</v>
      </c>
      <c r="E12108" t="s">
        <v>13</v>
      </c>
      <c r="F12108">
        <v>1974</v>
      </c>
      <c r="G12108" t="s">
        <v>10138</v>
      </c>
      <c r="H12108">
        <v>5.7052477990719996</v>
      </c>
      <c r="I12108">
        <v>52.279407874804001</v>
      </c>
      <c r="J12108" t="s">
        <v>67793</v>
      </c>
    </row>
    <row r="12109" spans="1:10" x14ac:dyDescent="0.25">
      <c r="A12109" t="s">
        <v>10132</v>
      </c>
      <c r="B12109" t="s">
        <v>10133</v>
      </c>
      <c r="C12109" t="s">
        <v>10134</v>
      </c>
      <c r="D12109" t="s">
        <v>10078</v>
      </c>
      <c r="E12109" t="s">
        <v>13</v>
      </c>
      <c r="F12109">
        <v>1973</v>
      </c>
      <c r="G12109" t="s">
        <v>10135</v>
      </c>
      <c r="H12109">
        <v>5.748925214072</v>
      </c>
      <c r="I12109">
        <v>52.258442501594999</v>
      </c>
      <c r="J12109" t="s">
        <v>67794</v>
      </c>
    </row>
    <row r="12110" spans="1:10" x14ac:dyDescent="0.25">
      <c r="A12110" t="s">
        <v>10128</v>
      </c>
      <c r="B12110" t="s">
        <v>10129</v>
      </c>
      <c r="C12110" t="s">
        <v>10130</v>
      </c>
      <c r="D12110" t="s">
        <v>10078</v>
      </c>
      <c r="E12110" t="s">
        <v>13</v>
      </c>
      <c r="F12110">
        <v>1972</v>
      </c>
      <c r="G12110" t="s">
        <v>10131</v>
      </c>
      <c r="H12110">
        <v>5.7262581797529997</v>
      </c>
      <c r="I12110">
        <v>52.297840163770999</v>
      </c>
      <c r="J12110" t="s">
        <v>67795</v>
      </c>
    </row>
    <row r="12111" spans="1:10" x14ac:dyDescent="0.25">
      <c r="A12111" t="s">
        <v>10124</v>
      </c>
      <c r="B12111" t="s">
        <v>10125</v>
      </c>
      <c r="C12111" t="s">
        <v>10126</v>
      </c>
      <c r="D12111" t="s">
        <v>10078</v>
      </c>
      <c r="E12111" t="s">
        <v>13</v>
      </c>
      <c r="F12111">
        <v>1971</v>
      </c>
      <c r="G12111" t="s">
        <v>10127</v>
      </c>
      <c r="H12111">
        <v>5.7089557814359999</v>
      </c>
      <c r="I12111">
        <v>52.245009933138</v>
      </c>
      <c r="J12111" t="s">
        <v>67796</v>
      </c>
    </row>
    <row r="12112" spans="1:10" x14ac:dyDescent="0.25">
      <c r="A12112" t="s">
        <v>10120</v>
      </c>
      <c r="B12112" t="s">
        <v>10121</v>
      </c>
      <c r="C12112" t="s">
        <v>10122</v>
      </c>
      <c r="D12112" t="s">
        <v>10078</v>
      </c>
      <c r="E12112" t="s">
        <v>13</v>
      </c>
      <c r="F12112">
        <v>1970</v>
      </c>
      <c r="G12112" t="s">
        <v>10123</v>
      </c>
      <c r="H12112">
        <v>5.7412794049349998</v>
      </c>
      <c r="I12112">
        <v>52.282488041397002</v>
      </c>
      <c r="J12112" t="s">
        <v>67797</v>
      </c>
    </row>
    <row r="12113" spans="1:10" x14ac:dyDescent="0.25">
      <c r="A12113" t="s">
        <v>10116</v>
      </c>
      <c r="B12113" t="s">
        <v>10117</v>
      </c>
      <c r="C12113" t="s">
        <v>10118</v>
      </c>
      <c r="D12113" t="s">
        <v>10078</v>
      </c>
      <c r="E12113" t="s">
        <v>13</v>
      </c>
      <c r="F12113">
        <v>1969</v>
      </c>
      <c r="G12113" t="s">
        <v>10119</v>
      </c>
      <c r="H12113">
        <v>5.709076613883</v>
      </c>
      <c r="I12113">
        <v>52.270008862160999</v>
      </c>
      <c r="J12113" t="s">
        <v>67798</v>
      </c>
    </row>
    <row r="12114" spans="1:10" x14ac:dyDescent="0.25">
      <c r="A12114" t="s">
        <v>10112</v>
      </c>
      <c r="B12114" t="s">
        <v>10113</v>
      </c>
      <c r="C12114" t="s">
        <v>10114</v>
      </c>
      <c r="D12114" t="s">
        <v>10078</v>
      </c>
      <c r="E12114" t="s">
        <v>13</v>
      </c>
      <c r="F12114">
        <v>1968</v>
      </c>
      <c r="G12114" t="s">
        <v>10115</v>
      </c>
      <c r="H12114">
        <v>5.6540880099160002</v>
      </c>
      <c r="I12114">
        <v>52.289656219820003</v>
      </c>
      <c r="J12114" t="s">
        <v>67799</v>
      </c>
    </row>
    <row r="12115" spans="1:10" x14ac:dyDescent="0.25">
      <c r="A12115" t="s">
        <v>10108</v>
      </c>
      <c r="B12115" t="s">
        <v>10109</v>
      </c>
      <c r="C12115" t="s">
        <v>10110</v>
      </c>
      <c r="D12115" t="s">
        <v>10078</v>
      </c>
      <c r="E12115" t="s">
        <v>13</v>
      </c>
      <c r="F12115">
        <v>1967</v>
      </c>
      <c r="G12115" t="s">
        <v>10111</v>
      </c>
      <c r="H12115">
        <v>5.5676913432179997</v>
      </c>
      <c r="I12115">
        <v>52.307100252170002</v>
      </c>
      <c r="J12115" t="s">
        <v>67800</v>
      </c>
    </row>
    <row r="12116" spans="1:10" x14ac:dyDescent="0.25">
      <c r="A12116" t="s">
        <v>10104</v>
      </c>
      <c r="B12116" t="s">
        <v>10105</v>
      </c>
      <c r="C12116" t="s">
        <v>10106</v>
      </c>
      <c r="D12116" t="s">
        <v>10078</v>
      </c>
      <c r="E12116" t="s">
        <v>13</v>
      </c>
      <c r="F12116">
        <v>1966</v>
      </c>
      <c r="G12116" t="s">
        <v>10107</v>
      </c>
      <c r="H12116">
        <v>5.5825735452799998</v>
      </c>
      <c r="I12116">
        <v>52.292939751052003</v>
      </c>
      <c r="J12116" t="s">
        <v>67801</v>
      </c>
    </row>
    <row r="12117" spans="1:10" x14ac:dyDescent="0.25">
      <c r="A12117" t="s">
        <v>10100</v>
      </c>
      <c r="B12117" t="s">
        <v>10101</v>
      </c>
      <c r="C12117" t="s">
        <v>10102</v>
      </c>
      <c r="D12117" t="s">
        <v>10078</v>
      </c>
      <c r="E12117" t="s">
        <v>13</v>
      </c>
      <c r="F12117">
        <v>1965</v>
      </c>
      <c r="G12117" t="s">
        <v>10103</v>
      </c>
      <c r="H12117">
        <v>5.6151804456769998</v>
      </c>
      <c r="I12117">
        <v>52.284469305297002</v>
      </c>
      <c r="J12117" t="s">
        <v>67802</v>
      </c>
    </row>
    <row r="12118" spans="1:10" x14ac:dyDescent="0.25">
      <c r="A12118" t="s">
        <v>10096</v>
      </c>
      <c r="B12118" t="s">
        <v>10097</v>
      </c>
      <c r="C12118" t="s">
        <v>10098</v>
      </c>
      <c r="D12118" t="s">
        <v>10078</v>
      </c>
      <c r="E12118" t="s">
        <v>13</v>
      </c>
      <c r="F12118">
        <v>1964</v>
      </c>
      <c r="G12118" t="s">
        <v>10099</v>
      </c>
      <c r="H12118">
        <v>5.5778448246809997</v>
      </c>
      <c r="I12118">
        <v>52.308552841017999</v>
      </c>
      <c r="J12118" t="s">
        <v>67803</v>
      </c>
    </row>
    <row r="12119" spans="1:10" x14ac:dyDescent="0.25">
      <c r="A12119" t="s">
        <v>10092</v>
      </c>
      <c r="B12119" t="s">
        <v>10093</v>
      </c>
      <c r="C12119" t="s">
        <v>10094</v>
      </c>
      <c r="D12119" t="s">
        <v>10078</v>
      </c>
      <c r="E12119" t="s">
        <v>13</v>
      </c>
      <c r="F12119">
        <v>1963</v>
      </c>
      <c r="G12119" t="s">
        <v>10095</v>
      </c>
      <c r="H12119">
        <v>5.6294056170640001</v>
      </c>
      <c r="I12119">
        <v>52.318767903652997</v>
      </c>
      <c r="J12119" t="s">
        <v>67804</v>
      </c>
    </row>
    <row r="12120" spans="1:10" x14ac:dyDescent="0.25">
      <c r="A12120" t="s">
        <v>10088</v>
      </c>
      <c r="B12120" t="s">
        <v>10089</v>
      </c>
      <c r="C12120" t="s">
        <v>10090</v>
      </c>
      <c r="D12120" t="s">
        <v>10078</v>
      </c>
      <c r="E12120" t="s">
        <v>13</v>
      </c>
      <c r="F12120">
        <v>1962</v>
      </c>
      <c r="G12120" t="s">
        <v>10091</v>
      </c>
      <c r="H12120">
        <v>5.6036425734630004</v>
      </c>
      <c r="I12120">
        <v>52.310313535455997</v>
      </c>
      <c r="J12120" t="s">
        <v>67805</v>
      </c>
    </row>
    <row r="12121" spans="1:10" x14ac:dyDescent="0.25">
      <c r="A12121" t="s">
        <v>10084</v>
      </c>
      <c r="B12121" t="s">
        <v>10085</v>
      </c>
      <c r="C12121" t="s">
        <v>10086</v>
      </c>
      <c r="D12121" t="s">
        <v>10078</v>
      </c>
      <c r="E12121" t="s">
        <v>13</v>
      </c>
      <c r="F12121">
        <v>1961</v>
      </c>
      <c r="G12121" t="s">
        <v>10087</v>
      </c>
      <c r="H12121">
        <v>5.6021412820160004</v>
      </c>
      <c r="I12121">
        <v>52.294058086051002</v>
      </c>
      <c r="J12121" t="s">
        <v>67806</v>
      </c>
    </row>
    <row r="12122" spans="1:10" x14ac:dyDescent="0.25">
      <c r="A12122" t="s">
        <v>10080</v>
      </c>
      <c r="B12122" t="s">
        <v>10081</v>
      </c>
      <c r="C12122" t="s">
        <v>10082</v>
      </c>
      <c r="D12122" t="s">
        <v>10078</v>
      </c>
      <c r="E12122" t="s">
        <v>13</v>
      </c>
      <c r="F12122">
        <v>1960</v>
      </c>
      <c r="G12122" t="s">
        <v>10083</v>
      </c>
      <c r="H12122">
        <v>5.6364000252090003</v>
      </c>
      <c r="I12122">
        <v>52.299605233664003</v>
      </c>
      <c r="J12122" t="s">
        <v>67807</v>
      </c>
    </row>
    <row r="12123" spans="1:10" x14ac:dyDescent="0.25">
      <c r="A12123" t="s">
        <v>10075</v>
      </c>
      <c r="B12123" t="s">
        <v>10076</v>
      </c>
      <c r="C12123" t="s">
        <v>10077</v>
      </c>
      <c r="D12123" t="s">
        <v>10078</v>
      </c>
      <c r="E12123" t="s">
        <v>13</v>
      </c>
      <c r="F12123">
        <v>1959</v>
      </c>
      <c r="G12123" t="s">
        <v>10079</v>
      </c>
      <c r="H12123">
        <v>5.6206019182420004</v>
      </c>
      <c r="I12123">
        <v>52.301038421347997</v>
      </c>
      <c r="J12123" t="s">
        <v>67808</v>
      </c>
    </row>
    <row r="12124" spans="1:10" x14ac:dyDescent="0.25">
      <c r="A12124" t="s">
        <v>10071</v>
      </c>
      <c r="B12124" t="s">
        <v>10072</v>
      </c>
      <c r="C12124" t="s">
        <v>10073</v>
      </c>
      <c r="D12124" t="s">
        <v>5113</v>
      </c>
      <c r="E12124" t="s">
        <v>13</v>
      </c>
      <c r="F12124">
        <v>1958</v>
      </c>
      <c r="G12124" t="s">
        <v>10074</v>
      </c>
      <c r="H12124">
        <v>6.0559145221649997</v>
      </c>
      <c r="I12124">
        <v>52.345230738745997</v>
      </c>
      <c r="J12124" t="s">
        <v>67809</v>
      </c>
    </row>
    <row r="12125" spans="1:10" x14ac:dyDescent="0.25">
      <c r="A12125" t="s">
        <v>10067</v>
      </c>
      <c r="B12125" t="s">
        <v>10068</v>
      </c>
      <c r="C12125" t="s">
        <v>10069</v>
      </c>
      <c r="D12125" t="s">
        <v>5113</v>
      </c>
      <c r="E12125" t="s">
        <v>13</v>
      </c>
      <c r="F12125">
        <v>1957</v>
      </c>
      <c r="G12125" t="s">
        <v>10070</v>
      </c>
      <c r="H12125">
        <v>6.046885643875</v>
      </c>
      <c r="I12125">
        <v>52.343800589867001</v>
      </c>
      <c r="J12125" t="s">
        <v>67810</v>
      </c>
    </row>
    <row r="12126" spans="1:10" x14ac:dyDescent="0.25">
      <c r="A12126" t="s">
        <v>10063</v>
      </c>
      <c r="B12126" t="s">
        <v>10064</v>
      </c>
      <c r="C12126" t="s">
        <v>10065</v>
      </c>
      <c r="D12126" t="s">
        <v>5113</v>
      </c>
      <c r="E12126" t="s">
        <v>13</v>
      </c>
      <c r="F12126">
        <v>1956</v>
      </c>
      <c r="G12126" t="s">
        <v>10066</v>
      </c>
      <c r="H12126">
        <v>5.9290583219619997</v>
      </c>
      <c r="I12126">
        <v>52.286704951792998</v>
      </c>
      <c r="J12126" t="s">
        <v>67811</v>
      </c>
    </row>
    <row r="12127" spans="1:10" x14ac:dyDescent="0.25">
      <c r="A12127" t="s">
        <v>10059</v>
      </c>
      <c r="B12127" t="s">
        <v>10060</v>
      </c>
      <c r="C12127" t="s">
        <v>10061</v>
      </c>
      <c r="D12127" t="s">
        <v>5113</v>
      </c>
      <c r="E12127" t="s">
        <v>13</v>
      </c>
      <c r="F12127">
        <v>1955</v>
      </c>
      <c r="G12127" t="s">
        <v>10062</v>
      </c>
      <c r="H12127">
        <v>5.9917113838329996</v>
      </c>
      <c r="I12127">
        <v>52.299836793093</v>
      </c>
      <c r="J12127" t="s">
        <v>67812</v>
      </c>
    </row>
    <row r="12128" spans="1:10" x14ac:dyDescent="0.25">
      <c r="A12128" t="s">
        <v>10055</v>
      </c>
      <c r="B12128" t="s">
        <v>10056</v>
      </c>
      <c r="C12128" t="s">
        <v>10057</v>
      </c>
      <c r="D12128" t="s">
        <v>5113</v>
      </c>
      <c r="E12128" t="s">
        <v>13</v>
      </c>
      <c r="F12128">
        <v>1954</v>
      </c>
      <c r="G12128" t="s">
        <v>10058</v>
      </c>
      <c r="H12128">
        <v>5.9687280286849997</v>
      </c>
      <c r="I12128">
        <v>52.282100178181999</v>
      </c>
      <c r="J12128" t="s">
        <v>67813</v>
      </c>
    </row>
    <row r="12129" spans="1:10" x14ac:dyDescent="0.25">
      <c r="A12129" t="s">
        <v>10052</v>
      </c>
      <c r="B12129" t="s">
        <v>10053</v>
      </c>
      <c r="C12129" t="s">
        <v>37</v>
      </c>
      <c r="D12129" t="s">
        <v>5113</v>
      </c>
      <c r="E12129" t="s">
        <v>13</v>
      </c>
      <c r="F12129">
        <v>1953</v>
      </c>
      <c r="G12129" t="s">
        <v>10054</v>
      </c>
      <c r="H12129">
        <v>5.9613013482610002</v>
      </c>
      <c r="I12129">
        <v>52.279012565930003</v>
      </c>
      <c r="J12129" t="s">
        <v>67814</v>
      </c>
    </row>
    <row r="12130" spans="1:10" x14ac:dyDescent="0.25">
      <c r="A12130" t="s">
        <v>10048</v>
      </c>
      <c r="B12130" t="s">
        <v>10049</v>
      </c>
      <c r="C12130" t="s">
        <v>10050</v>
      </c>
      <c r="D12130" t="s">
        <v>5113</v>
      </c>
      <c r="E12130" t="s">
        <v>13</v>
      </c>
      <c r="F12130">
        <v>1952</v>
      </c>
      <c r="G12130" t="s">
        <v>10051</v>
      </c>
      <c r="H12130">
        <v>5.9589915647630001</v>
      </c>
      <c r="I12130">
        <v>52.282327074343002</v>
      </c>
      <c r="J12130" t="s">
        <v>67815</v>
      </c>
    </row>
    <row r="12131" spans="1:10" x14ac:dyDescent="0.25">
      <c r="A12131" t="s">
        <v>10044</v>
      </c>
      <c r="B12131" t="s">
        <v>10045</v>
      </c>
      <c r="C12131" t="s">
        <v>10046</v>
      </c>
      <c r="D12131" t="s">
        <v>5113</v>
      </c>
      <c r="E12131" t="s">
        <v>13</v>
      </c>
      <c r="F12131">
        <v>1951</v>
      </c>
      <c r="G12131" t="s">
        <v>10047</v>
      </c>
      <c r="H12131">
        <v>5.9510745704500003</v>
      </c>
      <c r="I12131">
        <v>52.280372830262003</v>
      </c>
      <c r="J12131" t="s">
        <v>67816</v>
      </c>
    </row>
    <row r="12132" spans="1:10" x14ac:dyDescent="0.25">
      <c r="A12132" t="s">
        <v>10040</v>
      </c>
      <c r="B12132" t="s">
        <v>10041</v>
      </c>
      <c r="C12132" t="s">
        <v>10042</v>
      </c>
      <c r="D12132" t="s">
        <v>5113</v>
      </c>
      <c r="E12132" t="s">
        <v>13</v>
      </c>
      <c r="F12132">
        <v>1950</v>
      </c>
      <c r="G12132" t="s">
        <v>10043</v>
      </c>
      <c r="H12132">
        <v>5.9489459253490002</v>
      </c>
      <c r="I12132">
        <v>52.283788661738001</v>
      </c>
      <c r="J12132" t="s">
        <v>67817</v>
      </c>
    </row>
    <row r="12133" spans="1:10" x14ac:dyDescent="0.25">
      <c r="A12133" t="s">
        <v>10036</v>
      </c>
      <c r="B12133" t="s">
        <v>10037</v>
      </c>
      <c r="C12133" t="s">
        <v>10038</v>
      </c>
      <c r="D12133" t="s">
        <v>5113</v>
      </c>
      <c r="E12133" t="s">
        <v>13</v>
      </c>
      <c r="F12133">
        <v>1949</v>
      </c>
      <c r="G12133" t="s">
        <v>10039</v>
      </c>
      <c r="H12133">
        <v>5.9783943353769997</v>
      </c>
      <c r="I12133">
        <v>52.287406395250002</v>
      </c>
      <c r="J12133" t="s">
        <v>67818</v>
      </c>
    </row>
    <row r="12134" spans="1:10" x14ac:dyDescent="0.25">
      <c r="A12134" t="s">
        <v>10032</v>
      </c>
      <c r="B12134" t="s">
        <v>10033</v>
      </c>
      <c r="C12134" t="s">
        <v>10034</v>
      </c>
      <c r="D12134" t="s">
        <v>5113</v>
      </c>
      <c r="E12134" t="s">
        <v>13</v>
      </c>
      <c r="F12134">
        <v>1948</v>
      </c>
      <c r="G12134" t="s">
        <v>10035</v>
      </c>
      <c r="H12134">
        <v>5.9597928805010003</v>
      </c>
      <c r="I12134">
        <v>52.285014364094998</v>
      </c>
      <c r="J12134" t="s">
        <v>67819</v>
      </c>
    </row>
    <row r="12135" spans="1:10" x14ac:dyDescent="0.25">
      <c r="A12135" t="s">
        <v>10028</v>
      </c>
      <c r="B12135" t="s">
        <v>10029</v>
      </c>
      <c r="C12135" t="s">
        <v>10030</v>
      </c>
      <c r="D12135" t="s">
        <v>5113</v>
      </c>
      <c r="E12135" t="s">
        <v>13</v>
      </c>
      <c r="F12135">
        <v>1947</v>
      </c>
      <c r="G12135" t="s">
        <v>10031</v>
      </c>
      <c r="H12135">
        <v>5.9591517373310001</v>
      </c>
      <c r="I12135">
        <v>52.287955668697002</v>
      </c>
      <c r="J12135" t="s">
        <v>67820</v>
      </c>
    </row>
    <row r="12136" spans="1:10" x14ac:dyDescent="0.25">
      <c r="A12136" t="s">
        <v>10024</v>
      </c>
      <c r="B12136" t="s">
        <v>10025</v>
      </c>
      <c r="C12136" t="s">
        <v>10026</v>
      </c>
      <c r="D12136" t="s">
        <v>5113</v>
      </c>
      <c r="E12136" t="s">
        <v>13</v>
      </c>
      <c r="F12136">
        <v>1946</v>
      </c>
      <c r="G12136" t="s">
        <v>10027</v>
      </c>
      <c r="H12136">
        <v>5.9731469023420001</v>
      </c>
      <c r="I12136">
        <v>52.294255889596997</v>
      </c>
      <c r="J12136" t="s">
        <v>67821</v>
      </c>
    </row>
    <row r="12137" spans="1:10" x14ac:dyDescent="0.25">
      <c r="A12137" t="s">
        <v>10020</v>
      </c>
      <c r="B12137" t="s">
        <v>10021</v>
      </c>
      <c r="C12137" t="s">
        <v>10022</v>
      </c>
      <c r="D12137" t="s">
        <v>5113</v>
      </c>
      <c r="E12137" t="s">
        <v>13</v>
      </c>
      <c r="F12137">
        <v>1945</v>
      </c>
      <c r="G12137" t="s">
        <v>10023</v>
      </c>
      <c r="H12137">
        <v>5.9676947471490003</v>
      </c>
      <c r="I12137">
        <v>52.289330599811002</v>
      </c>
      <c r="J12137" t="s">
        <v>67822</v>
      </c>
    </row>
    <row r="12138" spans="1:10" x14ac:dyDescent="0.25">
      <c r="A12138" t="s">
        <v>10016</v>
      </c>
      <c r="B12138" t="s">
        <v>10017</v>
      </c>
      <c r="C12138" t="s">
        <v>10018</v>
      </c>
      <c r="D12138" t="s">
        <v>5113</v>
      </c>
      <c r="E12138" t="s">
        <v>13</v>
      </c>
      <c r="F12138">
        <v>1944</v>
      </c>
      <c r="G12138" t="s">
        <v>10019</v>
      </c>
      <c r="H12138">
        <v>5.9457164671109997</v>
      </c>
      <c r="I12138">
        <v>52.317633834341997</v>
      </c>
      <c r="J12138" t="s">
        <v>67823</v>
      </c>
    </row>
    <row r="12139" spans="1:10" x14ac:dyDescent="0.25">
      <c r="A12139" t="s">
        <v>10012</v>
      </c>
      <c r="B12139" t="s">
        <v>10013</v>
      </c>
      <c r="C12139" t="s">
        <v>10014</v>
      </c>
      <c r="D12139" t="s">
        <v>5113</v>
      </c>
      <c r="E12139" t="s">
        <v>13</v>
      </c>
      <c r="F12139">
        <v>1943</v>
      </c>
      <c r="G12139" t="s">
        <v>10015</v>
      </c>
      <c r="H12139">
        <v>5.977115590805</v>
      </c>
      <c r="I12139">
        <v>52.316817930961001</v>
      </c>
      <c r="J12139" t="s">
        <v>67824</v>
      </c>
    </row>
    <row r="12140" spans="1:10" x14ac:dyDescent="0.25">
      <c r="A12140" t="s">
        <v>10008</v>
      </c>
      <c r="B12140" t="s">
        <v>10009</v>
      </c>
      <c r="C12140" t="s">
        <v>10010</v>
      </c>
      <c r="D12140" t="s">
        <v>5113</v>
      </c>
      <c r="E12140" t="s">
        <v>13</v>
      </c>
      <c r="F12140">
        <v>1942</v>
      </c>
      <c r="G12140" t="s">
        <v>10011</v>
      </c>
      <c r="H12140">
        <v>6.0164391942900002</v>
      </c>
      <c r="I12140">
        <v>52.343879970574001</v>
      </c>
      <c r="J12140" t="s">
        <v>67825</v>
      </c>
    </row>
    <row r="12141" spans="1:10" x14ac:dyDescent="0.25">
      <c r="A12141" t="s">
        <v>10004</v>
      </c>
      <c r="B12141" t="s">
        <v>10005</v>
      </c>
      <c r="C12141" t="s">
        <v>10006</v>
      </c>
      <c r="D12141" t="s">
        <v>5113</v>
      </c>
      <c r="E12141" t="s">
        <v>13</v>
      </c>
      <c r="F12141">
        <v>1941</v>
      </c>
      <c r="G12141" t="s">
        <v>10007</v>
      </c>
      <c r="H12141">
        <v>5.9231446004819999</v>
      </c>
      <c r="I12141">
        <v>52.345994564963</v>
      </c>
      <c r="J12141" t="s">
        <v>67826</v>
      </c>
    </row>
    <row r="12142" spans="1:10" x14ac:dyDescent="0.25">
      <c r="A12142" t="s">
        <v>10000</v>
      </c>
      <c r="B12142" t="s">
        <v>10001</v>
      </c>
      <c r="C12142" t="s">
        <v>10002</v>
      </c>
      <c r="D12142" t="s">
        <v>5113</v>
      </c>
      <c r="E12142" t="s">
        <v>13</v>
      </c>
      <c r="F12142">
        <v>1940</v>
      </c>
      <c r="G12142" t="s">
        <v>10003</v>
      </c>
      <c r="H12142">
        <v>5.945457498783</v>
      </c>
      <c r="I12142">
        <v>52.37270662537</v>
      </c>
      <c r="J12142" t="s">
        <v>67827</v>
      </c>
    </row>
    <row r="12143" spans="1:10" x14ac:dyDescent="0.25">
      <c r="A12143" t="s">
        <v>9996</v>
      </c>
      <c r="B12143" t="s">
        <v>9997</v>
      </c>
      <c r="C12143" t="s">
        <v>9998</v>
      </c>
      <c r="D12143" t="s">
        <v>5113</v>
      </c>
      <c r="E12143" t="s">
        <v>13</v>
      </c>
      <c r="F12143">
        <v>1939</v>
      </c>
      <c r="G12143" t="s">
        <v>9999</v>
      </c>
      <c r="H12143">
        <v>5.9774264541789996</v>
      </c>
      <c r="I12143">
        <v>52.340266331781002</v>
      </c>
      <c r="J12143" t="s">
        <v>67828</v>
      </c>
    </row>
    <row r="12144" spans="1:10" x14ac:dyDescent="0.25">
      <c r="A12144" t="s">
        <v>9992</v>
      </c>
      <c r="B12144" t="s">
        <v>9993</v>
      </c>
      <c r="C12144" t="s">
        <v>9994</v>
      </c>
      <c r="D12144" t="s">
        <v>5113</v>
      </c>
      <c r="E12144" t="s">
        <v>13</v>
      </c>
      <c r="F12144">
        <v>1938</v>
      </c>
      <c r="G12144" t="s">
        <v>9995</v>
      </c>
      <c r="H12144">
        <v>5.9878435756349999</v>
      </c>
      <c r="I12144">
        <v>52.340208515154998</v>
      </c>
      <c r="J12144" t="s">
        <v>67829</v>
      </c>
    </row>
    <row r="12145" spans="1:10" x14ac:dyDescent="0.25">
      <c r="A12145" t="s">
        <v>9988</v>
      </c>
      <c r="B12145" t="s">
        <v>9989</v>
      </c>
      <c r="C12145" t="s">
        <v>9990</v>
      </c>
      <c r="D12145" t="s">
        <v>5113</v>
      </c>
      <c r="E12145" t="s">
        <v>13</v>
      </c>
      <c r="F12145">
        <v>1937</v>
      </c>
      <c r="G12145" t="s">
        <v>9991</v>
      </c>
      <c r="H12145">
        <v>5.9961241892189996</v>
      </c>
      <c r="I12145">
        <v>52.345677480767002</v>
      </c>
      <c r="J12145" t="s">
        <v>67830</v>
      </c>
    </row>
    <row r="12146" spans="1:10" x14ac:dyDescent="0.25">
      <c r="A12146" t="s">
        <v>9984</v>
      </c>
      <c r="B12146" t="s">
        <v>9985</v>
      </c>
      <c r="C12146" t="s">
        <v>9986</v>
      </c>
      <c r="D12146" t="s">
        <v>5113</v>
      </c>
      <c r="E12146" t="s">
        <v>13</v>
      </c>
      <c r="F12146">
        <v>1936</v>
      </c>
      <c r="G12146" t="s">
        <v>9987</v>
      </c>
      <c r="H12146">
        <v>5.986888985047</v>
      </c>
      <c r="I12146">
        <v>52.344732650833002</v>
      </c>
      <c r="J12146" t="s">
        <v>67831</v>
      </c>
    </row>
    <row r="12147" spans="1:10" x14ac:dyDescent="0.25">
      <c r="A12147" t="s">
        <v>9980</v>
      </c>
      <c r="B12147" t="s">
        <v>9981</v>
      </c>
      <c r="C12147" t="s">
        <v>9982</v>
      </c>
      <c r="D12147" t="s">
        <v>5113</v>
      </c>
      <c r="E12147" t="s">
        <v>13</v>
      </c>
      <c r="F12147">
        <v>1935</v>
      </c>
      <c r="G12147" t="s">
        <v>9983</v>
      </c>
      <c r="H12147">
        <v>5.9768042865239996</v>
      </c>
      <c r="I12147">
        <v>52.343651945125004</v>
      </c>
      <c r="J12147" t="s">
        <v>67832</v>
      </c>
    </row>
    <row r="12148" spans="1:10" x14ac:dyDescent="0.25">
      <c r="A12148" t="s">
        <v>5127</v>
      </c>
      <c r="B12148" t="s">
        <v>5128</v>
      </c>
      <c r="C12148" t="s">
        <v>5129</v>
      </c>
      <c r="D12148" t="s">
        <v>5113</v>
      </c>
      <c r="E12148" t="s">
        <v>13</v>
      </c>
      <c r="F12148">
        <v>1934</v>
      </c>
      <c r="G12148" t="s">
        <v>5130</v>
      </c>
      <c r="H12148">
        <v>5.9693210291980003</v>
      </c>
      <c r="I12148">
        <v>52.346573831143999</v>
      </c>
      <c r="J12148" t="s">
        <v>67833</v>
      </c>
    </row>
    <row r="12149" spans="1:10" x14ac:dyDescent="0.25">
      <c r="A12149" t="s">
        <v>5123</v>
      </c>
      <c r="B12149" t="s">
        <v>5124</v>
      </c>
      <c r="C12149" t="s">
        <v>5125</v>
      </c>
      <c r="D12149" t="s">
        <v>5113</v>
      </c>
      <c r="E12149" t="s">
        <v>13</v>
      </c>
      <c r="F12149">
        <v>1933</v>
      </c>
      <c r="G12149" t="s">
        <v>5126</v>
      </c>
      <c r="H12149">
        <v>5.9808421430990002</v>
      </c>
      <c r="I12149">
        <v>52.363212883292</v>
      </c>
      <c r="J12149" t="s">
        <v>67834</v>
      </c>
    </row>
    <row r="12150" spans="1:10" x14ac:dyDescent="0.25">
      <c r="A12150" t="s">
        <v>5119</v>
      </c>
      <c r="B12150" t="s">
        <v>5120</v>
      </c>
      <c r="C12150" t="s">
        <v>5121</v>
      </c>
      <c r="D12150" t="s">
        <v>5113</v>
      </c>
      <c r="E12150" t="s">
        <v>13</v>
      </c>
      <c r="F12150">
        <v>1932</v>
      </c>
      <c r="G12150" t="s">
        <v>5122</v>
      </c>
      <c r="H12150">
        <v>5.9739626644239996</v>
      </c>
      <c r="I12150">
        <v>52.352305482344001</v>
      </c>
      <c r="J12150" t="s">
        <v>67835</v>
      </c>
    </row>
    <row r="12151" spans="1:10" x14ac:dyDescent="0.25">
      <c r="A12151" t="s">
        <v>5115</v>
      </c>
      <c r="B12151" t="s">
        <v>5116</v>
      </c>
      <c r="C12151" t="s">
        <v>5117</v>
      </c>
      <c r="D12151" t="s">
        <v>5113</v>
      </c>
      <c r="E12151" t="s">
        <v>13</v>
      </c>
      <c r="F12151">
        <v>1931</v>
      </c>
      <c r="G12151" t="s">
        <v>5118</v>
      </c>
      <c r="H12151">
        <v>5.9823287066509998</v>
      </c>
      <c r="I12151">
        <v>52.357018483928996</v>
      </c>
      <c r="J12151" t="s">
        <v>67836</v>
      </c>
    </row>
    <row r="12152" spans="1:10" x14ac:dyDescent="0.25">
      <c r="A12152" t="s">
        <v>5110</v>
      </c>
      <c r="B12152" t="s">
        <v>5111</v>
      </c>
      <c r="C12152" t="s">
        <v>5112</v>
      </c>
      <c r="D12152" t="s">
        <v>5113</v>
      </c>
      <c r="E12152" t="s">
        <v>13</v>
      </c>
      <c r="F12152">
        <v>1930</v>
      </c>
      <c r="G12152" t="s">
        <v>5114</v>
      </c>
      <c r="H12152">
        <v>5.984288541023</v>
      </c>
      <c r="I12152">
        <v>52.349166419584002</v>
      </c>
      <c r="J12152" t="s">
        <v>67837</v>
      </c>
    </row>
    <row r="12153" spans="1:10" x14ac:dyDescent="0.25">
      <c r="A12153" t="s">
        <v>5106</v>
      </c>
      <c r="B12153" t="s">
        <v>5107</v>
      </c>
      <c r="C12153" t="s">
        <v>5108</v>
      </c>
      <c r="D12153" t="s">
        <v>5044</v>
      </c>
      <c r="E12153" t="s">
        <v>13</v>
      </c>
      <c r="F12153">
        <v>1929</v>
      </c>
      <c r="G12153" t="s">
        <v>5109</v>
      </c>
      <c r="H12153">
        <v>5.8352062056590004</v>
      </c>
      <c r="I12153">
        <v>52.404258840796999</v>
      </c>
      <c r="J12153" t="s">
        <v>67838</v>
      </c>
    </row>
    <row r="12154" spans="1:10" x14ac:dyDescent="0.25">
      <c r="A12154" t="s">
        <v>5102</v>
      </c>
      <c r="B12154" t="s">
        <v>5103</v>
      </c>
      <c r="C12154" t="s">
        <v>5104</v>
      </c>
      <c r="D12154" t="s">
        <v>5044</v>
      </c>
      <c r="E12154" t="s">
        <v>13</v>
      </c>
      <c r="F12154">
        <v>1928</v>
      </c>
      <c r="G12154" t="s">
        <v>5105</v>
      </c>
      <c r="H12154">
        <v>5.7913499112049998</v>
      </c>
      <c r="I12154">
        <v>52.413123970576997</v>
      </c>
      <c r="J12154" t="s">
        <v>67839</v>
      </c>
    </row>
    <row r="12155" spans="1:10" x14ac:dyDescent="0.25">
      <c r="A12155" t="s">
        <v>5098</v>
      </c>
      <c r="B12155" t="s">
        <v>5099</v>
      </c>
      <c r="C12155" t="s">
        <v>5100</v>
      </c>
      <c r="D12155" t="s">
        <v>5044</v>
      </c>
      <c r="E12155" t="s">
        <v>13</v>
      </c>
      <c r="F12155">
        <v>1927</v>
      </c>
      <c r="G12155" t="s">
        <v>5101</v>
      </c>
      <c r="H12155">
        <v>5.8349477201940001</v>
      </c>
      <c r="I12155">
        <v>52.428047421949998</v>
      </c>
      <c r="J12155" t="s">
        <v>67840</v>
      </c>
    </row>
    <row r="12156" spans="1:10" x14ac:dyDescent="0.25">
      <c r="A12156" t="s">
        <v>5094</v>
      </c>
      <c r="B12156" t="s">
        <v>5095</v>
      </c>
      <c r="C12156" t="s">
        <v>5096</v>
      </c>
      <c r="D12156" t="s">
        <v>5044</v>
      </c>
      <c r="E12156" t="s">
        <v>13</v>
      </c>
      <c r="F12156">
        <v>1926</v>
      </c>
      <c r="G12156" t="s">
        <v>5097</v>
      </c>
      <c r="H12156">
        <v>5.8142226958599998</v>
      </c>
      <c r="I12156">
        <v>52.414717899129002</v>
      </c>
      <c r="J12156" t="s">
        <v>67841</v>
      </c>
    </row>
    <row r="12157" spans="1:10" x14ac:dyDescent="0.25">
      <c r="A12157" t="s">
        <v>5090</v>
      </c>
      <c r="B12157" t="s">
        <v>5091</v>
      </c>
      <c r="C12157" t="s">
        <v>5092</v>
      </c>
      <c r="D12157" t="s">
        <v>5044</v>
      </c>
      <c r="E12157" t="s">
        <v>13</v>
      </c>
      <c r="F12157">
        <v>1925</v>
      </c>
      <c r="G12157" t="s">
        <v>5093</v>
      </c>
      <c r="H12157">
        <v>5.8797258644630004</v>
      </c>
      <c r="I12157">
        <v>52.388041155331997</v>
      </c>
      <c r="J12157" t="s">
        <v>67842</v>
      </c>
    </row>
    <row r="12158" spans="1:10" x14ac:dyDescent="0.25">
      <c r="A12158" t="s">
        <v>5086</v>
      </c>
      <c r="B12158" t="s">
        <v>5087</v>
      </c>
      <c r="C12158" t="s">
        <v>5088</v>
      </c>
      <c r="D12158" t="s">
        <v>5044</v>
      </c>
      <c r="E12158" t="s">
        <v>13</v>
      </c>
      <c r="F12158">
        <v>1924</v>
      </c>
      <c r="G12158" t="s">
        <v>5089</v>
      </c>
      <c r="H12158">
        <v>5.8654739762229999</v>
      </c>
      <c r="I12158">
        <v>52.423903572009998</v>
      </c>
      <c r="J12158" t="s">
        <v>67843</v>
      </c>
    </row>
    <row r="12159" spans="1:10" x14ac:dyDescent="0.25">
      <c r="A12159" t="s">
        <v>5082</v>
      </c>
      <c r="B12159" t="s">
        <v>5083</v>
      </c>
      <c r="C12159" t="s">
        <v>5084</v>
      </c>
      <c r="D12159" t="s">
        <v>5044</v>
      </c>
      <c r="E12159" t="s">
        <v>13</v>
      </c>
      <c r="F12159">
        <v>1923</v>
      </c>
      <c r="G12159" t="s">
        <v>5085</v>
      </c>
      <c r="H12159">
        <v>5.8877222055700003</v>
      </c>
      <c r="I12159">
        <v>52.415981261368003</v>
      </c>
      <c r="J12159" t="s">
        <v>67844</v>
      </c>
    </row>
    <row r="12160" spans="1:10" x14ac:dyDescent="0.25">
      <c r="A12160" t="s">
        <v>5078</v>
      </c>
      <c r="B12160" t="s">
        <v>5079</v>
      </c>
      <c r="C12160" t="s">
        <v>5080</v>
      </c>
      <c r="D12160" t="s">
        <v>5044</v>
      </c>
      <c r="E12160" t="s">
        <v>13</v>
      </c>
      <c r="F12160">
        <v>1922</v>
      </c>
      <c r="G12160" t="s">
        <v>5081</v>
      </c>
      <c r="H12160">
        <v>5.8766332173700002</v>
      </c>
      <c r="I12160">
        <v>52.411467174155</v>
      </c>
      <c r="J12160" t="s">
        <v>67845</v>
      </c>
    </row>
    <row r="12161" spans="1:10" x14ac:dyDescent="0.25">
      <c r="A12161" t="s">
        <v>5074</v>
      </c>
      <c r="B12161" t="s">
        <v>5075</v>
      </c>
      <c r="C12161" t="s">
        <v>5076</v>
      </c>
      <c r="D12161" t="s">
        <v>5044</v>
      </c>
      <c r="E12161" t="s">
        <v>13</v>
      </c>
      <c r="F12161">
        <v>1921</v>
      </c>
      <c r="G12161" t="s">
        <v>5077</v>
      </c>
      <c r="H12161">
        <v>5.8832285102929998</v>
      </c>
      <c r="I12161">
        <v>52.413032895531998</v>
      </c>
      <c r="J12161" t="s">
        <v>67846</v>
      </c>
    </row>
    <row r="12162" spans="1:10" x14ac:dyDescent="0.25">
      <c r="A12162" t="s">
        <v>5070</v>
      </c>
      <c r="B12162" t="s">
        <v>5071</v>
      </c>
      <c r="C12162" t="s">
        <v>5072</v>
      </c>
      <c r="D12162" t="s">
        <v>5044</v>
      </c>
      <c r="E12162" t="s">
        <v>13</v>
      </c>
      <c r="F12162">
        <v>1920</v>
      </c>
      <c r="G12162" t="s">
        <v>5073</v>
      </c>
      <c r="H12162">
        <v>5.8531330464350004</v>
      </c>
      <c r="I12162">
        <v>52.458071979783</v>
      </c>
      <c r="J12162" t="s">
        <v>67847</v>
      </c>
    </row>
    <row r="12163" spans="1:10" x14ac:dyDescent="0.25">
      <c r="A12163" t="s">
        <v>5066</v>
      </c>
      <c r="B12163" t="s">
        <v>5067</v>
      </c>
      <c r="C12163" t="s">
        <v>5068</v>
      </c>
      <c r="D12163" t="s">
        <v>5044</v>
      </c>
      <c r="E12163" t="s">
        <v>13</v>
      </c>
      <c r="F12163">
        <v>1919</v>
      </c>
      <c r="G12163" t="s">
        <v>5069</v>
      </c>
      <c r="H12163">
        <v>5.8390455227410003</v>
      </c>
      <c r="I12163">
        <v>52.436339031544001</v>
      </c>
      <c r="J12163" t="s">
        <v>67848</v>
      </c>
    </row>
    <row r="12164" spans="1:10" x14ac:dyDescent="0.25">
      <c r="A12164" t="s">
        <v>5062</v>
      </c>
      <c r="B12164" t="s">
        <v>5063</v>
      </c>
      <c r="C12164" t="s">
        <v>5064</v>
      </c>
      <c r="D12164" t="s">
        <v>5044</v>
      </c>
      <c r="E12164" t="s">
        <v>13</v>
      </c>
      <c r="F12164">
        <v>1918</v>
      </c>
      <c r="G12164" t="s">
        <v>5065</v>
      </c>
      <c r="H12164">
        <v>5.861696537986</v>
      </c>
      <c r="I12164">
        <v>52.450668185124002</v>
      </c>
      <c r="J12164" t="s">
        <v>67849</v>
      </c>
    </row>
    <row r="12165" spans="1:10" x14ac:dyDescent="0.25">
      <c r="A12165" t="s">
        <v>5058</v>
      </c>
      <c r="B12165" t="s">
        <v>5059</v>
      </c>
      <c r="C12165" t="s">
        <v>5060</v>
      </c>
      <c r="D12165" t="s">
        <v>5044</v>
      </c>
      <c r="E12165" t="s">
        <v>13</v>
      </c>
      <c r="F12165">
        <v>1917</v>
      </c>
      <c r="G12165" t="s">
        <v>5061</v>
      </c>
      <c r="H12165">
        <v>5.8568321716609999</v>
      </c>
      <c r="I12165">
        <v>52.444156028039998</v>
      </c>
      <c r="J12165" t="s">
        <v>67850</v>
      </c>
    </row>
    <row r="12166" spans="1:10" x14ac:dyDescent="0.25">
      <c r="A12166" t="s">
        <v>5054</v>
      </c>
      <c r="B12166" t="s">
        <v>5055</v>
      </c>
      <c r="C12166" t="s">
        <v>5056</v>
      </c>
      <c r="D12166" t="s">
        <v>5044</v>
      </c>
      <c r="E12166" t="s">
        <v>13</v>
      </c>
      <c r="F12166">
        <v>1916</v>
      </c>
      <c r="G12166" t="s">
        <v>5057</v>
      </c>
      <c r="H12166">
        <v>5.8551274206809998</v>
      </c>
      <c r="I12166">
        <v>52.452278925290003</v>
      </c>
      <c r="J12166" t="s">
        <v>67851</v>
      </c>
    </row>
    <row r="12167" spans="1:10" x14ac:dyDescent="0.25">
      <c r="A12167" t="s">
        <v>5050</v>
      </c>
      <c r="B12167" t="s">
        <v>5051</v>
      </c>
      <c r="C12167" t="s">
        <v>5052</v>
      </c>
      <c r="D12167" t="s">
        <v>5044</v>
      </c>
      <c r="E12167" t="s">
        <v>13</v>
      </c>
      <c r="F12167">
        <v>1915</v>
      </c>
      <c r="G12167" t="s">
        <v>5053</v>
      </c>
      <c r="H12167">
        <v>5.8437262674639996</v>
      </c>
      <c r="I12167">
        <v>52.448117644832998</v>
      </c>
      <c r="J12167" t="s">
        <v>67852</v>
      </c>
    </row>
    <row r="12168" spans="1:10" x14ac:dyDescent="0.25">
      <c r="A12168" t="s">
        <v>5046</v>
      </c>
      <c r="B12168" t="s">
        <v>5047</v>
      </c>
      <c r="C12168" t="s">
        <v>5048</v>
      </c>
      <c r="D12168" t="s">
        <v>5044</v>
      </c>
      <c r="E12168" t="s">
        <v>13</v>
      </c>
      <c r="F12168">
        <v>1914</v>
      </c>
      <c r="G12168" t="s">
        <v>5049</v>
      </c>
      <c r="H12168">
        <v>5.8268863350559998</v>
      </c>
      <c r="I12168">
        <v>52.450340822819001</v>
      </c>
      <c r="J12168" t="s">
        <v>67853</v>
      </c>
    </row>
    <row r="12169" spans="1:10" x14ac:dyDescent="0.25">
      <c r="A12169" t="s">
        <v>5041</v>
      </c>
      <c r="B12169" t="s">
        <v>5042</v>
      </c>
      <c r="C12169" t="s">
        <v>5043</v>
      </c>
      <c r="D12169" t="s">
        <v>5044</v>
      </c>
      <c r="E12169" t="s">
        <v>13</v>
      </c>
      <c r="F12169">
        <v>1913</v>
      </c>
      <c r="G12169" t="s">
        <v>5045</v>
      </c>
      <c r="H12169">
        <v>5.8339458275410001</v>
      </c>
      <c r="I12169">
        <v>52.448506394729002</v>
      </c>
      <c r="J12169" t="s">
        <v>67854</v>
      </c>
    </row>
    <row r="12170" spans="1:10" x14ac:dyDescent="0.25">
      <c r="A12170" t="s">
        <v>5037</v>
      </c>
      <c r="B12170" t="s">
        <v>5038</v>
      </c>
      <c r="C12170" t="s">
        <v>5039</v>
      </c>
      <c r="D12170" t="s">
        <v>4765</v>
      </c>
      <c r="E12170" t="s">
        <v>13</v>
      </c>
      <c r="F12170">
        <v>1912</v>
      </c>
      <c r="G12170" t="s">
        <v>5040</v>
      </c>
      <c r="H12170">
        <v>5.8930973785810004</v>
      </c>
      <c r="I12170">
        <v>52.078018311812002</v>
      </c>
      <c r="J12170" t="s">
        <v>67855</v>
      </c>
    </row>
    <row r="12171" spans="1:10" x14ac:dyDescent="0.25">
      <c r="A12171" t="s">
        <v>5033</v>
      </c>
      <c r="B12171" t="s">
        <v>5034</v>
      </c>
      <c r="C12171" t="s">
        <v>5035</v>
      </c>
      <c r="D12171" t="s">
        <v>4765</v>
      </c>
      <c r="E12171" t="s">
        <v>13</v>
      </c>
      <c r="F12171">
        <v>1911</v>
      </c>
      <c r="G12171" t="s">
        <v>5036</v>
      </c>
      <c r="H12171">
        <v>5.8567631046260002</v>
      </c>
      <c r="I12171">
        <v>52.112759132325003</v>
      </c>
      <c r="J12171" t="s">
        <v>67856</v>
      </c>
    </row>
    <row r="12172" spans="1:10" x14ac:dyDescent="0.25">
      <c r="A12172" t="s">
        <v>5029</v>
      </c>
      <c r="B12172" t="s">
        <v>5030</v>
      </c>
      <c r="C12172" t="s">
        <v>5031</v>
      </c>
      <c r="D12172" t="s">
        <v>4765</v>
      </c>
      <c r="E12172" t="s">
        <v>13</v>
      </c>
      <c r="F12172">
        <v>1910</v>
      </c>
      <c r="G12172" t="s">
        <v>5032</v>
      </c>
      <c r="H12172">
        <v>5.7989899134709999</v>
      </c>
      <c r="I12172">
        <v>52.076313050770999</v>
      </c>
      <c r="J12172" t="s">
        <v>67857</v>
      </c>
    </row>
    <row r="12173" spans="1:10" x14ac:dyDescent="0.25">
      <c r="A12173" t="s">
        <v>5025</v>
      </c>
      <c r="B12173" t="s">
        <v>5026</v>
      </c>
      <c r="C12173" t="s">
        <v>5027</v>
      </c>
      <c r="D12173" t="s">
        <v>4765</v>
      </c>
      <c r="E12173" t="s">
        <v>13</v>
      </c>
      <c r="F12173">
        <v>1909</v>
      </c>
      <c r="G12173" t="s">
        <v>5028</v>
      </c>
      <c r="H12173">
        <v>5.7518432992589998</v>
      </c>
      <c r="I12173">
        <v>52.103418458291998</v>
      </c>
      <c r="J12173" t="s">
        <v>67858</v>
      </c>
    </row>
    <row r="12174" spans="1:10" x14ac:dyDescent="0.25">
      <c r="A12174" t="s">
        <v>5021</v>
      </c>
      <c r="B12174" t="s">
        <v>5022</v>
      </c>
      <c r="C12174" t="s">
        <v>5023</v>
      </c>
      <c r="D12174" t="s">
        <v>4765</v>
      </c>
      <c r="E12174" t="s">
        <v>13</v>
      </c>
      <c r="F12174">
        <v>1908</v>
      </c>
      <c r="G12174" t="s">
        <v>5024</v>
      </c>
      <c r="H12174">
        <v>5.7758355902409999</v>
      </c>
      <c r="I12174">
        <v>52.096637809032003</v>
      </c>
      <c r="J12174" t="s">
        <v>67859</v>
      </c>
    </row>
    <row r="12175" spans="1:10" x14ac:dyDescent="0.25">
      <c r="A12175" t="s">
        <v>5017</v>
      </c>
      <c r="B12175" t="s">
        <v>5018</v>
      </c>
      <c r="C12175" t="s">
        <v>5019</v>
      </c>
      <c r="D12175" t="s">
        <v>4765</v>
      </c>
      <c r="E12175" t="s">
        <v>13</v>
      </c>
      <c r="F12175">
        <v>1907</v>
      </c>
      <c r="G12175" t="s">
        <v>5020</v>
      </c>
      <c r="H12175">
        <v>5.7016674486180001</v>
      </c>
      <c r="I12175">
        <v>52.097047811621998</v>
      </c>
      <c r="J12175" t="s">
        <v>67860</v>
      </c>
    </row>
    <row r="12176" spans="1:10" x14ac:dyDescent="0.25">
      <c r="A12176" t="s">
        <v>5013</v>
      </c>
      <c r="B12176" t="s">
        <v>5014</v>
      </c>
      <c r="C12176" t="s">
        <v>5015</v>
      </c>
      <c r="D12176" t="s">
        <v>4765</v>
      </c>
      <c r="E12176" t="s">
        <v>13</v>
      </c>
      <c r="F12176">
        <v>1906</v>
      </c>
      <c r="G12176" t="s">
        <v>5016</v>
      </c>
      <c r="H12176">
        <v>5.7099735063260004</v>
      </c>
      <c r="I12176">
        <v>52.110030673075002</v>
      </c>
      <c r="J12176" t="s">
        <v>67861</v>
      </c>
    </row>
    <row r="12177" spans="1:10" x14ac:dyDescent="0.25">
      <c r="A12177" t="s">
        <v>5009</v>
      </c>
      <c r="B12177" t="s">
        <v>5010</v>
      </c>
      <c r="C12177" t="s">
        <v>5011</v>
      </c>
      <c r="D12177" t="s">
        <v>4765</v>
      </c>
      <c r="E12177" t="s">
        <v>13</v>
      </c>
      <c r="F12177">
        <v>1905</v>
      </c>
      <c r="G12177" t="s">
        <v>5012</v>
      </c>
      <c r="H12177">
        <v>5.7153386537089998</v>
      </c>
      <c r="I12177">
        <v>52.113568278579002</v>
      </c>
      <c r="J12177" t="s">
        <v>67862</v>
      </c>
    </row>
    <row r="12178" spans="1:10" x14ac:dyDescent="0.25">
      <c r="A12178" t="s">
        <v>5005</v>
      </c>
      <c r="B12178" t="s">
        <v>5006</v>
      </c>
      <c r="C12178" t="s">
        <v>5007</v>
      </c>
      <c r="D12178" t="s">
        <v>4765</v>
      </c>
      <c r="E12178" t="s">
        <v>13</v>
      </c>
      <c r="F12178">
        <v>1904</v>
      </c>
      <c r="G12178" t="s">
        <v>5008</v>
      </c>
      <c r="H12178">
        <v>5.8056708614710004</v>
      </c>
      <c r="I12178">
        <v>52.136992276534002</v>
      </c>
      <c r="J12178" t="s">
        <v>67863</v>
      </c>
    </row>
    <row r="12179" spans="1:10" x14ac:dyDescent="0.25">
      <c r="A12179" t="s">
        <v>5001</v>
      </c>
      <c r="B12179" t="s">
        <v>5002</v>
      </c>
      <c r="C12179" t="s">
        <v>5003</v>
      </c>
      <c r="D12179" t="s">
        <v>4765</v>
      </c>
      <c r="E12179" t="s">
        <v>13</v>
      </c>
      <c r="F12179">
        <v>1903</v>
      </c>
      <c r="G12179" t="s">
        <v>5004</v>
      </c>
      <c r="H12179">
        <v>5.7287096404330002</v>
      </c>
      <c r="I12179">
        <v>52.128362928880001</v>
      </c>
      <c r="J12179" t="s">
        <v>67864</v>
      </c>
    </row>
    <row r="12180" spans="1:10" x14ac:dyDescent="0.25">
      <c r="A12180" t="s">
        <v>4997</v>
      </c>
      <c r="B12180" t="s">
        <v>4998</v>
      </c>
      <c r="C12180" t="s">
        <v>4999</v>
      </c>
      <c r="D12180" t="s">
        <v>4765</v>
      </c>
      <c r="E12180" t="s">
        <v>13</v>
      </c>
      <c r="F12180">
        <v>1902</v>
      </c>
      <c r="G12180" t="s">
        <v>5000</v>
      </c>
      <c r="H12180">
        <v>5.7592676707640003</v>
      </c>
      <c r="I12180">
        <v>52.124668199810998</v>
      </c>
      <c r="J12180" t="s">
        <v>67865</v>
      </c>
    </row>
    <row r="12181" spans="1:10" x14ac:dyDescent="0.25">
      <c r="A12181" t="s">
        <v>4993</v>
      </c>
      <c r="B12181" t="s">
        <v>4994</v>
      </c>
      <c r="C12181" t="s">
        <v>4995</v>
      </c>
      <c r="D12181" t="s">
        <v>4765</v>
      </c>
      <c r="E12181" t="s">
        <v>13</v>
      </c>
      <c r="F12181">
        <v>1901</v>
      </c>
      <c r="G12181" t="s">
        <v>4996</v>
      </c>
      <c r="H12181">
        <v>5.756397181114</v>
      </c>
      <c r="I12181">
        <v>52.133898971298997</v>
      </c>
      <c r="J12181" t="s">
        <v>67866</v>
      </c>
    </row>
    <row r="12182" spans="1:10" x14ac:dyDescent="0.25">
      <c r="A12182" t="s">
        <v>4989</v>
      </c>
      <c r="B12182" t="s">
        <v>4990</v>
      </c>
      <c r="C12182" t="s">
        <v>4991</v>
      </c>
      <c r="D12182" t="s">
        <v>4765</v>
      </c>
      <c r="E12182" t="s">
        <v>13</v>
      </c>
      <c r="F12182">
        <v>1900</v>
      </c>
      <c r="G12182" t="s">
        <v>4992</v>
      </c>
      <c r="H12182">
        <v>5.5865137025360001</v>
      </c>
      <c r="I12182">
        <v>52.041489716304</v>
      </c>
      <c r="J12182" t="s">
        <v>67867</v>
      </c>
    </row>
    <row r="12183" spans="1:10" x14ac:dyDescent="0.25">
      <c r="A12183" t="s">
        <v>4985</v>
      </c>
      <c r="B12183" t="s">
        <v>4986</v>
      </c>
      <c r="C12183" t="s">
        <v>4987</v>
      </c>
      <c r="D12183" t="s">
        <v>4765</v>
      </c>
      <c r="E12183" t="s">
        <v>13</v>
      </c>
      <c r="F12183">
        <v>1899</v>
      </c>
      <c r="G12183" t="s">
        <v>4988</v>
      </c>
      <c r="H12183">
        <v>5.5730938729609996</v>
      </c>
      <c r="I12183">
        <v>52.045563385793997</v>
      </c>
      <c r="J12183" t="s">
        <v>67868</v>
      </c>
    </row>
    <row r="12184" spans="1:10" x14ac:dyDescent="0.25">
      <c r="A12184" t="s">
        <v>4981</v>
      </c>
      <c r="B12184" t="s">
        <v>4982</v>
      </c>
      <c r="C12184" t="s">
        <v>4983</v>
      </c>
      <c r="D12184" t="s">
        <v>4765</v>
      </c>
      <c r="E12184" t="s">
        <v>13</v>
      </c>
      <c r="F12184">
        <v>1898</v>
      </c>
      <c r="G12184" t="s">
        <v>4984</v>
      </c>
      <c r="H12184">
        <v>5.584325762582</v>
      </c>
      <c r="I12184">
        <v>52.058258132155999</v>
      </c>
      <c r="J12184" t="s">
        <v>67869</v>
      </c>
    </row>
    <row r="12185" spans="1:10" x14ac:dyDescent="0.25">
      <c r="A12185" t="s">
        <v>4977</v>
      </c>
      <c r="B12185" t="s">
        <v>4978</v>
      </c>
      <c r="C12185" t="s">
        <v>4979</v>
      </c>
      <c r="D12185" t="s">
        <v>4765</v>
      </c>
      <c r="E12185" t="s">
        <v>13</v>
      </c>
      <c r="F12185">
        <v>1897</v>
      </c>
      <c r="G12185" t="s">
        <v>4980</v>
      </c>
      <c r="H12185">
        <v>5.5773990244559997</v>
      </c>
      <c r="I12185">
        <v>52.063054944641003</v>
      </c>
      <c r="J12185" t="s">
        <v>67870</v>
      </c>
    </row>
    <row r="12186" spans="1:10" x14ac:dyDescent="0.25">
      <c r="A12186" t="s">
        <v>4973</v>
      </c>
      <c r="B12186" t="s">
        <v>4974</v>
      </c>
      <c r="C12186" t="s">
        <v>4975</v>
      </c>
      <c r="D12186" t="s">
        <v>4765</v>
      </c>
      <c r="E12186" t="s">
        <v>13</v>
      </c>
      <c r="F12186">
        <v>1896</v>
      </c>
      <c r="G12186" t="s">
        <v>4976</v>
      </c>
      <c r="H12186">
        <v>5.6545155802740004</v>
      </c>
      <c r="I12186">
        <v>52.092317672634998</v>
      </c>
      <c r="J12186" t="s">
        <v>67871</v>
      </c>
    </row>
    <row r="12187" spans="1:10" x14ac:dyDescent="0.25">
      <c r="A12187" t="s">
        <v>4969</v>
      </c>
      <c r="B12187" t="s">
        <v>4970</v>
      </c>
      <c r="C12187" t="s">
        <v>4971</v>
      </c>
      <c r="D12187" t="s">
        <v>4765</v>
      </c>
      <c r="E12187" t="s">
        <v>13</v>
      </c>
      <c r="F12187">
        <v>1895</v>
      </c>
      <c r="G12187" t="s">
        <v>4972</v>
      </c>
      <c r="H12187">
        <v>5.6528758714640004</v>
      </c>
      <c r="I12187">
        <v>52.119088636903001</v>
      </c>
      <c r="J12187" t="s">
        <v>67872</v>
      </c>
    </row>
    <row r="12188" spans="1:10" x14ac:dyDescent="0.25">
      <c r="A12188" t="s">
        <v>4965</v>
      </c>
      <c r="B12188" t="s">
        <v>4966</v>
      </c>
      <c r="C12188" t="s">
        <v>4967</v>
      </c>
      <c r="D12188" t="s">
        <v>4765</v>
      </c>
      <c r="E12188" t="s">
        <v>13</v>
      </c>
      <c r="F12188">
        <v>1894</v>
      </c>
      <c r="G12188" t="s">
        <v>4968</v>
      </c>
      <c r="H12188">
        <v>5.6159170132209999</v>
      </c>
      <c r="I12188">
        <v>52.090499157837002</v>
      </c>
      <c r="J12188" t="s">
        <v>67873</v>
      </c>
    </row>
    <row r="12189" spans="1:10" x14ac:dyDescent="0.25">
      <c r="A12189" t="s">
        <v>4961</v>
      </c>
      <c r="B12189" t="s">
        <v>4962</v>
      </c>
      <c r="C12189" t="s">
        <v>4963</v>
      </c>
      <c r="D12189" t="s">
        <v>4765</v>
      </c>
      <c r="E12189" t="s">
        <v>13</v>
      </c>
      <c r="F12189">
        <v>1893</v>
      </c>
      <c r="G12189" t="s">
        <v>4964</v>
      </c>
      <c r="H12189">
        <v>5.5806390328479996</v>
      </c>
      <c r="I12189">
        <v>52.077398038936998</v>
      </c>
      <c r="J12189" t="s">
        <v>67874</v>
      </c>
    </row>
    <row r="12190" spans="1:10" x14ac:dyDescent="0.25">
      <c r="A12190" t="s">
        <v>4957</v>
      </c>
      <c r="B12190" t="s">
        <v>4958</v>
      </c>
      <c r="C12190" t="s">
        <v>4959</v>
      </c>
      <c r="D12190" t="s">
        <v>4765</v>
      </c>
      <c r="E12190" t="s">
        <v>13</v>
      </c>
      <c r="F12190">
        <v>1892</v>
      </c>
      <c r="G12190" t="s">
        <v>4960</v>
      </c>
      <c r="H12190">
        <v>5.5803876468490001</v>
      </c>
      <c r="I12190">
        <v>52.105446529727999</v>
      </c>
      <c r="J12190" t="s">
        <v>67875</v>
      </c>
    </row>
    <row r="12191" spans="1:10" x14ac:dyDescent="0.25">
      <c r="A12191" t="s">
        <v>4953</v>
      </c>
      <c r="B12191" t="s">
        <v>4954</v>
      </c>
      <c r="C12191" t="s">
        <v>4955</v>
      </c>
      <c r="D12191" t="s">
        <v>4765</v>
      </c>
      <c r="E12191" t="s">
        <v>13</v>
      </c>
      <c r="F12191">
        <v>1891</v>
      </c>
      <c r="G12191" t="s">
        <v>4956</v>
      </c>
      <c r="H12191">
        <v>5.627324917918</v>
      </c>
      <c r="I12191">
        <v>52.085845761484002</v>
      </c>
      <c r="J12191" t="s">
        <v>67876</v>
      </c>
    </row>
    <row r="12192" spans="1:10" x14ac:dyDescent="0.25">
      <c r="A12192" t="s">
        <v>4949</v>
      </c>
      <c r="B12192" t="s">
        <v>4950</v>
      </c>
      <c r="C12192" t="s">
        <v>4951</v>
      </c>
      <c r="D12192" t="s">
        <v>4765</v>
      </c>
      <c r="E12192" t="s">
        <v>13</v>
      </c>
      <c r="F12192">
        <v>1890</v>
      </c>
      <c r="G12192" t="s">
        <v>4952</v>
      </c>
      <c r="H12192">
        <v>5.616856636743</v>
      </c>
      <c r="I12192">
        <v>52.089131408878004</v>
      </c>
      <c r="J12192" t="s">
        <v>67877</v>
      </c>
    </row>
    <row r="12193" spans="1:10" x14ac:dyDescent="0.25">
      <c r="A12193" t="s">
        <v>4945</v>
      </c>
      <c r="B12193" t="s">
        <v>4946</v>
      </c>
      <c r="C12193" t="s">
        <v>4947</v>
      </c>
      <c r="D12193" t="s">
        <v>4765</v>
      </c>
      <c r="E12193" t="s">
        <v>13</v>
      </c>
      <c r="F12193">
        <v>1889</v>
      </c>
      <c r="G12193" t="s">
        <v>4948</v>
      </c>
      <c r="H12193">
        <v>5.6191299860450004</v>
      </c>
      <c r="I12193">
        <v>52.081524427212997</v>
      </c>
      <c r="J12193" t="s">
        <v>67878</v>
      </c>
    </row>
    <row r="12194" spans="1:10" x14ac:dyDescent="0.25">
      <c r="A12194" t="s">
        <v>4941</v>
      </c>
      <c r="B12194" t="s">
        <v>4942</v>
      </c>
      <c r="C12194" t="s">
        <v>4943</v>
      </c>
      <c r="D12194" t="s">
        <v>4765</v>
      </c>
      <c r="E12194" t="s">
        <v>13</v>
      </c>
      <c r="F12194">
        <v>1888</v>
      </c>
      <c r="G12194" t="s">
        <v>4944</v>
      </c>
      <c r="H12194">
        <v>5.7095216502769999</v>
      </c>
      <c r="I12194">
        <v>52.011861815179003</v>
      </c>
      <c r="J12194" t="s">
        <v>67879</v>
      </c>
    </row>
    <row r="12195" spans="1:10" x14ac:dyDescent="0.25">
      <c r="A12195" t="s">
        <v>4937</v>
      </c>
      <c r="B12195" t="s">
        <v>4938</v>
      </c>
      <c r="C12195" t="s">
        <v>4939</v>
      </c>
      <c r="D12195" t="s">
        <v>4765</v>
      </c>
      <c r="E12195" t="s">
        <v>13</v>
      </c>
      <c r="F12195">
        <v>1887</v>
      </c>
      <c r="G12195" t="s">
        <v>4940</v>
      </c>
      <c r="H12195">
        <v>5.6260242889779999</v>
      </c>
      <c r="I12195">
        <v>52.004588042579002</v>
      </c>
      <c r="J12195" t="s">
        <v>67880</v>
      </c>
    </row>
    <row r="12196" spans="1:10" x14ac:dyDescent="0.25">
      <c r="A12196" t="s">
        <v>4933</v>
      </c>
      <c r="B12196" t="s">
        <v>4934</v>
      </c>
      <c r="C12196" t="s">
        <v>4935</v>
      </c>
      <c r="D12196" t="s">
        <v>4765</v>
      </c>
      <c r="E12196" t="s">
        <v>13</v>
      </c>
      <c r="F12196">
        <v>1886</v>
      </c>
      <c r="G12196" t="s">
        <v>4936</v>
      </c>
      <c r="H12196">
        <v>5.6637878857260002</v>
      </c>
      <c r="I12196">
        <v>52.007592051231001</v>
      </c>
      <c r="J12196" t="s">
        <v>67881</v>
      </c>
    </row>
    <row r="12197" spans="1:10" x14ac:dyDescent="0.25">
      <c r="A12197" t="s">
        <v>4929</v>
      </c>
      <c r="B12197" t="s">
        <v>4930</v>
      </c>
      <c r="C12197" t="s">
        <v>4931</v>
      </c>
      <c r="D12197" t="s">
        <v>4765</v>
      </c>
      <c r="E12197" t="s">
        <v>13</v>
      </c>
      <c r="F12197">
        <v>1885</v>
      </c>
      <c r="G12197" t="s">
        <v>4932</v>
      </c>
      <c r="H12197">
        <v>5.6693843241890001</v>
      </c>
      <c r="I12197">
        <v>51.997218306923997</v>
      </c>
      <c r="J12197" t="s">
        <v>67882</v>
      </c>
    </row>
    <row r="12198" spans="1:10" x14ac:dyDescent="0.25">
      <c r="A12198" t="s">
        <v>4925</v>
      </c>
      <c r="B12198" t="s">
        <v>4926</v>
      </c>
      <c r="C12198" t="s">
        <v>4927</v>
      </c>
      <c r="D12198" t="s">
        <v>4765</v>
      </c>
      <c r="E12198" t="s">
        <v>13</v>
      </c>
      <c r="F12198">
        <v>1884</v>
      </c>
      <c r="G12198" t="s">
        <v>4928</v>
      </c>
      <c r="H12198">
        <v>5.6829723997229999</v>
      </c>
      <c r="I12198">
        <v>51.998128932428997</v>
      </c>
      <c r="J12198" t="s">
        <v>67883</v>
      </c>
    </row>
    <row r="12199" spans="1:10" x14ac:dyDescent="0.25">
      <c r="A12199" t="s">
        <v>4921</v>
      </c>
      <c r="B12199" t="s">
        <v>4922</v>
      </c>
      <c r="C12199" t="s">
        <v>4923</v>
      </c>
      <c r="D12199" t="s">
        <v>4765</v>
      </c>
      <c r="E12199" t="s">
        <v>13</v>
      </c>
      <c r="F12199">
        <v>1883</v>
      </c>
      <c r="G12199" t="s">
        <v>4924</v>
      </c>
      <c r="H12199">
        <v>5.6804373497610001</v>
      </c>
      <c r="I12199">
        <v>52.007574940723998</v>
      </c>
      <c r="J12199" t="s">
        <v>67884</v>
      </c>
    </row>
    <row r="12200" spans="1:10" x14ac:dyDescent="0.25">
      <c r="A12200" t="s">
        <v>4917</v>
      </c>
      <c r="B12200" t="s">
        <v>4918</v>
      </c>
      <c r="C12200" t="s">
        <v>4919</v>
      </c>
      <c r="D12200" t="s">
        <v>4765</v>
      </c>
      <c r="E12200" t="s">
        <v>13</v>
      </c>
      <c r="F12200">
        <v>1882</v>
      </c>
      <c r="G12200" t="s">
        <v>4920</v>
      </c>
      <c r="H12200">
        <v>5.7202672681319999</v>
      </c>
      <c r="I12200">
        <v>52.051490521002002</v>
      </c>
      <c r="J12200" t="s">
        <v>67885</v>
      </c>
    </row>
    <row r="12201" spans="1:10" x14ac:dyDescent="0.25">
      <c r="A12201" t="s">
        <v>4913</v>
      </c>
      <c r="B12201" t="s">
        <v>4914</v>
      </c>
      <c r="C12201" t="s">
        <v>4915</v>
      </c>
      <c r="D12201" t="s">
        <v>4765</v>
      </c>
      <c r="E12201" t="s">
        <v>13</v>
      </c>
      <c r="F12201">
        <v>1881</v>
      </c>
      <c r="G12201" t="s">
        <v>4916</v>
      </c>
      <c r="H12201">
        <v>5.6308113230770003</v>
      </c>
      <c r="I12201">
        <v>52.060415518196002</v>
      </c>
      <c r="J12201" t="s">
        <v>67886</v>
      </c>
    </row>
    <row r="12202" spans="1:10" x14ac:dyDescent="0.25">
      <c r="A12202" t="s">
        <v>4909</v>
      </c>
      <c r="B12202" t="s">
        <v>4910</v>
      </c>
      <c r="C12202" t="s">
        <v>4911</v>
      </c>
      <c r="D12202" t="s">
        <v>4765</v>
      </c>
      <c r="E12202" t="s">
        <v>13</v>
      </c>
      <c r="F12202">
        <v>1880</v>
      </c>
      <c r="G12202" t="s">
        <v>4912</v>
      </c>
      <c r="H12202">
        <v>5.6046758653120001</v>
      </c>
      <c r="I12202">
        <v>52.021173618218</v>
      </c>
      <c r="J12202" t="s">
        <v>67887</v>
      </c>
    </row>
    <row r="12203" spans="1:10" x14ac:dyDescent="0.25">
      <c r="A12203" t="s">
        <v>4905</v>
      </c>
      <c r="B12203" t="s">
        <v>4906</v>
      </c>
      <c r="C12203" t="s">
        <v>4907</v>
      </c>
      <c r="D12203" t="s">
        <v>4765</v>
      </c>
      <c r="E12203" t="s">
        <v>13</v>
      </c>
      <c r="F12203">
        <v>1879</v>
      </c>
      <c r="G12203" t="s">
        <v>4908</v>
      </c>
      <c r="H12203">
        <v>5.6102846934360002</v>
      </c>
      <c r="I12203">
        <v>52.042551061429002</v>
      </c>
      <c r="J12203" t="s">
        <v>67888</v>
      </c>
    </row>
    <row r="12204" spans="1:10" x14ac:dyDescent="0.25">
      <c r="A12204" t="s">
        <v>4901</v>
      </c>
      <c r="B12204" t="s">
        <v>4902</v>
      </c>
      <c r="C12204" t="s">
        <v>4903</v>
      </c>
      <c r="D12204" t="s">
        <v>4765</v>
      </c>
      <c r="E12204" t="s">
        <v>13</v>
      </c>
      <c r="F12204">
        <v>1878</v>
      </c>
      <c r="G12204" t="s">
        <v>4904</v>
      </c>
      <c r="H12204">
        <v>5.6059159596150003</v>
      </c>
      <c r="I12204">
        <v>52.036832630859003</v>
      </c>
      <c r="J12204" t="s">
        <v>67889</v>
      </c>
    </row>
    <row r="12205" spans="1:10" x14ac:dyDescent="0.25">
      <c r="A12205" t="s">
        <v>4897</v>
      </c>
      <c r="B12205" t="s">
        <v>4898</v>
      </c>
      <c r="C12205" t="s">
        <v>4899</v>
      </c>
      <c r="D12205" t="s">
        <v>4765</v>
      </c>
      <c r="E12205" t="s">
        <v>13</v>
      </c>
      <c r="F12205">
        <v>1877</v>
      </c>
      <c r="G12205" t="s">
        <v>4900</v>
      </c>
      <c r="H12205">
        <v>5.6066644805320003</v>
      </c>
      <c r="I12205">
        <v>52.031301253468001</v>
      </c>
      <c r="J12205" t="s">
        <v>67890</v>
      </c>
    </row>
    <row r="12206" spans="1:10" x14ac:dyDescent="0.25">
      <c r="A12206" t="s">
        <v>4893</v>
      </c>
      <c r="B12206" t="s">
        <v>4894</v>
      </c>
      <c r="C12206" t="s">
        <v>4895</v>
      </c>
      <c r="D12206" t="s">
        <v>4765</v>
      </c>
      <c r="E12206" t="s">
        <v>13</v>
      </c>
      <c r="F12206">
        <v>1876</v>
      </c>
      <c r="G12206" t="s">
        <v>4896</v>
      </c>
      <c r="H12206">
        <v>5.626854763001</v>
      </c>
      <c r="I12206">
        <v>52.023914903098998</v>
      </c>
      <c r="J12206" t="s">
        <v>67891</v>
      </c>
    </row>
    <row r="12207" spans="1:10" x14ac:dyDescent="0.25">
      <c r="A12207" t="s">
        <v>4889</v>
      </c>
      <c r="B12207" t="s">
        <v>4890</v>
      </c>
      <c r="C12207" t="s">
        <v>4891</v>
      </c>
      <c r="D12207" t="s">
        <v>4765</v>
      </c>
      <c r="E12207" t="s">
        <v>13</v>
      </c>
      <c r="F12207">
        <v>1875</v>
      </c>
      <c r="G12207" t="s">
        <v>4892</v>
      </c>
      <c r="H12207">
        <v>5.6200709070660002</v>
      </c>
      <c r="I12207">
        <v>52.030443953734</v>
      </c>
      <c r="J12207" t="s">
        <v>67892</v>
      </c>
    </row>
    <row r="12208" spans="1:10" x14ac:dyDescent="0.25">
      <c r="A12208" t="s">
        <v>4885</v>
      </c>
      <c r="B12208" t="s">
        <v>4886</v>
      </c>
      <c r="C12208" t="s">
        <v>4887</v>
      </c>
      <c r="D12208" t="s">
        <v>4765</v>
      </c>
      <c r="E12208" t="s">
        <v>13</v>
      </c>
      <c r="F12208">
        <v>1874</v>
      </c>
      <c r="G12208" t="s">
        <v>4888</v>
      </c>
      <c r="H12208">
        <v>5.6375991304799999</v>
      </c>
      <c r="I12208">
        <v>52.030225053663997</v>
      </c>
      <c r="J12208" t="s">
        <v>67893</v>
      </c>
    </row>
    <row r="12209" spans="1:10" x14ac:dyDescent="0.25">
      <c r="A12209" t="s">
        <v>4881</v>
      </c>
      <c r="B12209" t="s">
        <v>4882</v>
      </c>
      <c r="C12209" t="s">
        <v>4883</v>
      </c>
      <c r="D12209" t="s">
        <v>4765</v>
      </c>
      <c r="E12209" t="s">
        <v>13</v>
      </c>
      <c r="F12209">
        <v>1873</v>
      </c>
      <c r="G12209" t="s">
        <v>4884</v>
      </c>
      <c r="H12209">
        <v>5.6333206641039997</v>
      </c>
      <c r="I12209">
        <v>52.021199336201001</v>
      </c>
      <c r="J12209" t="s">
        <v>67894</v>
      </c>
    </row>
    <row r="12210" spans="1:10" x14ac:dyDescent="0.25">
      <c r="A12210" t="s">
        <v>4877</v>
      </c>
      <c r="B12210" t="s">
        <v>4878</v>
      </c>
      <c r="C12210" t="s">
        <v>4879</v>
      </c>
      <c r="D12210" t="s">
        <v>4765</v>
      </c>
      <c r="E12210" t="s">
        <v>13</v>
      </c>
      <c r="F12210">
        <v>1872</v>
      </c>
      <c r="G12210" t="s">
        <v>4880</v>
      </c>
      <c r="H12210">
        <v>5.6444514468550002</v>
      </c>
      <c r="I12210">
        <v>52.017758693856003</v>
      </c>
      <c r="J12210" t="s">
        <v>67895</v>
      </c>
    </row>
    <row r="12211" spans="1:10" x14ac:dyDescent="0.25">
      <c r="A12211" t="s">
        <v>4873</v>
      </c>
      <c r="B12211" t="s">
        <v>4874</v>
      </c>
      <c r="C12211" t="s">
        <v>4875</v>
      </c>
      <c r="D12211" t="s">
        <v>4765</v>
      </c>
      <c r="E12211" t="s">
        <v>13</v>
      </c>
      <c r="F12211">
        <v>1871</v>
      </c>
      <c r="G12211" t="s">
        <v>4876</v>
      </c>
      <c r="H12211">
        <v>5.6425239839700003</v>
      </c>
      <c r="I12211">
        <v>52.021809316328003</v>
      </c>
      <c r="J12211" t="s">
        <v>67896</v>
      </c>
    </row>
    <row r="12212" spans="1:10" x14ac:dyDescent="0.25">
      <c r="A12212" t="s">
        <v>4870</v>
      </c>
      <c r="B12212" t="s">
        <v>4871</v>
      </c>
      <c r="C12212" t="s">
        <v>3090</v>
      </c>
      <c r="D12212" t="s">
        <v>4765</v>
      </c>
      <c r="E12212" t="s">
        <v>13</v>
      </c>
      <c r="F12212">
        <v>1870</v>
      </c>
      <c r="G12212" t="s">
        <v>4872</v>
      </c>
      <c r="H12212">
        <v>5.6367337314650001</v>
      </c>
      <c r="I12212">
        <v>52.025035145802001</v>
      </c>
      <c r="J12212" t="s">
        <v>67897</v>
      </c>
    </row>
    <row r="12213" spans="1:10" x14ac:dyDescent="0.25">
      <c r="A12213" t="s">
        <v>4866</v>
      </c>
      <c r="B12213" t="s">
        <v>4867</v>
      </c>
      <c r="C12213" t="s">
        <v>4868</v>
      </c>
      <c r="D12213" t="s">
        <v>4765</v>
      </c>
      <c r="E12213" t="s">
        <v>13</v>
      </c>
      <c r="F12213">
        <v>1869</v>
      </c>
      <c r="G12213" t="s">
        <v>4869</v>
      </c>
      <c r="H12213">
        <v>5.6573055289300003</v>
      </c>
      <c r="I12213">
        <v>52.015922186722001</v>
      </c>
      <c r="J12213" t="s">
        <v>67898</v>
      </c>
    </row>
    <row r="12214" spans="1:10" x14ac:dyDescent="0.25">
      <c r="A12214" t="s">
        <v>4862</v>
      </c>
      <c r="B12214" t="s">
        <v>4863</v>
      </c>
      <c r="C12214" t="s">
        <v>4864</v>
      </c>
      <c r="D12214" t="s">
        <v>4765</v>
      </c>
      <c r="E12214" t="s">
        <v>13</v>
      </c>
      <c r="F12214">
        <v>1868</v>
      </c>
      <c r="G12214" t="s">
        <v>4865</v>
      </c>
      <c r="H12214">
        <v>5.6582381240049999</v>
      </c>
      <c r="I12214">
        <v>52.021971524188999</v>
      </c>
      <c r="J12214" t="s">
        <v>67899</v>
      </c>
    </row>
    <row r="12215" spans="1:10" x14ac:dyDescent="0.25">
      <c r="A12215" t="s">
        <v>4858</v>
      </c>
      <c r="B12215" t="s">
        <v>4859</v>
      </c>
      <c r="C12215" t="s">
        <v>4860</v>
      </c>
      <c r="D12215" t="s">
        <v>4765</v>
      </c>
      <c r="E12215" t="s">
        <v>13</v>
      </c>
      <c r="F12215">
        <v>1867</v>
      </c>
      <c r="G12215" t="s">
        <v>4861</v>
      </c>
      <c r="H12215">
        <v>5.652889547939</v>
      </c>
      <c r="I12215">
        <v>52.020440142779002</v>
      </c>
      <c r="J12215" t="s">
        <v>67900</v>
      </c>
    </row>
    <row r="12216" spans="1:10" x14ac:dyDescent="0.25">
      <c r="A12216" t="s">
        <v>4854</v>
      </c>
      <c r="B12216" t="s">
        <v>4855</v>
      </c>
      <c r="C12216" t="s">
        <v>4856</v>
      </c>
      <c r="D12216" t="s">
        <v>4765</v>
      </c>
      <c r="E12216" t="s">
        <v>13</v>
      </c>
      <c r="F12216">
        <v>1866</v>
      </c>
      <c r="G12216" t="s">
        <v>4857</v>
      </c>
      <c r="H12216">
        <v>5.6824312530560004</v>
      </c>
      <c r="I12216">
        <v>52.022749765146997</v>
      </c>
      <c r="J12216" t="s">
        <v>67901</v>
      </c>
    </row>
    <row r="12217" spans="1:10" x14ac:dyDescent="0.25">
      <c r="A12217" t="s">
        <v>4850</v>
      </c>
      <c r="B12217" t="s">
        <v>4851</v>
      </c>
      <c r="C12217" t="s">
        <v>4852</v>
      </c>
      <c r="D12217" t="s">
        <v>4765</v>
      </c>
      <c r="E12217" t="s">
        <v>13</v>
      </c>
      <c r="F12217">
        <v>1865</v>
      </c>
      <c r="G12217" t="s">
        <v>4853</v>
      </c>
      <c r="H12217">
        <v>5.6664916960229998</v>
      </c>
      <c r="I12217">
        <v>52.021523411601002</v>
      </c>
      <c r="J12217" t="s">
        <v>67902</v>
      </c>
    </row>
    <row r="12218" spans="1:10" x14ac:dyDescent="0.25">
      <c r="A12218" t="s">
        <v>4846</v>
      </c>
      <c r="B12218" t="s">
        <v>4847</v>
      </c>
      <c r="C12218" t="s">
        <v>4848</v>
      </c>
      <c r="D12218" t="s">
        <v>4765</v>
      </c>
      <c r="E12218" t="s">
        <v>13</v>
      </c>
      <c r="F12218">
        <v>1864</v>
      </c>
      <c r="G12218" t="s">
        <v>4849</v>
      </c>
      <c r="H12218">
        <v>5.6536654474220001</v>
      </c>
      <c r="I12218">
        <v>52.025547342651997</v>
      </c>
      <c r="J12218" t="s">
        <v>67903</v>
      </c>
    </row>
    <row r="12219" spans="1:10" x14ac:dyDescent="0.25">
      <c r="A12219" t="s">
        <v>4842</v>
      </c>
      <c r="B12219" t="s">
        <v>4843</v>
      </c>
      <c r="C12219" t="s">
        <v>4844</v>
      </c>
      <c r="D12219" t="s">
        <v>4765</v>
      </c>
      <c r="E12219" t="s">
        <v>13</v>
      </c>
      <c r="F12219">
        <v>1863</v>
      </c>
      <c r="G12219" t="s">
        <v>4845</v>
      </c>
      <c r="H12219">
        <v>5.6522836223989996</v>
      </c>
      <c r="I12219">
        <v>52.029116739648998</v>
      </c>
      <c r="J12219" t="s">
        <v>67904</v>
      </c>
    </row>
    <row r="12220" spans="1:10" x14ac:dyDescent="0.25">
      <c r="A12220" t="s">
        <v>4838</v>
      </c>
      <c r="B12220" t="s">
        <v>4839</v>
      </c>
      <c r="C12220" t="s">
        <v>4840</v>
      </c>
      <c r="D12220" t="s">
        <v>4765</v>
      </c>
      <c r="E12220" t="s">
        <v>13</v>
      </c>
      <c r="F12220">
        <v>1862</v>
      </c>
      <c r="G12220" t="s">
        <v>4841</v>
      </c>
      <c r="H12220">
        <v>5.6834332181759999</v>
      </c>
      <c r="I12220">
        <v>52.034510814778997</v>
      </c>
      <c r="J12220" t="s">
        <v>67905</v>
      </c>
    </row>
    <row r="12221" spans="1:10" x14ac:dyDescent="0.25">
      <c r="A12221" t="s">
        <v>4834</v>
      </c>
      <c r="B12221" t="s">
        <v>4835</v>
      </c>
      <c r="C12221" t="s">
        <v>4836</v>
      </c>
      <c r="D12221" t="s">
        <v>4765</v>
      </c>
      <c r="E12221" t="s">
        <v>13</v>
      </c>
      <c r="F12221">
        <v>1861</v>
      </c>
      <c r="G12221" t="s">
        <v>4837</v>
      </c>
      <c r="H12221">
        <v>5.6252330686540004</v>
      </c>
      <c r="I12221">
        <v>52.049761144308</v>
      </c>
      <c r="J12221" t="s">
        <v>67906</v>
      </c>
    </row>
    <row r="12222" spans="1:10" x14ac:dyDescent="0.25">
      <c r="A12222" t="s">
        <v>4830</v>
      </c>
      <c r="B12222" t="s">
        <v>4831</v>
      </c>
      <c r="C12222" t="s">
        <v>4832</v>
      </c>
      <c r="D12222" t="s">
        <v>4765</v>
      </c>
      <c r="E12222" t="s">
        <v>13</v>
      </c>
      <c r="F12222">
        <v>1860</v>
      </c>
      <c r="G12222" t="s">
        <v>4833</v>
      </c>
      <c r="H12222">
        <v>5.6368535336749996</v>
      </c>
      <c r="I12222">
        <v>52.050523849073997</v>
      </c>
      <c r="J12222" t="s">
        <v>67907</v>
      </c>
    </row>
    <row r="12223" spans="1:10" x14ac:dyDescent="0.25">
      <c r="A12223" t="s">
        <v>4826</v>
      </c>
      <c r="B12223" t="s">
        <v>4827</v>
      </c>
      <c r="C12223" t="s">
        <v>4828</v>
      </c>
      <c r="D12223" t="s">
        <v>4765</v>
      </c>
      <c r="E12223" t="s">
        <v>13</v>
      </c>
      <c r="F12223">
        <v>1859</v>
      </c>
      <c r="G12223" t="s">
        <v>4829</v>
      </c>
      <c r="H12223">
        <v>5.6452152831919999</v>
      </c>
      <c r="I12223">
        <v>52.052113907577997</v>
      </c>
      <c r="J12223" t="s">
        <v>67908</v>
      </c>
    </row>
    <row r="12224" spans="1:10" x14ac:dyDescent="0.25">
      <c r="A12224" t="s">
        <v>4823</v>
      </c>
      <c r="B12224" t="s">
        <v>4824</v>
      </c>
      <c r="C12224" t="s">
        <v>703</v>
      </c>
      <c r="D12224" t="s">
        <v>4765</v>
      </c>
      <c r="E12224" t="s">
        <v>13</v>
      </c>
      <c r="F12224">
        <v>1858</v>
      </c>
      <c r="G12224" t="s">
        <v>4825</v>
      </c>
      <c r="H12224">
        <v>5.6345870411299996</v>
      </c>
      <c r="I12224">
        <v>52.043829896109997</v>
      </c>
      <c r="J12224" t="s">
        <v>67909</v>
      </c>
    </row>
    <row r="12225" spans="1:10" x14ac:dyDescent="0.25">
      <c r="A12225" t="s">
        <v>4819</v>
      </c>
      <c r="B12225" t="s">
        <v>4820</v>
      </c>
      <c r="C12225" t="s">
        <v>4821</v>
      </c>
      <c r="D12225" t="s">
        <v>4765</v>
      </c>
      <c r="E12225" t="s">
        <v>13</v>
      </c>
      <c r="F12225">
        <v>1857</v>
      </c>
      <c r="G12225" t="s">
        <v>4822</v>
      </c>
      <c r="H12225">
        <v>5.6256977405350002</v>
      </c>
      <c r="I12225">
        <v>52.041163198459998</v>
      </c>
      <c r="J12225" t="s">
        <v>67910</v>
      </c>
    </row>
    <row r="12226" spans="1:10" x14ac:dyDescent="0.25">
      <c r="A12226" t="s">
        <v>4815</v>
      </c>
      <c r="B12226" t="s">
        <v>4816</v>
      </c>
      <c r="C12226" t="s">
        <v>4817</v>
      </c>
      <c r="D12226" t="s">
        <v>4765</v>
      </c>
      <c r="E12226" t="s">
        <v>13</v>
      </c>
      <c r="F12226">
        <v>1856</v>
      </c>
      <c r="G12226" t="s">
        <v>4818</v>
      </c>
      <c r="H12226">
        <v>5.6394753626270004</v>
      </c>
      <c r="I12226">
        <v>52.037643556170003</v>
      </c>
      <c r="J12226" t="s">
        <v>67911</v>
      </c>
    </row>
    <row r="12227" spans="1:10" x14ac:dyDescent="0.25">
      <c r="A12227" t="s">
        <v>4811</v>
      </c>
      <c r="B12227" t="s">
        <v>4812</v>
      </c>
      <c r="C12227" t="s">
        <v>4813</v>
      </c>
      <c r="D12227" t="s">
        <v>4765</v>
      </c>
      <c r="E12227" t="s">
        <v>13</v>
      </c>
      <c r="F12227">
        <v>1855</v>
      </c>
      <c r="G12227" t="s">
        <v>4814</v>
      </c>
      <c r="H12227">
        <v>5.6484500212600004</v>
      </c>
      <c r="I12227">
        <v>52.041822977639001</v>
      </c>
      <c r="J12227" t="s">
        <v>67912</v>
      </c>
    </row>
    <row r="12228" spans="1:10" x14ac:dyDescent="0.25">
      <c r="A12228" t="s">
        <v>4807</v>
      </c>
      <c r="B12228" t="s">
        <v>4808</v>
      </c>
      <c r="C12228" t="s">
        <v>4809</v>
      </c>
      <c r="D12228" t="s">
        <v>4765</v>
      </c>
      <c r="E12228" t="s">
        <v>13</v>
      </c>
      <c r="F12228">
        <v>1854</v>
      </c>
      <c r="G12228" t="s">
        <v>4810</v>
      </c>
      <c r="H12228">
        <v>5.6473814190449998</v>
      </c>
      <c r="I12228">
        <v>52.047654495330001</v>
      </c>
      <c r="J12228" t="s">
        <v>67913</v>
      </c>
    </row>
    <row r="12229" spans="1:10" x14ac:dyDescent="0.25">
      <c r="A12229" t="s">
        <v>4803</v>
      </c>
      <c r="B12229" t="s">
        <v>4804</v>
      </c>
      <c r="C12229" t="s">
        <v>4805</v>
      </c>
      <c r="D12229" t="s">
        <v>4765</v>
      </c>
      <c r="E12229" t="s">
        <v>13</v>
      </c>
      <c r="F12229">
        <v>1853</v>
      </c>
      <c r="G12229" t="s">
        <v>4806</v>
      </c>
      <c r="H12229">
        <v>5.6412890291969999</v>
      </c>
      <c r="I12229">
        <v>52.046229248971002</v>
      </c>
      <c r="J12229" t="s">
        <v>67914</v>
      </c>
    </row>
    <row r="12230" spans="1:10" x14ac:dyDescent="0.25">
      <c r="A12230" t="s">
        <v>4799</v>
      </c>
      <c r="B12230" t="s">
        <v>4800</v>
      </c>
      <c r="C12230" t="s">
        <v>4801</v>
      </c>
      <c r="D12230" t="s">
        <v>4765</v>
      </c>
      <c r="E12230" t="s">
        <v>13</v>
      </c>
      <c r="F12230">
        <v>1852</v>
      </c>
      <c r="G12230" t="s">
        <v>4802</v>
      </c>
      <c r="H12230">
        <v>5.6495193019779997</v>
      </c>
      <c r="I12230">
        <v>52.034992225643997</v>
      </c>
      <c r="J12230" t="s">
        <v>67915</v>
      </c>
    </row>
    <row r="12231" spans="1:10" x14ac:dyDescent="0.25">
      <c r="A12231" t="s">
        <v>4795</v>
      </c>
      <c r="B12231" t="s">
        <v>4796</v>
      </c>
      <c r="C12231" t="s">
        <v>4797</v>
      </c>
      <c r="D12231" t="s">
        <v>4765</v>
      </c>
      <c r="E12231" t="s">
        <v>13</v>
      </c>
      <c r="F12231">
        <v>1851</v>
      </c>
      <c r="G12231" t="s">
        <v>4798</v>
      </c>
      <c r="H12231">
        <v>5.6624259325519999</v>
      </c>
      <c r="I12231">
        <v>52.032975053405004</v>
      </c>
      <c r="J12231" t="s">
        <v>67916</v>
      </c>
    </row>
    <row r="12232" spans="1:10" x14ac:dyDescent="0.25">
      <c r="A12232" t="s">
        <v>4792</v>
      </c>
      <c r="B12232" t="s">
        <v>4793</v>
      </c>
      <c r="C12232" t="s">
        <v>479</v>
      </c>
      <c r="D12232" t="s">
        <v>4765</v>
      </c>
      <c r="E12232" t="s">
        <v>13</v>
      </c>
      <c r="F12232">
        <v>1850</v>
      </c>
      <c r="G12232" t="s">
        <v>4794</v>
      </c>
      <c r="H12232">
        <v>5.656742151624</v>
      </c>
      <c r="I12232">
        <v>52.036768067366999</v>
      </c>
      <c r="J12232" t="s">
        <v>67917</v>
      </c>
    </row>
    <row r="12233" spans="1:10" x14ac:dyDescent="0.25">
      <c r="A12233" t="s">
        <v>4789</v>
      </c>
      <c r="B12233" t="s">
        <v>4790</v>
      </c>
      <c r="C12233" t="s">
        <v>37</v>
      </c>
      <c r="D12233" t="s">
        <v>4765</v>
      </c>
      <c r="E12233" t="s">
        <v>13</v>
      </c>
      <c r="F12233">
        <v>1849</v>
      </c>
      <c r="G12233" t="s">
        <v>4791</v>
      </c>
      <c r="H12233">
        <v>5.6623348987420004</v>
      </c>
      <c r="I12233">
        <v>52.041340750532001</v>
      </c>
      <c r="J12233" t="s">
        <v>67918</v>
      </c>
    </row>
    <row r="12234" spans="1:10" x14ac:dyDescent="0.25">
      <c r="A12234" t="s">
        <v>4785</v>
      </c>
      <c r="B12234" t="s">
        <v>4786</v>
      </c>
      <c r="C12234" t="s">
        <v>4787</v>
      </c>
      <c r="D12234" t="s">
        <v>4765</v>
      </c>
      <c r="E12234" t="s">
        <v>13</v>
      </c>
      <c r="F12234">
        <v>1848</v>
      </c>
      <c r="G12234" t="s">
        <v>4788</v>
      </c>
      <c r="H12234">
        <v>5.6588213091249999</v>
      </c>
      <c r="I12234">
        <v>52.044402270516002</v>
      </c>
      <c r="J12234" t="s">
        <v>67919</v>
      </c>
    </row>
    <row r="12235" spans="1:10" x14ac:dyDescent="0.25">
      <c r="A12235" t="s">
        <v>4782</v>
      </c>
      <c r="B12235" t="s">
        <v>4783</v>
      </c>
      <c r="C12235" t="s">
        <v>1376</v>
      </c>
      <c r="D12235" t="s">
        <v>4765</v>
      </c>
      <c r="E12235" t="s">
        <v>13</v>
      </c>
      <c r="F12235">
        <v>1847</v>
      </c>
      <c r="G12235" t="s">
        <v>4784</v>
      </c>
      <c r="H12235">
        <v>5.659646337071</v>
      </c>
      <c r="I12235">
        <v>52.048730785868997</v>
      </c>
      <c r="J12235" t="s">
        <v>67920</v>
      </c>
    </row>
    <row r="12236" spans="1:10" x14ac:dyDescent="0.25">
      <c r="A12236" t="s">
        <v>4778</v>
      </c>
      <c r="B12236" t="s">
        <v>4779</v>
      </c>
      <c r="C12236" t="s">
        <v>4780</v>
      </c>
      <c r="D12236" t="s">
        <v>4765</v>
      </c>
      <c r="E12236" t="s">
        <v>13</v>
      </c>
      <c r="F12236">
        <v>1846</v>
      </c>
      <c r="G12236" t="s">
        <v>4781</v>
      </c>
      <c r="H12236">
        <v>5.6702831545150003</v>
      </c>
      <c r="I12236">
        <v>52.033434383650999</v>
      </c>
      <c r="J12236" t="s">
        <v>67921</v>
      </c>
    </row>
    <row r="12237" spans="1:10" x14ac:dyDescent="0.25">
      <c r="A12237" t="s">
        <v>4775</v>
      </c>
      <c r="B12237" t="s">
        <v>4776</v>
      </c>
      <c r="C12237" t="s">
        <v>2411</v>
      </c>
      <c r="D12237" t="s">
        <v>4765</v>
      </c>
      <c r="E12237" t="s">
        <v>13</v>
      </c>
      <c r="F12237">
        <v>1845</v>
      </c>
      <c r="G12237" t="s">
        <v>4777</v>
      </c>
      <c r="H12237">
        <v>5.6800648055409999</v>
      </c>
      <c r="I12237">
        <v>52.040061471213001</v>
      </c>
      <c r="J12237" t="s">
        <v>67922</v>
      </c>
    </row>
    <row r="12238" spans="1:10" x14ac:dyDescent="0.25">
      <c r="A12238" t="s">
        <v>4771</v>
      </c>
      <c r="B12238" t="s">
        <v>4772</v>
      </c>
      <c r="C12238" t="s">
        <v>4773</v>
      </c>
      <c r="D12238" t="s">
        <v>4765</v>
      </c>
      <c r="E12238" t="s">
        <v>13</v>
      </c>
      <c r="F12238">
        <v>1844</v>
      </c>
      <c r="G12238" t="s">
        <v>4774</v>
      </c>
      <c r="H12238">
        <v>5.6803239643729997</v>
      </c>
      <c r="I12238">
        <v>52.045202802559999</v>
      </c>
      <c r="J12238" t="s">
        <v>67923</v>
      </c>
    </row>
    <row r="12239" spans="1:10" x14ac:dyDescent="0.25">
      <c r="A12239" t="s">
        <v>4767</v>
      </c>
      <c r="B12239" t="s">
        <v>4768</v>
      </c>
      <c r="C12239" t="s">
        <v>4769</v>
      </c>
      <c r="D12239" t="s">
        <v>4765</v>
      </c>
      <c r="E12239" t="s">
        <v>13</v>
      </c>
      <c r="F12239">
        <v>1843</v>
      </c>
      <c r="G12239" t="s">
        <v>4770</v>
      </c>
      <c r="H12239">
        <v>5.6726697333729996</v>
      </c>
      <c r="I12239">
        <v>52.052141187628003</v>
      </c>
      <c r="J12239" t="s">
        <v>67924</v>
      </c>
    </row>
    <row r="12240" spans="1:10" x14ac:dyDescent="0.25">
      <c r="A12240" t="s">
        <v>4762</v>
      </c>
      <c r="B12240" t="s">
        <v>4763</v>
      </c>
      <c r="C12240" t="s">
        <v>4764</v>
      </c>
      <c r="D12240" t="s">
        <v>4765</v>
      </c>
      <c r="E12240" t="s">
        <v>13</v>
      </c>
      <c r="F12240">
        <v>1842</v>
      </c>
      <c r="G12240" t="s">
        <v>4766</v>
      </c>
      <c r="H12240">
        <v>5.6708225214769996</v>
      </c>
      <c r="I12240">
        <v>52.045731758815997</v>
      </c>
      <c r="J12240" t="s">
        <v>67925</v>
      </c>
    </row>
    <row r="12241" spans="1:10" x14ac:dyDescent="0.25">
      <c r="A12241" t="s">
        <v>4758</v>
      </c>
      <c r="B12241" t="s">
        <v>4759</v>
      </c>
      <c r="C12241" t="s">
        <v>4760</v>
      </c>
      <c r="D12241" t="s">
        <v>4710</v>
      </c>
      <c r="E12241" t="s">
        <v>13</v>
      </c>
      <c r="F12241">
        <v>1841</v>
      </c>
      <c r="G12241" t="s">
        <v>4761</v>
      </c>
      <c r="H12241">
        <v>5.9860942902499996</v>
      </c>
      <c r="I12241">
        <v>51.929991490676997</v>
      </c>
      <c r="J12241" t="s">
        <v>67926</v>
      </c>
    </row>
    <row r="12242" spans="1:10" x14ac:dyDescent="0.25">
      <c r="A12242" t="s">
        <v>4754</v>
      </c>
      <c r="B12242" t="s">
        <v>4755</v>
      </c>
      <c r="C12242" t="s">
        <v>4756</v>
      </c>
      <c r="D12242" t="s">
        <v>4710</v>
      </c>
      <c r="E12242" t="s">
        <v>13</v>
      </c>
      <c r="F12242">
        <v>1840</v>
      </c>
      <c r="G12242" t="s">
        <v>4757</v>
      </c>
      <c r="H12242">
        <v>6.0263398745219998</v>
      </c>
      <c r="I12242">
        <v>51.928326555380004</v>
      </c>
      <c r="J12242" t="s">
        <v>67927</v>
      </c>
    </row>
    <row r="12243" spans="1:10" x14ac:dyDescent="0.25">
      <c r="A12243" t="s">
        <v>4750</v>
      </c>
      <c r="B12243" t="s">
        <v>4751</v>
      </c>
      <c r="C12243" t="s">
        <v>4752</v>
      </c>
      <c r="D12243" t="s">
        <v>4710</v>
      </c>
      <c r="E12243" t="s">
        <v>13</v>
      </c>
      <c r="F12243">
        <v>1839</v>
      </c>
      <c r="G12243" t="s">
        <v>4753</v>
      </c>
      <c r="H12243">
        <v>6.013420409639</v>
      </c>
      <c r="I12243">
        <v>51.939243176460998</v>
      </c>
      <c r="J12243" t="s">
        <v>67928</v>
      </c>
    </row>
    <row r="12244" spans="1:10" x14ac:dyDescent="0.25">
      <c r="A12244" t="s">
        <v>4746</v>
      </c>
      <c r="B12244" t="s">
        <v>4747</v>
      </c>
      <c r="C12244" t="s">
        <v>4748</v>
      </c>
      <c r="D12244" t="s">
        <v>4710</v>
      </c>
      <c r="E12244" t="s">
        <v>13</v>
      </c>
      <c r="F12244">
        <v>1838</v>
      </c>
      <c r="G12244" t="s">
        <v>4749</v>
      </c>
      <c r="H12244">
        <v>5.9948605851809997</v>
      </c>
      <c r="I12244">
        <v>51.945797333154999</v>
      </c>
      <c r="J12244" t="s">
        <v>67929</v>
      </c>
    </row>
    <row r="12245" spans="1:10" x14ac:dyDescent="0.25">
      <c r="A12245" t="s">
        <v>4742</v>
      </c>
      <c r="B12245" t="s">
        <v>4743</v>
      </c>
      <c r="C12245" t="s">
        <v>4744</v>
      </c>
      <c r="D12245" t="s">
        <v>4710</v>
      </c>
      <c r="E12245" t="s">
        <v>13</v>
      </c>
      <c r="F12245">
        <v>1837</v>
      </c>
      <c r="G12245" t="s">
        <v>4745</v>
      </c>
      <c r="H12245">
        <v>6.031393461425</v>
      </c>
      <c r="I12245">
        <v>51.952217245379003</v>
      </c>
      <c r="J12245" t="s">
        <v>67930</v>
      </c>
    </row>
    <row r="12246" spans="1:10" x14ac:dyDescent="0.25">
      <c r="A12246" t="s">
        <v>4738</v>
      </c>
      <c r="B12246" t="s">
        <v>4739</v>
      </c>
      <c r="C12246" t="s">
        <v>4740</v>
      </c>
      <c r="D12246" t="s">
        <v>4710</v>
      </c>
      <c r="E12246" t="s">
        <v>13</v>
      </c>
      <c r="F12246">
        <v>1836</v>
      </c>
      <c r="G12246" t="s">
        <v>4741</v>
      </c>
      <c r="H12246">
        <v>6.0231071876450004</v>
      </c>
      <c r="I12246">
        <v>51.952403213210999</v>
      </c>
      <c r="J12246" t="s">
        <v>67931</v>
      </c>
    </row>
    <row r="12247" spans="1:10" x14ac:dyDescent="0.25">
      <c r="A12247" t="s">
        <v>4734</v>
      </c>
      <c r="B12247" t="s">
        <v>4735</v>
      </c>
      <c r="C12247" t="s">
        <v>4736</v>
      </c>
      <c r="D12247" t="s">
        <v>4710</v>
      </c>
      <c r="E12247" t="s">
        <v>13</v>
      </c>
      <c r="F12247">
        <v>1835</v>
      </c>
      <c r="G12247" t="s">
        <v>4737</v>
      </c>
      <c r="H12247">
        <v>6.0175495597389999</v>
      </c>
      <c r="I12247">
        <v>51.955714252812001</v>
      </c>
      <c r="J12247" t="s">
        <v>67932</v>
      </c>
    </row>
    <row r="12248" spans="1:10" x14ac:dyDescent="0.25">
      <c r="A12248" t="s">
        <v>4730</v>
      </c>
      <c r="B12248" t="s">
        <v>4731</v>
      </c>
      <c r="C12248" t="s">
        <v>4732</v>
      </c>
      <c r="D12248" t="s">
        <v>4710</v>
      </c>
      <c r="E12248" t="s">
        <v>13</v>
      </c>
      <c r="F12248">
        <v>1834</v>
      </c>
      <c r="G12248" t="s">
        <v>4733</v>
      </c>
      <c r="H12248">
        <v>6.0317291177419996</v>
      </c>
      <c r="I12248">
        <v>51.941468533429003</v>
      </c>
      <c r="J12248" t="s">
        <v>67933</v>
      </c>
    </row>
    <row r="12249" spans="1:10" x14ac:dyDescent="0.25">
      <c r="A12249" t="s">
        <v>4726</v>
      </c>
      <c r="B12249" t="s">
        <v>4727</v>
      </c>
      <c r="C12249" t="s">
        <v>4728</v>
      </c>
      <c r="D12249" t="s">
        <v>4710</v>
      </c>
      <c r="E12249" t="s">
        <v>13</v>
      </c>
      <c r="F12249">
        <v>1833</v>
      </c>
      <c r="G12249" t="s">
        <v>4729</v>
      </c>
      <c r="H12249">
        <v>6.0270999520870001</v>
      </c>
      <c r="I12249">
        <v>51.944633642444998</v>
      </c>
      <c r="J12249" t="s">
        <v>67934</v>
      </c>
    </row>
    <row r="12250" spans="1:10" x14ac:dyDescent="0.25">
      <c r="A12250" t="s">
        <v>4723</v>
      </c>
      <c r="B12250" t="s">
        <v>4724</v>
      </c>
      <c r="C12250" t="s">
        <v>129</v>
      </c>
      <c r="D12250" t="s">
        <v>4710</v>
      </c>
      <c r="E12250" t="s">
        <v>13</v>
      </c>
      <c r="F12250">
        <v>1832</v>
      </c>
      <c r="G12250" t="s">
        <v>4725</v>
      </c>
      <c r="H12250">
        <v>6.0210177954099997</v>
      </c>
      <c r="I12250">
        <v>51.949304147958998</v>
      </c>
      <c r="J12250" t="s">
        <v>67935</v>
      </c>
    </row>
    <row r="12251" spans="1:10" x14ac:dyDescent="0.25">
      <c r="A12251" t="s">
        <v>4719</v>
      </c>
      <c r="B12251" t="s">
        <v>4720</v>
      </c>
      <c r="C12251" t="s">
        <v>4721</v>
      </c>
      <c r="D12251" t="s">
        <v>4710</v>
      </c>
      <c r="E12251" t="s">
        <v>13</v>
      </c>
      <c r="F12251">
        <v>1831</v>
      </c>
      <c r="G12251" t="s">
        <v>4722</v>
      </c>
      <c r="H12251">
        <v>6.0172034541460002</v>
      </c>
      <c r="I12251">
        <v>51.945392360090999</v>
      </c>
      <c r="J12251" t="s">
        <v>67936</v>
      </c>
    </row>
    <row r="12252" spans="1:10" x14ac:dyDescent="0.25">
      <c r="A12252" t="s">
        <v>4716</v>
      </c>
      <c r="B12252" t="s">
        <v>4717</v>
      </c>
      <c r="C12252" t="s">
        <v>978</v>
      </c>
      <c r="D12252" t="s">
        <v>4710</v>
      </c>
      <c r="E12252" t="s">
        <v>13</v>
      </c>
      <c r="F12252">
        <v>1830</v>
      </c>
      <c r="G12252" t="s">
        <v>4718</v>
      </c>
      <c r="H12252">
        <v>6.0007590924679999</v>
      </c>
      <c r="I12252">
        <v>51.954909588436003</v>
      </c>
      <c r="J12252" t="s">
        <v>67937</v>
      </c>
    </row>
    <row r="12253" spans="1:10" x14ac:dyDescent="0.25">
      <c r="A12253" t="s">
        <v>4712</v>
      </c>
      <c r="B12253" t="s">
        <v>4713</v>
      </c>
      <c r="C12253" t="s">
        <v>4714</v>
      </c>
      <c r="D12253" t="s">
        <v>4710</v>
      </c>
      <c r="E12253" t="s">
        <v>13</v>
      </c>
      <c r="F12253">
        <v>1829</v>
      </c>
      <c r="G12253" t="s">
        <v>4715</v>
      </c>
      <c r="H12253">
        <v>6.0423826083680003</v>
      </c>
      <c r="I12253">
        <v>51.964833696775003</v>
      </c>
      <c r="J12253" t="s">
        <v>67938</v>
      </c>
    </row>
    <row r="12254" spans="1:10" x14ac:dyDescent="0.25">
      <c r="A12254" t="s">
        <v>4707</v>
      </c>
      <c r="B12254" t="s">
        <v>4708</v>
      </c>
      <c r="C12254" t="s">
        <v>4709</v>
      </c>
      <c r="D12254" t="s">
        <v>4710</v>
      </c>
      <c r="E12254" t="s">
        <v>13</v>
      </c>
      <c r="F12254">
        <v>1828</v>
      </c>
      <c r="G12254" t="s">
        <v>4711</v>
      </c>
      <c r="H12254">
        <v>6.0067878222960003</v>
      </c>
      <c r="I12254">
        <v>51.966492204083004</v>
      </c>
      <c r="J12254" t="s">
        <v>67939</v>
      </c>
    </row>
    <row r="12255" spans="1:10" x14ac:dyDescent="0.25">
      <c r="A12255" t="s">
        <v>4703</v>
      </c>
      <c r="B12255" t="s">
        <v>4704</v>
      </c>
      <c r="C12255" t="s">
        <v>4705</v>
      </c>
      <c r="D12255" t="s">
        <v>4641</v>
      </c>
      <c r="E12255" t="s">
        <v>13</v>
      </c>
      <c r="F12255">
        <v>1827</v>
      </c>
      <c r="G12255" t="s">
        <v>4706</v>
      </c>
      <c r="H12255">
        <v>5.6091274883570001</v>
      </c>
      <c r="I12255">
        <v>51.853162433843003</v>
      </c>
      <c r="J12255" t="s">
        <v>67940</v>
      </c>
    </row>
    <row r="12256" spans="1:10" x14ac:dyDescent="0.25">
      <c r="A12256" t="s">
        <v>4699</v>
      </c>
      <c r="B12256" t="s">
        <v>4700</v>
      </c>
      <c r="C12256" t="s">
        <v>4701</v>
      </c>
      <c r="D12256" t="s">
        <v>4641</v>
      </c>
      <c r="E12256" t="s">
        <v>13</v>
      </c>
      <c r="F12256">
        <v>1826</v>
      </c>
      <c r="G12256" t="s">
        <v>4702</v>
      </c>
      <c r="H12256">
        <v>5.6161230553449997</v>
      </c>
      <c r="I12256">
        <v>51.865194449572002</v>
      </c>
      <c r="J12256" t="s">
        <v>67941</v>
      </c>
    </row>
    <row r="12257" spans="1:10" x14ac:dyDescent="0.25">
      <c r="A12257" t="s">
        <v>4695</v>
      </c>
      <c r="B12257" t="s">
        <v>4696</v>
      </c>
      <c r="C12257" t="s">
        <v>4697</v>
      </c>
      <c r="D12257" t="s">
        <v>4641</v>
      </c>
      <c r="E12257" t="s">
        <v>13</v>
      </c>
      <c r="F12257">
        <v>1825</v>
      </c>
      <c r="G12257" t="s">
        <v>4698</v>
      </c>
      <c r="H12257">
        <v>5.6095543919719999</v>
      </c>
      <c r="I12257">
        <v>51.855628808346999</v>
      </c>
      <c r="J12257" t="s">
        <v>67942</v>
      </c>
    </row>
    <row r="12258" spans="1:10" x14ac:dyDescent="0.25">
      <c r="A12258" t="s">
        <v>4691</v>
      </c>
      <c r="B12258" t="s">
        <v>4692</v>
      </c>
      <c r="C12258" t="s">
        <v>4693</v>
      </c>
      <c r="D12258" t="s">
        <v>4641</v>
      </c>
      <c r="E12258" t="s">
        <v>13</v>
      </c>
      <c r="F12258">
        <v>1824</v>
      </c>
      <c r="G12258" t="s">
        <v>4694</v>
      </c>
      <c r="H12258">
        <v>5.6619246498239999</v>
      </c>
      <c r="I12258">
        <v>51.893190077907001</v>
      </c>
      <c r="J12258" t="s">
        <v>67943</v>
      </c>
    </row>
    <row r="12259" spans="1:10" x14ac:dyDescent="0.25">
      <c r="A12259" t="s">
        <v>4687</v>
      </c>
      <c r="B12259" t="s">
        <v>4688</v>
      </c>
      <c r="C12259" t="s">
        <v>4689</v>
      </c>
      <c r="D12259" t="s">
        <v>4641</v>
      </c>
      <c r="E12259" t="s">
        <v>13</v>
      </c>
      <c r="F12259">
        <v>1823</v>
      </c>
      <c r="G12259" t="s">
        <v>4690</v>
      </c>
      <c r="H12259">
        <v>5.6660375117589998</v>
      </c>
      <c r="I12259">
        <v>51.878775325947998</v>
      </c>
      <c r="J12259" t="s">
        <v>67944</v>
      </c>
    </row>
    <row r="12260" spans="1:10" x14ac:dyDescent="0.25">
      <c r="A12260" t="s">
        <v>4683</v>
      </c>
      <c r="B12260" t="s">
        <v>4684</v>
      </c>
      <c r="C12260" t="s">
        <v>4685</v>
      </c>
      <c r="D12260" t="s">
        <v>4641</v>
      </c>
      <c r="E12260" t="s">
        <v>13</v>
      </c>
      <c r="F12260">
        <v>1822</v>
      </c>
      <c r="G12260" t="s">
        <v>4686</v>
      </c>
      <c r="H12260">
        <v>5.6684163091039999</v>
      </c>
      <c r="I12260">
        <v>51.888367199439003</v>
      </c>
      <c r="J12260" t="s">
        <v>67945</v>
      </c>
    </row>
    <row r="12261" spans="1:10" x14ac:dyDescent="0.25">
      <c r="A12261" t="s">
        <v>4679</v>
      </c>
      <c r="B12261" t="s">
        <v>4680</v>
      </c>
      <c r="C12261" t="s">
        <v>4681</v>
      </c>
      <c r="D12261" t="s">
        <v>4641</v>
      </c>
      <c r="E12261" t="s">
        <v>13</v>
      </c>
      <c r="F12261">
        <v>1821</v>
      </c>
      <c r="G12261" t="s">
        <v>4682</v>
      </c>
      <c r="H12261">
        <v>5.6352902310530002</v>
      </c>
      <c r="I12261">
        <v>51.893678617508002</v>
      </c>
      <c r="J12261" t="s">
        <v>67946</v>
      </c>
    </row>
    <row r="12262" spans="1:10" x14ac:dyDescent="0.25">
      <c r="A12262" t="s">
        <v>4675</v>
      </c>
      <c r="B12262" t="s">
        <v>4676</v>
      </c>
      <c r="C12262" t="s">
        <v>4677</v>
      </c>
      <c r="D12262" t="s">
        <v>4641</v>
      </c>
      <c r="E12262" t="s">
        <v>13</v>
      </c>
      <c r="F12262">
        <v>1820</v>
      </c>
      <c r="G12262" t="s">
        <v>4678</v>
      </c>
      <c r="H12262">
        <v>5.6364284691810003</v>
      </c>
      <c r="I12262">
        <v>51.876491787740001</v>
      </c>
      <c r="J12262" t="s">
        <v>67947</v>
      </c>
    </row>
    <row r="12263" spans="1:10" x14ac:dyDescent="0.25">
      <c r="A12263" t="s">
        <v>4671</v>
      </c>
      <c r="B12263" t="s">
        <v>4672</v>
      </c>
      <c r="C12263" t="s">
        <v>4673</v>
      </c>
      <c r="D12263" t="s">
        <v>4641</v>
      </c>
      <c r="E12263" t="s">
        <v>13</v>
      </c>
      <c r="F12263">
        <v>1819</v>
      </c>
      <c r="G12263" t="s">
        <v>4674</v>
      </c>
      <c r="H12263">
        <v>5.6314272861869998</v>
      </c>
      <c r="I12263">
        <v>51.881276653937</v>
      </c>
      <c r="J12263" t="s">
        <v>67948</v>
      </c>
    </row>
    <row r="12264" spans="1:10" x14ac:dyDescent="0.25">
      <c r="A12264" t="s">
        <v>4667</v>
      </c>
      <c r="B12264" t="s">
        <v>4668</v>
      </c>
      <c r="C12264" t="s">
        <v>4669</v>
      </c>
      <c r="D12264" t="s">
        <v>4641</v>
      </c>
      <c r="E12264" t="s">
        <v>13</v>
      </c>
      <c r="F12264">
        <v>1818</v>
      </c>
      <c r="G12264" t="s">
        <v>4670</v>
      </c>
      <c r="H12264">
        <v>5.5793890400299997</v>
      </c>
      <c r="I12264">
        <v>51.872022386296997</v>
      </c>
      <c r="J12264" t="s">
        <v>67949</v>
      </c>
    </row>
    <row r="12265" spans="1:10" x14ac:dyDescent="0.25">
      <c r="A12265" t="s">
        <v>4663</v>
      </c>
      <c r="B12265" t="s">
        <v>4664</v>
      </c>
      <c r="C12265" t="s">
        <v>4665</v>
      </c>
      <c r="D12265" t="s">
        <v>4641</v>
      </c>
      <c r="E12265" t="s">
        <v>13</v>
      </c>
      <c r="F12265">
        <v>1817</v>
      </c>
      <c r="G12265" t="s">
        <v>4666</v>
      </c>
      <c r="H12265">
        <v>5.5908865966599999</v>
      </c>
      <c r="I12265">
        <v>51.878841057952002</v>
      </c>
      <c r="J12265" t="s">
        <v>67950</v>
      </c>
    </row>
    <row r="12266" spans="1:10" x14ac:dyDescent="0.25">
      <c r="A12266" t="s">
        <v>4659</v>
      </c>
      <c r="B12266" t="s">
        <v>4660</v>
      </c>
      <c r="C12266" t="s">
        <v>4661</v>
      </c>
      <c r="D12266" t="s">
        <v>4641</v>
      </c>
      <c r="E12266" t="s">
        <v>13</v>
      </c>
      <c r="F12266">
        <v>1816</v>
      </c>
      <c r="G12266" t="s">
        <v>4662</v>
      </c>
      <c r="H12266">
        <v>5.5727716178640003</v>
      </c>
      <c r="I12266">
        <v>51.895681418041001</v>
      </c>
      <c r="J12266" t="s">
        <v>67951</v>
      </c>
    </row>
    <row r="12267" spans="1:10" x14ac:dyDescent="0.25">
      <c r="A12267" t="s">
        <v>4655</v>
      </c>
      <c r="B12267" t="s">
        <v>4656</v>
      </c>
      <c r="C12267" t="s">
        <v>4657</v>
      </c>
      <c r="D12267" t="s">
        <v>4641</v>
      </c>
      <c r="E12267" t="s">
        <v>13</v>
      </c>
      <c r="F12267">
        <v>1815</v>
      </c>
      <c r="G12267" t="s">
        <v>4658</v>
      </c>
      <c r="H12267">
        <v>5.6129949834869999</v>
      </c>
      <c r="I12267">
        <v>51.874375638597002</v>
      </c>
      <c r="J12267" t="s">
        <v>67952</v>
      </c>
    </row>
    <row r="12268" spans="1:10" x14ac:dyDescent="0.25">
      <c r="A12268" t="s">
        <v>4651</v>
      </c>
      <c r="B12268" t="s">
        <v>4652</v>
      </c>
      <c r="C12268" t="s">
        <v>4653</v>
      </c>
      <c r="D12268" t="s">
        <v>4641</v>
      </c>
      <c r="E12268" t="s">
        <v>13</v>
      </c>
      <c r="F12268">
        <v>1814</v>
      </c>
      <c r="G12268" t="s">
        <v>4654</v>
      </c>
      <c r="H12268">
        <v>5.581612224793</v>
      </c>
      <c r="I12268">
        <v>51.887775266428001</v>
      </c>
      <c r="J12268" t="s">
        <v>67953</v>
      </c>
    </row>
    <row r="12269" spans="1:10" x14ac:dyDescent="0.25">
      <c r="A12269" t="s">
        <v>4647</v>
      </c>
      <c r="B12269" t="s">
        <v>4648</v>
      </c>
      <c r="C12269" t="s">
        <v>4649</v>
      </c>
      <c r="D12269" t="s">
        <v>4641</v>
      </c>
      <c r="E12269" t="s">
        <v>13</v>
      </c>
      <c r="F12269">
        <v>1813</v>
      </c>
      <c r="G12269" t="s">
        <v>4650</v>
      </c>
      <c r="H12269">
        <v>5.6050721617640002</v>
      </c>
      <c r="I12269">
        <v>51.879504247467999</v>
      </c>
      <c r="J12269" t="s">
        <v>67954</v>
      </c>
    </row>
    <row r="12270" spans="1:10" x14ac:dyDescent="0.25">
      <c r="A12270" t="s">
        <v>4643</v>
      </c>
      <c r="B12270" t="s">
        <v>4644</v>
      </c>
      <c r="C12270" t="s">
        <v>4645</v>
      </c>
      <c r="D12270" t="s">
        <v>4641</v>
      </c>
      <c r="E12270" t="s">
        <v>13</v>
      </c>
      <c r="F12270">
        <v>1812</v>
      </c>
      <c r="G12270" t="s">
        <v>4646</v>
      </c>
      <c r="H12270">
        <v>5.5989014370300003</v>
      </c>
      <c r="I12270">
        <v>51.883717555548998</v>
      </c>
      <c r="J12270" t="s">
        <v>67955</v>
      </c>
    </row>
    <row r="12271" spans="1:10" x14ac:dyDescent="0.25">
      <c r="A12271" t="s">
        <v>4638</v>
      </c>
      <c r="B12271" t="s">
        <v>4639</v>
      </c>
      <c r="C12271" t="s">
        <v>4640</v>
      </c>
      <c r="D12271" t="s">
        <v>4641</v>
      </c>
      <c r="E12271" t="s">
        <v>13</v>
      </c>
      <c r="F12271">
        <v>1811</v>
      </c>
      <c r="G12271" t="s">
        <v>4642</v>
      </c>
      <c r="H12271">
        <v>5.607613089969</v>
      </c>
      <c r="I12271">
        <v>51.890068298062999</v>
      </c>
      <c r="J12271" t="s">
        <v>67956</v>
      </c>
    </row>
    <row r="12272" spans="1:10" x14ac:dyDescent="0.25">
      <c r="A12272" t="s">
        <v>4634</v>
      </c>
      <c r="B12272" t="s">
        <v>4635</v>
      </c>
      <c r="C12272" t="s">
        <v>4636</v>
      </c>
      <c r="D12272" t="s">
        <v>4306</v>
      </c>
      <c r="E12272" t="s">
        <v>13</v>
      </c>
      <c r="F12272">
        <v>1810</v>
      </c>
      <c r="G12272" t="s">
        <v>4637</v>
      </c>
      <c r="H12272">
        <v>6.225646208084</v>
      </c>
      <c r="I12272">
        <v>51.947951110039</v>
      </c>
      <c r="J12272" t="s">
        <v>67957</v>
      </c>
    </row>
    <row r="12273" spans="1:10" x14ac:dyDescent="0.25">
      <c r="A12273" t="s">
        <v>4630</v>
      </c>
      <c r="B12273" t="s">
        <v>4631</v>
      </c>
      <c r="C12273" t="s">
        <v>4632</v>
      </c>
      <c r="D12273" t="s">
        <v>4306</v>
      </c>
      <c r="E12273" t="s">
        <v>13</v>
      </c>
      <c r="F12273">
        <v>1809</v>
      </c>
      <c r="G12273" t="s">
        <v>4633</v>
      </c>
      <c r="H12273">
        <v>6.1672461889169998</v>
      </c>
      <c r="I12273">
        <v>51.963785682546998</v>
      </c>
      <c r="J12273" t="s">
        <v>67958</v>
      </c>
    </row>
    <row r="12274" spans="1:10" x14ac:dyDescent="0.25">
      <c r="A12274" t="s">
        <v>4626</v>
      </c>
      <c r="B12274" t="s">
        <v>4627</v>
      </c>
      <c r="C12274" t="s">
        <v>4628</v>
      </c>
      <c r="D12274" t="s">
        <v>4306</v>
      </c>
      <c r="E12274" t="s">
        <v>13</v>
      </c>
      <c r="F12274">
        <v>1808</v>
      </c>
      <c r="G12274" t="s">
        <v>4629</v>
      </c>
      <c r="H12274">
        <v>6.171773611481</v>
      </c>
      <c r="I12274">
        <v>51.973299352022998</v>
      </c>
      <c r="J12274" t="s">
        <v>67959</v>
      </c>
    </row>
    <row r="12275" spans="1:10" x14ac:dyDescent="0.25">
      <c r="A12275" t="s">
        <v>4622</v>
      </c>
      <c r="B12275" t="s">
        <v>4623</v>
      </c>
      <c r="C12275" t="s">
        <v>4624</v>
      </c>
      <c r="D12275" t="s">
        <v>4306</v>
      </c>
      <c r="E12275" t="s">
        <v>13</v>
      </c>
      <c r="F12275">
        <v>1807</v>
      </c>
      <c r="G12275" t="s">
        <v>4625</v>
      </c>
      <c r="H12275">
        <v>6.174686222019</v>
      </c>
      <c r="I12275">
        <v>51.968000287239001</v>
      </c>
      <c r="J12275" t="s">
        <v>67960</v>
      </c>
    </row>
    <row r="12276" spans="1:10" x14ac:dyDescent="0.25">
      <c r="A12276" t="s">
        <v>4618</v>
      </c>
      <c r="B12276" t="s">
        <v>4619</v>
      </c>
      <c r="C12276" t="s">
        <v>4620</v>
      </c>
      <c r="D12276" t="s">
        <v>4306</v>
      </c>
      <c r="E12276" t="s">
        <v>13</v>
      </c>
      <c r="F12276">
        <v>1806</v>
      </c>
      <c r="G12276" t="s">
        <v>4621</v>
      </c>
      <c r="H12276">
        <v>6.2015140125989996</v>
      </c>
      <c r="I12276">
        <v>51.973661418351</v>
      </c>
      <c r="J12276" t="s">
        <v>67961</v>
      </c>
    </row>
    <row r="12277" spans="1:10" x14ac:dyDescent="0.25">
      <c r="A12277" t="s">
        <v>4614</v>
      </c>
      <c r="B12277" t="s">
        <v>4615</v>
      </c>
      <c r="C12277" t="s">
        <v>4616</v>
      </c>
      <c r="D12277" t="s">
        <v>4306</v>
      </c>
      <c r="E12277" t="s">
        <v>13</v>
      </c>
      <c r="F12277">
        <v>1805</v>
      </c>
      <c r="G12277" t="s">
        <v>4617</v>
      </c>
      <c r="H12277">
        <v>6.2236225973190002</v>
      </c>
      <c r="I12277">
        <v>51.971323178657002</v>
      </c>
      <c r="J12277" t="s">
        <v>67962</v>
      </c>
    </row>
    <row r="12278" spans="1:10" x14ac:dyDescent="0.25">
      <c r="A12278" t="s">
        <v>4610</v>
      </c>
      <c r="B12278" t="s">
        <v>4611</v>
      </c>
      <c r="C12278" t="s">
        <v>4612</v>
      </c>
      <c r="D12278" t="s">
        <v>4306</v>
      </c>
      <c r="E12278" t="s">
        <v>13</v>
      </c>
      <c r="F12278">
        <v>1804</v>
      </c>
      <c r="G12278" t="s">
        <v>4613</v>
      </c>
      <c r="H12278">
        <v>6.2319239735250003</v>
      </c>
      <c r="I12278">
        <v>51.962215343887998</v>
      </c>
      <c r="J12278" t="s">
        <v>67963</v>
      </c>
    </row>
    <row r="12279" spans="1:10" x14ac:dyDescent="0.25">
      <c r="A12279" t="s">
        <v>4606</v>
      </c>
      <c r="B12279" t="s">
        <v>4607</v>
      </c>
      <c r="C12279" t="s">
        <v>4608</v>
      </c>
      <c r="D12279" t="s">
        <v>4306</v>
      </c>
      <c r="E12279" t="s">
        <v>13</v>
      </c>
      <c r="F12279">
        <v>1803</v>
      </c>
      <c r="G12279" t="s">
        <v>4609</v>
      </c>
      <c r="H12279">
        <v>6.240328654262</v>
      </c>
      <c r="I12279">
        <v>51.951287932798998</v>
      </c>
      <c r="J12279" t="s">
        <v>67964</v>
      </c>
    </row>
    <row r="12280" spans="1:10" x14ac:dyDescent="0.25">
      <c r="A12280" t="s">
        <v>4602</v>
      </c>
      <c r="B12280" t="s">
        <v>4603</v>
      </c>
      <c r="C12280" t="s">
        <v>4604</v>
      </c>
      <c r="D12280" t="s">
        <v>4306</v>
      </c>
      <c r="E12280" t="s">
        <v>13</v>
      </c>
      <c r="F12280">
        <v>1802</v>
      </c>
      <c r="G12280" t="s">
        <v>4605</v>
      </c>
      <c r="H12280">
        <v>6.2044651181720001</v>
      </c>
      <c r="I12280">
        <v>51.947994237247997</v>
      </c>
      <c r="J12280" t="s">
        <v>67965</v>
      </c>
    </row>
    <row r="12281" spans="1:10" x14ac:dyDescent="0.25">
      <c r="A12281" t="s">
        <v>4598</v>
      </c>
      <c r="B12281" t="s">
        <v>4599</v>
      </c>
      <c r="C12281" t="s">
        <v>4600</v>
      </c>
      <c r="D12281" t="s">
        <v>4306</v>
      </c>
      <c r="E12281" t="s">
        <v>13</v>
      </c>
      <c r="F12281">
        <v>1801</v>
      </c>
      <c r="G12281" t="s">
        <v>4601</v>
      </c>
      <c r="H12281">
        <v>6.1859378900950004</v>
      </c>
      <c r="I12281">
        <v>51.955708238420002</v>
      </c>
      <c r="J12281" t="s">
        <v>67966</v>
      </c>
    </row>
    <row r="12282" spans="1:10" x14ac:dyDescent="0.25">
      <c r="A12282" t="s">
        <v>4594</v>
      </c>
      <c r="B12282" t="s">
        <v>4595</v>
      </c>
      <c r="C12282" t="s">
        <v>4596</v>
      </c>
      <c r="D12282" t="s">
        <v>4306</v>
      </c>
      <c r="E12282" t="s">
        <v>13</v>
      </c>
      <c r="F12282">
        <v>1800</v>
      </c>
      <c r="G12282" t="s">
        <v>4597</v>
      </c>
      <c r="H12282">
        <v>6.2091344971050004</v>
      </c>
      <c r="I12282">
        <v>51.960806076665001</v>
      </c>
      <c r="J12282" t="s">
        <v>67967</v>
      </c>
    </row>
    <row r="12283" spans="1:10" x14ac:dyDescent="0.25">
      <c r="A12283" t="s">
        <v>4590</v>
      </c>
      <c r="B12283" t="s">
        <v>4591</v>
      </c>
      <c r="C12283" t="s">
        <v>4592</v>
      </c>
      <c r="D12283" t="s">
        <v>4306</v>
      </c>
      <c r="E12283" t="s">
        <v>13</v>
      </c>
      <c r="F12283">
        <v>1799</v>
      </c>
      <c r="G12283" t="s">
        <v>4593</v>
      </c>
      <c r="H12283">
        <v>6.3805908449529998</v>
      </c>
      <c r="I12283">
        <v>51.949299943862997</v>
      </c>
      <c r="J12283" t="s">
        <v>67968</v>
      </c>
    </row>
    <row r="12284" spans="1:10" x14ac:dyDescent="0.25">
      <c r="A12284" t="s">
        <v>4586</v>
      </c>
      <c r="B12284" t="s">
        <v>4587</v>
      </c>
      <c r="C12284" t="s">
        <v>4588</v>
      </c>
      <c r="D12284" t="s">
        <v>4306</v>
      </c>
      <c r="E12284" t="s">
        <v>13</v>
      </c>
      <c r="F12284">
        <v>1798</v>
      </c>
      <c r="G12284" t="s">
        <v>4589</v>
      </c>
      <c r="H12284">
        <v>6.3683833574020001</v>
      </c>
      <c r="I12284">
        <v>51.936676415310998</v>
      </c>
      <c r="J12284" t="s">
        <v>67969</v>
      </c>
    </row>
    <row r="12285" spans="1:10" x14ac:dyDescent="0.25">
      <c r="A12285" t="s">
        <v>4582</v>
      </c>
      <c r="B12285" t="s">
        <v>4583</v>
      </c>
      <c r="C12285" t="s">
        <v>4584</v>
      </c>
      <c r="D12285" t="s">
        <v>4306</v>
      </c>
      <c r="E12285" t="s">
        <v>13</v>
      </c>
      <c r="F12285">
        <v>1797</v>
      </c>
      <c r="G12285" t="s">
        <v>4585</v>
      </c>
      <c r="H12285">
        <v>6.3488509042589998</v>
      </c>
      <c r="I12285">
        <v>51.943700516598</v>
      </c>
      <c r="J12285" t="s">
        <v>67970</v>
      </c>
    </row>
    <row r="12286" spans="1:10" x14ac:dyDescent="0.25">
      <c r="A12286" t="s">
        <v>4578</v>
      </c>
      <c r="B12286" t="s">
        <v>4579</v>
      </c>
      <c r="C12286" t="s">
        <v>4580</v>
      </c>
      <c r="D12286" t="s">
        <v>4306</v>
      </c>
      <c r="E12286" t="s">
        <v>13</v>
      </c>
      <c r="F12286">
        <v>1796</v>
      </c>
      <c r="G12286" t="s">
        <v>4581</v>
      </c>
      <c r="H12286">
        <v>6.3516614750949998</v>
      </c>
      <c r="I12286">
        <v>51.935055665714003</v>
      </c>
      <c r="J12286" t="s">
        <v>67971</v>
      </c>
    </row>
    <row r="12287" spans="1:10" x14ac:dyDescent="0.25">
      <c r="A12287" t="s">
        <v>4574</v>
      </c>
      <c r="B12287" t="s">
        <v>4575</v>
      </c>
      <c r="C12287" t="s">
        <v>4576</v>
      </c>
      <c r="D12287" t="s">
        <v>4306</v>
      </c>
      <c r="E12287" t="s">
        <v>13</v>
      </c>
      <c r="F12287">
        <v>1795</v>
      </c>
      <c r="G12287" t="s">
        <v>4577</v>
      </c>
      <c r="H12287">
        <v>6.3351162501599996</v>
      </c>
      <c r="I12287">
        <v>51.932535125960001</v>
      </c>
      <c r="J12287" t="s">
        <v>67972</v>
      </c>
    </row>
    <row r="12288" spans="1:10" x14ac:dyDescent="0.25">
      <c r="A12288" t="s">
        <v>4570</v>
      </c>
      <c r="B12288" t="s">
        <v>4571</v>
      </c>
      <c r="C12288" t="s">
        <v>4572</v>
      </c>
      <c r="D12288" t="s">
        <v>4306</v>
      </c>
      <c r="E12288" t="s">
        <v>13</v>
      </c>
      <c r="F12288">
        <v>1794</v>
      </c>
      <c r="G12288" t="s">
        <v>4573</v>
      </c>
      <c r="H12288">
        <v>6.3492191910960001</v>
      </c>
      <c r="I12288">
        <v>51.928909351180003</v>
      </c>
      <c r="J12288" t="s">
        <v>67973</v>
      </c>
    </row>
    <row r="12289" spans="1:10" x14ac:dyDescent="0.25">
      <c r="A12289" t="s">
        <v>4566</v>
      </c>
      <c r="B12289" t="s">
        <v>4567</v>
      </c>
      <c r="C12289" t="s">
        <v>4568</v>
      </c>
      <c r="D12289" t="s">
        <v>4306</v>
      </c>
      <c r="E12289" t="s">
        <v>13</v>
      </c>
      <c r="F12289">
        <v>1793</v>
      </c>
      <c r="G12289" t="s">
        <v>4569</v>
      </c>
      <c r="H12289">
        <v>6.348084651443</v>
      </c>
      <c r="I12289">
        <v>51.926256230798998</v>
      </c>
      <c r="J12289" t="s">
        <v>67974</v>
      </c>
    </row>
    <row r="12290" spans="1:10" x14ac:dyDescent="0.25">
      <c r="A12290" t="s">
        <v>4562</v>
      </c>
      <c r="B12290" t="s">
        <v>4563</v>
      </c>
      <c r="C12290" t="s">
        <v>4564</v>
      </c>
      <c r="D12290" t="s">
        <v>4306</v>
      </c>
      <c r="E12290" t="s">
        <v>13</v>
      </c>
      <c r="F12290">
        <v>1792</v>
      </c>
      <c r="G12290" t="s">
        <v>4565</v>
      </c>
      <c r="H12290">
        <v>6.3124932508310003</v>
      </c>
      <c r="I12290">
        <v>51.988037839904003</v>
      </c>
      <c r="J12290" t="s">
        <v>67975</v>
      </c>
    </row>
    <row r="12291" spans="1:10" x14ac:dyDescent="0.25">
      <c r="A12291" t="s">
        <v>4558</v>
      </c>
      <c r="B12291" t="s">
        <v>4559</v>
      </c>
      <c r="C12291" t="s">
        <v>4560</v>
      </c>
      <c r="D12291" t="s">
        <v>4306</v>
      </c>
      <c r="E12291" t="s">
        <v>13</v>
      </c>
      <c r="F12291">
        <v>1791</v>
      </c>
      <c r="G12291" t="s">
        <v>4561</v>
      </c>
      <c r="H12291">
        <v>6.292292155558</v>
      </c>
      <c r="I12291">
        <v>51.989864791888003</v>
      </c>
      <c r="J12291" t="s">
        <v>67976</v>
      </c>
    </row>
    <row r="12292" spans="1:10" x14ac:dyDescent="0.25">
      <c r="A12292" t="s">
        <v>4554</v>
      </c>
      <c r="B12292" t="s">
        <v>4555</v>
      </c>
      <c r="C12292" t="s">
        <v>4556</v>
      </c>
      <c r="D12292" t="s">
        <v>4306</v>
      </c>
      <c r="E12292" t="s">
        <v>13</v>
      </c>
      <c r="F12292">
        <v>1790</v>
      </c>
      <c r="G12292" t="s">
        <v>4557</v>
      </c>
      <c r="H12292">
        <v>6.2567394466230004</v>
      </c>
      <c r="I12292">
        <v>51.986219337008997</v>
      </c>
      <c r="J12292" t="s">
        <v>67977</v>
      </c>
    </row>
    <row r="12293" spans="1:10" x14ac:dyDescent="0.25">
      <c r="A12293" t="s">
        <v>4550</v>
      </c>
      <c r="B12293" t="s">
        <v>4551</v>
      </c>
      <c r="C12293" t="s">
        <v>4552</v>
      </c>
      <c r="D12293" t="s">
        <v>4306</v>
      </c>
      <c r="E12293" t="s">
        <v>13</v>
      </c>
      <c r="F12293">
        <v>1789</v>
      </c>
      <c r="G12293" t="s">
        <v>4553</v>
      </c>
      <c r="H12293">
        <v>6.2709777891570004</v>
      </c>
      <c r="I12293">
        <v>51.979451699495002</v>
      </c>
      <c r="J12293" t="s">
        <v>67978</v>
      </c>
    </row>
    <row r="12294" spans="1:10" x14ac:dyDescent="0.25">
      <c r="A12294" t="s">
        <v>4546</v>
      </c>
      <c r="B12294" t="s">
        <v>4547</v>
      </c>
      <c r="C12294" t="s">
        <v>4548</v>
      </c>
      <c r="D12294" t="s">
        <v>4306</v>
      </c>
      <c r="E12294" t="s">
        <v>13</v>
      </c>
      <c r="F12294">
        <v>1788</v>
      </c>
      <c r="G12294" t="s">
        <v>4549</v>
      </c>
      <c r="H12294">
        <v>6.290821055356</v>
      </c>
      <c r="I12294">
        <v>51.983585387494998</v>
      </c>
      <c r="J12294" t="s">
        <v>67979</v>
      </c>
    </row>
    <row r="12295" spans="1:10" x14ac:dyDescent="0.25">
      <c r="A12295" t="s">
        <v>4542</v>
      </c>
      <c r="B12295" t="s">
        <v>4543</v>
      </c>
      <c r="C12295" t="s">
        <v>4544</v>
      </c>
      <c r="D12295" t="s">
        <v>4306</v>
      </c>
      <c r="E12295" t="s">
        <v>13</v>
      </c>
      <c r="F12295">
        <v>1787</v>
      </c>
      <c r="G12295" t="s">
        <v>4545</v>
      </c>
      <c r="H12295">
        <v>6.2958061193699999</v>
      </c>
      <c r="I12295">
        <v>51.979736932335001</v>
      </c>
      <c r="J12295" t="s">
        <v>67980</v>
      </c>
    </row>
    <row r="12296" spans="1:10" x14ac:dyDescent="0.25">
      <c r="A12296" t="s">
        <v>4538</v>
      </c>
      <c r="B12296" t="s">
        <v>4539</v>
      </c>
      <c r="C12296" t="s">
        <v>4540</v>
      </c>
      <c r="D12296" t="s">
        <v>4306</v>
      </c>
      <c r="E12296" t="s">
        <v>13</v>
      </c>
      <c r="F12296">
        <v>1786</v>
      </c>
      <c r="G12296" t="s">
        <v>4541</v>
      </c>
      <c r="H12296">
        <v>6.2960119622060002</v>
      </c>
      <c r="I12296">
        <v>51.973125517101003</v>
      </c>
      <c r="J12296" t="s">
        <v>67981</v>
      </c>
    </row>
    <row r="12297" spans="1:10" x14ac:dyDescent="0.25">
      <c r="A12297" t="s">
        <v>4534</v>
      </c>
      <c r="B12297" t="s">
        <v>4535</v>
      </c>
      <c r="C12297" t="s">
        <v>4536</v>
      </c>
      <c r="D12297" t="s">
        <v>4306</v>
      </c>
      <c r="E12297" t="s">
        <v>13</v>
      </c>
      <c r="F12297">
        <v>1785</v>
      </c>
      <c r="G12297" t="s">
        <v>4537</v>
      </c>
      <c r="H12297">
        <v>6.2904900015959999</v>
      </c>
      <c r="I12297">
        <v>51.976303568470001</v>
      </c>
      <c r="J12297" t="s">
        <v>67982</v>
      </c>
    </row>
    <row r="12298" spans="1:10" x14ac:dyDescent="0.25">
      <c r="A12298" t="s">
        <v>4530</v>
      </c>
      <c r="B12298" t="s">
        <v>4531</v>
      </c>
      <c r="C12298" t="s">
        <v>4532</v>
      </c>
      <c r="D12298" t="s">
        <v>4306</v>
      </c>
      <c r="E12298" t="s">
        <v>13</v>
      </c>
      <c r="F12298">
        <v>1784</v>
      </c>
      <c r="G12298" t="s">
        <v>4533</v>
      </c>
      <c r="H12298">
        <v>6.287347682609</v>
      </c>
      <c r="I12298">
        <v>51.982687430883999</v>
      </c>
      <c r="J12298" t="s">
        <v>67983</v>
      </c>
    </row>
    <row r="12299" spans="1:10" x14ac:dyDescent="0.25">
      <c r="A12299" t="s">
        <v>4526</v>
      </c>
      <c r="B12299" t="s">
        <v>4527</v>
      </c>
      <c r="C12299" t="s">
        <v>4528</v>
      </c>
      <c r="D12299" t="s">
        <v>4306</v>
      </c>
      <c r="E12299" t="s">
        <v>13</v>
      </c>
      <c r="F12299">
        <v>1783</v>
      </c>
      <c r="G12299" t="s">
        <v>4529</v>
      </c>
      <c r="H12299">
        <v>6.2845482827639998</v>
      </c>
      <c r="I12299">
        <v>51.974564127807</v>
      </c>
      <c r="J12299" t="s">
        <v>67984</v>
      </c>
    </row>
    <row r="12300" spans="1:10" x14ac:dyDescent="0.25">
      <c r="A12300" t="s">
        <v>4523</v>
      </c>
      <c r="B12300" t="s">
        <v>4524</v>
      </c>
      <c r="C12300" t="s">
        <v>3102</v>
      </c>
      <c r="D12300" t="s">
        <v>4306</v>
      </c>
      <c r="E12300" t="s">
        <v>13</v>
      </c>
      <c r="F12300">
        <v>1782</v>
      </c>
      <c r="G12300" t="s">
        <v>4525</v>
      </c>
      <c r="H12300">
        <v>6.2804610609190004</v>
      </c>
      <c r="I12300">
        <v>51.972023618385002</v>
      </c>
      <c r="J12300" t="s">
        <v>67985</v>
      </c>
    </row>
    <row r="12301" spans="1:10" x14ac:dyDescent="0.25">
      <c r="A12301" t="s">
        <v>4519</v>
      </c>
      <c r="B12301" t="s">
        <v>4520</v>
      </c>
      <c r="C12301" t="s">
        <v>4521</v>
      </c>
      <c r="D12301" t="s">
        <v>4306</v>
      </c>
      <c r="E12301" t="s">
        <v>13</v>
      </c>
      <c r="F12301">
        <v>1781</v>
      </c>
      <c r="G12301" t="s">
        <v>4522</v>
      </c>
      <c r="H12301">
        <v>6.2530479087190001</v>
      </c>
      <c r="I12301">
        <v>51.984639438667998</v>
      </c>
      <c r="J12301" t="s">
        <v>67986</v>
      </c>
    </row>
    <row r="12302" spans="1:10" x14ac:dyDescent="0.25">
      <c r="A12302" t="s">
        <v>4515</v>
      </c>
      <c r="B12302" t="s">
        <v>4516</v>
      </c>
      <c r="C12302" t="s">
        <v>4517</v>
      </c>
      <c r="D12302" t="s">
        <v>4306</v>
      </c>
      <c r="E12302" t="s">
        <v>13</v>
      </c>
      <c r="F12302">
        <v>1780</v>
      </c>
      <c r="G12302" t="s">
        <v>4518</v>
      </c>
      <c r="H12302">
        <v>6.25834720836</v>
      </c>
      <c r="I12302">
        <v>51.977097332965002</v>
      </c>
      <c r="J12302" t="s">
        <v>67987</v>
      </c>
    </row>
    <row r="12303" spans="1:10" x14ac:dyDescent="0.25">
      <c r="A12303" t="s">
        <v>4511</v>
      </c>
      <c r="B12303" t="s">
        <v>4512</v>
      </c>
      <c r="C12303" t="s">
        <v>4513</v>
      </c>
      <c r="D12303" t="s">
        <v>4306</v>
      </c>
      <c r="E12303" t="s">
        <v>13</v>
      </c>
      <c r="F12303">
        <v>1779</v>
      </c>
      <c r="G12303" t="s">
        <v>4514</v>
      </c>
      <c r="H12303">
        <v>6.2691837113669999</v>
      </c>
      <c r="I12303">
        <v>51.972082635177003</v>
      </c>
      <c r="J12303" t="s">
        <v>67988</v>
      </c>
    </row>
    <row r="12304" spans="1:10" x14ac:dyDescent="0.25">
      <c r="A12304" t="s">
        <v>4507</v>
      </c>
      <c r="B12304" t="s">
        <v>4508</v>
      </c>
      <c r="C12304" t="s">
        <v>4509</v>
      </c>
      <c r="D12304" t="s">
        <v>4306</v>
      </c>
      <c r="E12304" t="s">
        <v>13</v>
      </c>
      <c r="F12304">
        <v>1778</v>
      </c>
      <c r="G12304" t="s">
        <v>4510</v>
      </c>
      <c r="H12304">
        <v>6.2769163621199997</v>
      </c>
      <c r="I12304">
        <v>51.969089248838998</v>
      </c>
      <c r="J12304" t="s">
        <v>67989</v>
      </c>
    </row>
    <row r="12305" spans="1:10" x14ac:dyDescent="0.25">
      <c r="A12305" t="s">
        <v>4503</v>
      </c>
      <c r="B12305" t="s">
        <v>4504</v>
      </c>
      <c r="C12305" t="s">
        <v>4505</v>
      </c>
      <c r="D12305" t="s">
        <v>4306</v>
      </c>
      <c r="E12305" t="s">
        <v>13</v>
      </c>
      <c r="F12305">
        <v>1777</v>
      </c>
      <c r="G12305" t="s">
        <v>4506</v>
      </c>
      <c r="H12305">
        <v>6.2808597281080001</v>
      </c>
      <c r="I12305">
        <v>51.957300123845997</v>
      </c>
      <c r="J12305" t="s">
        <v>67990</v>
      </c>
    </row>
    <row r="12306" spans="1:10" x14ac:dyDescent="0.25">
      <c r="A12306" t="s">
        <v>4499</v>
      </c>
      <c r="B12306" t="s">
        <v>4500</v>
      </c>
      <c r="C12306" t="s">
        <v>4501</v>
      </c>
      <c r="D12306" t="s">
        <v>4306</v>
      </c>
      <c r="E12306" t="s">
        <v>13</v>
      </c>
      <c r="F12306">
        <v>1776</v>
      </c>
      <c r="G12306" t="s">
        <v>4502</v>
      </c>
      <c r="H12306">
        <v>6.2844064652330003</v>
      </c>
      <c r="I12306">
        <v>51.953374875066999</v>
      </c>
      <c r="J12306" t="s">
        <v>67991</v>
      </c>
    </row>
    <row r="12307" spans="1:10" x14ac:dyDescent="0.25">
      <c r="A12307" t="s">
        <v>4495</v>
      </c>
      <c r="B12307" t="s">
        <v>4496</v>
      </c>
      <c r="C12307" t="s">
        <v>4497</v>
      </c>
      <c r="D12307" t="s">
        <v>4306</v>
      </c>
      <c r="E12307" t="s">
        <v>13</v>
      </c>
      <c r="F12307">
        <v>1775</v>
      </c>
      <c r="G12307" t="s">
        <v>4498</v>
      </c>
      <c r="H12307">
        <v>6.2813467460119998</v>
      </c>
      <c r="I12307">
        <v>51.950493880019003</v>
      </c>
      <c r="J12307" t="s">
        <v>67992</v>
      </c>
    </row>
    <row r="12308" spans="1:10" x14ac:dyDescent="0.25">
      <c r="A12308" t="s">
        <v>4491</v>
      </c>
      <c r="B12308" t="s">
        <v>4492</v>
      </c>
      <c r="C12308" t="s">
        <v>4493</v>
      </c>
      <c r="D12308" t="s">
        <v>4306</v>
      </c>
      <c r="E12308" t="s">
        <v>13</v>
      </c>
      <c r="F12308">
        <v>1774</v>
      </c>
      <c r="G12308" t="s">
        <v>4494</v>
      </c>
      <c r="H12308">
        <v>6.2775520533730003</v>
      </c>
      <c r="I12308">
        <v>51.952601813769</v>
      </c>
      <c r="J12308" t="s">
        <v>67993</v>
      </c>
    </row>
    <row r="12309" spans="1:10" x14ac:dyDescent="0.25">
      <c r="A12309" t="s">
        <v>4487</v>
      </c>
      <c r="B12309" t="s">
        <v>4488</v>
      </c>
      <c r="C12309" t="s">
        <v>4489</v>
      </c>
      <c r="D12309" t="s">
        <v>4306</v>
      </c>
      <c r="E12309" t="s">
        <v>13</v>
      </c>
      <c r="F12309">
        <v>1773</v>
      </c>
      <c r="G12309" t="s">
        <v>4490</v>
      </c>
      <c r="H12309">
        <v>6.2822966240809999</v>
      </c>
      <c r="I12309">
        <v>51.946118854295001</v>
      </c>
      <c r="J12309" t="s">
        <v>67994</v>
      </c>
    </row>
    <row r="12310" spans="1:10" x14ac:dyDescent="0.25">
      <c r="A12310" t="s">
        <v>4483</v>
      </c>
      <c r="B12310" t="s">
        <v>4484</v>
      </c>
      <c r="C12310" t="s">
        <v>4485</v>
      </c>
      <c r="D12310" t="s">
        <v>4306</v>
      </c>
      <c r="E12310" t="s">
        <v>13</v>
      </c>
      <c r="F12310">
        <v>1772</v>
      </c>
      <c r="G12310" t="s">
        <v>4486</v>
      </c>
      <c r="H12310">
        <v>6.2694190119230004</v>
      </c>
      <c r="I12310">
        <v>51.949446994599001</v>
      </c>
      <c r="J12310" t="s">
        <v>67995</v>
      </c>
    </row>
    <row r="12311" spans="1:10" x14ac:dyDescent="0.25">
      <c r="A12311" t="s">
        <v>4479</v>
      </c>
      <c r="B12311" t="s">
        <v>4480</v>
      </c>
      <c r="C12311" t="s">
        <v>4481</v>
      </c>
      <c r="D12311" t="s">
        <v>4306</v>
      </c>
      <c r="E12311" t="s">
        <v>13</v>
      </c>
      <c r="F12311">
        <v>1771</v>
      </c>
      <c r="G12311" t="s">
        <v>4482</v>
      </c>
      <c r="H12311">
        <v>6.2632418233170002</v>
      </c>
      <c r="I12311">
        <v>51.957770568266</v>
      </c>
      <c r="J12311" t="s">
        <v>67996</v>
      </c>
    </row>
    <row r="12312" spans="1:10" x14ac:dyDescent="0.25">
      <c r="A12312" t="s">
        <v>4475</v>
      </c>
      <c r="B12312" t="s">
        <v>4476</v>
      </c>
      <c r="C12312" t="s">
        <v>4477</v>
      </c>
      <c r="D12312" t="s">
        <v>4306</v>
      </c>
      <c r="E12312" t="s">
        <v>13</v>
      </c>
      <c r="F12312">
        <v>1770</v>
      </c>
      <c r="G12312" t="s">
        <v>4478</v>
      </c>
      <c r="H12312">
        <v>6.2658952737610001</v>
      </c>
      <c r="I12312">
        <v>51.955227784601</v>
      </c>
      <c r="J12312" t="s">
        <v>67997</v>
      </c>
    </row>
    <row r="12313" spans="1:10" x14ac:dyDescent="0.25">
      <c r="A12313" t="s">
        <v>4471</v>
      </c>
      <c r="B12313" t="s">
        <v>4472</v>
      </c>
      <c r="C12313" t="s">
        <v>4473</v>
      </c>
      <c r="D12313" t="s">
        <v>4306</v>
      </c>
      <c r="E12313" t="s">
        <v>13</v>
      </c>
      <c r="F12313">
        <v>1769</v>
      </c>
      <c r="G12313" t="s">
        <v>4474</v>
      </c>
      <c r="H12313">
        <v>6.2673488658160004</v>
      </c>
      <c r="I12313">
        <v>51.952148598377001</v>
      </c>
      <c r="J12313" t="s">
        <v>67998</v>
      </c>
    </row>
    <row r="12314" spans="1:10" x14ac:dyDescent="0.25">
      <c r="A12314" t="s">
        <v>4467</v>
      </c>
      <c r="B12314" t="s">
        <v>4468</v>
      </c>
      <c r="C12314" t="s">
        <v>4469</v>
      </c>
      <c r="D12314" t="s">
        <v>4306</v>
      </c>
      <c r="E12314" t="s">
        <v>13</v>
      </c>
      <c r="F12314">
        <v>1768</v>
      </c>
      <c r="G12314" t="s">
        <v>4470</v>
      </c>
      <c r="H12314">
        <v>6.26261907565</v>
      </c>
      <c r="I12314">
        <v>51.948949267815998</v>
      </c>
      <c r="J12314" t="s">
        <v>67999</v>
      </c>
    </row>
    <row r="12315" spans="1:10" x14ac:dyDescent="0.25">
      <c r="A12315" t="s">
        <v>4463</v>
      </c>
      <c r="B12315" t="s">
        <v>4464</v>
      </c>
      <c r="C12315" t="s">
        <v>4465</v>
      </c>
      <c r="D12315" t="s">
        <v>4306</v>
      </c>
      <c r="E12315" t="s">
        <v>13</v>
      </c>
      <c r="F12315">
        <v>1767</v>
      </c>
      <c r="G12315" t="s">
        <v>4466</v>
      </c>
      <c r="H12315">
        <v>6.2584523998890003</v>
      </c>
      <c r="I12315">
        <v>51.952864097301998</v>
      </c>
      <c r="J12315" t="s">
        <v>68000</v>
      </c>
    </row>
    <row r="12316" spans="1:10" x14ac:dyDescent="0.25">
      <c r="A12316" t="s">
        <v>4459</v>
      </c>
      <c r="B12316" t="s">
        <v>4460</v>
      </c>
      <c r="C12316" t="s">
        <v>4461</v>
      </c>
      <c r="D12316" t="s">
        <v>4306</v>
      </c>
      <c r="E12316" t="s">
        <v>13</v>
      </c>
      <c r="F12316">
        <v>1766</v>
      </c>
      <c r="G12316" t="s">
        <v>4462</v>
      </c>
      <c r="H12316">
        <v>6.2559970837529999</v>
      </c>
      <c r="I12316">
        <v>51.956432775387</v>
      </c>
      <c r="J12316" t="s">
        <v>68001</v>
      </c>
    </row>
    <row r="12317" spans="1:10" x14ac:dyDescent="0.25">
      <c r="A12317" t="s">
        <v>4455</v>
      </c>
      <c r="B12317" t="s">
        <v>4456</v>
      </c>
      <c r="C12317" t="s">
        <v>4457</v>
      </c>
      <c r="D12317" t="s">
        <v>4306</v>
      </c>
      <c r="E12317" t="s">
        <v>13</v>
      </c>
      <c r="F12317">
        <v>1765</v>
      </c>
      <c r="G12317" t="s">
        <v>4458</v>
      </c>
      <c r="H12317">
        <v>6.2527877028000001</v>
      </c>
      <c r="I12317">
        <v>51.958156965260997</v>
      </c>
      <c r="J12317" t="s">
        <v>68002</v>
      </c>
    </row>
    <row r="12318" spans="1:10" x14ac:dyDescent="0.25">
      <c r="A12318" t="s">
        <v>4451</v>
      </c>
      <c r="B12318" t="s">
        <v>4452</v>
      </c>
      <c r="C12318" t="s">
        <v>4453</v>
      </c>
      <c r="D12318" t="s">
        <v>4306</v>
      </c>
      <c r="E12318" t="s">
        <v>13</v>
      </c>
      <c r="F12318">
        <v>1764</v>
      </c>
      <c r="G12318" t="s">
        <v>4454</v>
      </c>
      <c r="H12318">
        <v>6.2385305773909998</v>
      </c>
      <c r="I12318">
        <v>51.977141804852998</v>
      </c>
      <c r="J12318" t="s">
        <v>68003</v>
      </c>
    </row>
    <row r="12319" spans="1:10" x14ac:dyDescent="0.25">
      <c r="A12319" t="s">
        <v>4447</v>
      </c>
      <c r="B12319" t="s">
        <v>4448</v>
      </c>
      <c r="C12319" t="s">
        <v>4449</v>
      </c>
      <c r="D12319" t="s">
        <v>4306</v>
      </c>
      <c r="E12319" t="s">
        <v>13</v>
      </c>
      <c r="F12319">
        <v>1763</v>
      </c>
      <c r="G12319" t="s">
        <v>4450</v>
      </c>
      <c r="H12319">
        <v>6.2621995530229997</v>
      </c>
      <c r="I12319">
        <v>51.969298058455998</v>
      </c>
      <c r="J12319" t="s">
        <v>68004</v>
      </c>
    </row>
    <row r="12320" spans="1:10" x14ac:dyDescent="0.25">
      <c r="A12320" t="s">
        <v>4443</v>
      </c>
      <c r="B12320" t="s">
        <v>4444</v>
      </c>
      <c r="C12320" t="s">
        <v>4445</v>
      </c>
      <c r="D12320" t="s">
        <v>4306</v>
      </c>
      <c r="E12320" t="s">
        <v>13</v>
      </c>
      <c r="F12320">
        <v>1762</v>
      </c>
      <c r="G12320" t="s">
        <v>4446</v>
      </c>
      <c r="H12320">
        <v>6.2757412329989997</v>
      </c>
      <c r="I12320">
        <v>51.964318517233004</v>
      </c>
      <c r="J12320" t="s">
        <v>68005</v>
      </c>
    </row>
    <row r="12321" spans="1:10" x14ac:dyDescent="0.25">
      <c r="A12321" t="s">
        <v>4439</v>
      </c>
      <c r="B12321" t="s">
        <v>4440</v>
      </c>
      <c r="C12321" t="s">
        <v>4441</v>
      </c>
      <c r="D12321" t="s">
        <v>4306</v>
      </c>
      <c r="E12321" t="s">
        <v>13</v>
      </c>
      <c r="F12321">
        <v>1761</v>
      </c>
      <c r="G12321" t="s">
        <v>4442</v>
      </c>
      <c r="H12321">
        <v>6.25210081055</v>
      </c>
      <c r="I12321">
        <v>51.967932378222002</v>
      </c>
      <c r="J12321" t="s">
        <v>68006</v>
      </c>
    </row>
    <row r="12322" spans="1:10" x14ac:dyDescent="0.25">
      <c r="A12322" t="s">
        <v>4435</v>
      </c>
      <c r="B12322" t="s">
        <v>4436</v>
      </c>
      <c r="C12322" t="s">
        <v>4437</v>
      </c>
      <c r="D12322" t="s">
        <v>4306</v>
      </c>
      <c r="E12322" t="s">
        <v>13</v>
      </c>
      <c r="F12322">
        <v>1760</v>
      </c>
      <c r="G12322" t="s">
        <v>4438</v>
      </c>
      <c r="H12322">
        <v>6.2459715580420001</v>
      </c>
      <c r="I12322">
        <v>51.964231644283998</v>
      </c>
      <c r="J12322" t="s">
        <v>68007</v>
      </c>
    </row>
    <row r="12323" spans="1:10" x14ac:dyDescent="0.25">
      <c r="A12323" t="s">
        <v>4431</v>
      </c>
      <c r="B12323" t="s">
        <v>4432</v>
      </c>
      <c r="C12323" t="s">
        <v>4433</v>
      </c>
      <c r="D12323" t="s">
        <v>4306</v>
      </c>
      <c r="E12323" t="s">
        <v>13</v>
      </c>
      <c r="F12323">
        <v>1759</v>
      </c>
      <c r="G12323" t="s">
        <v>4434</v>
      </c>
      <c r="H12323">
        <v>6.2554691661359998</v>
      </c>
      <c r="I12323">
        <v>51.961980908203003</v>
      </c>
      <c r="J12323" t="s">
        <v>68008</v>
      </c>
    </row>
    <row r="12324" spans="1:10" x14ac:dyDescent="0.25">
      <c r="A12324" t="s">
        <v>4427</v>
      </c>
      <c r="B12324" t="s">
        <v>4428</v>
      </c>
      <c r="C12324" t="s">
        <v>4429</v>
      </c>
      <c r="D12324" t="s">
        <v>4306</v>
      </c>
      <c r="E12324" t="s">
        <v>13</v>
      </c>
      <c r="F12324">
        <v>1758</v>
      </c>
      <c r="G12324" t="s">
        <v>4430</v>
      </c>
      <c r="H12324">
        <v>6.2608601184610002</v>
      </c>
      <c r="I12324">
        <v>51.964753221885999</v>
      </c>
      <c r="J12324" t="s">
        <v>68009</v>
      </c>
    </row>
    <row r="12325" spans="1:10" x14ac:dyDescent="0.25">
      <c r="A12325" t="s">
        <v>4423</v>
      </c>
      <c r="B12325" t="s">
        <v>4424</v>
      </c>
      <c r="C12325" t="s">
        <v>4425</v>
      </c>
      <c r="D12325" t="s">
        <v>4306</v>
      </c>
      <c r="E12325" t="s">
        <v>13</v>
      </c>
      <c r="F12325">
        <v>1757</v>
      </c>
      <c r="G12325" t="s">
        <v>4426</v>
      </c>
      <c r="H12325">
        <v>6.268115672815</v>
      </c>
      <c r="I12325">
        <v>51.960700374150001</v>
      </c>
      <c r="J12325" t="s">
        <v>68010</v>
      </c>
    </row>
    <row r="12326" spans="1:10" x14ac:dyDescent="0.25">
      <c r="A12326" t="s">
        <v>4419</v>
      </c>
      <c r="B12326" t="s">
        <v>4420</v>
      </c>
      <c r="C12326" t="s">
        <v>4421</v>
      </c>
      <c r="D12326" t="s">
        <v>4306</v>
      </c>
      <c r="E12326" t="s">
        <v>13</v>
      </c>
      <c r="F12326">
        <v>1756</v>
      </c>
      <c r="G12326" t="s">
        <v>4422</v>
      </c>
      <c r="H12326">
        <v>6.2829096057280003</v>
      </c>
      <c r="I12326">
        <v>51.961175071338999</v>
      </c>
      <c r="J12326" t="s">
        <v>68011</v>
      </c>
    </row>
    <row r="12327" spans="1:10" x14ac:dyDescent="0.25">
      <c r="A12327" t="s">
        <v>4415</v>
      </c>
      <c r="B12327" t="s">
        <v>4416</v>
      </c>
      <c r="C12327" t="s">
        <v>4417</v>
      </c>
      <c r="D12327" t="s">
        <v>4306</v>
      </c>
      <c r="E12327" t="s">
        <v>13</v>
      </c>
      <c r="F12327">
        <v>1755</v>
      </c>
      <c r="G12327" t="s">
        <v>4418</v>
      </c>
      <c r="H12327">
        <v>6.3125223268069997</v>
      </c>
      <c r="I12327">
        <v>51.940182125047997</v>
      </c>
      <c r="J12327" t="s">
        <v>68012</v>
      </c>
    </row>
    <row r="12328" spans="1:10" x14ac:dyDescent="0.25">
      <c r="A12328" t="s">
        <v>4411</v>
      </c>
      <c r="B12328" t="s">
        <v>4412</v>
      </c>
      <c r="C12328" t="s">
        <v>4413</v>
      </c>
      <c r="D12328" t="s">
        <v>4306</v>
      </c>
      <c r="E12328" t="s">
        <v>13</v>
      </c>
      <c r="F12328">
        <v>1754</v>
      </c>
      <c r="G12328" t="s">
        <v>4414</v>
      </c>
      <c r="H12328">
        <v>6.2976026981409996</v>
      </c>
      <c r="I12328">
        <v>51.949655958408997</v>
      </c>
      <c r="J12328" t="s">
        <v>68013</v>
      </c>
    </row>
    <row r="12329" spans="1:10" x14ac:dyDescent="0.25">
      <c r="A12329" t="s">
        <v>4407</v>
      </c>
      <c r="B12329" t="s">
        <v>4408</v>
      </c>
      <c r="C12329" t="s">
        <v>4409</v>
      </c>
      <c r="D12329" t="s">
        <v>4306</v>
      </c>
      <c r="E12329" t="s">
        <v>13</v>
      </c>
      <c r="F12329">
        <v>1753</v>
      </c>
      <c r="G12329" t="s">
        <v>4410</v>
      </c>
      <c r="H12329">
        <v>6.292976626083</v>
      </c>
      <c r="I12329">
        <v>51.956558807748003</v>
      </c>
      <c r="J12329" t="s">
        <v>68014</v>
      </c>
    </row>
    <row r="12330" spans="1:10" x14ac:dyDescent="0.25">
      <c r="A12330" t="s">
        <v>4403</v>
      </c>
      <c r="B12330" t="s">
        <v>4404</v>
      </c>
      <c r="C12330" t="s">
        <v>4405</v>
      </c>
      <c r="D12330" t="s">
        <v>4306</v>
      </c>
      <c r="E12330" t="s">
        <v>13</v>
      </c>
      <c r="F12330">
        <v>1752</v>
      </c>
      <c r="G12330" t="s">
        <v>4406</v>
      </c>
      <c r="H12330">
        <v>6.2910727429589999</v>
      </c>
      <c r="I12330">
        <v>51.960480275831998</v>
      </c>
      <c r="J12330" t="s">
        <v>68015</v>
      </c>
    </row>
    <row r="12331" spans="1:10" x14ac:dyDescent="0.25">
      <c r="A12331" t="s">
        <v>4399</v>
      </c>
      <c r="B12331" t="s">
        <v>4400</v>
      </c>
      <c r="C12331" t="s">
        <v>4401</v>
      </c>
      <c r="D12331" t="s">
        <v>4306</v>
      </c>
      <c r="E12331" t="s">
        <v>13</v>
      </c>
      <c r="F12331">
        <v>1751</v>
      </c>
      <c r="G12331" t="s">
        <v>4402</v>
      </c>
      <c r="H12331">
        <v>6.3877286067719998</v>
      </c>
      <c r="I12331">
        <v>51.965777100765997</v>
      </c>
      <c r="J12331" t="s">
        <v>68016</v>
      </c>
    </row>
    <row r="12332" spans="1:10" x14ac:dyDescent="0.25">
      <c r="A12332" t="s">
        <v>4395</v>
      </c>
      <c r="B12332" t="s">
        <v>4396</v>
      </c>
      <c r="C12332" t="s">
        <v>4397</v>
      </c>
      <c r="D12332" t="s">
        <v>4306</v>
      </c>
      <c r="E12332" t="s">
        <v>13</v>
      </c>
      <c r="F12332">
        <v>1750</v>
      </c>
      <c r="G12332" t="s">
        <v>4398</v>
      </c>
      <c r="H12332">
        <v>6.3391593003570001</v>
      </c>
      <c r="I12332">
        <v>51.968365629669002</v>
      </c>
      <c r="J12332" t="s">
        <v>68017</v>
      </c>
    </row>
    <row r="12333" spans="1:10" x14ac:dyDescent="0.25">
      <c r="A12333" t="s">
        <v>4391</v>
      </c>
      <c r="B12333" t="s">
        <v>4392</v>
      </c>
      <c r="C12333" t="s">
        <v>4393</v>
      </c>
      <c r="D12333" t="s">
        <v>4306</v>
      </c>
      <c r="E12333" t="s">
        <v>13</v>
      </c>
      <c r="F12333">
        <v>1749</v>
      </c>
      <c r="G12333" t="s">
        <v>4394</v>
      </c>
      <c r="H12333">
        <v>6.3518656708670003</v>
      </c>
      <c r="I12333">
        <v>51.955729708059998</v>
      </c>
      <c r="J12333" t="s">
        <v>68018</v>
      </c>
    </row>
    <row r="12334" spans="1:10" x14ac:dyDescent="0.25">
      <c r="A12334" t="s">
        <v>4387</v>
      </c>
      <c r="B12334" t="s">
        <v>4388</v>
      </c>
      <c r="C12334" t="s">
        <v>4389</v>
      </c>
      <c r="D12334" t="s">
        <v>4306</v>
      </c>
      <c r="E12334" t="s">
        <v>13</v>
      </c>
      <c r="F12334">
        <v>1748</v>
      </c>
      <c r="G12334" t="s">
        <v>4390</v>
      </c>
      <c r="H12334">
        <v>6.3163803770799998</v>
      </c>
      <c r="I12334">
        <v>51.960129604853996</v>
      </c>
      <c r="J12334" t="s">
        <v>68019</v>
      </c>
    </row>
    <row r="12335" spans="1:10" x14ac:dyDescent="0.25">
      <c r="A12335" t="s">
        <v>4383</v>
      </c>
      <c r="B12335" t="s">
        <v>4384</v>
      </c>
      <c r="C12335" t="s">
        <v>4385</v>
      </c>
      <c r="D12335" t="s">
        <v>4306</v>
      </c>
      <c r="E12335" t="s">
        <v>13</v>
      </c>
      <c r="F12335">
        <v>1747</v>
      </c>
      <c r="G12335" t="s">
        <v>4386</v>
      </c>
      <c r="H12335">
        <v>6.3224284644360003</v>
      </c>
      <c r="I12335">
        <v>51.953110836519997</v>
      </c>
      <c r="J12335" t="s">
        <v>68020</v>
      </c>
    </row>
    <row r="12336" spans="1:10" x14ac:dyDescent="0.25">
      <c r="A12336" t="s">
        <v>4379</v>
      </c>
      <c r="B12336" t="s">
        <v>4380</v>
      </c>
      <c r="C12336" t="s">
        <v>4381</v>
      </c>
      <c r="D12336" t="s">
        <v>4306</v>
      </c>
      <c r="E12336" t="s">
        <v>13</v>
      </c>
      <c r="F12336">
        <v>1746</v>
      </c>
      <c r="G12336" t="s">
        <v>4382</v>
      </c>
      <c r="H12336">
        <v>6.3356809784039996</v>
      </c>
      <c r="I12336">
        <v>51.945172924598999</v>
      </c>
      <c r="J12336" t="s">
        <v>68021</v>
      </c>
    </row>
    <row r="12337" spans="1:10" x14ac:dyDescent="0.25">
      <c r="A12337" t="s">
        <v>4375</v>
      </c>
      <c r="B12337" t="s">
        <v>4376</v>
      </c>
      <c r="C12337" t="s">
        <v>4377</v>
      </c>
      <c r="D12337" t="s">
        <v>4306</v>
      </c>
      <c r="E12337" t="s">
        <v>13</v>
      </c>
      <c r="F12337">
        <v>1745</v>
      </c>
      <c r="G12337" t="s">
        <v>4378</v>
      </c>
      <c r="H12337">
        <v>6.3223125616429998</v>
      </c>
      <c r="I12337">
        <v>51.941406350001003</v>
      </c>
      <c r="J12337" t="s">
        <v>68022</v>
      </c>
    </row>
    <row r="12338" spans="1:10" x14ac:dyDescent="0.25">
      <c r="A12338" t="s">
        <v>4371</v>
      </c>
      <c r="B12338" t="s">
        <v>4372</v>
      </c>
      <c r="C12338" t="s">
        <v>4373</v>
      </c>
      <c r="D12338" t="s">
        <v>4306</v>
      </c>
      <c r="E12338" t="s">
        <v>13</v>
      </c>
      <c r="F12338">
        <v>1744</v>
      </c>
      <c r="G12338" t="s">
        <v>4374</v>
      </c>
      <c r="H12338">
        <v>6.3089820995219998</v>
      </c>
      <c r="I12338">
        <v>51.951216259272002</v>
      </c>
      <c r="J12338" t="s">
        <v>68023</v>
      </c>
    </row>
    <row r="12339" spans="1:10" x14ac:dyDescent="0.25">
      <c r="A12339" t="s">
        <v>4367</v>
      </c>
      <c r="B12339" t="s">
        <v>4368</v>
      </c>
      <c r="C12339" t="s">
        <v>4369</v>
      </c>
      <c r="D12339" t="s">
        <v>4306</v>
      </c>
      <c r="E12339" t="s">
        <v>13</v>
      </c>
      <c r="F12339">
        <v>1743</v>
      </c>
      <c r="G12339" t="s">
        <v>4370</v>
      </c>
      <c r="H12339">
        <v>6.3085090897680001</v>
      </c>
      <c r="I12339">
        <v>51.964791248673997</v>
      </c>
      <c r="J12339" t="s">
        <v>68024</v>
      </c>
    </row>
    <row r="12340" spans="1:10" x14ac:dyDescent="0.25">
      <c r="A12340" t="s">
        <v>4363</v>
      </c>
      <c r="B12340" t="s">
        <v>4364</v>
      </c>
      <c r="C12340" t="s">
        <v>4365</v>
      </c>
      <c r="D12340" t="s">
        <v>4306</v>
      </c>
      <c r="E12340" t="s">
        <v>13</v>
      </c>
      <c r="F12340">
        <v>1742</v>
      </c>
      <c r="G12340" t="s">
        <v>4366</v>
      </c>
      <c r="H12340">
        <v>6.30588336941</v>
      </c>
      <c r="I12340">
        <v>51.961231232148002</v>
      </c>
      <c r="J12340" t="s">
        <v>68025</v>
      </c>
    </row>
    <row r="12341" spans="1:10" x14ac:dyDescent="0.25">
      <c r="A12341" t="s">
        <v>4359</v>
      </c>
      <c r="B12341" t="s">
        <v>4360</v>
      </c>
      <c r="C12341" t="s">
        <v>4361</v>
      </c>
      <c r="D12341" t="s">
        <v>4306</v>
      </c>
      <c r="E12341" t="s">
        <v>13</v>
      </c>
      <c r="F12341">
        <v>1741</v>
      </c>
      <c r="G12341" t="s">
        <v>4362</v>
      </c>
      <c r="H12341">
        <v>6.300774883011</v>
      </c>
      <c r="I12341">
        <v>51.959281593081002</v>
      </c>
      <c r="J12341" t="s">
        <v>68026</v>
      </c>
    </row>
    <row r="12342" spans="1:10" x14ac:dyDescent="0.25">
      <c r="A12342" t="s">
        <v>4355</v>
      </c>
      <c r="B12342" t="s">
        <v>4356</v>
      </c>
      <c r="C12342" t="s">
        <v>4357</v>
      </c>
      <c r="D12342" t="s">
        <v>4306</v>
      </c>
      <c r="E12342" t="s">
        <v>13</v>
      </c>
      <c r="F12342">
        <v>1740</v>
      </c>
      <c r="G12342" t="s">
        <v>4358</v>
      </c>
      <c r="H12342">
        <v>6.3243833711209998</v>
      </c>
      <c r="I12342">
        <v>51.982313387997003</v>
      </c>
      <c r="J12342" t="s">
        <v>68027</v>
      </c>
    </row>
    <row r="12343" spans="1:10" x14ac:dyDescent="0.25">
      <c r="A12343" t="s">
        <v>4351</v>
      </c>
      <c r="B12343" t="s">
        <v>4352</v>
      </c>
      <c r="C12343" t="s">
        <v>4353</v>
      </c>
      <c r="D12343" t="s">
        <v>4306</v>
      </c>
      <c r="E12343" t="s">
        <v>13</v>
      </c>
      <c r="F12343">
        <v>1739</v>
      </c>
      <c r="G12343" t="s">
        <v>4354</v>
      </c>
      <c r="H12343">
        <v>6.3136771670660004</v>
      </c>
      <c r="I12343">
        <v>51.978489126211002</v>
      </c>
      <c r="J12343" t="s">
        <v>68028</v>
      </c>
    </row>
    <row r="12344" spans="1:10" x14ac:dyDescent="0.25">
      <c r="A12344" t="s">
        <v>4347</v>
      </c>
      <c r="B12344" t="s">
        <v>4348</v>
      </c>
      <c r="C12344" t="s">
        <v>4349</v>
      </c>
      <c r="D12344" t="s">
        <v>4306</v>
      </c>
      <c r="E12344" t="s">
        <v>13</v>
      </c>
      <c r="F12344">
        <v>1738</v>
      </c>
      <c r="G12344" t="s">
        <v>4350</v>
      </c>
      <c r="H12344">
        <v>6.309574712981</v>
      </c>
      <c r="I12344">
        <v>51.976598482100002</v>
      </c>
      <c r="J12344" t="s">
        <v>68029</v>
      </c>
    </row>
    <row r="12345" spans="1:10" x14ac:dyDescent="0.25">
      <c r="A12345" t="s">
        <v>4343</v>
      </c>
      <c r="B12345" t="s">
        <v>4344</v>
      </c>
      <c r="C12345" t="s">
        <v>4345</v>
      </c>
      <c r="D12345" t="s">
        <v>4306</v>
      </c>
      <c r="E12345" t="s">
        <v>13</v>
      </c>
      <c r="F12345">
        <v>1737</v>
      </c>
      <c r="G12345" t="s">
        <v>4346</v>
      </c>
      <c r="H12345">
        <v>6.3197303244249996</v>
      </c>
      <c r="I12345">
        <v>51.97253875613</v>
      </c>
      <c r="J12345" t="s">
        <v>68030</v>
      </c>
    </row>
    <row r="12346" spans="1:10" x14ac:dyDescent="0.25">
      <c r="A12346" t="s">
        <v>4339</v>
      </c>
      <c r="B12346" t="s">
        <v>4340</v>
      </c>
      <c r="C12346" t="s">
        <v>4341</v>
      </c>
      <c r="D12346" t="s">
        <v>4306</v>
      </c>
      <c r="E12346" t="s">
        <v>13</v>
      </c>
      <c r="F12346">
        <v>1736</v>
      </c>
      <c r="G12346" t="s">
        <v>4342</v>
      </c>
      <c r="H12346">
        <v>6.3117618491650003</v>
      </c>
      <c r="I12346">
        <v>51.973640509196002</v>
      </c>
      <c r="J12346" t="s">
        <v>68031</v>
      </c>
    </row>
    <row r="12347" spans="1:10" x14ac:dyDescent="0.25">
      <c r="A12347" t="s">
        <v>4335</v>
      </c>
      <c r="B12347" t="s">
        <v>4336</v>
      </c>
      <c r="C12347" t="s">
        <v>4337</v>
      </c>
      <c r="D12347" t="s">
        <v>4306</v>
      </c>
      <c r="E12347" t="s">
        <v>13</v>
      </c>
      <c r="F12347">
        <v>1735</v>
      </c>
      <c r="G12347" t="s">
        <v>4338</v>
      </c>
      <c r="H12347">
        <v>6.3143658774069999</v>
      </c>
      <c r="I12347">
        <v>51.968202106786997</v>
      </c>
      <c r="J12347" t="s">
        <v>68032</v>
      </c>
    </row>
    <row r="12348" spans="1:10" x14ac:dyDescent="0.25">
      <c r="A12348" t="s">
        <v>4331</v>
      </c>
      <c r="B12348" t="s">
        <v>4332</v>
      </c>
      <c r="C12348" t="s">
        <v>4333</v>
      </c>
      <c r="D12348" t="s">
        <v>4306</v>
      </c>
      <c r="E12348" t="s">
        <v>13</v>
      </c>
      <c r="F12348">
        <v>1734</v>
      </c>
      <c r="G12348" t="s">
        <v>4334</v>
      </c>
      <c r="H12348">
        <v>6.3035381969320001</v>
      </c>
      <c r="I12348">
        <v>51.970636905851002</v>
      </c>
      <c r="J12348" t="s">
        <v>68033</v>
      </c>
    </row>
    <row r="12349" spans="1:10" x14ac:dyDescent="0.25">
      <c r="A12349" t="s">
        <v>4327</v>
      </c>
      <c r="B12349" t="s">
        <v>4328</v>
      </c>
      <c r="C12349" t="s">
        <v>4329</v>
      </c>
      <c r="D12349" t="s">
        <v>4306</v>
      </c>
      <c r="E12349" t="s">
        <v>13</v>
      </c>
      <c r="F12349">
        <v>1733</v>
      </c>
      <c r="G12349" t="s">
        <v>4330</v>
      </c>
      <c r="H12349">
        <v>6.3076087734000001</v>
      </c>
      <c r="I12349">
        <v>51.968000477022002</v>
      </c>
      <c r="J12349" t="s">
        <v>68034</v>
      </c>
    </row>
    <row r="12350" spans="1:10" x14ac:dyDescent="0.25">
      <c r="A12350" t="s">
        <v>4323</v>
      </c>
      <c r="B12350" t="s">
        <v>4324</v>
      </c>
      <c r="C12350" t="s">
        <v>4325</v>
      </c>
      <c r="D12350" t="s">
        <v>4306</v>
      </c>
      <c r="E12350" t="s">
        <v>13</v>
      </c>
      <c r="F12350">
        <v>1732</v>
      </c>
      <c r="G12350" t="s">
        <v>4326</v>
      </c>
      <c r="H12350">
        <v>6.2959003262450004</v>
      </c>
      <c r="I12350">
        <v>51.962214259751001</v>
      </c>
      <c r="J12350" t="s">
        <v>68035</v>
      </c>
    </row>
    <row r="12351" spans="1:10" x14ac:dyDescent="0.25">
      <c r="A12351" t="s">
        <v>4319</v>
      </c>
      <c r="B12351" t="s">
        <v>4320</v>
      </c>
      <c r="C12351" t="s">
        <v>4321</v>
      </c>
      <c r="D12351" t="s">
        <v>4306</v>
      </c>
      <c r="E12351" t="s">
        <v>13</v>
      </c>
      <c r="F12351">
        <v>1731</v>
      </c>
      <c r="G12351" t="s">
        <v>4322</v>
      </c>
      <c r="H12351">
        <v>6.2984973442829997</v>
      </c>
      <c r="I12351">
        <v>51.965455073782003</v>
      </c>
      <c r="J12351" t="s">
        <v>68036</v>
      </c>
    </row>
    <row r="12352" spans="1:10" x14ac:dyDescent="0.25">
      <c r="A12352" t="s">
        <v>4315</v>
      </c>
      <c r="B12352" t="s">
        <v>4316</v>
      </c>
      <c r="C12352" t="s">
        <v>4317</v>
      </c>
      <c r="D12352" t="s">
        <v>4306</v>
      </c>
      <c r="E12352" t="s">
        <v>13</v>
      </c>
      <c r="F12352">
        <v>1730</v>
      </c>
      <c r="G12352" t="s">
        <v>4318</v>
      </c>
      <c r="H12352">
        <v>6.2925156985969997</v>
      </c>
      <c r="I12352">
        <v>51.968027570430003</v>
      </c>
      <c r="J12352" t="s">
        <v>68037</v>
      </c>
    </row>
    <row r="12353" spans="1:10" x14ac:dyDescent="0.25">
      <c r="A12353" t="s">
        <v>4312</v>
      </c>
      <c r="B12353" t="s">
        <v>4313</v>
      </c>
      <c r="C12353" t="s">
        <v>3102</v>
      </c>
      <c r="D12353" t="s">
        <v>4306</v>
      </c>
      <c r="E12353" t="s">
        <v>13</v>
      </c>
      <c r="F12353">
        <v>1729</v>
      </c>
      <c r="G12353" t="s">
        <v>4314</v>
      </c>
      <c r="H12353">
        <v>6.2869718394319998</v>
      </c>
      <c r="I12353">
        <v>51.970074035730001</v>
      </c>
      <c r="J12353" t="s">
        <v>68038</v>
      </c>
    </row>
    <row r="12354" spans="1:10" x14ac:dyDescent="0.25">
      <c r="A12354" t="s">
        <v>4308</v>
      </c>
      <c r="B12354" t="s">
        <v>4309</v>
      </c>
      <c r="C12354" t="s">
        <v>4310</v>
      </c>
      <c r="D12354" t="s">
        <v>4306</v>
      </c>
      <c r="E12354" t="s">
        <v>13</v>
      </c>
      <c r="F12354">
        <v>1728</v>
      </c>
      <c r="G12354" t="s">
        <v>4311</v>
      </c>
      <c r="H12354">
        <v>6.2827026932220003</v>
      </c>
      <c r="I12354">
        <v>51.967374103041998</v>
      </c>
      <c r="J12354" t="s">
        <v>68039</v>
      </c>
    </row>
    <row r="12355" spans="1:10" x14ac:dyDescent="0.25">
      <c r="A12355" t="s">
        <v>4303</v>
      </c>
      <c r="B12355" t="s">
        <v>4304</v>
      </c>
      <c r="C12355" t="s">
        <v>4305</v>
      </c>
      <c r="D12355" t="s">
        <v>4306</v>
      </c>
      <c r="E12355" t="s">
        <v>13</v>
      </c>
      <c r="F12355">
        <v>1727</v>
      </c>
      <c r="G12355" t="s">
        <v>4307</v>
      </c>
      <c r="H12355">
        <v>6.2882788148450004</v>
      </c>
      <c r="I12355">
        <v>51.965170059751003</v>
      </c>
      <c r="J12355" t="s">
        <v>68040</v>
      </c>
    </row>
    <row r="12356" spans="1:10" x14ac:dyDescent="0.25">
      <c r="A12356" t="s">
        <v>4299</v>
      </c>
      <c r="B12356" t="s">
        <v>4300</v>
      </c>
      <c r="C12356" t="s">
        <v>4301</v>
      </c>
      <c r="D12356" t="s">
        <v>4261</v>
      </c>
      <c r="E12356" t="s">
        <v>13</v>
      </c>
      <c r="F12356">
        <v>1726</v>
      </c>
      <c r="G12356" t="s">
        <v>4302</v>
      </c>
      <c r="H12356">
        <v>6.1310376806939999</v>
      </c>
      <c r="I12356">
        <v>52.005135313013</v>
      </c>
      <c r="J12356" t="s">
        <v>68041</v>
      </c>
    </row>
    <row r="12357" spans="1:10" x14ac:dyDescent="0.25">
      <c r="A12357" t="s">
        <v>4295</v>
      </c>
      <c r="B12357" t="s">
        <v>4296</v>
      </c>
      <c r="C12357" t="s">
        <v>4297</v>
      </c>
      <c r="D12357" t="s">
        <v>4261</v>
      </c>
      <c r="E12357" t="s">
        <v>13</v>
      </c>
      <c r="F12357">
        <v>1725</v>
      </c>
      <c r="G12357" t="s">
        <v>4298</v>
      </c>
      <c r="H12357">
        <v>6.1442895914689997</v>
      </c>
      <c r="I12357">
        <v>52.030737638860998</v>
      </c>
      <c r="J12357" t="s">
        <v>68042</v>
      </c>
    </row>
    <row r="12358" spans="1:10" x14ac:dyDescent="0.25">
      <c r="A12358" t="s">
        <v>4291</v>
      </c>
      <c r="B12358" t="s">
        <v>4292</v>
      </c>
      <c r="C12358" t="s">
        <v>4293</v>
      </c>
      <c r="D12358" t="s">
        <v>4261</v>
      </c>
      <c r="E12358" t="s">
        <v>13</v>
      </c>
      <c r="F12358">
        <v>1724</v>
      </c>
      <c r="G12358" t="s">
        <v>4294</v>
      </c>
      <c r="H12358">
        <v>6.1623251609040004</v>
      </c>
      <c r="I12358">
        <v>52.022796663667997</v>
      </c>
      <c r="J12358" t="s">
        <v>68043</v>
      </c>
    </row>
    <row r="12359" spans="1:10" x14ac:dyDescent="0.25">
      <c r="A12359" t="s">
        <v>4287</v>
      </c>
      <c r="B12359" t="s">
        <v>4288</v>
      </c>
      <c r="C12359" t="s">
        <v>4289</v>
      </c>
      <c r="D12359" t="s">
        <v>4261</v>
      </c>
      <c r="E12359" t="s">
        <v>13</v>
      </c>
      <c r="F12359">
        <v>1723</v>
      </c>
      <c r="G12359" t="s">
        <v>4290</v>
      </c>
      <c r="H12359">
        <v>6.1362203190870002</v>
      </c>
      <c r="I12359">
        <v>52.019482204950997</v>
      </c>
      <c r="J12359" t="s">
        <v>68044</v>
      </c>
    </row>
    <row r="12360" spans="1:10" x14ac:dyDescent="0.25">
      <c r="A12360" t="s">
        <v>4283</v>
      </c>
      <c r="B12360" t="s">
        <v>4284</v>
      </c>
      <c r="C12360" t="s">
        <v>4285</v>
      </c>
      <c r="D12360" t="s">
        <v>4261</v>
      </c>
      <c r="E12360" t="s">
        <v>13</v>
      </c>
      <c r="F12360">
        <v>1722</v>
      </c>
      <c r="G12360" t="s">
        <v>4286</v>
      </c>
      <c r="H12360">
        <v>6.1390383374009998</v>
      </c>
      <c r="I12360">
        <v>52.000168627164001</v>
      </c>
      <c r="J12360" t="s">
        <v>68045</v>
      </c>
    </row>
    <row r="12361" spans="1:10" x14ac:dyDescent="0.25">
      <c r="A12361" t="s">
        <v>4279</v>
      </c>
      <c r="B12361" t="s">
        <v>4280</v>
      </c>
      <c r="C12361" t="s">
        <v>4281</v>
      </c>
      <c r="D12361" t="s">
        <v>4261</v>
      </c>
      <c r="E12361" t="s">
        <v>13</v>
      </c>
      <c r="F12361">
        <v>1721</v>
      </c>
      <c r="G12361" t="s">
        <v>4282</v>
      </c>
      <c r="H12361">
        <v>6.1210759149239999</v>
      </c>
      <c r="I12361">
        <v>52.000365046848998</v>
      </c>
      <c r="J12361" t="s">
        <v>68046</v>
      </c>
    </row>
    <row r="12362" spans="1:10" x14ac:dyDescent="0.25">
      <c r="A12362" t="s">
        <v>4275</v>
      </c>
      <c r="B12362" t="s">
        <v>4276</v>
      </c>
      <c r="C12362" t="s">
        <v>4277</v>
      </c>
      <c r="D12362" t="s">
        <v>4261</v>
      </c>
      <c r="E12362" t="s">
        <v>13</v>
      </c>
      <c r="F12362">
        <v>1720</v>
      </c>
      <c r="G12362" t="s">
        <v>4278</v>
      </c>
      <c r="H12362">
        <v>6.1298974917870002</v>
      </c>
      <c r="I12362">
        <v>52.002247204208999</v>
      </c>
      <c r="J12362" t="s">
        <v>68047</v>
      </c>
    </row>
    <row r="12363" spans="1:10" x14ac:dyDescent="0.25">
      <c r="A12363" t="s">
        <v>4271</v>
      </c>
      <c r="B12363" t="s">
        <v>4272</v>
      </c>
      <c r="C12363" t="s">
        <v>4273</v>
      </c>
      <c r="D12363" t="s">
        <v>4261</v>
      </c>
      <c r="E12363" t="s">
        <v>13</v>
      </c>
      <c r="F12363">
        <v>1719</v>
      </c>
      <c r="G12363" t="s">
        <v>4274</v>
      </c>
      <c r="H12363">
        <v>6.1466513496069997</v>
      </c>
      <c r="I12363">
        <v>52.006006383939997</v>
      </c>
      <c r="J12363" t="s">
        <v>68048</v>
      </c>
    </row>
    <row r="12364" spans="1:10" x14ac:dyDescent="0.25">
      <c r="A12364" t="s">
        <v>4267</v>
      </c>
      <c r="B12364" t="s">
        <v>4268</v>
      </c>
      <c r="C12364" t="s">
        <v>4269</v>
      </c>
      <c r="D12364" t="s">
        <v>4261</v>
      </c>
      <c r="E12364" t="s">
        <v>13</v>
      </c>
      <c r="F12364">
        <v>1718</v>
      </c>
      <c r="G12364" t="s">
        <v>4270</v>
      </c>
      <c r="H12364">
        <v>6.1438352942409997</v>
      </c>
      <c r="I12364">
        <v>52.011442634036001</v>
      </c>
      <c r="J12364" t="s">
        <v>68049</v>
      </c>
    </row>
    <row r="12365" spans="1:10" x14ac:dyDescent="0.25">
      <c r="A12365" t="s">
        <v>4263</v>
      </c>
      <c r="B12365" t="s">
        <v>4264</v>
      </c>
      <c r="C12365" t="s">
        <v>4265</v>
      </c>
      <c r="D12365" t="s">
        <v>4261</v>
      </c>
      <c r="E12365" t="s">
        <v>13</v>
      </c>
      <c r="F12365">
        <v>1717</v>
      </c>
      <c r="G12365" t="s">
        <v>4266</v>
      </c>
      <c r="H12365">
        <v>6.1460292429900001</v>
      </c>
      <c r="I12365">
        <v>52.015936751863997</v>
      </c>
      <c r="J12365" t="s">
        <v>68050</v>
      </c>
    </row>
    <row r="12366" spans="1:10" x14ac:dyDescent="0.25">
      <c r="A12366" t="s">
        <v>4258</v>
      </c>
      <c r="B12366" t="s">
        <v>4259</v>
      </c>
      <c r="C12366" t="s">
        <v>4260</v>
      </c>
      <c r="D12366" t="s">
        <v>4261</v>
      </c>
      <c r="E12366" t="s">
        <v>13</v>
      </c>
      <c r="F12366">
        <v>1716</v>
      </c>
      <c r="G12366" t="s">
        <v>4262</v>
      </c>
      <c r="H12366">
        <v>6.1345688369409999</v>
      </c>
      <c r="I12366">
        <v>52.013663156638003</v>
      </c>
      <c r="J12366" t="s">
        <v>68051</v>
      </c>
    </row>
    <row r="12367" spans="1:10" x14ac:dyDescent="0.25">
      <c r="A12367" t="s">
        <v>4254</v>
      </c>
      <c r="B12367" t="s">
        <v>4255</v>
      </c>
      <c r="C12367" t="s">
        <v>4256</v>
      </c>
      <c r="D12367" t="s">
        <v>4104</v>
      </c>
      <c r="E12367" t="s">
        <v>13</v>
      </c>
      <c r="F12367">
        <v>1715</v>
      </c>
      <c r="G12367" t="s">
        <v>4257</v>
      </c>
      <c r="H12367">
        <v>5.3544329744289998</v>
      </c>
      <c r="I12367">
        <v>51.939747237136999</v>
      </c>
      <c r="J12367" t="s">
        <v>68052</v>
      </c>
    </row>
    <row r="12368" spans="1:10" x14ac:dyDescent="0.25">
      <c r="A12368" t="s">
        <v>4250</v>
      </c>
      <c r="B12368" t="s">
        <v>4251</v>
      </c>
      <c r="C12368" t="s">
        <v>4252</v>
      </c>
      <c r="D12368" t="s">
        <v>4104</v>
      </c>
      <c r="E12368" t="s">
        <v>13</v>
      </c>
      <c r="F12368">
        <v>1714</v>
      </c>
      <c r="G12368" t="s">
        <v>4253</v>
      </c>
      <c r="H12368">
        <v>5.333213761933</v>
      </c>
      <c r="I12368">
        <v>51.951223710558999</v>
      </c>
      <c r="J12368" t="s">
        <v>68053</v>
      </c>
    </row>
    <row r="12369" spans="1:10" x14ac:dyDescent="0.25">
      <c r="A12369" t="s">
        <v>4246</v>
      </c>
      <c r="B12369" t="s">
        <v>4247</v>
      </c>
      <c r="C12369" t="s">
        <v>4248</v>
      </c>
      <c r="D12369" t="s">
        <v>4104</v>
      </c>
      <c r="E12369" t="s">
        <v>13</v>
      </c>
      <c r="F12369">
        <v>1713</v>
      </c>
      <c r="G12369" t="s">
        <v>4249</v>
      </c>
      <c r="H12369">
        <v>5.331098254154</v>
      </c>
      <c r="I12369">
        <v>51.952094760907002</v>
      </c>
      <c r="J12369" t="s">
        <v>68054</v>
      </c>
    </row>
    <row r="12370" spans="1:10" x14ac:dyDescent="0.25">
      <c r="A12370" t="s">
        <v>4242</v>
      </c>
      <c r="B12370" t="s">
        <v>4243</v>
      </c>
      <c r="C12370" t="s">
        <v>4244</v>
      </c>
      <c r="D12370" t="s">
        <v>4104</v>
      </c>
      <c r="E12370" t="s">
        <v>13</v>
      </c>
      <c r="F12370">
        <v>1712</v>
      </c>
      <c r="G12370" t="s">
        <v>4245</v>
      </c>
      <c r="H12370">
        <v>5.4515484184270004</v>
      </c>
      <c r="I12370">
        <v>51.970964926306998</v>
      </c>
      <c r="J12370" t="s">
        <v>68055</v>
      </c>
    </row>
    <row r="12371" spans="1:10" x14ac:dyDescent="0.25">
      <c r="A12371" t="s">
        <v>4238</v>
      </c>
      <c r="B12371" t="s">
        <v>4239</v>
      </c>
      <c r="C12371" t="s">
        <v>4240</v>
      </c>
      <c r="D12371" t="s">
        <v>4104</v>
      </c>
      <c r="E12371" t="s">
        <v>13</v>
      </c>
      <c r="F12371">
        <v>1711</v>
      </c>
      <c r="G12371" t="s">
        <v>4241</v>
      </c>
      <c r="H12371">
        <v>5.4149509959940003</v>
      </c>
      <c r="I12371">
        <v>51.955237035697998</v>
      </c>
      <c r="J12371" t="s">
        <v>68056</v>
      </c>
    </row>
    <row r="12372" spans="1:10" x14ac:dyDescent="0.25">
      <c r="A12372" t="s">
        <v>4234</v>
      </c>
      <c r="B12372" t="s">
        <v>4235</v>
      </c>
      <c r="C12372" t="s">
        <v>4236</v>
      </c>
      <c r="D12372" t="s">
        <v>4104</v>
      </c>
      <c r="E12372" t="s">
        <v>13</v>
      </c>
      <c r="F12372">
        <v>1710</v>
      </c>
      <c r="G12372" t="s">
        <v>4237</v>
      </c>
      <c r="H12372">
        <v>5.365906533744</v>
      </c>
      <c r="I12372">
        <v>51.960358277059001</v>
      </c>
      <c r="J12372" t="s">
        <v>68057</v>
      </c>
    </row>
    <row r="12373" spans="1:10" x14ac:dyDescent="0.25">
      <c r="A12373" t="s">
        <v>4230</v>
      </c>
      <c r="B12373" t="s">
        <v>4231</v>
      </c>
      <c r="C12373" t="s">
        <v>4232</v>
      </c>
      <c r="D12373" t="s">
        <v>4104</v>
      </c>
      <c r="E12373" t="s">
        <v>13</v>
      </c>
      <c r="F12373">
        <v>1709</v>
      </c>
      <c r="G12373" t="s">
        <v>4233</v>
      </c>
      <c r="H12373">
        <v>5.4700749578480004</v>
      </c>
      <c r="I12373">
        <v>51.972169168694002</v>
      </c>
      <c r="J12373" t="s">
        <v>68058</v>
      </c>
    </row>
    <row r="12374" spans="1:10" x14ac:dyDescent="0.25">
      <c r="A12374" t="s">
        <v>4226</v>
      </c>
      <c r="B12374" t="s">
        <v>4227</v>
      </c>
      <c r="C12374" t="s">
        <v>4228</v>
      </c>
      <c r="D12374" t="s">
        <v>4104</v>
      </c>
      <c r="E12374" t="s">
        <v>13</v>
      </c>
      <c r="F12374">
        <v>1708</v>
      </c>
      <c r="G12374" t="s">
        <v>4229</v>
      </c>
      <c r="H12374">
        <v>5.4565252827809996</v>
      </c>
      <c r="I12374">
        <v>51.968863879855</v>
      </c>
      <c r="J12374" t="s">
        <v>68059</v>
      </c>
    </row>
    <row r="12375" spans="1:10" x14ac:dyDescent="0.25">
      <c r="A12375" t="s">
        <v>4222</v>
      </c>
      <c r="B12375" t="s">
        <v>4223</v>
      </c>
      <c r="C12375" t="s">
        <v>4224</v>
      </c>
      <c r="D12375" t="s">
        <v>4104</v>
      </c>
      <c r="E12375" t="s">
        <v>13</v>
      </c>
      <c r="F12375">
        <v>1707</v>
      </c>
      <c r="G12375" t="s">
        <v>4225</v>
      </c>
      <c r="H12375">
        <v>5.356427157343</v>
      </c>
      <c r="I12375">
        <v>51.958652587294999</v>
      </c>
      <c r="J12375" t="s">
        <v>68060</v>
      </c>
    </row>
    <row r="12376" spans="1:10" x14ac:dyDescent="0.25">
      <c r="A12376" t="s">
        <v>4218</v>
      </c>
      <c r="B12376" t="s">
        <v>4219</v>
      </c>
      <c r="C12376" t="s">
        <v>4220</v>
      </c>
      <c r="D12376" t="s">
        <v>4104</v>
      </c>
      <c r="E12376" t="s">
        <v>13</v>
      </c>
      <c r="F12376">
        <v>1706</v>
      </c>
      <c r="G12376" t="s">
        <v>4221</v>
      </c>
      <c r="H12376">
        <v>5.42016606382</v>
      </c>
      <c r="I12376">
        <v>51.961666370952003</v>
      </c>
      <c r="J12376" t="s">
        <v>68061</v>
      </c>
    </row>
    <row r="12377" spans="1:10" x14ac:dyDescent="0.25">
      <c r="A12377" t="s">
        <v>4214</v>
      </c>
      <c r="B12377" t="s">
        <v>4215</v>
      </c>
      <c r="C12377" t="s">
        <v>4216</v>
      </c>
      <c r="D12377" t="s">
        <v>4104</v>
      </c>
      <c r="E12377" t="s">
        <v>13</v>
      </c>
      <c r="F12377">
        <v>1705</v>
      </c>
      <c r="G12377" t="s">
        <v>4217</v>
      </c>
      <c r="H12377">
        <v>5.46447124106</v>
      </c>
      <c r="I12377">
        <v>51.944085511796999</v>
      </c>
      <c r="J12377" t="s">
        <v>68062</v>
      </c>
    </row>
    <row r="12378" spans="1:10" x14ac:dyDescent="0.25">
      <c r="A12378" t="s">
        <v>4210</v>
      </c>
      <c r="B12378" t="s">
        <v>4211</v>
      </c>
      <c r="C12378" t="s">
        <v>4212</v>
      </c>
      <c r="D12378" t="s">
        <v>4104</v>
      </c>
      <c r="E12378" t="s">
        <v>13</v>
      </c>
      <c r="F12378">
        <v>1704</v>
      </c>
      <c r="G12378" t="s">
        <v>4213</v>
      </c>
      <c r="H12378">
        <v>5.4885920289849999</v>
      </c>
      <c r="I12378">
        <v>51.969297692787997</v>
      </c>
      <c r="J12378" t="s">
        <v>68063</v>
      </c>
    </row>
    <row r="12379" spans="1:10" x14ac:dyDescent="0.25">
      <c r="A12379" t="s">
        <v>4206</v>
      </c>
      <c r="B12379" t="s">
        <v>4207</v>
      </c>
      <c r="C12379" t="s">
        <v>4208</v>
      </c>
      <c r="D12379" t="s">
        <v>4104</v>
      </c>
      <c r="E12379" t="s">
        <v>13</v>
      </c>
      <c r="F12379">
        <v>1703</v>
      </c>
      <c r="G12379" t="s">
        <v>4209</v>
      </c>
      <c r="H12379">
        <v>5.4950299414110004</v>
      </c>
      <c r="I12379">
        <v>51.965669805632999</v>
      </c>
      <c r="J12379" t="s">
        <v>68064</v>
      </c>
    </row>
    <row r="12380" spans="1:10" x14ac:dyDescent="0.25">
      <c r="A12380" t="s">
        <v>4202</v>
      </c>
      <c r="B12380" t="s">
        <v>4203</v>
      </c>
      <c r="C12380" t="s">
        <v>4204</v>
      </c>
      <c r="D12380" t="s">
        <v>4104</v>
      </c>
      <c r="E12380" t="s">
        <v>13</v>
      </c>
      <c r="F12380">
        <v>1702</v>
      </c>
      <c r="G12380" t="s">
        <v>4205</v>
      </c>
      <c r="H12380">
        <v>5.4834507783389999</v>
      </c>
      <c r="I12380">
        <v>51.958613867808999</v>
      </c>
      <c r="J12380" t="s">
        <v>68065</v>
      </c>
    </row>
    <row r="12381" spans="1:10" x14ac:dyDescent="0.25">
      <c r="A12381" t="s">
        <v>4198</v>
      </c>
      <c r="B12381" t="s">
        <v>4199</v>
      </c>
      <c r="C12381" t="s">
        <v>4200</v>
      </c>
      <c r="D12381" t="s">
        <v>4104</v>
      </c>
      <c r="E12381" t="s">
        <v>13</v>
      </c>
      <c r="F12381">
        <v>1701</v>
      </c>
      <c r="G12381" t="s">
        <v>4201</v>
      </c>
      <c r="H12381">
        <v>5.5127253907769997</v>
      </c>
      <c r="I12381">
        <v>51.953963990391003</v>
      </c>
      <c r="J12381" t="s">
        <v>68066</v>
      </c>
    </row>
    <row r="12382" spans="1:10" x14ac:dyDescent="0.25">
      <c r="A12382" t="s">
        <v>4194</v>
      </c>
      <c r="B12382" t="s">
        <v>4195</v>
      </c>
      <c r="C12382" t="s">
        <v>4196</v>
      </c>
      <c r="D12382" t="s">
        <v>4104</v>
      </c>
      <c r="E12382" t="s">
        <v>13</v>
      </c>
      <c r="F12382">
        <v>1700</v>
      </c>
      <c r="G12382" t="s">
        <v>4197</v>
      </c>
      <c r="H12382">
        <v>5.5477205755380004</v>
      </c>
      <c r="I12382">
        <v>51.952932886512997</v>
      </c>
      <c r="J12382" t="s">
        <v>68067</v>
      </c>
    </row>
    <row r="12383" spans="1:10" x14ac:dyDescent="0.25">
      <c r="A12383" t="s">
        <v>4190</v>
      </c>
      <c r="B12383" t="s">
        <v>4191</v>
      </c>
      <c r="C12383" t="s">
        <v>4192</v>
      </c>
      <c r="D12383" t="s">
        <v>4104</v>
      </c>
      <c r="E12383" t="s">
        <v>13</v>
      </c>
      <c r="F12383">
        <v>1699</v>
      </c>
      <c r="G12383" t="s">
        <v>4193</v>
      </c>
      <c r="H12383">
        <v>5.5226958769029997</v>
      </c>
      <c r="I12383">
        <v>51.929043899518</v>
      </c>
      <c r="J12383" t="s">
        <v>68068</v>
      </c>
    </row>
    <row r="12384" spans="1:10" x14ac:dyDescent="0.25">
      <c r="A12384" t="s">
        <v>4186</v>
      </c>
      <c r="B12384" t="s">
        <v>4187</v>
      </c>
      <c r="C12384" t="s">
        <v>4188</v>
      </c>
      <c r="D12384" t="s">
        <v>4104</v>
      </c>
      <c r="E12384" t="s">
        <v>13</v>
      </c>
      <c r="F12384">
        <v>1698</v>
      </c>
      <c r="G12384" t="s">
        <v>4189</v>
      </c>
      <c r="H12384">
        <v>5.4804934316820004</v>
      </c>
      <c r="I12384">
        <v>51.932709941615997</v>
      </c>
      <c r="J12384" t="s">
        <v>68069</v>
      </c>
    </row>
    <row r="12385" spans="1:10" x14ac:dyDescent="0.25">
      <c r="A12385" t="s">
        <v>4182</v>
      </c>
      <c r="B12385" t="s">
        <v>4183</v>
      </c>
      <c r="C12385" t="s">
        <v>4184</v>
      </c>
      <c r="D12385" t="s">
        <v>4104</v>
      </c>
      <c r="E12385" t="s">
        <v>13</v>
      </c>
      <c r="F12385">
        <v>1697</v>
      </c>
      <c r="G12385" t="s">
        <v>4185</v>
      </c>
      <c r="H12385">
        <v>5.495709691489</v>
      </c>
      <c r="I12385">
        <v>51.944641040661999</v>
      </c>
      <c r="J12385" t="s">
        <v>68070</v>
      </c>
    </row>
    <row r="12386" spans="1:10" x14ac:dyDescent="0.25">
      <c r="A12386" t="s">
        <v>4178</v>
      </c>
      <c r="B12386" t="s">
        <v>4179</v>
      </c>
      <c r="C12386" t="s">
        <v>4180</v>
      </c>
      <c r="D12386" t="s">
        <v>4104</v>
      </c>
      <c r="E12386" t="s">
        <v>13</v>
      </c>
      <c r="F12386">
        <v>1696</v>
      </c>
      <c r="G12386" t="s">
        <v>4181</v>
      </c>
      <c r="H12386">
        <v>5.5170861976459999</v>
      </c>
      <c r="I12386">
        <v>51.947028185324001</v>
      </c>
      <c r="J12386" t="s">
        <v>68071</v>
      </c>
    </row>
    <row r="12387" spans="1:10" x14ac:dyDescent="0.25">
      <c r="A12387" t="s">
        <v>4174</v>
      </c>
      <c r="B12387" t="s">
        <v>4175</v>
      </c>
      <c r="C12387" t="s">
        <v>4176</v>
      </c>
      <c r="D12387" t="s">
        <v>4104</v>
      </c>
      <c r="E12387" t="s">
        <v>13</v>
      </c>
      <c r="F12387">
        <v>1695</v>
      </c>
      <c r="G12387" t="s">
        <v>4177</v>
      </c>
      <c r="H12387">
        <v>5.3559708794259997</v>
      </c>
      <c r="I12387">
        <v>51.887286733293003</v>
      </c>
      <c r="J12387" t="s">
        <v>68072</v>
      </c>
    </row>
    <row r="12388" spans="1:10" x14ac:dyDescent="0.25">
      <c r="A12388" t="s">
        <v>4170</v>
      </c>
      <c r="B12388" t="s">
        <v>4171</v>
      </c>
      <c r="C12388" t="s">
        <v>4172</v>
      </c>
      <c r="D12388" t="s">
        <v>4104</v>
      </c>
      <c r="E12388" t="s">
        <v>13</v>
      </c>
      <c r="F12388">
        <v>1694</v>
      </c>
      <c r="G12388" t="s">
        <v>4173</v>
      </c>
      <c r="H12388">
        <v>5.3801178108350003</v>
      </c>
      <c r="I12388">
        <v>51.906369605122997</v>
      </c>
      <c r="J12388" t="s">
        <v>68073</v>
      </c>
    </row>
    <row r="12389" spans="1:10" x14ac:dyDescent="0.25">
      <c r="A12389" t="s">
        <v>4166</v>
      </c>
      <c r="B12389" t="s">
        <v>4167</v>
      </c>
      <c r="C12389" t="s">
        <v>4168</v>
      </c>
      <c r="D12389" t="s">
        <v>4104</v>
      </c>
      <c r="E12389" t="s">
        <v>13</v>
      </c>
      <c r="F12389">
        <v>1693</v>
      </c>
      <c r="G12389" t="s">
        <v>4169</v>
      </c>
      <c r="H12389">
        <v>5.3894674893719996</v>
      </c>
      <c r="I12389">
        <v>51.921445778783003</v>
      </c>
      <c r="J12389" t="s">
        <v>68074</v>
      </c>
    </row>
    <row r="12390" spans="1:10" x14ac:dyDescent="0.25">
      <c r="A12390" t="s">
        <v>4162</v>
      </c>
      <c r="B12390" t="s">
        <v>4163</v>
      </c>
      <c r="C12390" t="s">
        <v>4164</v>
      </c>
      <c r="D12390" t="s">
        <v>4104</v>
      </c>
      <c r="E12390" t="s">
        <v>13</v>
      </c>
      <c r="F12390">
        <v>1692</v>
      </c>
      <c r="G12390" t="s">
        <v>4165</v>
      </c>
      <c r="H12390">
        <v>5.4275220311009997</v>
      </c>
      <c r="I12390">
        <v>51.930715603297998</v>
      </c>
      <c r="J12390" t="s">
        <v>68075</v>
      </c>
    </row>
    <row r="12391" spans="1:10" x14ac:dyDescent="0.25">
      <c r="A12391" t="s">
        <v>4158</v>
      </c>
      <c r="B12391" t="s">
        <v>4159</v>
      </c>
      <c r="C12391" t="s">
        <v>4160</v>
      </c>
      <c r="D12391" t="s">
        <v>4104</v>
      </c>
      <c r="E12391" t="s">
        <v>13</v>
      </c>
      <c r="F12391">
        <v>1691</v>
      </c>
      <c r="G12391" t="s">
        <v>4161</v>
      </c>
      <c r="H12391">
        <v>5.3728985630989996</v>
      </c>
      <c r="I12391">
        <v>51.904300217009997</v>
      </c>
      <c r="J12391" t="s">
        <v>68076</v>
      </c>
    </row>
    <row r="12392" spans="1:10" x14ac:dyDescent="0.25">
      <c r="A12392" t="s">
        <v>4154</v>
      </c>
      <c r="B12392" t="s">
        <v>4155</v>
      </c>
      <c r="C12392" t="s">
        <v>4156</v>
      </c>
      <c r="D12392" t="s">
        <v>4104</v>
      </c>
      <c r="E12392" t="s">
        <v>13</v>
      </c>
      <c r="F12392">
        <v>1690</v>
      </c>
      <c r="G12392" t="s">
        <v>4157</v>
      </c>
      <c r="H12392">
        <v>5.3832744472530001</v>
      </c>
      <c r="I12392">
        <v>51.898212981815</v>
      </c>
      <c r="J12392" t="s">
        <v>68077</v>
      </c>
    </row>
    <row r="12393" spans="1:10" x14ac:dyDescent="0.25">
      <c r="A12393" t="s">
        <v>4150</v>
      </c>
      <c r="B12393" t="s">
        <v>4151</v>
      </c>
      <c r="C12393" t="s">
        <v>4152</v>
      </c>
      <c r="D12393" t="s">
        <v>4104</v>
      </c>
      <c r="E12393" t="s">
        <v>13</v>
      </c>
      <c r="F12393">
        <v>1689</v>
      </c>
      <c r="G12393" t="s">
        <v>4153</v>
      </c>
      <c r="H12393">
        <v>5.4014296075579997</v>
      </c>
      <c r="I12393">
        <v>51.915337795196997</v>
      </c>
      <c r="J12393" t="s">
        <v>68078</v>
      </c>
    </row>
    <row r="12394" spans="1:10" x14ac:dyDescent="0.25">
      <c r="A12394" t="s">
        <v>4146</v>
      </c>
      <c r="B12394" t="s">
        <v>4147</v>
      </c>
      <c r="C12394" t="s">
        <v>4148</v>
      </c>
      <c r="D12394" t="s">
        <v>4104</v>
      </c>
      <c r="E12394" t="s">
        <v>13</v>
      </c>
      <c r="F12394">
        <v>1688</v>
      </c>
      <c r="G12394" t="s">
        <v>4149</v>
      </c>
      <c r="H12394">
        <v>5.2797564201230003</v>
      </c>
      <c r="I12394">
        <v>51.947468418291002</v>
      </c>
      <c r="J12394" t="s">
        <v>68079</v>
      </c>
    </row>
    <row r="12395" spans="1:10" x14ac:dyDescent="0.25">
      <c r="A12395" t="s">
        <v>4142</v>
      </c>
      <c r="B12395" t="s">
        <v>4143</v>
      </c>
      <c r="C12395" t="s">
        <v>4144</v>
      </c>
      <c r="D12395" t="s">
        <v>4104</v>
      </c>
      <c r="E12395" t="s">
        <v>13</v>
      </c>
      <c r="F12395">
        <v>1687</v>
      </c>
      <c r="G12395" t="s">
        <v>4145</v>
      </c>
      <c r="H12395">
        <v>5.3109851499429999</v>
      </c>
      <c r="I12395">
        <v>51.942377257681997</v>
      </c>
      <c r="J12395" t="s">
        <v>68080</v>
      </c>
    </row>
    <row r="12396" spans="1:10" x14ac:dyDescent="0.25">
      <c r="A12396" t="s">
        <v>4138</v>
      </c>
      <c r="B12396" t="s">
        <v>4139</v>
      </c>
      <c r="C12396" t="s">
        <v>4140</v>
      </c>
      <c r="D12396" t="s">
        <v>4104</v>
      </c>
      <c r="E12396" t="s">
        <v>13</v>
      </c>
      <c r="F12396">
        <v>1686</v>
      </c>
      <c r="G12396" t="s">
        <v>4141</v>
      </c>
      <c r="H12396">
        <v>5.290202068588</v>
      </c>
      <c r="I12396">
        <v>51.950249794316001</v>
      </c>
      <c r="J12396" t="s">
        <v>68081</v>
      </c>
    </row>
    <row r="12397" spans="1:10" x14ac:dyDescent="0.25">
      <c r="A12397" t="s">
        <v>4134</v>
      </c>
      <c r="B12397" t="s">
        <v>4135</v>
      </c>
      <c r="C12397" t="s">
        <v>4136</v>
      </c>
      <c r="D12397" t="s">
        <v>4104</v>
      </c>
      <c r="E12397" t="s">
        <v>13</v>
      </c>
      <c r="F12397">
        <v>1685</v>
      </c>
      <c r="G12397" t="s">
        <v>4137</v>
      </c>
      <c r="H12397">
        <v>5.3346962222160004</v>
      </c>
      <c r="I12397">
        <v>51.912819766780999</v>
      </c>
      <c r="J12397" t="s">
        <v>68082</v>
      </c>
    </row>
    <row r="12398" spans="1:10" x14ac:dyDescent="0.25">
      <c r="A12398" t="s">
        <v>4130</v>
      </c>
      <c r="B12398" t="s">
        <v>4131</v>
      </c>
      <c r="C12398" t="s">
        <v>4132</v>
      </c>
      <c r="D12398" t="s">
        <v>4104</v>
      </c>
      <c r="E12398" t="s">
        <v>13</v>
      </c>
      <c r="F12398">
        <v>1684</v>
      </c>
      <c r="G12398" t="s">
        <v>4133</v>
      </c>
      <c r="H12398">
        <v>5.3085349737729999</v>
      </c>
      <c r="I12398">
        <v>51.928376382224002</v>
      </c>
      <c r="J12398" t="s">
        <v>68083</v>
      </c>
    </row>
    <row r="12399" spans="1:10" x14ac:dyDescent="0.25">
      <c r="A12399" t="s">
        <v>4126</v>
      </c>
      <c r="B12399" t="s">
        <v>4127</v>
      </c>
      <c r="C12399" t="s">
        <v>4128</v>
      </c>
      <c r="D12399" t="s">
        <v>4104</v>
      </c>
      <c r="E12399" t="s">
        <v>13</v>
      </c>
      <c r="F12399">
        <v>1683</v>
      </c>
      <c r="G12399" t="s">
        <v>4129</v>
      </c>
      <c r="H12399">
        <v>5.3431302333810002</v>
      </c>
      <c r="I12399">
        <v>51.894879269638999</v>
      </c>
      <c r="J12399" t="s">
        <v>68084</v>
      </c>
    </row>
    <row r="12400" spans="1:10" x14ac:dyDescent="0.25">
      <c r="A12400" t="s">
        <v>4122</v>
      </c>
      <c r="B12400" t="s">
        <v>4123</v>
      </c>
      <c r="C12400" t="s">
        <v>4124</v>
      </c>
      <c r="D12400" t="s">
        <v>4104</v>
      </c>
      <c r="E12400" t="s">
        <v>13</v>
      </c>
      <c r="F12400">
        <v>1682</v>
      </c>
      <c r="G12400" t="s">
        <v>4125</v>
      </c>
      <c r="H12400">
        <v>5.2968751994270002</v>
      </c>
      <c r="I12400">
        <v>51.910016005255002</v>
      </c>
      <c r="J12400" t="s">
        <v>68085</v>
      </c>
    </row>
    <row r="12401" spans="1:10" x14ac:dyDescent="0.25">
      <c r="A12401" t="s">
        <v>4118</v>
      </c>
      <c r="B12401" t="s">
        <v>4119</v>
      </c>
      <c r="C12401" t="s">
        <v>4120</v>
      </c>
      <c r="D12401" t="s">
        <v>4104</v>
      </c>
      <c r="E12401" t="s">
        <v>13</v>
      </c>
      <c r="F12401">
        <v>1681</v>
      </c>
      <c r="G12401" t="s">
        <v>4121</v>
      </c>
      <c r="H12401">
        <v>5.357753773362</v>
      </c>
      <c r="I12401">
        <v>51.899488238941998</v>
      </c>
      <c r="J12401" t="s">
        <v>68086</v>
      </c>
    </row>
    <row r="12402" spans="1:10" x14ac:dyDescent="0.25">
      <c r="A12402" t="s">
        <v>4114</v>
      </c>
      <c r="B12402" t="s">
        <v>4115</v>
      </c>
      <c r="C12402" t="s">
        <v>4116</v>
      </c>
      <c r="D12402" t="s">
        <v>4104</v>
      </c>
      <c r="E12402" t="s">
        <v>13</v>
      </c>
      <c r="F12402">
        <v>1680</v>
      </c>
      <c r="G12402" t="s">
        <v>4117</v>
      </c>
      <c r="H12402">
        <v>5.3144868723440002</v>
      </c>
      <c r="I12402">
        <v>51.929307892704998</v>
      </c>
      <c r="J12402" t="s">
        <v>68087</v>
      </c>
    </row>
    <row r="12403" spans="1:10" x14ac:dyDescent="0.25">
      <c r="A12403" t="s">
        <v>4110</v>
      </c>
      <c r="B12403" t="s">
        <v>4111</v>
      </c>
      <c r="C12403" t="s">
        <v>4112</v>
      </c>
      <c r="D12403" t="s">
        <v>4104</v>
      </c>
      <c r="E12403" t="s">
        <v>13</v>
      </c>
      <c r="F12403">
        <v>1679</v>
      </c>
      <c r="G12403" t="s">
        <v>4113</v>
      </c>
      <c r="H12403">
        <v>5.3365682931759997</v>
      </c>
      <c r="I12403">
        <v>51.908753954359</v>
      </c>
      <c r="J12403" t="s">
        <v>68088</v>
      </c>
    </row>
    <row r="12404" spans="1:10" x14ac:dyDescent="0.25">
      <c r="A12404" t="s">
        <v>4106</v>
      </c>
      <c r="B12404" t="s">
        <v>4107</v>
      </c>
      <c r="C12404" t="s">
        <v>4108</v>
      </c>
      <c r="D12404" t="s">
        <v>4104</v>
      </c>
      <c r="E12404" t="s">
        <v>13</v>
      </c>
      <c r="F12404">
        <v>1678</v>
      </c>
      <c r="G12404" t="s">
        <v>4109</v>
      </c>
      <c r="H12404">
        <v>5.3296130126010004</v>
      </c>
      <c r="I12404">
        <v>51.913357748384001</v>
      </c>
      <c r="J12404" t="s">
        <v>68089</v>
      </c>
    </row>
    <row r="12405" spans="1:10" x14ac:dyDescent="0.25">
      <c r="A12405" t="s">
        <v>4101</v>
      </c>
      <c r="B12405" t="s">
        <v>4102</v>
      </c>
      <c r="C12405" t="s">
        <v>4103</v>
      </c>
      <c r="D12405" t="s">
        <v>4104</v>
      </c>
      <c r="E12405" t="s">
        <v>13</v>
      </c>
      <c r="F12405">
        <v>1677</v>
      </c>
      <c r="G12405" t="s">
        <v>4105</v>
      </c>
      <c r="H12405">
        <v>5.3342779892010004</v>
      </c>
      <c r="I12405">
        <v>51.911741210327001</v>
      </c>
      <c r="J12405" t="s">
        <v>68090</v>
      </c>
    </row>
    <row r="12406" spans="1:10" x14ac:dyDescent="0.25">
      <c r="A12406" t="s">
        <v>4097</v>
      </c>
      <c r="B12406" t="s">
        <v>4098</v>
      </c>
      <c r="C12406" t="s">
        <v>4099</v>
      </c>
      <c r="D12406" t="s">
        <v>3948</v>
      </c>
      <c r="E12406" t="s">
        <v>13</v>
      </c>
      <c r="F12406">
        <v>1676</v>
      </c>
      <c r="G12406" t="s">
        <v>4100</v>
      </c>
      <c r="H12406">
        <v>6.0351162140890002</v>
      </c>
      <c r="I12406">
        <v>52.084624782256</v>
      </c>
      <c r="J12406" t="s">
        <v>68091</v>
      </c>
    </row>
    <row r="12407" spans="1:10" x14ac:dyDescent="0.25">
      <c r="A12407" t="s">
        <v>4093</v>
      </c>
      <c r="B12407" t="s">
        <v>4094</v>
      </c>
      <c r="C12407" t="s">
        <v>4095</v>
      </c>
      <c r="D12407" t="s">
        <v>3948</v>
      </c>
      <c r="E12407" t="s">
        <v>13</v>
      </c>
      <c r="F12407">
        <v>1675</v>
      </c>
      <c r="G12407" t="s">
        <v>4096</v>
      </c>
      <c r="H12407">
        <v>6.0682405659979999</v>
      </c>
      <c r="I12407">
        <v>52.105032557930002</v>
      </c>
      <c r="J12407" t="s">
        <v>68092</v>
      </c>
    </row>
    <row r="12408" spans="1:10" x14ac:dyDescent="0.25">
      <c r="A12408" t="s">
        <v>4089</v>
      </c>
      <c r="B12408" t="s">
        <v>4090</v>
      </c>
      <c r="C12408" t="s">
        <v>4091</v>
      </c>
      <c r="D12408" t="s">
        <v>3948</v>
      </c>
      <c r="E12408" t="s">
        <v>13</v>
      </c>
      <c r="F12408">
        <v>1674</v>
      </c>
      <c r="G12408" t="s">
        <v>4092</v>
      </c>
      <c r="H12408">
        <v>6.0685960612230003</v>
      </c>
      <c r="I12408">
        <v>52.092293336826003</v>
      </c>
      <c r="J12408" t="s">
        <v>68093</v>
      </c>
    </row>
    <row r="12409" spans="1:10" x14ac:dyDescent="0.25">
      <c r="A12409" t="s">
        <v>4085</v>
      </c>
      <c r="B12409" t="s">
        <v>4086</v>
      </c>
      <c r="C12409" t="s">
        <v>4087</v>
      </c>
      <c r="D12409" t="s">
        <v>3948</v>
      </c>
      <c r="E12409" t="s">
        <v>13</v>
      </c>
      <c r="F12409">
        <v>1673</v>
      </c>
      <c r="G12409" t="s">
        <v>4088</v>
      </c>
      <c r="H12409">
        <v>6.0727658425740003</v>
      </c>
      <c r="I12409">
        <v>52.101098136941999</v>
      </c>
      <c r="J12409" t="s">
        <v>68094</v>
      </c>
    </row>
    <row r="12410" spans="1:10" x14ac:dyDescent="0.25">
      <c r="A12410" t="s">
        <v>4081</v>
      </c>
      <c r="B12410" t="s">
        <v>4082</v>
      </c>
      <c r="C12410" t="s">
        <v>4083</v>
      </c>
      <c r="D12410" t="s">
        <v>3948</v>
      </c>
      <c r="E12410" t="s">
        <v>13</v>
      </c>
      <c r="F12410">
        <v>1672</v>
      </c>
      <c r="G12410" t="s">
        <v>4084</v>
      </c>
      <c r="H12410">
        <v>6.0614229999819997</v>
      </c>
      <c r="I12410">
        <v>52.098494432971997</v>
      </c>
      <c r="J12410" t="s">
        <v>68095</v>
      </c>
    </row>
    <row r="12411" spans="1:10" x14ac:dyDescent="0.25">
      <c r="A12411" t="s">
        <v>4077</v>
      </c>
      <c r="B12411" t="s">
        <v>4078</v>
      </c>
      <c r="C12411" t="s">
        <v>4079</v>
      </c>
      <c r="D12411" t="s">
        <v>3948</v>
      </c>
      <c r="E12411" t="s">
        <v>13</v>
      </c>
      <c r="F12411">
        <v>1671</v>
      </c>
      <c r="G12411" t="s">
        <v>4080</v>
      </c>
      <c r="H12411">
        <v>6.0561487599749997</v>
      </c>
      <c r="I12411">
        <v>52.102279953859998</v>
      </c>
      <c r="J12411" t="s">
        <v>68096</v>
      </c>
    </row>
    <row r="12412" spans="1:10" x14ac:dyDescent="0.25">
      <c r="A12412" t="s">
        <v>4073</v>
      </c>
      <c r="B12412" t="s">
        <v>4074</v>
      </c>
      <c r="C12412" t="s">
        <v>4075</v>
      </c>
      <c r="D12412" t="s">
        <v>3948</v>
      </c>
      <c r="E12412" t="s">
        <v>13</v>
      </c>
      <c r="F12412">
        <v>1670</v>
      </c>
      <c r="G12412" t="s">
        <v>4076</v>
      </c>
      <c r="H12412">
        <v>6.0467814156599999</v>
      </c>
      <c r="I12412">
        <v>52.103150347823998</v>
      </c>
      <c r="J12412" t="s">
        <v>68097</v>
      </c>
    </row>
    <row r="12413" spans="1:10" x14ac:dyDescent="0.25">
      <c r="A12413" t="s">
        <v>4069</v>
      </c>
      <c r="B12413" t="s">
        <v>4070</v>
      </c>
      <c r="C12413" t="s">
        <v>4071</v>
      </c>
      <c r="D12413" t="s">
        <v>3948</v>
      </c>
      <c r="E12413" t="s">
        <v>13</v>
      </c>
      <c r="F12413">
        <v>1669</v>
      </c>
      <c r="G12413" t="s">
        <v>4072</v>
      </c>
      <c r="H12413">
        <v>6.0613506110769997</v>
      </c>
      <c r="I12413">
        <v>52.110119477919</v>
      </c>
      <c r="J12413" t="s">
        <v>68098</v>
      </c>
    </row>
    <row r="12414" spans="1:10" x14ac:dyDescent="0.25">
      <c r="A12414" t="s">
        <v>4065</v>
      </c>
      <c r="B12414" t="s">
        <v>4066</v>
      </c>
      <c r="C12414" t="s">
        <v>4067</v>
      </c>
      <c r="D12414" t="s">
        <v>3948</v>
      </c>
      <c r="E12414" t="s">
        <v>13</v>
      </c>
      <c r="F12414">
        <v>1668</v>
      </c>
      <c r="G12414" t="s">
        <v>4068</v>
      </c>
      <c r="H12414">
        <v>6.055538456122</v>
      </c>
      <c r="I12414">
        <v>52.107914694187002</v>
      </c>
      <c r="J12414" t="s">
        <v>68099</v>
      </c>
    </row>
    <row r="12415" spans="1:10" x14ac:dyDescent="0.25">
      <c r="A12415" t="s">
        <v>4062</v>
      </c>
      <c r="B12415" t="s">
        <v>4063</v>
      </c>
      <c r="C12415" t="s">
        <v>3457</v>
      </c>
      <c r="D12415" t="s">
        <v>3948</v>
      </c>
      <c r="E12415" t="s">
        <v>13</v>
      </c>
      <c r="F12415">
        <v>1667</v>
      </c>
      <c r="G12415" t="s">
        <v>4064</v>
      </c>
      <c r="H12415">
        <v>6.0505652214910004</v>
      </c>
      <c r="I12415">
        <v>52.111963970604002</v>
      </c>
      <c r="J12415" t="s">
        <v>68100</v>
      </c>
    </row>
    <row r="12416" spans="1:10" x14ac:dyDescent="0.25">
      <c r="A12416" t="s">
        <v>4058</v>
      </c>
      <c r="B12416" t="s">
        <v>4059</v>
      </c>
      <c r="C12416" t="s">
        <v>4060</v>
      </c>
      <c r="D12416" t="s">
        <v>3948</v>
      </c>
      <c r="E12416" t="s">
        <v>13</v>
      </c>
      <c r="F12416">
        <v>1666</v>
      </c>
      <c r="G12416" t="s">
        <v>4061</v>
      </c>
      <c r="H12416">
        <v>6.067471634296</v>
      </c>
      <c r="I12416">
        <v>52.105167203165998</v>
      </c>
      <c r="J12416" t="s">
        <v>68101</v>
      </c>
    </row>
    <row r="12417" spans="1:10" x14ac:dyDescent="0.25">
      <c r="A12417" t="s">
        <v>4054</v>
      </c>
      <c r="B12417" t="s">
        <v>4055</v>
      </c>
      <c r="C12417" t="s">
        <v>4056</v>
      </c>
      <c r="D12417" t="s">
        <v>3948</v>
      </c>
      <c r="E12417" t="s">
        <v>13</v>
      </c>
      <c r="F12417">
        <v>1665</v>
      </c>
      <c r="G12417" t="s">
        <v>4057</v>
      </c>
      <c r="H12417">
        <v>6.1037474941859999</v>
      </c>
      <c r="I12417">
        <v>52.097520692255998</v>
      </c>
      <c r="J12417" t="s">
        <v>68102</v>
      </c>
    </row>
    <row r="12418" spans="1:10" x14ac:dyDescent="0.25">
      <c r="A12418" t="s">
        <v>4050</v>
      </c>
      <c r="B12418" t="s">
        <v>4051</v>
      </c>
      <c r="C12418" t="s">
        <v>4052</v>
      </c>
      <c r="D12418" t="s">
        <v>3948</v>
      </c>
      <c r="E12418" t="s">
        <v>13</v>
      </c>
      <c r="F12418">
        <v>1664</v>
      </c>
      <c r="G12418" t="s">
        <v>4053</v>
      </c>
      <c r="H12418">
        <v>6.0912584188889998</v>
      </c>
      <c r="I12418">
        <v>52.118722828385003</v>
      </c>
      <c r="J12418" t="s">
        <v>68103</v>
      </c>
    </row>
    <row r="12419" spans="1:10" x14ac:dyDescent="0.25">
      <c r="A12419" t="s">
        <v>4046</v>
      </c>
      <c r="B12419" t="s">
        <v>4047</v>
      </c>
      <c r="C12419" t="s">
        <v>4048</v>
      </c>
      <c r="D12419" t="s">
        <v>3948</v>
      </c>
      <c r="E12419" t="s">
        <v>13</v>
      </c>
      <c r="F12419">
        <v>1663</v>
      </c>
      <c r="G12419" t="s">
        <v>4049</v>
      </c>
      <c r="H12419">
        <v>6.101531800928</v>
      </c>
      <c r="I12419">
        <v>52.111869562808003</v>
      </c>
      <c r="J12419" t="s">
        <v>68104</v>
      </c>
    </row>
    <row r="12420" spans="1:10" x14ac:dyDescent="0.25">
      <c r="A12420" t="s">
        <v>4042</v>
      </c>
      <c r="B12420" t="s">
        <v>4043</v>
      </c>
      <c r="C12420" t="s">
        <v>4044</v>
      </c>
      <c r="D12420" t="s">
        <v>3948</v>
      </c>
      <c r="E12420" t="s">
        <v>13</v>
      </c>
      <c r="F12420">
        <v>1662</v>
      </c>
      <c r="G12420" t="s">
        <v>4045</v>
      </c>
      <c r="H12420">
        <v>6.1187639993209997</v>
      </c>
      <c r="I12420">
        <v>52.07886183331</v>
      </c>
      <c r="J12420" t="s">
        <v>68105</v>
      </c>
    </row>
    <row r="12421" spans="1:10" x14ac:dyDescent="0.25">
      <c r="A12421" t="s">
        <v>4038</v>
      </c>
      <c r="B12421" t="s">
        <v>4039</v>
      </c>
      <c r="C12421" t="s">
        <v>4040</v>
      </c>
      <c r="D12421" t="s">
        <v>3948</v>
      </c>
      <c r="E12421" t="s">
        <v>13</v>
      </c>
      <c r="F12421">
        <v>1661</v>
      </c>
      <c r="G12421" t="s">
        <v>4041</v>
      </c>
      <c r="H12421">
        <v>6.1422715138940003</v>
      </c>
      <c r="I12421">
        <v>52.071082126660997</v>
      </c>
      <c r="J12421" t="s">
        <v>68106</v>
      </c>
    </row>
    <row r="12422" spans="1:10" x14ac:dyDescent="0.25">
      <c r="A12422" t="s">
        <v>4034</v>
      </c>
      <c r="B12422" t="s">
        <v>4035</v>
      </c>
      <c r="C12422" t="s">
        <v>4036</v>
      </c>
      <c r="D12422" t="s">
        <v>3948</v>
      </c>
      <c r="E12422" t="s">
        <v>13</v>
      </c>
      <c r="F12422">
        <v>1660</v>
      </c>
      <c r="G12422" t="s">
        <v>4037</v>
      </c>
      <c r="H12422">
        <v>6.141750381514</v>
      </c>
      <c r="I12422">
        <v>52.075391167151999</v>
      </c>
      <c r="J12422" t="s">
        <v>68107</v>
      </c>
    </row>
    <row r="12423" spans="1:10" x14ac:dyDescent="0.25">
      <c r="A12423" t="s">
        <v>4030</v>
      </c>
      <c r="B12423" t="s">
        <v>4031</v>
      </c>
      <c r="C12423" t="s">
        <v>4032</v>
      </c>
      <c r="D12423" t="s">
        <v>3948</v>
      </c>
      <c r="E12423" t="s">
        <v>13</v>
      </c>
      <c r="F12423">
        <v>1659</v>
      </c>
      <c r="G12423" t="s">
        <v>4033</v>
      </c>
      <c r="H12423">
        <v>6.1860712929280002</v>
      </c>
      <c r="I12423">
        <v>52.100807606183999</v>
      </c>
      <c r="J12423" t="s">
        <v>68108</v>
      </c>
    </row>
    <row r="12424" spans="1:10" x14ac:dyDescent="0.25">
      <c r="A12424" t="s">
        <v>4026</v>
      </c>
      <c r="B12424" t="s">
        <v>4027</v>
      </c>
      <c r="C12424" t="s">
        <v>4028</v>
      </c>
      <c r="D12424" t="s">
        <v>3948</v>
      </c>
      <c r="E12424" t="s">
        <v>13</v>
      </c>
      <c r="F12424">
        <v>1658</v>
      </c>
      <c r="G12424" t="s">
        <v>4029</v>
      </c>
      <c r="H12424">
        <v>6.1421076755420003</v>
      </c>
      <c r="I12424">
        <v>52.125831850036001</v>
      </c>
      <c r="J12424" t="s">
        <v>68109</v>
      </c>
    </row>
    <row r="12425" spans="1:10" x14ac:dyDescent="0.25">
      <c r="A12425" t="s">
        <v>4022</v>
      </c>
      <c r="B12425" t="s">
        <v>4023</v>
      </c>
      <c r="C12425" t="s">
        <v>4024</v>
      </c>
      <c r="D12425" t="s">
        <v>3948</v>
      </c>
      <c r="E12425" t="s">
        <v>13</v>
      </c>
      <c r="F12425">
        <v>1657</v>
      </c>
      <c r="G12425" t="s">
        <v>4025</v>
      </c>
      <c r="H12425">
        <v>6.1734062056549996</v>
      </c>
      <c r="I12425">
        <v>52.128667323533001</v>
      </c>
      <c r="J12425" t="s">
        <v>68110</v>
      </c>
    </row>
    <row r="12426" spans="1:10" x14ac:dyDescent="0.25">
      <c r="A12426" t="s">
        <v>4018</v>
      </c>
      <c r="B12426" t="s">
        <v>4019</v>
      </c>
      <c r="C12426" t="s">
        <v>4020</v>
      </c>
      <c r="D12426" t="s">
        <v>3948</v>
      </c>
      <c r="E12426" t="s">
        <v>13</v>
      </c>
      <c r="F12426">
        <v>1656</v>
      </c>
      <c r="G12426" t="s">
        <v>4021</v>
      </c>
      <c r="H12426">
        <v>6.147218462663</v>
      </c>
      <c r="I12426">
        <v>52.112552280140001</v>
      </c>
      <c r="J12426" t="s">
        <v>68111</v>
      </c>
    </row>
    <row r="12427" spans="1:10" x14ac:dyDescent="0.25">
      <c r="A12427" t="s">
        <v>4014</v>
      </c>
      <c r="B12427" t="s">
        <v>4015</v>
      </c>
      <c r="C12427" t="s">
        <v>4016</v>
      </c>
      <c r="D12427" t="s">
        <v>3948</v>
      </c>
      <c r="E12427" t="s">
        <v>13</v>
      </c>
      <c r="F12427">
        <v>1655</v>
      </c>
      <c r="G12427" t="s">
        <v>4017</v>
      </c>
      <c r="H12427">
        <v>6.1443485146589998</v>
      </c>
      <c r="I12427">
        <v>52.113275141091002</v>
      </c>
      <c r="J12427" t="s">
        <v>68112</v>
      </c>
    </row>
    <row r="12428" spans="1:10" x14ac:dyDescent="0.25">
      <c r="A12428" t="s">
        <v>4010</v>
      </c>
      <c r="B12428" t="s">
        <v>4011</v>
      </c>
      <c r="C12428" t="s">
        <v>4012</v>
      </c>
      <c r="D12428" t="s">
        <v>3948</v>
      </c>
      <c r="E12428" t="s">
        <v>13</v>
      </c>
      <c r="F12428">
        <v>1654</v>
      </c>
      <c r="G12428" t="s">
        <v>4013</v>
      </c>
      <c r="H12428">
        <v>6.1216265435399997</v>
      </c>
      <c r="I12428">
        <v>52.096926160149003</v>
      </c>
      <c r="J12428" t="s">
        <v>68113</v>
      </c>
    </row>
    <row r="12429" spans="1:10" x14ac:dyDescent="0.25">
      <c r="A12429" t="s">
        <v>4006</v>
      </c>
      <c r="B12429" t="s">
        <v>4007</v>
      </c>
      <c r="C12429" t="s">
        <v>4008</v>
      </c>
      <c r="D12429" t="s">
        <v>3948</v>
      </c>
      <c r="E12429" t="s">
        <v>13</v>
      </c>
      <c r="F12429">
        <v>1653</v>
      </c>
      <c r="G12429" t="s">
        <v>4009</v>
      </c>
      <c r="H12429">
        <v>6.1528520790509997</v>
      </c>
      <c r="I12429">
        <v>52.101116507321002</v>
      </c>
      <c r="J12429" t="s">
        <v>68114</v>
      </c>
    </row>
    <row r="12430" spans="1:10" x14ac:dyDescent="0.25">
      <c r="A12430" t="s">
        <v>4002</v>
      </c>
      <c r="B12430" t="s">
        <v>4003</v>
      </c>
      <c r="C12430" t="s">
        <v>4004</v>
      </c>
      <c r="D12430" t="s">
        <v>3948</v>
      </c>
      <c r="E12430" t="s">
        <v>13</v>
      </c>
      <c r="F12430">
        <v>1652</v>
      </c>
      <c r="G12430" t="s">
        <v>4005</v>
      </c>
      <c r="H12430">
        <v>6.1450726125699999</v>
      </c>
      <c r="I12430">
        <v>52.094728966273003</v>
      </c>
      <c r="J12430" t="s">
        <v>68115</v>
      </c>
    </row>
    <row r="12431" spans="1:10" x14ac:dyDescent="0.25">
      <c r="A12431" t="s">
        <v>3998</v>
      </c>
      <c r="B12431" t="s">
        <v>3999</v>
      </c>
      <c r="C12431" t="s">
        <v>4000</v>
      </c>
      <c r="D12431" t="s">
        <v>3948</v>
      </c>
      <c r="E12431" t="s">
        <v>13</v>
      </c>
      <c r="F12431">
        <v>1651</v>
      </c>
      <c r="G12431" t="s">
        <v>4001</v>
      </c>
      <c r="H12431">
        <v>6.157147604475</v>
      </c>
      <c r="I12431">
        <v>52.099471069549999</v>
      </c>
      <c r="J12431" t="s">
        <v>68116</v>
      </c>
    </row>
    <row r="12432" spans="1:10" x14ac:dyDescent="0.25">
      <c r="A12432" t="s">
        <v>3994</v>
      </c>
      <c r="B12432" t="s">
        <v>3995</v>
      </c>
      <c r="C12432" t="s">
        <v>3996</v>
      </c>
      <c r="D12432" t="s">
        <v>3948</v>
      </c>
      <c r="E12432" t="s">
        <v>13</v>
      </c>
      <c r="F12432">
        <v>1650</v>
      </c>
      <c r="G12432" t="s">
        <v>3997</v>
      </c>
      <c r="H12432">
        <v>6.1499876662300004</v>
      </c>
      <c r="I12432">
        <v>52.093935919853003</v>
      </c>
      <c r="J12432" t="s">
        <v>68117</v>
      </c>
    </row>
    <row r="12433" spans="1:10" x14ac:dyDescent="0.25">
      <c r="A12433" t="s">
        <v>3990</v>
      </c>
      <c r="B12433" t="s">
        <v>3991</v>
      </c>
      <c r="C12433" t="s">
        <v>3992</v>
      </c>
      <c r="D12433" t="s">
        <v>3948</v>
      </c>
      <c r="E12433" t="s">
        <v>13</v>
      </c>
      <c r="F12433">
        <v>1649</v>
      </c>
      <c r="G12433" t="s">
        <v>3993</v>
      </c>
      <c r="H12433">
        <v>6.1545123674570004</v>
      </c>
      <c r="I12433">
        <v>52.103266659806998</v>
      </c>
      <c r="J12433" t="s">
        <v>68118</v>
      </c>
    </row>
    <row r="12434" spans="1:10" x14ac:dyDescent="0.25">
      <c r="A12434" t="s">
        <v>3986</v>
      </c>
      <c r="B12434" t="s">
        <v>3987</v>
      </c>
      <c r="C12434" t="s">
        <v>3988</v>
      </c>
      <c r="D12434" t="s">
        <v>3948</v>
      </c>
      <c r="E12434" t="s">
        <v>13</v>
      </c>
      <c r="F12434">
        <v>1648</v>
      </c>
      <c r="G12434" t="s">
        <v>3989</v>
      </c>
      <c r="H12434">
        <v>6.1517340950269999</v>
      </c>
      <c r="I12434">
        <v>52.098879483674999</v>
      </c>
      <c r="J12434" t="s">
        <v>68119</v>
      </c>
    </row>
    <row r="12435" spans="1:10" x14ac:dyDescent="0.25">
      <c r="A12435" t="s">
        <v>3982</v>
      </c>
      <c r="B12435" t="s">
        <v>3983</v>
      </c>
      <c r="C12435" t="s">
        <v>3984</v>
      </c>
      <c r="D12435" t="s">
        <v>3948</v>
      </c>
      <c r="E12435" t="s">
        <v>13</v>
      </c>
      <c r="F12435">
        <v>1647</v>
      </c>
      <c r="G12435" t="s">
        <v>3985</v>
      </c>
      <c r="H12435">
        <v>6.1279197528960001</v>
      </c>
      <c r="I12435">
        <v>52.088349649675003</v>
      </c>
      <c r="J12435" t="s">
        <v>68120</v>
      </c>
    </row>
    <row r="12436" spans="1:10" x14ac:dyDescent="0.25">
      <c r="A12436" t="s">
        <v>3978</v>
      </c>
      <c r="B12436" t="s">
        <v>3979</v>
      </c>
      <c r="C12436" t="s">
        <v>3980</v>
      </c>
      <c r="D12436" t="s">
        <v>3948</v>
      </c>
      <c r="E12436" t="s">
        <v>13</v>
      </c>
      <c r="F12436">
        <v>1646</v>
      </c>
      <c r="G12436" t="s">
        <v>3981</v>
      </c>
      <c r="H12436">
        <v>6.154083790954</v>
      </c>
      <c r="I12436">
        <v>52.084613106187</v>
      </c>
      <c r="J12436" t="s">
        <v>68121</v>
      </c>
    </row>
    <row r="12437" spans="1:10" x14ac:dyDescent="0.25">
      <c r="A12437" t="s">
        <v>3974</v>
      </c>
      <c r="B12437" t="s">
        <v>3975</v>
      </c>
      <c r="C12437" t="s">
        <v>3976</v>
      </c>
      <c r="D12437" t="s">
        <v>3948</v>
      </c>
      <c r="E12437" t="s">
        <v>13</v>
      </c>
      <c r="F12437">
        <v>1645</v>
      </c>
      <c r="G12437" t="s">
        <v>3977</v>
      </c>
      <c r="H12437">
        <v>6.1479515208809996</v>
      </c>
      <c r="I12437">
        <v>52.084849506464003</v>
      </c>
      <c r="J12437" t="s">
        <v>68122</v>
      </c>
    </row>
    <row r="12438" spans="1:10" x14ac:dyDescent="0.25">
      <c r="A12438" t="s">
        <v>3970</v>
      </c>
      <c r="B12438" t="s">
        <v>3971</v>
      </c>
      <c r="C12438" t="s">
        <v>3972</v>
      </c>
      <c r="D12438" t="s">
        <v>3948</v>
      </c>
      <c r="E12438" t="s">
        <v>13</v>
      </c>
      <c r="F12438">
        <v>1644</v>
      </c>
      <c r="G12438" t="s">
        <v>3973</v>
      </c>
      <c r="H12438">
        <v>6.1616352356090003</v>
      </c>
      <c r="I12438">
        <v>52.093871216110998</v>
      </c>
      <c r="J12438" t="s">
        <v>68123</v>
      </c>
    </row>
    <row r="12439" spans="1:10" x14ac:dyDescent="0.25">
      <c r="A12439" t="s">
        <v>3966</v>
      </c>
      <c r="B12439" t="s">
        <v>3967</v>
      </c>
      <c r="C12439" t="s">
        <v>3968</v>
      </c>
      <c r="D12439" t="s">
        <v>3948</v>
      </c>
      <c r="E12439" t="s">
        <v>13</v>
      </c>
      <c r="F12439">
        <v>1643</v>
      </c>
      <c r="G12439" t="s">
        <v>3969</v>
      </c>
      <c r="H12439">
        <v>6.1556134129259998</v>
      </c>
      <c r="I12439">
        <v>52.093449989916003</v>
      </c>
      <c r="J12439" t="s">
        <v>68124</v>
      </c>
    </row>
    <row r="12440" spans="1:10" x14ac:dyDescent="0.25">
      <c r="A12440" t="s">
        <v>3962</v>
      </c>
      <c r="B12440" t="s">
        <v>3963</v>
      </c>
      <c r="C12440" t="s">
        <v>3964</v>
      </c>
      <c r="D12440" t="s">
        <v>3948</v>
      </c>
      <c r="E12440" t="s">
        <v>13</v>
      </c>
      <c r="F12440">
        <v>1642</v>
      </c>
      <c r="G12440" t="s">
        <v>3965</v>
      </c>
      <c r="H12440">
        <v>6.1535115830929996</v>
      </c>
      <c r="I12440">
        <v>52.08879418555</v>
      </c>
      <c r="J12440" t="s">
        <v>68125</v>
      </c>
    </row>
    <row r="12441" spans="1:10" x14ac:dyDescent="0.25">
      <c r="A12441" t="s">
        <v>3958</v>
      </c>
      <c r="B12441" t="s">
        <v>3959</v>
      </c>
      <c r="C12441" t="s">
        <v>3960</v>
      </c>
      <c r="D12441" t="s">
        <v>3948</v>
      </c>
      <c r="E12441" t="s">
        <v>13</v>
      </c>
      <c r="F12441">
        <v>1641</v>
      </c>
      <c r="G12441" t="s">
        <v>3961</v>
      </c>
      <c r="H12441">
        <v>6.1277340896919998</v>
      </c>
      <c r="I12441">
        <v>52.135389585295997</v>
      </c>
      <c r="J12441" t="s">
        <v>68126</v>
      </c>
    </row>
    <row r="12442" spans="1:10" x14ac:dyDescent="0.25">
      <c r="A12442" t="s">
        <v>3954</v>
      </c>
      <c r="B12442" t="s">
        <v>3955</v>
      </c>
      <c r="C12442" t="s">
        <v>3956</v>
      </c>
      <c r="D12442" t="s">
        <v>3948</v>
      </c>
      <c r="E12442" t="s">
        <v>13</v>
      </c>
      <c r="F12442">
        <v>1640</v>
      </c>
      <c r="G12442" t="s">
        <v>3957</v>
      </c>
      <c r="H12442">
        <v>6.1690381911319996</v>
      </c>
      <c r="I12442">
        <v>52.157824816161998</v>
      </c>
      <c r="J12442" t="s">
        <v>68127</v>
      </c>
    </row>
    <row r="12443" spans="1:10" x14ac:dyDescent="0.25">
      <c r="A12443" t="s">
        <v>3950</v>
      </c>
      <c r="B12443" t="s">
        <v>3951</v>
      </c>
      <c r="C12443" t="s">
        <v>3952</v>
      </c>
      <c r="D12443" t="s">
        <v>3948</v>
      </c>
      <c r="E12443" t="s">
        <v>13</v>
      </c>
      <c r="F12443">
        <v>1639</v>
      </c>
      <c r="G12443" t="s">
        <v>3953</v>
      </c>
      <c r="H12443">
        <v>6.1103729180029998</v>
      </c>
      <c r="I12443">
        <v>52.145788611196998</v>
      </c>
      <c r="J12443" t="s">
        <v>68128</v>
      </c>
    </row>
    <row r="12444" spans="1:10" x14ac:dyDescent="0.25">
      <c r="A12444" t="s">
        <v>3945</v>
      </c>
      <c r="B12444" t="s">
        <v>3946</v>
      </c>
      <c r="C12444" t="s">
        <v>3947</v>
      </c>
      <c r="D12444" t="s">
        <v>3948</v>
      </c>
      <c r="E12444" t="s">
        <v>13</v>
      </c>
      <c r="F12444">
        <v>1638</v>
      </c>
      <c r="G12444" t="s">
        <v>3949</v>
      </c>
      <c r="H12444">
        <v>6.1375288552280001</v>
      </c>
      <c r="I12444">
        <v>52.154181791216999</v>
      </c>
      <c r="J12444" t="s">
        <v>68129</v>
      </c>
    </row>
    <row r="12445" spans="1:10" x14ac:dyDescent="0.25">
      <c r="A12445" t="s">
        <v>3941</v>
      </c>
      <c r="B12445" t="s">
        <v>3942</v>
      </c>
      <c r="C12445" t="s">
        <v>3943</v>
      </c>
      <c r="D12445" t="s">
        <v>3771</v>
      </c>
      <c r="E12445" t="s">
        <v>13</v>
      </c>
      <c r="F12445">
        <v>1637</v>
      </c>
      <c r="G12445" t="s">
        <v>3944</v>
      </c>
      <c r="H12445">
        <v>5.7051858146200001</v>
      </c>
      <c r="I12445">
        <v>51.880789665963</v>
      </c>
      <c r="J12445" t="s">
        <v>68130</v>
      </c>
    </row>
    <row r="12446" spans="1:10" x14ac:dyDescent="0.25">
      <c r="A12446" t="s">
        <v>3937</v>
      </c>
      <c r="B12446" t="s">
        <v>3938</v>
      </c>
      <c r="C12446" t="s">
        <v>3939</v>
      </c>
      <c r="D12446" t="s">
        <v>3771</v>
      </c>
      <c r="E12446" t="s">
        <v>13</v>
      </c>
      <c r="F12446">
        <v>1636</v>
      </c>
      <c r="G12446" t="s">
        <v>3940</v>
      </c>
      <c r="H12446">
        <v>5.6903560744380002</v>
      </c>
      <c r="I12446">
        <v>51.859405247448002</v>
      </c>
      <c r="J12446" t="s">
        <v>68131</v>
      </c>
    </row>
    <row r="12447" spans="1:10" x14ac:dyDescent="0.25">
      <c r="A12447" t="s">
        <v>3933</v>
      </c>
      <c r="B12447" t="s">
        <v>3934</v>
      </c>
      <c r="C12447" t="s">
        <v>3935</v>
      </c>
      <c r="D12447" t="s">
        <v>3771</v>
      </c>
      <c r="E12447" t="s">
        <v>13</v>
      </c>
      <c r="F12447">
        <v>1635</v>
      </c>
      <c r="G12447" t="s">
        <v>3936</v>
      </c>
      <c r="H12447">
        <v>5.6982252323329998</v>
      </c>
      <c r="I12447">
        <v>51.872362547473003</v>
      </c>
      <c r="J12447" t="s">
        <v>68132</v>
      </c>
    </row>
    <row r="12448" spans="1:10" x14ac:dyDescent="0.25">
      <c r="A12448" t="s">
        <v>3929</v>
      </c>
      <c r="B12448" t="s">
        <v>3930</v>
      </c>
      <c r="C12448" t="s">
        <v>3931</v>
      </c>
      <c r="D12448" t="s">
        <v>3771</v>
      </c>
      <c r="E12448" t="s">
        <v>13</v>
      </c>
      <c r="F12448">
        <v>1634</v>
      </c>
      <c r="G12448" t="s">
        <v>3932</v>
      </c>
      <c r="H12448">
        <v>5.7073081215599997</v>
      </c>
      <c r="I12448">
        <v>51.886318778670997</v>
      </c>
      <c r="J12448" t="s">
        <v>68133</v>
      </c>
    </row>
    <row r="12449" spans="1:10" x14ac:dyDescent="0.25">
      <c r="A12449" t="s">
        <v>3925</v>
      </c>
      <c r="B12449" t="s">
        <v>3926</v>
      </c>
      <c r="C12449" t="s">
        <v>3927</v>
      </c>
      <c r="D12449" t="s">
        <v>3771</v>
      </c>
      <c r="E12449" t="s">
        <v>13</v>
      </c>
      <c r="F12449">
        <v>1633</v>
      </c>
      <c r="G12449" t="s">
        <v>3928</v>
      </c>
      <c r="H12449">
        <v>5.8138335542039998</v>
      </c>
      <c r="I12449">
        <v>51.851606889830002</v>
      </c>
      <c r="J12449" t="s">
        <v>68134</v>
      </c>
    </row>
    <row r="12450" spans="1:10" x14ac:dyDescent="0.25">
      <c r="A12450" t="s">
        <v>3921</v>
      </c>
      <c r="B12450" t="s">
        <v>3922</v>
      </c>
      <c r="C12450" t="s">
        <v>3923</v>
      </c>
      <c r="D12450" t="s">
        <v>3771</v>
      </c>
      <c r="E12450" t="s">
        <v>13</v>
      </c>
      <c r="F12450">
        <v>1632</v>
      </c>
      <c r="G12450" t="s">
        <v>3924</v>
      </c>
      <c r="H12450">
        <v>5.8137811148129996</v>
      </c>
      <c r="I12450">
        <v>51.855386234732997</v>
      </c>
      <c r="J12450" t="s">
        <v>68135</v>
      </c>
    </row>
    <row r="12451" spans="1:10" x14ac:dyDescent="0.25">
      <c r="A12451" t="s">
        <v>3917</v>
      </c>
      <c r="B12451" t="s">
        <v>3918</v>
      </c>
      <c r="C12451" t="s">
        <v>3919</v>
      </c>
      <c r="D12451" t="s">
        <v>3771</v>
      </c>
      <c r="E12451" t="s">
        <v>13</v>
      </c>
      <c r="F12451">
        <v>1631</v>
      </c>
      <c r="G12451" t="s">
        <v>3920</v>
      </c>
      <c r="H12451">
        <v>5.8189436602200004</v>
      </c>
      <c r="I12451">
        <v>51.858218400634001</v>
      </c>
      <c r="J12451" t="s">
        <v>68136</v>
      </c>
    </row>
    <row r="12452" spans="1:10" x14ac:dyDescent="0.25">
      <c r="A12452" t="s">
        <v>3913</v>
      </c>
      <c r="B12452" t="s">
        <v>3914</v>
      </c>
      <c r="C12452" t="s">
        <v>3915</v>
      </c>
      <c r="D12452" t="s">
        <v>3771</v>
      </c>
      <c r="E12452" t="s">
        <v>13</v>
      </c>
      <c r="F12452">
        <v>1630</v>
      </c>
      <c r="G12452" t="s">
        <v>3916</v>
      </c>
      <c r="H12452">
        <v>5.7958118188009999</v>
      </c>
      <c r="I12452">
        <v>51.851801367957997</v>
      </c>
      <c r="J12452" t="s">
        <v>68137</v>
      </c>
    </row>
    <row r="12453" spans="1:10" x14ac:dyDescent="0.25">
      <c r="A12453" t="s">
        <v>3909</v>
      </c>
      <c r="B12453" t="s">
        <v>3910</v>
      </c>
      <c r="C12453" t="s">
        <v>3911</v>
      </c>
      <c r="D12453" t="s">
        <v>3771</v>
      </c>
      <c r="E12453" t="s">
        <v>13</v>
      </c>
      <c r="F12453">
        <v>1629</v>
      </c>
      <c r="G12453" t="s">
        <v>3912</v>
      </c>
      <c r="H12453">
        <v>5.8136163545770003</v>
      </c>
      <c r="I12453">
        <v>51.864117607362999</v>
      </c>
      <c r="J12453" t="s">
        <v>68138</v>
      </c>
    </row>
    <row r="12454" spans="1:10" x14ac:dyDescent="0.25">
      <c r="A12454" t="s">
        <v>3905</v>
      </c>
      <c r="B12454" t="s">
        <v>3906</v>
      </c>
      <c r="C12454" t="s">
        <v>3907</v>
      </c>
      <c r="D12454" t="s">
        <v>3771</v>
      </c>
      <c r="E12454" t="s">
        <v>13</v>
      </c>
      <c r="F12454">
        <v>1628</v>
      </c>
      <c r="G12454" t="s">
        <v>3908</v>
      </c>
      <c r="H12454">
        <v>5.7363896564620003</v>
      </c>
      <c r="I12454">
        <v>51.865109073543003</v>
      </c>
      <c r="J12454" t="s">
        <v>68139</v>
      </c>
    </row>
    <row r="12455" spans="1:10" x14ac:dyDescent="0.25">
      <c r="A12455" t="s">
        <v>3901</v>
      </c>
      <c r="B12455" t="s">
        <v>3902</v>
      </c>
      <c r="C12455" t="s">
        <v>3903</v>
      </c>
      <c r="D12455" t="s">
        <v>3771</v>
      </c>
      <c r="E12455" t="s">
        <v>13</v>
      </c>
      <c r="F12455">
        <v>1627</v>
      </c>
      <c r="G12455" t="s">
        <v>3904</v>
      </c>
      <c r="H12455">
        <v>5.7473260160809998</v>
      </c>
      <c r="I12455">
        <v>51.866808429076002</v>
      </c>
      <c r="J12455" t="s">
        <v>68140</v>
      </c>
    </row>
    <row r="12456" spans="1:10" x14ac:dyDescent="0.25">
      <c r="A12456" t="s">
        <v>3897</v>
      </c>
      <c r="B12456" t="s">
        <v>3898</v>
      </c>
      <c r="C12456" t="s">
        <v>3899</v>
      </c>
      <c r="D12456" t="s">
        <v>3771</v>
      </c>
      <c r="E12456" t="s">
        <v>13</v>
      </c>
      <c r="F12456">
        <v>1626</v>
      </c>
      <c r="G12456" t="s">
        <v>3900</v>
      </c>
      <c r="H12456">
        <v>5.7389997380309996</v>
      </c>
      <c r="I12456">
        <v>51.876658694763002</v>
      </c>
      <c r="J12456" t="s">
        <v>68141</v>
      </c>
    </row>
    <row r="12457" spans="1:10" x14ac:dyDescent="0.25">
      <c r="A12457" t="s">
        <v>3893</v>
      </c>
      <c r="B12457" t="s">
        <v>3894</v>
      </c>
      <c r="C12457" t="s">
        <v>3895</v>
      </c>
      <c r="D12457" t="s">
        <v>3771</v>
      </c>
      <c r="E12457" t="s">
        <v>13</v>
      </c>
      <c r="F12457">
        <v>1625</v>
      </c>
      <c r="G12457" t="s">
        <v>3896</v>
      </c>
      <c r="H12457">
        <v>5.7314311009469998</v>
      </c>
      <c r="I12457">
        <v>51.867624261141003</v>
      </c>
      <c r="J12457" t="s">
        <v>68142</v>
      </c>
    </row>
    <row r="12458" spans="1:10" x14ac:dyDescent="0.25">
      <c r="A12458" t="s">
        <v>3889</v>
      </c>
      <c r="B12458" t="s">
        <v>3890</v>
      </c>
      <c r="C12458" t="s">
        <v>3891</v>
      </c>
      <c r="D12458" t="s">
        <v>3771</v>
      </c>
      <c r="E12458" t="s">
        <v>13</v>
      </c>
      <c r="F12458">
        <v>1624</v>
      </c>
      <c r="G12458" t="s">
        <v>3892</v>
      </c>
      <c r="H12458">
        <v>5.7368719009489997</v>
      </c>
      <c r="I12458">
        <v>51.870993898445001</v>
      </c>
      <c r="J12458" t="s">
        <v>68143</v>
      </c>
    </row>
    <row r="12459" spans="1:10" x14ac:dyDescent="0.25">
      <c r="A12459" t="s">
        <v>3885</v>
      </c>
      <c r="B12459" t="s">
        <v>3886</v>
      </c>
      <c r="C12459" t="s">
        <v>3887</v>
      </c>
      <c r="D12459" t="s">
        <v>3771</v>
      </c>
      <c r="E12459" t="s">
        <v>13</v>
      </c>
      <c r="F12459">
        <v>1623</v>
      </c>
      <c r="G12459" t="s">
        <v>3888</v>
      </c>
      <c r="H12459">
        <v>5.7418737549000003</v>
      </c>
      <c r="I12459">
        <v>51.870037863600999</v>
      </c>
      <c r="J12459" t="s">
        <v>68144</v>
      </c>
    </row>
    <row r="12460" spans="1:10" x14ac:dyDescent="0.25">
      <c r="A12460" t="s">
        <v>3881</v>
      </c>
      <c r="B12460" t="s">
        <v>3882</v>
      </c>
      <c r="C12460" t="s">
        <v>3883</v>
      </c>
      <c r="D12460" t="s">
        <v>3771</v>
      </c>
      <c r="E12460" t="s">
        <v>13</v>
      </c>
      <c r="F12460">
        <v>1622</v>
      </c>
      <c r="G12460" t="s">
        <v>3884</v>
      </c>
      <c r="H12460">
        <v>5.7069095433030004</v>
      </c>
      <c r="I12460">
        <v>51.847721126963002</v>
      </c>
      <c r="J12460" t="s">
        <v>68145</v>
      </c>
    </row>
    <row r="12461" spans="1:10" x14ac:dyDescent="0.25">
      <c r="A12461" t="s">
        <v>3877</v>
      </c>
      <c r="B12461" t="s">
        <v>3878</v>
      </c>
      <c r="C12461" t="s">
        <v>3879</v>
      </c>
      <c r="D12461" t="s">
        <v>3771</v>
      </c>
      <c r="E12461" t="s">
        <v>13</v>
      </c>
      <c r="F12461">
        <v>1621</v>
      </c>
      <c r="G12461" t="s">
        <v>3880</v>
      </c>
      <c r="H12461">
        <v>5.7281812774069998</v>
      </c>
      <c r="I12461">
        <v>51.863045615929998</v>
      </c>
      <c r="J12461" t="s">
        <v>68146</v>
      </c>
    </row>
    <row r="12462" spans="1:10" x14ac:dyDescent="0.25">
      <c r="A12462" t="s">
        <v>3873</v>
      </c>
      <c r="B12462" t="s">
        <v>3874</v>
      </c>
      <c r="C12462" t="s">
        <v>3875</v>
      </c>
      <c r="D12462" t="s">
        <v>3771</v>
      </c>
      <c r="E12462" t="s">
        <v>13</v>
      </c>
      <c r="F12462">
        <v>1620</v>
      </c>
      <c r="G12462" t="s">
        <v>3876</v>
      </c>
      <c r="H12462">
        <v>5.7463067816439999</v>
      </c>
      <c r="I12462">
        <v>51.877560926709997</v>
      </c>
      <c r="J12462" t="s">
        <v>68147</v>
      </c>
    </row>
    <row r="12463" spans="1:10" x14ac:dyDescent="0.25">
      <c r="A12463" t="s">
        <v>3869</v>
      </c>
      <c r="B12463" t="s">
        <v>3870</v>
      </c>
      <c r="C12463" t="s">
        <v>3871</v>
      </c>
      <c r="D12463" t="s">
        <v>3771</v>
      </c>
      <c r="E12463" t="s">
        <v>13</v>
      </c>
      <c r="F12463">
        <v>1619</v>
      </c>
      <c r="G12463" t="s">
        <v>3872</v>
      </c>
      <c r="H12463">
        <v>5.7691509528290004</v>
      </c>
      <c r="I12463">
        <v>51.850116817886999</v>
      </c>
      <c r="J12463" t="s">
        <v>68148</v>
      </c>
    </row>
    <row r="12464" spans="1:10" x14ac:dyDescent="0.25">
      <c r="A12464" t="s">
        <v>3865</v>
      </c>
      <c r="B12464" t="s">
        <v>3866</v>
      </c>
      <c r="C12464" t="s">
        <v>3867</v>
      </c>
      <c r="D12464" t="s">
        <v>3771</v>
      </c>
      <c r="E12464" t="s">
        <v>13</v>
      </c>
      <c r="F12464">
        <v>1618</v>
      </c>
      <c r="G12464" t="s">
        <v>3868</v>
      </c>
      <c r="H12464">
        <v>5.754012691482</v>
      </c>
      <c r="I12464">
        <v>51.852574255729003</v>
      </c>
      <c r="J12464" t="s">
        <v>68149</v>
      </c>
    </row>
    <row r="12465" spans="1:10" x14ac:dyDescent="0.25">
      <c r="A12465" t="s">
        <v>3861</v>
      </c>
      <c r="B12465" t="s">
        <v>3862</v>
      </c>
      <c r="C12465" t="s">
        <v>3863</v>
      </c>
      <c r="D12465" t="s">
        <v>3771</v>
      </c>
      <c r="E12465" t="s">
        <v>13</v>
      </c>
      <c r="F12465">
        <v>1617</v>
      </c>
      <c r="G12465" t="s">
        <v>3864</v>
      </c>
      <c r="H12465">
        <v>5.7539699532670001</v>
      </c>
      <c r="I12465">
        <v>51.858287417882998</v>
      </c>
      <c r="J12465" t="s">
        <v>68150</v>
      </c>
    </row>
    <row r="12466" spans="1:10" x14ac:dyDescent="0.25">
      <c r="A12466" t="s">
        <v>3857</v>
      </c>
      <c r="B12466" t="s">
        <v>3858</v>
      </c>
      <c r="C12466" t="s">
        <v>3859</v>
      </c>
      <c r="D12466" t="s">
        <v>3771</v>
      </c>
      <c r="E12466" t="s">
        <v>13</v>
      </c>
      <c r="F12466">
        <v>1616</v>
      </c>
      <c r="G12466" t="s">
        <v>3860</v>
      </c>
      <c r="H12466">
        <v>5.7555233684180003</v>
      </c>
      <c r="I12466">
        <v>51.855736868519998</v>
      </c>
      <c r="J12466" t="s">
        <v>68151</v>
      </c>
    </row>
    <row r="12467" spans="1:10" x14ac:dyDescent="0.25">
      <c r="A12467" t="s">
        <v>3853</v>
      </c>
      <c r="B12467" t="s">
        <v>3854</v>
      </c>
      <c r="C12467" t="s">
        <v>3855</v>
      </c>
      <c r="D12467" t="s">
        <v>3771</v>
      </c>
      <c r="E12467" t="s">
        <v>13</v>
      </c>
      <c r="F12467">
        <v>1615</v>
      </c>
      <c r="G12467" t="s">
        <v>3856</v>
      </c>
      <c r="H12467">
        <v>5.7594557458500004</v>
      </c>
      <c r="I12467">
        <v>51.854629425489001</v>
      </c>
      <c r="J12467" t="s">
        <v>68152</v>
      </c>
    </row>
    <row r="12468" spans="1:10" x14ac:dyDescent="0.25">
      <c r="A12468" t="s">
        <v>3849</v>
      </c>
      <c r="B12468" t="s">
        <v>3850</v>
      </c>
      <c r="C12468" t="s">
        <v>3851</v>
      </c>
      <c r="D12468" t="s">
        <v>3771</v>
      </c>
      <c r="E12468" t="s">
        <v>13</v>
      </c>
      <c r="F12468">
        <v>1614</v>
      </c>
      <c r="G12468" t="s">
        <v>3852</v>
      </c>
      <c r="H12468">
        <v>5.750091124421</v>
      </c>
      <c r="I12468">
        <v>51.863222663061002</v>
      </c>
      <c r="J12468" t="s">
        <v>68153</v>
      </c>
    </row>
    <row r="12469" spans="1:10" x14ac:dyDescent="0.25">
      <c r="A12469" t="s">
        <v>3845</v>
      </c>
      <c r="B12469" t="s">
        <v>3846</v>
      </c>
      <c r="C12469" t="s">
        <v>3847</v>
      </c>
      <c r="D12469" t="s">
        <v>3771</v>
      </c>
      <c r="E12469" t="s">
        <v>13</v>
      </c>
      <c r="F12469">
        <v>1613</v>
      </c>
      <c r="G12469" t="s">
        <v>3848</v>
      </c>
      <c r="H12469">
        <v>5.7622729794980003</v>
      </c>
      <c r="I12469">
        <v>51.866471938075001</v>
      </c>
      <c r="J12469" t="s">
        <v>68154</v>
      </c>
    </row>
    <row r="12470" spans="1:10" x14ac:dyDescent="0.25">
      <c r="A12470" t="s">
        <v>3841</v>
      </c>
      <c r="B12470" t="s">
        <v>3842</v>
      </c>
      <c r="C12470" t="s">
        <v>3843</v>
      </c>
      <c r="D12470" t="s">
        <v>3771</v>
      </c>
      <c r="E12470" t="s">
        <v>13</v>
      </c>
      <c r="F12470">
        <v>1612</v>
      </c>
      <c r="G12470" t="s">
        <v>3844</v>
      </c>
      <c r="H12470">
        <v>5.7638395466679997</v>
      </c>
      <c r="I12470">
        <v>51.858585592757997</v>
      </c>
      <c r="J12470" t="s">
        <v>68155</v>
      </c>
    </row>
    <row r="12471" spans="1:10" x14ac:dyDescent="0.25">
      <c r="A12471" t="s">
        <v>3837</v>
      </c>
      <c r="B12471" t="s">
        <v>3838</v>
      </c>
      <c r="C12471" t="s">
        <v>3839</v>
      </c>
      <c r="D12471" t="s">
        <v>3771</v>
      </c>
      <c r="E12471" t="s">
        <v>13</v>
      </c>
      <c r="F12471">
        <v>1611</v>
      </c>
      <c r="G12471" t="s">
        <v>3840</v>
      </c>
      <c r="H12471">
        <v>5.7553254085720003</v>
      </c>
      <c r="I12471">
        <v>51.861198013444003</v>
      </c>
      <c r="J12471" t="s">
        <v>68156</v>
      </c>
    </row>
    <row r="12472" spans="1:10" x14ac:dyDescent="0.25">
      <c r="A12472" t="s">
        <v>3833</v>
      </c>
      <c r="B12472" t="s">
        <v>3834</v>
      </c>
      <c r="C12472" t="s">
        <v>3835</v>
      </c>
      <c r="D12472" t="s">
        <v>3771</v>
      </c>
      <c r="E12472" t="s">
        <v>13</v>
      </c>
      <c r="F12472">
        <v>1610</v>
      </c>
      <c r="G12472" t="s">
        <v>3836</v>
      </c>
      <c r="H12472">
        <v>5.7664918052439997</v>
      </c>
      <c r="I12472">
        <v>51.862360504244997</v>
      </c>
      <c r="J12472" t="s">
        <v>68157</v>
      </c>
    </row>
    <row r="12473" spans="1:10" x14ac:dyDescent="0.25">
      <c r="A12473" t="s">
        <v>3829</v>
      </c>
      <c r="B12473" t="s">
        <v>3830</v>
      </c>
      <c r="C12473" t="s">
        <v>3831</v>
      </c>
      <c r="D12473" t="s">
        <v>3771</v>
      </c>
      <c r="E12473" t="s">
        <v>13</v>
      </c>
      <c r="F12473">
        <v>1609</v>
      </c>
      <c r="G12473" t="s">
        <v>3832</v>
      </c>
      <c r="H12473">
        <v>5.7613844157690002</v>
      </c>
      <c r="I12473">
        <v>51.862949413998003</v>
      </c>
      <c r="J12473" t="s">
        <v>68158</v>
      </c>
    </row>
    <row r="12474" spans="1:10" x14ac:dyDescent="0.25">
      <c r="A12474" t="s">
        <v>3825</v>
      </c>
      <c r="B12474" t="s">
        <v>3826</v>
      </c>
      <c r="C12474" t="s">
        <v>3827</v>
      </c>
      <c r="D12474" t="s">
        <v>3771</v>
      </c>
      <c r="E12474" t="s">
        <v>13</v>
      </c>
      <c r="F12474">
        <v>1608</v>
      </c>
      <c r="G12474" t="s">
        <v>3828</v>
      </c>
      <c r="H12474">
        <v>5.7556616369369999</v>
      </c>
      <c r="I12474">
        <v>51.864576201223997</v>
      </c>
      <c r="J12474" t="s">
        <v>68159</v>
      </c>
    </row>
    <row r="12475" spans="1:10" x14ac:dyDescent="0.25">
      <c r="A12475" t="s">
        <v>3821</v>
      </c>
      <c r="B12475" t="s">
        <v>3822</v>
      </c>
      <c r="C12475" t="s">
        <v>3823</v>
      </c>
      <c r="D12475" t="s">
        <v>3771</v>
      </c>
      <c r="E12475" t="s">
        <v>13</v>
      </c>
      <c r="F12475">
        <v>1607</v>
      </c>
      <c r="G12475" t="s">
        <v>3824</v>
      </c>
      <c r="H12475">
        <v>5.7413376346130001</v>
      </c>
      <c r="I12475">
        <v>51.855788243475999</v>
      </c>
      <c r="J12475" t="s">
        <v>68160</v>
      </c>
    </row>
    <row r="12476" spans="1:10" x14ac:dyDescent="0.25">
      <c r="A12476" t="s">
        <v>3817</v>
      </c>
      <c r="B12476" t="s">
        <v>3818</v>
      </c>
      <c r="C12476" t="s">
        <v>3819</v>
      </c>
      <c r="D12476" t="s">
        <v>3771</v>
      </c>
      <c r="E12476" t="s">
        <v>13</v>
      </c>
      <c r="F12476">
        <v>1606</v>
      </c>
      <c r="G12476" t="s">
        <v>3820</v>
      </c>
      <c r="H12476">
        <v>5.7760314119910001</v>
      </c>
      <c r="I12476">
        <v>51.857034143629001</v>
      </c>
      <c r="J12476" t="s">
        <v>68161</v>
      </c>
    </row>
    <row r="12477" spans="1:10" x14ac:dyDescent="0.25">
      <c r="A12477" t="s">
        <v>3813</v>
      </c>
      <c r="B12477" t="s">
        <v>3814</v>
      </c>
      <c r="C12477" t="s">
        <v>3815</v>
      </c>
      <c r="D12477" t="s">
        <v>3771</v>
      </c>
      <c r="E12477" t="s">
        <v>13</v>
      </c>
      <c r="F12477">
        <v>1605</v>
      </c>
      <c r="G12477" t="s">
        <v>3816</v>
      </c>
      <c r="H12477">
        <v>5.7733109379309999</v>
      </c>
      <c r="I12477">
        <v>51.854135699705999</v>
      </c>
      <c r="J12477" t="s">
        <v>68162</v>
      </c>
    </row>
    <row r="12478" spans="1:10" x14ac:dyDescent="0.25">
      <c r="A12478" t="s">
        <v>3809</v>
      </c>
      <c r="B12478" t="s">
        <v>3810</v>
      </c>
      <c r="C12478" t="s">
        <v>3811</v>
      </c>
      <c r="D12478" t="s">
        <v>3771</v>
      </c>
      <c r="E12478" t="s">
        <v>13</v>
      </c>
      <c r="F12478">
        <v>1604</v>
      </c>
      <c r="G12478" t="s">
        <v>3812</v>
      </c>
      <c r="H12478">
        <v>5.7703876520149997</v>
      </c>
      <c r="I12478">
        <v>51.854766366013997</v>
      </c>
      <c r="J12478" t="s">
        <v>68163</v>
      </c>
    </row>
    <row r="12479" spans="1:10" x14ac:dyDescent="0.25">
      <c r="A12479" t="s">
        <v>3805</v>
      </c>
      <c r="B12479" t="s">
        <v>3806</v>
      </c>
      <c r="C12479" t="s">
        <v>3807</v>
      </c>
      <c r="D12479" t="s">
        <v>3771</v>
      </c>
      <c r="E12479" t="s">
        <v>13</v>
      </c>
      <c r="F12479">
        <v>1603</v>
      </c>
      <c r="G12479" t="s">
        <v>3808</v>
      </c>
      <c r="H12479">
        <v>5.766962380102</v>
      </c>
      <c r="I12479">
        <v>51.855805549206003</v>
      </c>
      <c r="J12479" t="s">
        <v>68164</v>
      </c>
    </row>
    <row r="12480" spans="1:10" x14ac:dyDescent="0.25">
      <c r="A12480" t="s">
        <v>3801</v>
      </c>
      <c r="B12480" t="s">
        <v>3802</v>
      </c>
      <c r="C12480" t="s">
        <v>3803</v>
      </c>
      <c r="D12480" t="s">
        <v>3771</v>
      </c>
      <c r="E12480" t="s">
        <v>13</v>
      </c>
      <c r="F12480">
        <v>1602</v>
      </c>
      <c r="G12480" t="s">
        <v>3804</v>
      </c>
      <c r="H12480">
        <v>5.7759144929600001</v>
      </c>
      <c r="I12480">
        <v>51.855779053309</v>
      </c>
      <c r="J12480" t="s">
        <v>68165</v>
      </c>
    </row>
    <row r="12481" spans="1:10" x14ac:dyDescent="0.25">
      <c r="A12481" t="s">
        <v>3797</v>
      </c>
      <c r="B12481" t="s">
        <v>3798</v>
      </c>
      <c r="C12481" t="s">
        <v>3799</v>
      </c>
      <c r="D12481" t="s">
        <v>3771</v>
      </c>
      <c r="E12481" t="s">
        <v>13</v>
      </c>
      <c r="F12481">
        <v>1601</v>
      </c>
      <c r="G12481" t="s">
        <v>3800</v>
      </c>
      <c r="H12481">
        <v>5.7710922337130004</v>
      </c>
      <c r="I12481">
        <v>51.857644520858003</v>
      </c>
      <c r="J12481" t="s">
        <v>68166</v>
      </c>
    </row>
    <row r="12482" spans="1:10" x14ac:dyDescent="0.25">
      <c r="A12482" t="s">
        <v>3793</v>
      </c>
      <c r="B12482" t="s">
        <v>3794</v>
      </c>
      <c r="C12482" t="s">
        <v>3795</v>
      </c>
      <c r="D12482" t="s">
        <v>3771</v>
      </c>
      <c r="E12482" t="s">
        <v>13</v>
      </c>
      <c r="F12482">
        <v>1600</v>
      </c>
      <c r="G12482" t="s">
        <v>3796</v>
      </c>
      <c r="H12482">
        <v>5.7895218765049998</v>
      </c>
      <c r="I12482">
        <v>51.860776906932003</v>
      </c>
      <c r="J12482" t="s">
        <v>68167</v>
      </c>
    </row>
    <row r="12483" spans="1:10" x14ac:dyDescent="0.25">
      <c r="A12483" t="s">
        <v>3789</v>
      </c>
      <c r="B12483" t="s">
        <v>3790</v>
      </c>
      <c r="C12483" t="s">
        <v>3791</v>
      </c>
      <c r="D12483" t="s">
        <v>3771</v>
      </c>
      <c r="E12483" t="s">
        <v>13</v>
      </c>
      <c r="F12483">
        <v>1599</v>
      </c>
      <c r="G12483" t="s">
        <v>3792</v>
      </c>
      <c r="H12483">
        <v>5.7836162325469997</v>
      </c>
      <c r="I12483">
        <v>51.860281520416997</v>
      </c>
      <c r="J12483" t="s">
        <v>68168</v>
      </c>
    </row>
    <row r="12484" spans="1:10" x14ac:dyDescent="0.25">
      <c r="A12484" t="s">
        <v>3785</v>
      </c>
      <c r="B12484" t="s">
        <v>3786</v>
      </c>
      <c r="C12484" t="s">
        <v>3787</v>
      </c>
      <c r="D12484" t="s">
        <v>3771</v>
      </c>
      <c r="E12484" t="s">
        <v>13</v>
      </c>
      <c r="F12484">
        <v>1598</v>
      </c>
      <c r="G12484" t="s">
        <v>3788</v>
      </c>
      <c r="H12484">
        <v>5.7771726509369996</v>
      </c>
      <c r="I12484">
        <v>51.861146999795999</v>
      </c>
      <c r="J12484" t="s">
        <v>68169</v>
      </c>
    </row>
    <row r="12485" spans="1:10" x14ac:dyDescent="0.25">
      <c r="A12485" t="s">
        <v>3781</v>
      </c>
      <c r="B12485" t="s">
        <v>3782</v>
      </c>
      <c r="C12485" t="s">
        <v>3783</v>
      </c>
      <c r="D12485" t="s">
        <v>3771</v>
      </c>
      <c r="E12485" t="s">
        <v>13</v>
      </c>
      <c r="F12485">
        <v>1597</v>
      </c>
      <c r="G12485" t="s">
        <v>3784</v>
      </c>
      <c r="H12485">
        <v>5.7723535416400003</v>
      </c>
      <c r="I12485">
        <v>51.863125826150998</v>
      </c>
      <c r="J12485" t="s">
        <v>68170</v>
      </c>
    </row>
    <row r="12486" spans="1:10" x14ac:dyDescent="0.25">
      <c r="A12486" t="s">
        <v>3777</v>
      </c>
      <c r="B12486" t="s">
        <v>3778</v>
      </c>
      <c r="C12486" t="s">
        <v>3779</v>
      </c>
      <c r="D12486" t="s">
        <v>3771</v>
      </c>
      <c r="E12486" t="s">
        <v>13</v>
      </c>
      <c r="F12486">
        <v>1596</v>
      </c>
      <c r="G12486" t="s">
        <v>3780</v>
      </c>
      <c r="H12486">
        <v>5.7820167243410001</v>
      </c>
      <c r="I12486">
        <v>51.847040126887997</v>
      </c>
      <c r="J12486" t="s">
        <v>68171</v>
      </c>
    </row>
    <row r="12487" spans="1:10" x14ac:dyDescent="0.25">
      <c r="A12487" t="s">
        <v>3773</v>
      </c>
      <c r="B12487" t="s">
        <v>3774</v>
      </c>
      <c r="C12487" t="s">
        <v>3775</v>
      </c>
      <c r="D12487" t="s">
        <v>3771</v>
      </c>
      <c r="E12487" t="s">
        <v>13</v>
      </c>
      <c r="F12487">
        <v>1595</v>
      </c>
      <c r="G12487" t="s">
        <v>3776</v>
      </c>
      <c r="H12487">
        <v>5.746743247815</v>
      </c>
      <c r="I12487">
        <v>51.843304039027998</v>
      </c>
      <c r="J12487" t="s">
        <v>68172</v>
      </c>
    </row>
    <row r="12488" spans="1:10" x14ac:dyDescent="0.25">
      <c r="A12488" t="s">
        <v>3768</v>
      </c>
      <c r="B12488" t="s">
        <v>3769</v>
      </c>
      <c r="C12488" t="s">
        <v>3770</v>
      </c>
      <c r="D12488" t="s">
        <v>3771</v>
      </c>
      <c r="E12488" t="s">
        <v>13</v>
      </c>
      <c r="F12488">
        <v>1594</v>
      </c>
      <c r="G12488" t="s">
        <v>3772</v>
      </c>
      <c r="H12488">
        <v>5.7847021243599999</v>
      </c>
      <c r="I12488">
        <v>51.869184884680998</v>
      </c>
      <c r="J12488" t="s">
        <v>68173</v>
      </c>
    </row>
    <row r="12489" spans="1:10" x14ac:dyDescent="0.25">
      <c r="A12489" t="s">
        <v>3764</v>
      </c>
      <c r="B12489" t="s">
        <v>3765</v>
      </c>
      <c r="C12489" t="s">
        <v>3766</v>
      </c>
      <c r="D12489" t="s">
        <v>3585</v>
      </c>
      <c r="E12489" t="s">
        <v>13</v>
      </c>
      <c r="F12489">
        <v>1593</v>
      </c>
      <c r="G12489" t="s">
        <v>3767</v>
      </c>
      <c r="H12489">
        <v>5.5195507349749997</v>
      </c>
      <c r="I12489">
        <v>52.139414224995001</v>
      </c>
      <c r="J12489" t="s">
        <v>68174</v>
      </c>
    </row>
    <row r="12490" spans="1:10" x14ac:dyDescent="0.25">
      <c r="A12490" t="s">
        <v>3760</v>
      </c>
      <c r="B12490" t="s">
        <v>3761</v>
      </c>
      <c r="C12490" t="s">
        <v>3762</v>
      </c>
      <c r="D12490" t="s">
        <v>3585</v>
      </c>
      <c r="E12490" t="s">
        <v>13</v>
      </c>
      <c r="F12490">
        <v>1592</v>
      </c>
      <c r="G12490" t="s">
        <v>3763</v>
      </c>
      <c r="H12490">
        <v>5.7709774862209997</v>
      </c>
      <c r="I12490">
        <v>52.184944157448001</v>
      </c>
      <c r="J12490" t="s">
        <v>68175</v>
      </c>
    </row>
    <row r="12491" spans="1:10" x14ac:dyDescent="0.25">
      <c r="A12491" t="s">
        <v>3756</v>
      </c>
      <c r="B12491" t="s">
        <v>3757</v>
      </c>
      <c r="C12491" t="s">
        <v>3758</v>
      </c>
      <c r="D12491" t="s">
        <v>3585</v>
      </c>
      <c r="E12491" t="s">
        <v>13</v>
      </c>
      <c r="F12491">
        <v>1591</v>
      </c>
      <c r="G12491" t="s">
        <v>3759</v>
      </c>
      <c r="H12491">
        <v>5.7596585830000002</v>
      </c>
      <c r="I12491">
        <v>52.172480775464003</v>
      </c>
      <c r="J12491" t="s">
        <v>68176</v>
      </c>
    </row>
    <row r="12492" spans="1:10" x14ac:dyDescent="0.25">
      <c r="A12492" t="s">
        <v>3752</v>
      </c>
      <c r="B12492" t="s">
        <v>3753</v>
      </c>
      <c r="C12492" t="s">
        <v>3754</v>
      </c>
      <c r="D12492" t="s">
        <v>3585</v>
      </c>
      <c r="E12492" t="s">
        <v>13</v>
      </c>
      <c r="F12492">
        <v>1590</v>
      </c>
      <c r="G12492" t="s">
        <v>3755</v>
      </c>
      <c r="H12492">
        <v>5.507555546921</v>
      </c>
      <c r="I12492">
        <v>52.118843248189002</v>
      </c>
      <c r="J12492" t="s">
        <v>68177</v>
      </c>
    </row>
    <row r="12493" spans="1:10" x14ac:dyDescent="0.25">
      <c r="A12493" t="s">
        <v>3748</v>
      </c>
      <c r="B12493" t="s">
        <v>3749</v>
      </c>
      <c r="C12493" t="s">
        <v>3750</v>
      </c>
      <c r="D12493" t="s">
        <v>3585</v>
      </c>
      <c r="E12493" t="s">
        <v>13</v>
      </c>
      <c r="F12493">
        <v>1589</v>
      </c>
      <c r="G12493" t="s">
        <v>3751</v>
      </c>
      <c r="H12493">
        <v>5.5155510370509999</v>
      </c>
      <c r="I12493">
        <v>52.120026836218003</v>
      </c>
      <c r="J12493" t="s">
        <v>68178</v>
      </c>
    </row>
    <row r="12494" spans="1:10" x14ac:dyDescent="0.25">
      <c r="A12494" t="s">
        <v>3744</v>
      </c>
      <c r="B12494" t="s">
        <v>3745</v>
      </c>
      <c r="C12494" t="s">
        <v>3746</v>
      </c>
      <c r="D12494" t="s">
        <v>3585</v>
      </c>
      <c r="E12494" t="s">
        <v>13</v>
      </c>
      <c r="F12494">
        <v>1588</v>
      </c>
      <c r="G12494" t="s">
        <v>3747</v>
      </c>
      <c r="H12494">
        <v>5.5033754199300002</v>
      </c>
      <c r="I12494">
        <v>52.179447472550002</v>
      </c>
      <c r="J12494" t="s">
        <v>68179</v>
      </c>
    </row>
    <row r="12495" spans="1:10" x14ac:dyDescent="0.25">
      <c r="A12495" t="s">
        <v>3740</v>
      </c>
      <c r="B12495" t="s">
        <v>3741</v>
      </c>
      <c r="C12495" t="s">
        <v>3742</v>
      </c>
      <c r="D12495" t="s">
        <v>3585</v>
      </c>
      <c r="E12495" t="s">
        <v>13</v>
      </c>
      <c r="F12495">
        <v>1587</v>
      </c>
      <c r="G12495" t="s">
        <v>3743</v>
      </c>
      <c r="H12495">
        <v>5.5129738792280003</v>
      </c>
      <c r="I12495">
        <v>52.179244702953</v>
      </c>
      <c r="J12495" t="s">
        <v>68180</v>
      </c>
    </row>
    <row r="12496" spans="1:10" x14ac:dyDescent="0.25">
      <c r="A12496" t="s">
        <v>3736</v>
      </c>
      <c r="B12496" t="s">
        <v>3737</v>
      </c>
      <c r="C12496" t="s">
        <v>3738</v>
      </c>
      <c r="D12496" t="s">
        <v>3585</v>
      </c>
      <c r="E12496" t="s">
        <v>13</v>
      </c>
      <c r="F12496">
        <v>1586</v>
      </c>
      <c r="G12496" t="s">
        <v>3739</v>
      </c>
      <c r="H12496">
        <v>5.6909987123789998</v>
      </c>
      <c r="I12496">
        <v>52.187072286528</v>
      </c>
      <c r="J12496" t="s">
        <v>68181</v>
      </c>
    </row>
    <row r="12497" spans="1:10" x14ac:dyDescent="0.25">
      <c r="A12497" t="s">
        <v>3732</v>
      </c>
      <c r="B12497" t="s">
        <v>3733</v>
      </c>
      <c r="C12497" t="s">
        <v>3734</v>
      </c>
      <c r="D12497" t="s">
        <v>3585</v>
      </c>
      <c r="E12497" t="s">
        <v>13</v>
      </c>
      <c r="F12497">
        <v>1585</v>
      </c>
      <c r="G12497" t="s">
        <v>3735</v>
      </c>
      <c r="H12497">
        <v>5.6980986988520002</v>
      </c>
      <c r="I12497">
        <v>52.193010812045998</v>
      </c>
      <c r="J12497" t="s">
        <v>68182</v>
      </c>
    </row>
    <row r="12498" spans="1:10" x14ac:dyDescent="0.25">
      <c r="A12498" t="s">
        <v>3728</v>
      </c>
      <c r="B12498" t="s">
        <v>3729</v>
      </c>
      <c r="C12498" t="s">
        <v>3730</v>
      </c>
      <c r="D12498" t="s">
        <v>3585</v>
      </c>
      <c r="E12498" t="s">
        <v>13</v>
      </c>
      <c r="F12498">
        <v>1584</v>
      </c>
      <c r="G12498" t="s">
        <v>3731</v>
      </c>
      <c r="H12498">
        <v>5.5203662180170001</v>
      </c>
      <c r="I12498">
        <v>52.166498846419003</v>
      </c>
      <c r="J12498" t="s">
        <v>68183</v>
      </c>
    </row>
    <row r="12499" spans="1:10" x14ac:dyDescent="0.25">
      <c r="A12499" t="s">
        <v>3724</v>
      </c>
      <c r="B12499" t="s">
        <v>3725</v>
      </c>
      <c r="C12499" t="s">
        <v>3726</v>
      </c>
      <c r="D12499" t="s">
        <v>3585</v>
      </c>
      <c r="E12499" t="s">
        <v>13</v>
      </c>
      <c r="F12499">
        <v>1583</v>
      </c>
      <c r="G12499" t="s">
        <v>3727</v>
      </c>
      <c r="H12499">
        <v>5.5176152859140002</v>
      </c>
      <c r="I12499">
        <v>52.164721848585003</v>
      </c>
      <c r="J12499" t="s">
        <v>68184</v>
      </c>
    </row>
    <row r="12500" spans="1:10" x14ac:dyDescent="0.25">
      <c r="A12500" t="s">
        <v>3720</v>
      </c>
      <c r="B12500" t="s">
        <v>3721</v>
      </c>
      <c r="C12500" t="s">
        <v>3722</v>
      </c>
      <c r="D12500" t="s">
        <v>3585</v>
      </c>
      <c r="E12500" t="s">
        <v>13</v>
      </c>
      <c r="F12500">
        <v>1582</v>
      </c>
      <c r="G12500" t="s">
        <v>3723</v>
      </c>
      <c r="H12500">
        <v>5.519803008687</v>
      </c>
      <c r="I12500">
        <v>52.160123203227002</v>
      </c>
      <c r="J12500" t="s">
        <v>68185</v>
      </c>
    </row>
    <row r="12501" spans="1:10" x14ac:dyDescent="0.25">
      <c r="A12501" t="s">
        <v>3716</v>
      </c>
      <c r="B12501" t="s">
        <v>3717</v>
      </c>
      <c r="C12501" t="s">
        <v>3718</v>
      </c>
      <c r="D12501" t="s">
        <v>3585</v>
      </c>
      <c r="E12501" t="s">
        <v>13</v>
      </c>
      <c r="F12501">
        <v>1581</v>
      </c>
      <c r="G12501" t="s">
        <v>3719</v>
      </c>
      <c r="H12501">
        <v>5.7137495985909998</v>
      </c>
      <c r="I12501">
        <v>52.233718320034001</v>
      </c>
      <c r="J12501" t="s">
        <v>68186</v>
      </c>
    </row>
    <row r="12502" spans="1:10" x14ac:dyDescent="0.25">
      <c r="A12502" t="s">
        <v>3712</v>
      </c>
      <c r="B12502" t="s">
        <v>3713</v>
      </c>
      <c r="C12502" t="s">
        <v>3714</v>
      </c>
      <c r="D12502" t="s">
        <v>3585</v>
      </c>
      <c r="E12502" t="s">
        <v>13</v>
      </c>
      <c r="F12502">
        <v>1580</v>
      </c>
      <c r="G12502" t="s">
        <v>3715</v>
      </c>
      <c r="H12502">
        <v>5.7012566745640001</v>
      </c>
      <c r="I12502">
        <v>52.223626700182997</v>
      </c>
      <c r="J12502" t="s">
        <v>68187</v>
      </c>
    </row>
    <row r="12503" spans="1:10" x14ac:dyDescent="0.25">
      <c r="A12503" t="s">
        <v>3708</v>
      </c>
      <c r="B12503" t="s">
        <v>3709</v>
      </c>
      <c r="C12503" t="s">
        <v>3710</v>
      </c>
      <c r="D12503" t="s">
        <v>3585</v>
      </c>
      <c r="E12503" t="s">
        <v>13</v>
      </c>
      <c r="F12503">
        <v>1579</v>
      </c>
      <c r="G12503" t="s">
        <v>3711</v>
      </c>
      <c r="H12503">
        <v>5.6581510843130003</v>
      </c>
      <c r="I12503">
        <v>52.149242725539999</v>
      </c>
      <c r="J12503" t="s">
        <v>68188</v>
      </c>
    </row>
    <row r="12504" spans="1:10" x14ac:dyDescent="0.25">
      <c r="A12504" t="s">
        <v>3704</v>
      </c>
      <c r="B12504" t="s">
        <v>3705</v>
      </c>
      <c r="C12504" t="s">
        <v>3706</v>
      </c>
      <c r="D12504" t="s">
        <v>3585</v>
      </c>
      <c r="E12504" t="s">
        <v>13</v>
      </c>
      <c r="F12504">
        <v>1578</v>
      </c>
      <c r="G12504" t="s">
        <v>3707</v>
      </c>
      <c r="H12504">
        <v>5.6679790407099997</v>
      </c>
      <c r="I12504">
        <v>52.151813722794003</v>
      </c>
      <c r="J12504" t="s">
        <v>68189</v>
      </c>
    </row>
    <row r="12505" spans="1:10" x14ac:dyDescent="0.25">
      <c r="A12505" t="s">
        <v>3700</v>
      </c>
      <c r="B12505" t="s">
        <v>3701</v>
      </c>
      <c r="C12505" t="s">
        <v>3702</v>
      </c>
      <c r="D12505" t="s">
        <v>3585</v>
      </c>
      <c r="E12505" t="s">
        <v>13</v>
      </c>
      <c r="F12505">
        <v>1577</v>
      </c>
      <c r="G12505" t="s">
        <v>3703</v>
      </c>
      <c r="H12505">
        <v>5.676790138896</v>
      </c>
      <c r="I12505">
        <v>52.153824340112003</v>
      </c>
      <c r="J12505" t="s">
        <v>68190</v>
      </c>
    </row>
    <row r="12506" spans="1:10" x14ac:dyDescent="0.25">
      <c r="A12506" t="s">
        <v>3696</v>
      </c>
      <c r="B12506" t="s">
        <v>3697</v>
      </c>
      <c r="C12506" t="s">
        <v>3698</v>
      </c>
      <c r="D12506" t="s">
        <v>3585</v>
      </c>
      <c r="E12506" t="s">
        <v>13</v>
      </c>
      <c r="F12506">
        <v>1576</v>
      </c>
      <c r="G12506" t="s">
        <v>3699</v>
      </c>
      <c r="H12506">
        <v>5.6106256141259996</v>
      </c>
      <c r="I12506">
        <v>52.191252542621001</v>
      </c>
      <c r="J12506" t="s">
        <v>68191</v>
      </c>
    </row>
    <row r="12507" spans="1:10" x14ac:dyDescent="0.25">
      <c r="A12507" t="s">
        <v>3692</v>
      </c>
      <c r="B12507" t="s">
        <v>3693</v>
      </c>
      <c r="C12507" t="s">
        <v>3694</v>
      </c>
      <c r="D12507" t="s">
        <v>3585</v>
      </c>
      <c r="E12507" t="s">
        <v>13</v>
      </c>
      <c r="F12507">
        <v>1575</v>
      </c>
      <c r="G12507" t="s">
        <v>3695</v>
      </c>
      <c r="H12507">
        <v>5.6100844741599998</v>
      </c>
      <c r="I12507">
        <v>52.182289968074997</v>
      </c>
      <c r="J12507" t="s">
        <v>68192</v>
      </c>
    </row>
    <row r="12508" spans="1:10" x14ac:dyDescent="0.25">
      <c r="A12508" t="s">
        <v>3688</v>
      </c>
      <c r="B12508" t="s">
        <v>3689</v>
      </c>
      <c r="C12508" t="s">
        <v>3690</v>
      </c>
      <c r="D12508" t="s">
        <v>3585</v>
      </c>
      <c r="E12508" t="s">
        <v>13</v>
      </c>
      <c r="F12508">
        <v>1574</v>
      </c>
      <c r="G12508" t="s">
        <v>3691</v>
      </c>
      <c r="H12508">
        <v>5.5940631523239999</v>
      </c>
      <c r="I12508">
        <v>52.184900449928001</v>
      </c>
      <c r="J12508" t="s">
        <v>68193</v>
      </c>
    </row>
    <row r="12509" spans="1:10" x14ac:dyDescent="0.25">
      <c r="A12509" t="s">
        <v>3684</v>
      </c>
      <c r="B12509" t="s">
        <v>3685</v>
      </c>
      <c r="C12509" t="s">
        <v>3686</v>
      </c>
      <c r="D12509" t="s">
        <v>3585</v>
      </c>
      <c r="E12509" t="s">
        <v>13</v>
      </c>
      <c r="F12509">
        <v>1573</v>
      </c>
      <c r="G12509" t="s">
        <v>3687</v>
      </c>
      <c r="H12509">
        <v>5.604516750738</v>
      </c>
      <c r="I12509">
        <v>52.181280070772999</v>
      </c>
      <c r="J12509" t="s">
        <v>68194</v>
      </c>
    </row>
    <row r="12510" spans="1:10" x14ac:dyDescent="0.25">
      <c r="A12510" t="s">
        <v>3681</v>
      </c>
      <c r="B12510" t="s">
        <v>3682</v>
      </c>
      <c r="C12510" t="s">
        <v>2646</v>
      </c>
      <c r="D12510" t="s">
        <v>3585</v>
      </c>
      <c r="E12510" t="s">
        <v>13</v>
      </c>
      <c r="F12510">
        <v>1572</v>
      </c>
      <c r="G12510" t="s">
        <v>3683</v>
      </c>
      <c r="H12510">
        <v>5.5982747887890003</v>
      </c>
      <c r="I12510">
        <v>52.182372011811999</v>
      </c>
      <c r="J12510" t="s">
        <v>68195</v>
      </c>
    </row>
    <row r="12511" spans="1:10" x14ac:dyDescent="0.25">
      <c r="A12511" t="s">
        <v>3677</v>
      </c>
      <c r="B12511" t="s">
        <v>3678</v>
      </c>
      <c r="C12511" t="s">
        <v>3679</v>
      </c>
      <c r="D12511" t="s">
        <v>3585</v>
      </c>
      <c r="E12511" t="s">
        <v>13</v>
      </c>
      <c r="F12511">
        <v>1571</v>
      </c>
      <c r="G12511" t="s">
        <v>3680</v>
      </c>
      <c r="H12511">
        <v>5.6185813970640002</v>
      </c>
      <c r="I12511">
        <v>52.188562707349</v>
      </c>
      <c r="J12511" t="s">
        <v>68196</v>
      </c>
    </row>
    <row r="12512" spans="1:10" x14ac:dyDescent="0.25">
      <c r="A12512" t="s">
        <v>3673</v>
      </c>
      <c r="B12512" t="s">
        <v>3674</v>
      </c>
      <c r="C12512" t="s">
        <v>3675</v>
      </c>
      <c r="D12512" t="s">
        <v>3585</v>
      </c>
      <c r="E12512" t="s">
        <v>13</v>
      </c>
      <c r="F12512">
        <v>1570</v>
      </c>
      <c r="G12512" t="s">
        <v>3676</v>
      </c>
      <c r="H12512">
        <v>5.6020894772140002</v>
      </c>
      <c r="I12512">
        <v>52.188786660940004</v>
      </c>
      <c r="J12512" t="s">
        <v>68197</v>
      </c>
    </row>
    <row r="12513" spans="1:10" x14ac:dyDescent="0.25">
      <c r="A12513" t="s">
        <v>3670</v>
      </c>
      <c r="B12513" t="s">
        <v>3671</v>
      </c>
      <c r="C12513" t="s">
        <v>2674</v>
      </c>
      <c r="D12513" t="s">
        <v>3585</v>
      </c>
      <c r="E12513" t="s">
        <v>13</v>
      </c>
      <c r="F12513">
        <v>1569</v>
      </c>
      <c r="G12513" t="s">
        <v>3672</v>
      </c>
      <c r="H12513">
        <v>5.6144388981290003</v>
      </c>
      <c r="I12513">
        <v>52.183533203713999</v>
      </c>
      <c r="J12513" t="s">
        <v>68198</v>
      </c>
    </row>
    <row r="12514" spans="1:10" x14ac:dyDescent="0.25">
      <c r="A12514" t="s">
        <v>3666</v>
      </c>
      <c r="B12514" t="s">
        <v>3667</v>
      </c>
      <c r="C12514" t="s">
        <v>3668</v>
      </c>
      <c r="D12514" t="s">
        <v>3585</v>
      </c>
      <c r="E12514" t="s">
        <v>13</v>
      </c>
      <c r="F12514">
        <v>1568</v>
      </c>
      <c r="G12514" t="s">
        <v>3669</v>
      </c>
      <c r="H12514">
        <v>5.6110625422469997</v>
      </c>
      <c r="I12514">
        <v>52.189459445399997</v>
      </c>
      <c r="J12514" t="s">
        <v>68199</v>
      </c>
    </row>
    <row r="12515" spans="1:10" x14ac:dyDescent="0.25">
      <c r="A12515" t="s">
        <v>3662</v>
      </c>
      <c r="B12515" t="s">
        <v>3663</v>
      </c>
      <c r="C12515" t="s">
        <v>3664</v>
      </c>
      <c r="D12515" t="s">
        <v>3585</v>
      </c>
      <c r="E12515" t="s">
        <v>13</v>
      </c>
      <c r="F12515">
        <v>1567</v>
      </c>
      <c r="G12515" t="s">
        <v>3665</v>
      </c>
      <c r="H12515">
        <v>5.6144946628670001</v>
      </c>
      <c r="I12515">
        <v>52.187011742324998</v>
      </c>
      <c r="J12515" t="s">
        <v>68200</v>
      </c>
    </row>
    <row r="12516" spans="1:10" x14ac:dyDescent="0.25">
      <c r="A12516" t="s">
        <v>3658</v>
      </c>
      <c r="B12516" t="s">
        <v>3659</v>
      </c>
      <c r="C12516" t="s">
        <v>3660</v>
      </c>
      <c r="D12516" t="s">
        <v>3585</v>
      </c>
      <c r="E12516" t="s">
        <v>13</v>
      </c>
      <c r="F12516">
        <v>1566</v>
      </c>
      <c r="G12516" t="s">
        <v>3661</v>
      </c>
      <c r="H12516">
        <v>5.6084614799460004</v>
      </c>
      <c r="I12516">
        <v>52.186310742236998</v>
      </c>
      <c r="J12516" t="s">
        <v>68201</v>
      </c>
    </row>
    <row r="12517" spans="1:10" x14ac:dyDescent="0.25">
      <c r="A12517" t="s">
        <v>3654</v>
      </c>
      <c r="B12517" t="s">
        <v>3655</v>
      </c>
      <c r="C12517" t="s">
        <v>3656</v>
      </c>
      <c r="D12517" t="s">
        <v>3585</v>
      </c>
      <c r="E12517" t="s">
        <v>13</v>
      </c>
      <c r="F12517">
        <v>1565</v>
      </c>
      <c r="G12517" t="s">
        <v>3657</v>
      </c>
      <c r="H12517">
        <v>5.6221833014350002</v>
      </c>
      <c r="I12517">
        <v>52.188081469872998</v>
      </c>
      <c r="J12517" t="s">
        <v>68202</v>
      </c>
    </row>
    <row r="12518" spans="1:10" x14ac:dyDescent="0.25">
      <c r="A12518" t="s">
        <v>3650</v>
      </c>
      <c r="B12518" t="s">
        <v>3651</v>
      </c>
      <c r="C12518" t="s">
        <v>3652</v>
      </c>
      <c r="D12518" t="s">
        <v>3585</v>
      </c>
      <c r="E12518" t="s">
        <v>13</v>
      </c>
      <c r="F12518">
        <v>1564</v>
      </c>
      <c r="G12518" t="s">
        <v>3653</v>
      </c>
      <c r="H12518">
        <v>5.6065711195060004</v>
      </c>
      <c r="I12518">
        <v>52.166217928869997</v>
      </c>
      <c r="J12518" t="s">
        <v>68203</v>
      </c>
    </row>
    <row r="12519" spans="1:10" x14ac:dyDescent="0.25">
      <c r="A12519" t="s">
        <v>3646</v>
      </c>
      <c r="B12519" t="s">
        <v>3647</v>
      </c>
      <c r="C12519" t="s">
        <v>3648</v>
      </c>
      <c r="D12519" t="s">
        <v>3585</v>
      </c>
      <c r="E12519" t="s">
        <v>13</v>
      </c>
      <c r="F12519">
        <v>1563</v>
      </c>
      <c r="G12519" t="s">
        <v>3649</v>
      </c>
      <c r="H12519">
        <v>5.586243089111</v>
      </c>
      <c r="I12519">
        <v>52.165038085040997</v>
      </c>
      <c r="J12519" t="s">
        <v>68204</v>
      </c>
    </row>
    <row r="12520" spans="1:10" x14ac:dyDescent="0.25">
      <c r="A12520" t="s">
        <v>3642</v>
      </c>
      <c r="B12520" t="s">
        <v>3643</v>
      </c>
      <c r="C12520" t="s">
        <v>3644</v>
      </c>
      <c r="D12520" t="s">
        <v>3585</v>
      </c>
      <c r="E12520" t="s">
        <v>13</v>
      </c>
      <c r="F12520">
        <v>1562</v>
      </c>
      <c r="G12520" t="s">
        <v>3645</v>
      </c>
      <c r="H12520">
        <v>5.6010084915840004</v>
      </c>
      <c r="I12520">
        <v>52.127745392108999</v>
      </c>
      <c r="J12520" t="s">
        <v>68205</v>
      </c>
    </row>
    <row r="12521" spans="1:10" x14ac:dyDescent="0.25">
      <c r="A12521" t="s">
        <v>3638</v>
      </c>
      <c r="B12521" t="s">
        <v>3639</v>
      </c>
      <c r="C12521" t="s">
        <v>3640</v>
      </c>
      <c r="D12521" t="s">
        <v>3585</v>
      </c>
      <c r="E12521" t="s">
        <v>13</v>
      </c>
      <c r="F12521">
        <v>1561</v>
      </c>
      <c r="G12521" t="s">
        <v>3641</v>
      </c>
      <c r="H12521">
        <v>5.5783390719419996</v>
      </c>
      <c r="I12521">
        <v>52.125660681733997</v>
      </c>
      <c r="J12521" t="s">
        <v>68206</v>
      </c>
    </row>
    <row r="12522" spans="1:10" x14ac:dyDescent="0.25">
      <c r="A12522" t="s">
        <v>3634</v>
      </c>
      <c r="B12522" t="s">
        <v>3635</v>
      </c>
      <c r="C12522" t="s">
        <v>3636</v>
      </c>
      <c r="D12522" t="s">
        <v>3585</v>
      </c>
      <c r="E12522" t="s">
        <v>13</v>
      </c>
      <c r="F12522">
        <v>1560</v>
      </c>
      <c r="G12522" t="s">
        <v>3637</v>
      </c>
      <c r="H12522">
        <v>5.5667754669829996</v>
      </c>
      <c r="I12522">
        <v>52.126649280239</v>
      </c>
      <c r="J12522" t="s">
        <v>68207</v>
      </c>
    </row>
    <row r="12523" spans="1:10" x14ac:dyDescent="0.25">
      <c r="A12523" t="s">
        <v>3630</v>
      </c>
      <c r="B12523" t="s">
        <v>3631</v>
      </c>
      <c r="C12523" t="s">
        <v>3632</v>
      </c>
      <c r="D12523" t="s">
        <v>3585</v>
      </c>
      <c r="E12523" t="s">
        <v>13</v>
      </c>
      <c r="F12523">
        <v>1559</v>
      </c>
      <c r="G12523" t="s">
        <v>3633</v>
      </c>
      <c r="H12523">
        <v>5.6055458234269997</v>
      </c>
      <c r="I12523">
        <v>52.138989968403997</v>
      </c>
      <c r="J12523" t="s">
        <v>68208</v>
      </c>
    </row>
    <row r="12524" spans="1:10" x14ac:dyDescent="0.25">
      <c r="A12524" t="s">
        <v>3626</v>
      </c>
      <c r="B12524" t="s">
        <v>3627</v>
      </c>
      <c r="C12524" t="s">
        <v>3628</v>
      </c>
      <c r="D12524" t="s">
        <v>3585</v>
      </c>
      <c r="E12524" t="s">
        <v>13</v>
      </c>
      <c r="F12524">
        <v>1558</v>
      </c>
      <c r="G12524" t="s">
        <v>3629</v>
      </c>
      <c r="H12524">
        <v>5.584432011564</v>
      </c>
      <c r="I12524">
        <v>52.151192530351999</v>
      </c>
      <c r="J12524" t="s">
        <v>68209</v>
      </c>
    </row>
    <row r="12525" spans="1:10" x14ac:dyDescent="0.25">
      <c r="A12525" t="s">
        <v>3622</v>
      </c>
      <c r="B12525" t="s">
        <v>3623</v>
      </c>
      <c r="C12525" t="s">
        <v>3624</v>
      </c>
      <c r="D12525" t="s">
        <v>3585</v>
      </c>
      <c r="E12525" t="s">
        <v>13</v>
      </c>
      <c r="F12525">
        <v>1557</v>
      </c>
      <c r="G12525" t="s">
        <v>3625</v>
      </c>
      <c r="H12525">
        <v>5.573816480813</v>
      </c>
      <c r="I12525">
        <v>52.138037251493003</v>
      </c>
      <c r="J12525" t="s">
        <v>68210</v>
      </c>
    </row>
    <row r="12526" spans="1:10" x14ac:dyDescent="0.25">
      <c r="A12526" t="s">
        <v>3618</v>
      </c>
      <c r="B12526" t="s">
        <v>3619</v>
      </c>
      <c r="C12526" t="s">
        <v>3620</v>
      </c>
      <c r="D12526" t="s">
        <v>3585</v>
      </c>
      <c r="E12526" t="s">
        <v>13</v>
      </c>
      <c r="F12526">
        <v>1556</v>
      </c>
      <c r="G12526" t="s">
        <v>3621</v>
      </c>
      <c r="H12526">
        <v>5.5933996214489996</v>
      </c>
      <c r="I12526">
        <v>52.131988540994001</v>
      </c>
      <c r="J12526" t="s">
        <v>68211</v>
      </c>
    </row>
    <row r="12527" spans="1:10" x14ac:dyDescent="0.25">
      <c r="A12527" t="s">
        <v>3614</v>
      </c>
      <c r="B12527" t="s">
        <v>3615</v>
      </c>
      <c r="C12527" t="s">
        <v>3616</v>
      </c>
      <c r="D12527" t="s">
        <v>3585</v>
      </c>
      <c r="E12527" t="s">
        <v>13</v>
      </c>
      <c r="F12527">
        <v>1555</v>
      </c>
      <c r="G12527" t="s">
        <v>3617</v>
      </c>
      <c r="H12527">
        <v>5.5785169356819999</v>
      </c>
      <c r="I12527">
        <v>52.132631461850998</v>
      </c>
      <c r="J12527" t="s">
        <v>68212</v>
      </c>
    </row>
    <row r="12528" spans="1:10" x14ac:dyDescent="0.25">
      <c r="A12528" t="s">
        <v>3610</v>
      </c>
      <c r="B12528" t="s">
        <v>3611</v>
      </c>
      <c r="C12528" t="s">
        <v>3612</v>
      </c>
      <c r="D12528" t="s">
        <v>3585</v>
      </c>
      <c r="E12528" t="s">
        <v>13</v>
      </c>
      <c r="F12528">
        <v>1554</v>
      </c>
      <c r="G12528" t="s">
        <v>3613</v>
      </c>
      <c r="H12528">
        <v>5.5885305753040004</v>
      </c>
      <c r="I12528">
        <v>52.148491568727998</v>
      </c>
      <c r="J12528" t="s">
        <v>68213</v>
      </c>
    </row>
    <row r="12529" spans="1:10" x14ac:dyDescent="0.25">
      <c r="A12529" t="s">
        <v>3606</v>
      </c>
      <c r="B12529" t="s">
        <v>3607</v>
      </c>
      <c r="C12529" t="s">
        <v>3608</v>
      </c>
      <c r="D12529" t="s">
        <v>3585</v>
      </c>
      <c r="E12529" t="s">
        <v>13</v>
      </c>
      <c r="F12529">
        <v>1553</v>
      </c>
      <c r="G12529" t="s">
        <v>3609</v>
      </c>
      <c r="H12529">
        <v>5.5979539731430004</v>
      </c>
      <c r="I12529">
        <v>52.136045663322001</v>
      </c>
      <c r="J12529" t="s">
        <v>68214</v>
      </c>
    </row>
    <row r="12530" spans="1:10" x14ac:dyDescent="0.25">
      <c r="A12530" t="s">
        <v>3602</v>
      </c>
      <c r="B12530" t="s">
        <v>3603</v>
      </c>
      <c r="C12530" t="s">
        <v>3604</v>
      </c>
      <c r="D12530" t="s">
        <v>3585</v>
      </c>
      <c r="E12530" t="s">
        <v>13</v>
      </c>
      <c r="F12530">
        <v>1552</v>
      </c>
      <c r="G12530" t="s">
        <v>3605</v>
      </c>
      <c r="H12530">
        <v>5.5820900646010001</v>
      </c>
      <c r="I12530">
        <v>52.14456360885</v>
      </c>
      <c r="J12530" t="s">
        <v>68215</v>
      </c>
    </row>
    <row r="12531" spans="1:10" x14ac:dyDescent="0.25">
      <c r="A12531" t="s">
        <v>3598</v>
      </c>
      <c r="B12531" t="s">
        <v>3599</v>
      </c>
      <c r="C12531" t="s">
        <v>3600</v>
      </c>
      <c r="D12531" t="s">
        <v>3585</v>
      </c>
      <c r="E12531" t="s">
        <v>13</v>
      </c>
      <c r="F12531">
        <v>1551</v>
      </c>
      <c r="G12531" t="s">
        <v>3601</v>
      </c>
      <c r="H12531">
        <v>5.5705338411770002</v>
      </c>
      <c r="I12531">
        <v>52.143157812330003</v>
      </c>
      <c r="J12531" t="s">
        <v>68216</v>
      </c>
    </row>
    <row r="12532" spans="1:10" x14ac:dyDescent="0.25">
      <c r="A12532" t="s">
        <v>3595</v>
      </c>
      <c r="B12532" t="s">
        <v>3596</v>
      </c>
      <c r="C12532" t="s">
        <v>37</v>
      </c>
      <c r="D12532" t="s">
        <v>3585</v>
      </c>
      <c r="E12532" t="s">
        <v>13</v>
      </c>
      <c r="F12532">
        <v>1550</v>
      </c>
      <c r="G12532" t="s">
        <v>3597</v>
      </c>
      <c r="H12532">
        <v>5.5886467822070003</v>
      </c>
      <c r="I12532">
        <v>52.134566172206</v>
      </c>
      <c r="J12532" t="s">
        <v>68217</v>
      </c>
    </row>
    <row r="12533" spans="1:10" x14ac:dyDescent="0.25">
      <c r="A12533" t="s">
        <v>3591</v>
      </c>
      <c r="B12533" t="s">
        <v>3592</v>
      </c>
      <c r="C12533" t="s">
        <v>3593</v>
      </c>
      <c r="D12533" t="s">
        <v>3585</v>
      </c>
      <c r="E12533" t="s">
        <v>13</v>
      </c>
      <c r="F12533">
        <v>1549</v>
      </c>
      <c r="G12533" t="s">
        <v>3594</v>
      </c>
      <c r="H12533">
        <v>5.5820038128159997</v>
      </c>
      <c r="I12533">
        <v>52.135796046717999</v>
      </c>
      <c r="J12533" t="s">
        <v>68218</v>
      </c>
    </row>
    <row r="12534" spans="1:10" x14ac:dyDescent="0.25">
      <c r="A12534" t="s">
        <v>3587</v>
      </c>
      <c r="B12534" t="s">
        <v>3588</v>
      </c>
      <c r="C12534" t="s">
        <v>3589</v>
      </c>
      <c r="D12534" t="s">
        <v>3585</v>
      </c>
      <c r="E12534" t="s">
        <v>13</v>
      </c>
      <c r="F12534">
        <v>1548</v>
      </c>
      <c r="G12534" t="s">
        <v>3590</v>
      </c>
      <c r="H12534">
        <v>5.5862266712219997</v>
      </c>
      <c r="I12534">
        <v>52.140003191741002</v>
      </c>
      <c r="J12534" t="s">
        <v>68219</v>
      </c>
    </row>
    <row r="12535" spans="1:10" x14ac:dyDescent="0.25">
      <c r="A12535" t="s">
        <v>3582</v>
      </c>
      <c r="B12535" t="s">
        <v>3583</v>
      </c>
      <c r="C12535" t="s">
        <v>3584</v>
      </c>
      <c r="D12535" t="s">
        <v>3585</v>
      </c>
      <c r="E12535" t="s">
        <v>13</v>
      </c>
      <c r="F12535">
        <v>1547</v>
      </c>
      <c r="G12535" t="s">
        <v>3586</v>
      </c>
      <c r="H12535">
        <v>5.5812165700019998</v>
      </c>
      <c r="I12535">
        <v>52.141340707843</v>
      </c>
      <c r="J12535" t="s">
        <v>68220</v>
      </c>
    </row>
    <row r="12536" spans="1:10" x14ac:dyDescent="0.25">
      <c r="A12536" t="s">
        <v>3578</v>
      </c>
      <c r="B12536" t="s">
        <v>3579</v>
      </c>
      <c r="C12536" t="s">
        <v>3580</v>
      </c>
      <c r="D12536" t="s">
        <v>3255</v>
      </c>
      <c r="E12536" t="s">
        <v>13</v>
      </c>
      <c r="F12536">
        <v>1546</v>
      </c>
      <c r="G12536" t="s">
        <v>3581</v>
      </c>
      <c r="H12536">
        <v>5.8402324706069999</v>
      </c>
      <c r="I12536">
        <v>51.948842265341</v>
      </c>
      <c r="J12536" t="s">
        <v>68221</v>
      </c>
    </row>
    <row r="12537" spans="1:10" x14ac:dyDescent="0.25">
      <c r="A12537" t="s">
        <v>3574</v>
      </c>
      <c r="B12537" t="s">
        <v>3575</v>
      </c>
      <c r="C12537" t="s">
        <v>3576</v>
      </c>
      <c r="D12537" t="s">
        <v>3255</v>
      </c>
      <c r="E12537" t="s">
        <v>13</v>
      </c>
      <c r="F12537">
        <v>1545</v>
      </c>
      <c r="G12537" t="s">
        <v>3577</v>
      </c>
      <c r="H12537">
        <v>5.8493609729590004</v>
      </c>
      <c r="I12537">
        <v>51.954307135248001</v>
      </c>
      <c r="J12537" t="s">
        <v>68222</v>
      </c>
    </row>
    <row r="12538" spans="1:10" x14ac:dyDescent="0.25">
      <c r="A12538" t="s">
        <v>3570</v>
      </c>
      <c r="B12538" t="s">
        <v>3571</v>
      </c>
      <c r="C12538" t="s">
        <v>3572</v>
      </c>
      <c r="D12538" t="s">
        <v>3255</v>
      </c>
      <c r="E12538" t="s">
        <v>13</v>
      </c>
      <c r="F12538">
        <v>1544</v>
      </c>
      <c r="G12538" t="s">
        <v>3573</v>
      </c>
      <c r="H12538">
        <v>5.841631138706</v>
      </c>
      <c r="I12538">
        <v>51.963423694486004</v>
      </c>
      <c r="J12538" t="s">
        <v>68223</v>
      </c>
    </row>
    <row r="12539" spans="1:10" x14ac:dyDescent="0.25">
      <c r="A12539" t="s">
        <v>3566</v>
      </c>
      <c r="B12539" t="s">
        <v>3567</v>
      </c>
      <c r="C12539" t="s">
        <v>3568</v>
      </c>
      <c r="D12539" t="s">
        <v>3255</v>
      </c>
      <c r="E12539" t="s">
        <v>13</v>
      </c>
      <c r="F12539">
        <v>1543</v>
      </c>
      <c r="G12539" t="s">
        <v>3569</v>
      </c>
      <c r="H12539">
        <v>5.8853487333830001</v>
      </c>
      <c r="I12539">
        <v>51.953985526962001</v>
      </c>
      <c r="J12539" t="s">
        <v>68224</v>
      </c>
    </row>
    <row r="12540" spans="1:10" x14ac:dyDescent="0.25">
      <c r="A12540" t="s">
        <v>3562</v>
      </c>
      <c r="B12540" t="s">
        <v>3563</v>
      </c>
      <c r="C12540" t="s">
        <v>3564</v>
      </c>
      <c r="D12540" t="s">
        <v>3255</v>
      </c>
      <c r="E12540" t="s">
        <v>13</v>
      </c>
      <c r="F12540">
        <v>1542</v>
      </c>
      <c r="G12540" t="s">
        <v>3565</v>
      </c>
      <c r="H12540">
        <v>5.88619346691</v>
      </c>
      <c r="I12540">
        <v>51.946157154391997</v>
      </c>
      <c r="J12540" t="s">
        <v>68225</v>
      </c>
    </row>
    <row r="12541" spans="1:10" x14ac:dyDescent="0.25">
      <c r="A12541" t="s">
        <v>3558</v>
      </c>
      <c r="B12541" t="s">
        <v>3559</v>
      </c>
      <c r="C12541" t="s">
        <v>3560</v>
      </c>
      <c r="D12541" t="s">
        <v>3255</v>
      </c>
      <c r="E12541" t="s">
        <v>13</v>
      </c>
      <c r="F12541">
        <v>1541</v>
      </c>
      <c r="G12541" t="s">
        <v>3561</v>
      </c>
      <c r="H12541">
        <v>5.8923801400910003</v>
      </c>
      <c r="I12541">
        <v>51.940198052005002</v>
      </c>
      <c r="J12541" t="s">
        <v>68226</v>
      </c>
    </row>
    <row r="12542" spans="1:10" x14ac:dyDescent="0.25">
      <c r="A12542" t="s">
        <v>3554</v>
      </c>
      <c r="B12542" t="s">
        <v>3555</v>
      </c>
      <c r="C12542" t="s">
        <v>3556</v>
      </c>
      <c r="D12542" t="s">
        <v>3255</v>
      </c>
      <c r="E12542" t="s">
        <v>13</v>
      </c>
      <c r="F12542">
        <v>1540</v>
      </c>
      <c r="G12542" t="s">
        <v>3557</v>
      </c>
      <c r="H12542">
        <v>5.9021121696429999</v>
      </c>
      <c r="I12542">
        <v>51.942481436179001</v>
      </c>
      <c r="J12542" t="s">
        <v>68227</v>
      </c>
    </row>
    <row r="12543" spans="1:10" x14ac:dyDescent="0.25">
      <c r="A12543" t="s">
        <v>3550</v>
      </c>
      <c r="B12543" t="s">
        <v>3551</v>
      </c>
      <c r="C12543" t="s">
        <v>3552</v>
      </c>
      <c r="D12543" t="s">
        <v>3255</v>
      </c>
      <c r="E12543" t="s">
        <v>13</v>
      </c>
      <c r="F12543">
        <v>1539</v>
      </c>
      <c r="G12543" t="s">
        <v>3553</v>
      </c>
      <c r="H12543">
        <v>5.8713599985269997</v>
      </c>
      <c r="I12543">
        <v>51.946569848236997</v>
      </c>
      <c r="J12543" t="s">
        <v>68228</v>
      </c>
    </row>
    <row r="12544" spans="1:10" x14ac:dyDescent="0.25">
      <c r="A12544" t="s">
        <v>3546</v>
      </c>
      <c r="B12544" t="s">
        <v>3547</v>
      </c>
      <c r="C12544" t="s">
        <v>3548</v>
      </c>
      <c r="D12544" t="s">
        <v>3255</v>
      </c>
      <c r="E12544" t="s">
        <v>13</v>
      </c>
      <c r="F12544">
        <v>1538</v>
      </c>
      <c r="G12544" t="s">
        <v>3549</v>
      </c>
      <c r="H12544">
        <v>5.8586417780859996</v>
      </c>
      <c r="I12544">
        <v>51.949619548111997</v>
      </c>
      <c r="J12544" t="s">
        <v>68229</v>
      </c>
    </row>
    <row r="12545" spans="1:10" x14ac:dyDescent="0.25">
      <c r="A12545" t="s">
        <v>3542</v>
      </c>
      <c r="B12545" t="s">
        <v>3543</v>
      </c>
      <c r="C12545" t="s">
        <v>3544</v>
      </c>
      <c r="D12545" t="s">
        <v>3255</v>
      </c>
      <c r="E12545" t="s">
        <v>13</v>
      </c>
      <c r="F12545">
        <v>1537</v>
      </c>
      <c r="G12545" t="s">
        <v>3545</v>
      </c>
      <c r="H12545">
        <v>5.8700596507179998</v>
      </c>
      <c r="I12545">
        <v>51.964281113120002</v>
      </c>
      <c r="J12545" t="s">
        <v>68230</v>
      </c>
    </row>
    <row r="12546" spans="1:10" x14ac:dyDescent="0.25">
      <c r="A12546" t="s">
        <v>3538</v>
      </c>
      <c r="B12546" t="s">
        <v>3539</v>
      </c>
      <c r="C12546" t="s">
        <v>3540</v>
      </c>
      <c r="D12546" t="s">
        <v>3255</v>
      </c>
      <c r="E12546" t="s">
        <v>13</v>
      </c>
      <c r="F12546">
        <v>1536</v>
      </c>
      <c r="G12546" t="s">
        <v>3541</v>
      </c>
      <c r="H12546">
        <v>5.8587763298300004</v>
      </c>
      <c r="I12546">
        <v>51.964525852446002</v>
      </c>
      <c r="J12546" t="s">
        <v>68231</v>
      </c>
    </row>
    <row r="12547" spans="1:10" x14ac:dyDescent="0.25">
      <c r="A12547" t="s">
        <v>3534</v>
      </c>
      <c r="B12547" t="s">
        <v>3535</v>
      </c>
      <c r="C12547" t="s">
        <v>3536</v>
      </c>
      <c r="D12547" t="s">
        <v>3255</v>
      </c>
      <c r="E12547" t="s">
        <v>13</v>
      </c>
      <c r="F12547">
        <v>1535</v>
      </c>
      <c r="G12547" t="s">
        <v>3537</v>
      </c>
      <c r="H12547">
        <v>5.8596491990440001</v>
      </c>
      <c r="I12547">
        <v>51.957753120863003</v>
      </c>
      <c r="J12547" t="s">
        <v>68232</v>
      </c>
    </row>
    <row r="12548" spans="1:10" x14ac:dyDescent="0.25">
      <c r="A12548" t="s">
        <v>3530</v>
      </c>
      <c r="B12548" t="s">
        <v>3531</v>
      </c>
      <c r="C12548" t="s">
        <v>3532</v>
      </c>
      <c r="D12548" t="s">
        <v>3255</v>
      </c>
      <c r="E12548" t="s">
        <v>13</v>
      </c>
      <c r="F12548">
        <v>1534</v>
      </c>
      <c r="G12548" t="s">
        <v>3533</v>
      </c>
      <c r="H12548">
        <v>5.881245447995</v>
      </c>
      <c r="I12548">
        <v>51.959676814471003</v>
      </c>
      <c r="J12548" t="s">
        <v>68233</v>
      </c>
    </row>
    <row r="12549" spans="1:10" x14ac:dyDescent="0.25">
      <c r="A12549" t="s">
        <v>3526</v>
      </c>
      <c r="B12549" t="s">
        <v>3527</v>
      </c>
      <c r="C12549" t="s">
        <v>3528</v>
      </c>
      <c r="D12549" t="s">
        <v>3255</v>
      </c>
      <c r="E12549" t="s">
        <v>13</v>
      </c>
      <c r="F12549">
        <v>1533</v>
      </c>
      <c r="G12549" t="s">
        <v>3529</v>
      </c>
      <c r="H12549">
        <v>5.900862103982</v>
      </c>
      <c r="I12549">
        <v>51.953705021988</v>
      </c>
      <c r="J12549" t="s">
        <v>68234</v>
      </c>
    </row>
    <row r="12550" spans="1:10" x14ac:dyDescent="0.25">
      <c r="A12550" t="s">
        <v>3522</v>
      </c>
      <c r="B12550" t="s">
        <v>3523</v>
      </c>
      <c r="C12550" t="s">
        <v>3524</v>
      </c>
      <c r="D12550" t="s">
        <v>3255</v>
      </c>
      <c r="E12550" t="s">
        <v>13</v>
      </c>
      <c r="F12550">
        <v>1532</v>
      </c>
      <c r="G12550" t="s">
        <v>3525</v>
      </c>
      <c r="H12550">
        <v>5.8949362491340001</v>
      </c>
      <c r="I12550">
        <v>51.958797767194</v>
      </c>
      <c r="J12550" t="s">
        <v>68235</v>
      </c>
    </row>
    <row r="12551" spans="1:10" x14ac:dyDescent="0.25">
      <c r="A12551" t="s">
        <v>3519</v>
      </c>
      <c r="B12551" t="s">
        <v>3520</v>
      </c>
      <c r="C12551" t="s">
        <v>2943</v>
      </c>
      <c r="D12551" t="s">
        <v>3255</v>
      </c>
      <c r="E12551" t="s">
        <v>13</v>
      </c>
      <c r="F12551">
        <v>1531</v>
      </c>
      <c r="G12551" t="s">
        <v>3521</v>
      </c>
      <c r="H12551">
        <v>5.9131541671120003</v>
      </c>
      <c r="I12551">
        <v>51.952382850104001</v>
      </c>
      <c r="J12551" t="s">
        <v>68236</v>
      </c>
    </row>
    <row r="12552" spans="1:10" x14ac:dyDescent="0.25">
      <c r="A12552" t="s">
        <v>3515</v>
      </c>
      <c r="B12552" t="s">
        <v>3516</v>
      </c>
      <c r="C12552" t="s">
        <v>3517</v>
      </c>
      <c r="D12552" t="s">
        <v>3255</v>
      </c>
      <c r="E12552" t="s">
        <v>13</v>
      </c>
      <c r="F12552">
        <v>1530</v>
      </c>
      <c r="G12552" t="s">
        <v>3518</v>
      </c>
      <c r="H12552">
        <v>5.922201568867</v>
      </c>
      <c r="I12552">
        <v>51.958530796453999</v>
      </c>
      <c r="J12552" t="s">
        <v>68237</v>
      </c>
    </row>
    <row r="12553" spans="1:10" x14ac:dyDescent="0.25">
      <c r="A12553" t="s">
        <v>3511</v>
      </c>
      <c r="B12553" t="s">
        <v>3512</v>
      </c>
      <c r="C12553" t="s">
        <v>3513</v>
      </c>
      <c r="D12553" t="s">
        <v>3255</v>
      </c>
      <c r="E12553" t="s">
        <v>13</v>
      </c>
      <c r="F12553">
        <v>1529</v>
      </c>
      <c r="G12553" t="s">
        <v>3514</v>
      </c>
      <c r="H12553">
        <v>5.9067719305250002</v>
      </c>
      <c r="I12553">
        <v>51.960731894024001</v>
      </c>
      <c r="J12553" t="s">
        <v>68238</v>
      </c>
    </row>
    <row r="12554" spans="1:10" x14ac:dyDescent="0.25">
      <c r="A12554" t="s">
        <v>3507</v>
      </c>
      <c r="B12554" t="s">
        <v>3508</v>
      </c>
      <c r="C12554" t="s">
        <v>3509</v>
      </c>
      <c r="D12554" t="s">
        <v>3255</v>
      </c>
      <c r="E12554" t="s">
        <v>13</v>
      </c>
      <c r="F12554">
        <v>1528</v>
      </c>
      <c r="G12554" t="s">
        <v>3510</v>
      </c>
      <c r="H12554">
        <v>5.9072919156200001</v>
      </c>
      <c r="I12554">
        <v>51.964195879896998</v>
      </c>
      <c r="J12554" t="s">
        <v>68239</v>
      </c>
    </row>
    <row r="12555" spans="1:10" x14ac:dyDescent="0.25">
      <c r="A12555" t="s">
        <v>3503</v>
      </c>
      <c r="B12555" t="s">
        <v>3504</v>
      </c>
      <c r="C12555" t="s">
        <v>3505</v>
      </c>
      <c r="D12555" t="s">
        <v>3255</v>
      </c>
      <c r="E12555" t="s">
        <v>13</v>
      </c>
      <c r="F12555">
        <v>1527</v>
      </c>
      <c r="G12555" t="s">
        <v>3506</v>
      </c>
      <c r="H12555">
        <v>5.9093447666390002</v>
      </c>
      <c r="I12555">
        <v>51.966087868575997</v>
      </c>
      <c r="J12555" t="s">
        <v>68240</v>
      </c>
    </row>
    <row r="12556" spans="1:10" x14ac:dyDescent="0.25">
      <c r="A12556" t="s">
        <v>3499</v>
      </c>
      <c r="B12556" t="s">
        <v>3500</v>
      </c>
      <c r="C12556" t="s">
        <v>3501</v>
      </c>
      <c r="D12556" t="s">
        <v>3255</v>
      </c>
      <c r="E12556" t="s">
        <v>13</v>
      </c>
      <c r="F12556">
        <v>1526</v>
      </c>
      <c r="G12556" t="s">
        <v>3502</v>
      </c>
      <c r="H12556">
        <v>5.9152127018560003</v>
      </c>
      <c r="I12556">
        <v>51.961829055886</v>
      </c>
      <c r="J12556" t="s">
        <v>68241</v>
      </c>
    </row>
    <row r="12557" spans="1:10" x14ac:dyDescent="0.25">
      <c r="A12557" t="s">
        <v>3495</v>
      </c>
      <c r="B12557" t="s">
        <v>3496</v>
      </c>
      <c r="C12557" t="s">
        <v>3497</v>
      </c>
      <c r="D12557" t="s">
        <v>3255</v>
      </c>
      <c r="E12557" t="s">
        <v>13</v>
      </c>
      <c r="F12557">
        <v>1525</v>
      </c>
      <c r="G12557" t="s">
        <v>3498</v>
      </c>
      <c r="H12557">
        <v>5.9263069015510004</v>
      </c>
      <c r="I12557">
        <v>51.953709562950998</v>
      </c>
      <c r="J12557" t="s">
        <v>68242</v>
      </c>
    </row>
    <row r="12558" spans="1:10" x14ac:dyDescent="0.25">
      <c r="A12558" t="s">
        <v>3491</v>
      </c>
      <c r="B12558" t="s">
        <v>3492</v>
      </c>
      <c r="C12558" t="s">
        <v>3493</v>
      </c>
      <c r="D12558" t="s">
        <v>3255</v>
      </c>
      <c r="E12558" t="s">
        <v>13</v>
      </c>
      <c r="F12558">
        <v>1524</v>
      </c>
      <c r="G12558" t="s">
        <v>3494</v>
      </c>
      <c r="H12558">
        <v>5.92843117468</v>
      </c>
      <c r="I12558">
        <v>51.963118222235998</v>
      </c>
      <c r="J12558" t="s">
        <v>68243</v>
      </c>
    </row>
    <row r="12559" spans="1:10" x14ac:dyDescent="0.25">
      <c r="A12559" t="s">
        <v>3487</v>
      </c>
      <c r="B12559" t="s">
        <v>3488</v>
      </c>
      <c r="C12559" t="s">
        <v>3489</v>
      </c>
      <c r="D12559" t="s">
        <v>3255</v>
      </c>
      <c r="E12559" t="s">
        <v>13</v>
      </c>
      <c r="F12559">
        <v>1523</v>
      </c>
      <c r="G12559" t="s">
        <v>3490</v>
      </c>
      <c r="H12559">
        <v>5.9203654960050001</v>
      </c>
      <c r="I12559">
        <v>51.966547855005999</v>
      </c>
      <c r="J12559" t="s">
        <v>68244</v>
      </c>
    </row>
    <row r="12560" spans="1:10" x14ac:dyDescent="0.25">
      <c r="A12560" t="s">
        <v>3483</v>
      </c>
      <c r="B12560" t="s">
        <v>3484</v>
      </c>
      <c r="C12560" t="s">
        <v>3485</v>
      </c>
      <c r="D12560" t="s">
        <v>3255</v>
      </c>
      <c r="E12560" t="s">
        <v>13</v>
      </c>
      <c r="F12560">
        <v>1522</v>
      </c>
      <c r="G12560" t="s">
        <v>3486</v>
      </c>
      <c r="H12560">
        <v>5.9128258319320004</v>
      </c>
      <c r="I12560">
        <v>51.970000055573003</v>
      </c>
      <c r="J12560" t="s">
        <v>68245</v>
      </c>
    </row>
    <row r="12561" spans="1:10" x14ac:dyDescent="0.25">
      <c r="A12561" t="s">
        <v>3479</v>
      </c>
      <c r="B12561" t="s">
        <v>3480</v>
      </c>
      <c r="C12561" t="s">
        <v>3481</v>
      </c>
      <c r="D12561" t="s">
        <v>3255</v>
      </c>
      <c r="E12561" t="s">
        <v>13</v>
      </c>
      <c r="F12561">
        <v>1521</v>
      </c>
      <c r="G12561" t="s">
        <v>3482</v>
      </c>
      <c r="H12561">
        <v>5.8983264522710002</v>
      </c>
      <c r="I12561">
        <v>51.968559789762999</v>
      </c>
      <c r="J12561" t="s">
        <v>68246</v>
      </c>
    </row>
    <row r="12562" spans="1:10" x14ac:dyDescent="0.25">
      <c r="A12562" t="s">
        <v>3475</v>
      </c>
      <c r="B12562" t="s">
        <v>3476</v>
      </c>
      <c r="C12562" t="s">
        <v>3477</v>
      </c>
      <c r="D12562" t="s">
        <v>3255</v>
      </c>
      <c r="E12562" t="s">
        <v>13</v>
      </c>
      <c r="F12562">
        <v>1520</v>
      </c>
      <c r="G12562" t="s">
        <v>3478</v>
      </c>
      <c r="H12562">
        <v>5.8860179202080003</v>
      </c>
      <c r="I12562">
        <v>51.974388252927</v>
      </c>
      <c r="J12562" t="s">
        <v>68247</v>
      </c>
    </row>
    <row r="12563" spans="1:10" x14ac:dyDescent="0.25">
      <c r="A12563" t="s">
        <v>3471</v>
      </c>
      <c r="B12563" t="s">
        <v>3472</v>
      </c>
      <c r="C12563" t="s">
        <v>3473</v>
      </c>
      <c r="D12563" t="s">
        <v>3255</v>
      </c>
      <c r="E12563" t="s">
        <v>13</v>
      </c>
      <c r="F12563">
        <v>1519</v>
      </c>
      <c r="G12563" t="s">
        <v>3474</v>
      </c>
      <c r="H12563">
        <v>5.8725003327119998</v>
      </c>
      <c r="I12563">
        <v>51.991345307171997</v>
      </c>
      <c r="J12563" t="s">
        <v>68248</v>
      </c>
    </row>
    <row r="12564" spans="1:10" x14ac:dyDescent="0.25">
      <c r="A12564" t="s">
        <v>3467</v>
      </c>
      <c r="B12564" t="s">
        <v>3468</v>
      </c>
      <c r="C12564" t="s">
        <v>3469</v>
      </c>
      <c r="D12564" t="s">
        <v>3255</v>
      </c>
      <c r="E12564" t="s">
        <v>13</v>
      </c>
      <c r="F12564">
        <v>1518</v>
      </c>
      <c r="G12564" t="s">
        <v>3470</v>
      </c>
      <c r="H12564">
        <v>5.8718460177020004</v>
      </c>
      <c r="I12564">
        <v>51.981977587411002</v>
      </c>
      <c r="J12564" t="s">
        <v>68249</v>
      </c>
    </row>
    <row r="12565" spans="1:10" x14ac:dyDescent="0.25">
      <c r="A12565" t="s">
        <v>3463</v>
      </c>
      <c r="B12565" t="s">
        <v>3464</v>
      </c>
      <c r="C12565" t="s">
        <v>3465</v>
      </c>
      <c r="D12565" t="s">
        <v>3255</v>
      </c>
      <c r="E12565" t="s">
        <v>13</v>
      </c>
      <c r="F12565">
        <v>1517</v>
      </c>
      <c r="G12565" t="s">
        <v>3466</v>
      </c>
      <c r="H12565">
        <v>5.8844688139420001</v>
      </c>
      <c r="I12565">
        <v>51.988053001436</v>
      </c>
      <c r="J12565" t="s">
        <v>68250</v>
      </c>
    </row>
    <row r="12566" spans="1:10" x14ac:dyDescent="0.25">
      <c r="A12566" t="s">
        <v>3459</v>
      </c>
      <c r="B12566" t="s">
        <v>3460</v>
      </c>
      <c r="C12566" t="s">
        <v>3461</v>
      </c>
      <c r="D12566" t="s">
        <v>3255</v>
      </c>
      <c r="E12566" t="s">
        <v>13</v>
      </c>
      <c r="F12566">
        <v>1516</v>
      </c>
      <c r="G12566" t="s">
        <v>3462</v>
      </c>
      <c r="H12566">
        <v>5.8924700796970004</v>
      </c>
      <c r="I12566">
        <v>51.987286883479001</v>
      </c>
      <c r="J12566" t="s">
        <v>68251</v>
      </c>
    </row>
    <row r="12567" spans="1:10" x14ac:dyDescent="0.25">
      <c r="A12567" t="s">
        <v>3455</v>
      </c>
      <c r="B12567" t="s">
        <v>3456</v>
      </c>
      <c r="C12567" t="s">
        <v>3457</v>
      </c>
      <c r="D12567" t="s">
        <v>3255</v>
      </c>
      <c r="E12567" t="s">
        <v>13</v>
      </c>
      <c r="F12567">
        <v>1515</v>
      </c>
      <c r="G12567" t="s">
        <v>3458</v>
      </c>
      <c r="H12567">
        <v>5.8826249932719996</v>
      </c>
      <c r="I12567">
        <v>51.985285079931003</v>
      </c>
      <c r="J12567" t="s">
        <v>68252</v>
      </c>
    </row>
    <row r="12568" spans="1:10" x14ac:dyDescent="0.25">
      <c r="A12568" t="s">
        <v>3451</v>
      </c>
      <c r="B12568" t="s">
        <v>3452</v>
      </c>
      <c r="C12568" t="s">
        <v>3453</v>
      </c>
      <c r="D12568" t="s">
        <v>3255</v>
      </c>
      <c r="E12568" t="s">
        <v>13</v>
      </c>
      <c r="F12568">
        <v>1514</v>
      </c>
      <c r="G12568" t="s">
        <v>3454</v>
      </c>
      <c r="H12568">
        <v>5.9015152408480001</v>
      </c>
      <c r="I12568">
        <v>52.037424489838003</v>
      </c>
      <c r="J12568" t="s">
        <v>68253</v>
      </c>
    </row>
    <row r="12569" spans="1:10" x14ac:dyDescent="0.25">
      <c r="A12569" t="s">
        <v>3447</v>
      </c>
      <c r="B12569" t="s">
        <v>3448</v>
      </c>
      <c r="C12569" t="s">
        <v>3449</v>
      </c>
      <c r="D12569" t="s">
        <v>3255</v>
      </c>
      <c r="E12569" t="s">
        <v>13</v>
      </c>
      <c r="F12569">
        <v>1513</v>
      </c>
      <c r="G12569" t="s">
        <v>3450</v>
      </c>
      <c r="H12569">
        <v>5.8416496746720004</v>
      </c>
      <c r="I12569">
        <v>52.014529575337001</v>
      </c>
      <c r="J12569" t="s">
        <v>68254</v>
      </c>
    </row>
    <row r="12570" spans="1:10" x14ac:dyDescent="0.25">
      <c r="A12570" t="s">
        <v>3443</v>
      </c>
      <c r="B12570" t="s">
        <v>3444</v>
      </c>
      <c r="C12570" t="s">
        <v>3445</v>
      </c>
      <c r="D12570" t="s">
        <v>3255</v>
      </c>
      <c r="E12570" t="s">
        <v>13</v>
      </c>
      <c r="F12570">
        <v>1512</v>
      </c>
      <c r="G12570" t="s">
        <v>3446</v>
      </c>
      <c r="H12570">
        <v>5.8727222665190002</v>
      </c>
      <c r="I12570">
        <v>52.024210936160998</v>
      </c>
      <c r="J12570" t="s">
        <v>68255</v>
      </c>
    </row>
    <row r="12571" spans="1:10" x14ac:dyDescent="0.25">
      <c r="A12571" t="s">
        <v>3439</v>
      </c>
      <c r="B12571" t="s">
        <v>3440</v>
      </c>
      <c r="C12571" t="s">
        <v>3441</v>
      </c>
      <c r="D12571" t="s">
        <v>3255</v>
      </c>
      <c r="E12571" t="s">
        <v>13</v>
      </c>
      <c r="F12571">
        <v>1511</v>
      </c>
      <c r="G12571" t="s">
        <v>3442</v>
      </c>
      <c r="H12571">
        <v>5.8781412555159998</v>
      </c>
      <c r="I12571">
        <v>52.006470113383003</v>
      </c>
      <c r="J12571" t="s">
        <v>68256</v>
      </c>
    </row>
    <row r="12572" spans="1:10" x14ac:dyDescent="0.25">
      <c r="A12572" t="s">
        <v>3435</v>
      </c>
      <c r="B12572" t="s">
        <v>3436</v>
      </c>
      <c r="C12572" t="s">
        <v>3437</v>
      </c>
      <c r="D12572" t="s">
        <v>3255</v>
      </c>
      <c r="E12572" t="s">
        <v>13</v>
      </c>
      <c r="F12572">
        <v>1510</v>
      </c>
      <c r="G12572" t="s">
        <v>3438</v>
      </c>
      <c r="H12572">
        <v>5.9001851083250001</v>
      </c>
      <c r="I12572">
        <v>51.996358454492999</v>
      </c>
      <c r="J12572" t="s">
        <v>68257</v>
      </c>
    </row>
    <row r="12573" spans="1:10" x14ac:dyDescent="0.25">
      <c r="A12573" t="s">
        <v>3431</v>
      </c>
      <c r="B12573" t="s">
        <v>3432</v>
      </c>
      <c r="C12573" t="s">
        <v>3433</v>
      </c>
      <c r="D12573" t="s">
        <v>3255</v>
      </c>
      <c r="E12573" t="s">
        <v>13</v>
      </c>
      <c r="F12573">
        <v>1509</v>
      </c>
      <c r="G12573" t="s">
        <v>3434</v>
      </c>
      <c r="H12573">
        <v>5.883640852668</v>
      </c>
      <c r="I12573">
        <v>51.998322666937</v>
      </c>
      <c r="J12573" t="s">
        <v>68258</v>
      </c>
    </row>
    <row r="12574" spans="1:10" x14ac:dyDescent="0.25">
      <c r="A12574" t="s">
        <v>3427</v>
      </c>
      <c r="B12574" t="s">
        <v>3428</v>
      </c>
      <c r="C12574" t="s">
        <v>3429</v>
      </c>
      <c r="D12574" t="s">
        <v>3255</v>
      </c>
      <c r="E12574" t="s">
        <v>13</v>
      </c>
      <c r="F12574">
        <v>1508</v>
      </c>
      <c r="G12574" t="s">
        <v>3430</v>
      </c>
      <c r="H12574">
        <v>5.8844826796499996</v>
      </c>
      <c r="I12574">
        <v>51.992945557878997</v>
      </c>
      <c r="J12574" t="s">
        <v>68259</v>
      </c>
    </row>
    <row r="12575" spans="1:10" x14ac:dyDescent="0.25">
      <c r="A12575" t="s">
        <v>3423</v>
      </c>
      <c r="B12575" t="s">
        <v>3424</v>
      </c>
      <c r="C12575" t="s">
        <v>3425</v>
      </c>
      <c r="D12575" t="s">
        <v>3255</v>
      </c>
      <c r="E12575" t="s">
        <v>13</v>
      </c>
      <c r="F12575">
        <v>1507</v>
      </c>
      <c r="G12575" t="s">
        <v>3426</v>
      </c>
      <c r="H12575">
        <v>5.8904739018869998</v>
      </c>
      <c r="I12575">
        <v>51.994177745313998</v>
      </c>
      <c r="J12575" t="s">
        <v>68260</v>
      </c>
    </row>
    <row r="12576" spans="1:10" x14ac:dyDescent="0.25">
      <c r="A12576" t="s">
        <v>3419</v>
      </c>
      <c r="B12576" t="s">
        <v>3420</v>
      </c>
      <c r="C12576" t="s">
        <v>3421</v>
      </c>
      <c r="D12576" t="s">
        <v>3255</v>
      </c>
      <c r="E12576" t="s">
        <v>13</v>
      </c>
      <c r="F12576">
        <v>1506</v>
      </c>
      <c r="G12576" t="s">
        <v>3422</v>
      </c>
      <c r="H12576">
        <v>5.8969519322619997</v>
      </c>
      <c r="I12576">
        <v>51.988729407358001</v>
      </c>
      <c r="J12576" t="s">
        <v>68261</v>
      </c>
    </row>
    <row r="12577" spans="1:10" x14ac:dyDescent="0.25">
      <c r="A12577" t="s">
        <v>3415</v>
      </c>
      <c r="B12577" t="s">
        <v>3416</v>
      </c>
      <c r="C12577" t="s">
        <v>3417</v>
      </c>
      <c r="D12577" t="s">
        <v>3255</v>
      </c>
      <c r="E12577" t="s">
        <v>13</v>
      </c>
      <c r="F12577">
        <v>1505</v>
      </c>
      <c r="G12577" t="s">
        <v>3418</v>
      </c>
      <c r="H12577">
        <v>5.9075542575810003</v>
      </c>
      <c r="I12577">
        <v>51.986365616023001</v>
      </c>
      <c r="J12577" t="s">
        <v>68262</v>
      </c>
    </row>
    <row r="12578" spans="1:10" x14ac:dyDescent="0.25">
      <c r="A12578" t="s">
        <v>3412</v>
      </c>
      <c r="B12578" t="s">
        <v>3413</v>
      </c>
      <c r="C12578" t="s">
        <v>3218</v>
      </c>
      <c r="D12578" t="s">
        <v>3255</v>
      </c>
      <c r="E12578" t="s">
        <v>13</v>
      </c>
      <c r="F12578">
        <v>1504</v>
      </c>
      <c r="G12578" t="s">
        <v>3414</v>
      </c>
      <c r="H12578">
        <v>5.9258335788350003</v>
      </c>
      <c r="I12578">
        <v>52.002600320283001</v>
      </c>
      <c r="J12578" t="s">
        <v>68263</v>
      </c>
    </row>
    <row r="12579" spans="1:10" x14ac:dyDescent="0.25">
      <c r="A12579" t="s">
        <v>3408</v>
      </c>
      <c r="B12579" t="s">
        <v>3409</v>
      </c>
      <c r="C12579" t="s">
        <v>3410</v>
      </c>
      <c r="D12579" t="s">
        <v>3255</v>
      </c>
      <c r="E12579" t="s">
        <v>13</v>
      </c>
      <c r="F12579">
        <v>1503</v>
      </c>
      <c r="G12579" t="s">
        <v>3411</v>
      </c>
      <c r="H12579">
        <v>5.9451297612399996</v>
      </c>
      <c r="I12579">
        <v>52.005131386157998</v>
      </c>
      <c r="J12579" t="s">
        <v>68264</v>
      </c>
    </row>
    <row r="12580" spans="1:10" x14ac:dyDescent="0.25">
      <c r="A12580" t="s">
        <v>3404</v>
      </c>
      <c r="B12580" t="s">
        <v>3405</v>
      </c>
      <c r="C12580" t="s">
        <v>3406</v>
      </c>
      <c r="D12580" t="s">
        <v>3255</v>
      </c>
      <c r="E12580" t="s">
        <v>13</v>
      </c>
      <c r="F12580">
        <v>1502</v>
      </c>
      <c r="G12580" t="s">
        <v>3407</v>
      </c>
      <c r="H12580">
        <v>5.9333598028920003</v>
      </c>
      <c r="I12580">
        <v>52.000106127397999</v>
      </c>
      <c r="J12580" t="s">
        <v>68265</v>
      </c>
    </row>
    <row r="12581" spans="1:10" x14ac:dyDescent="0.25">
      <c r="A12581" t="s">
        <v>3400</v>
      </c>
      <c r="B12581" t="s">
        <v>3401</v>
      </c>
      <c r="C12581" t="s">
        <v>3402</v>
      </c>
      <c r="D12581" t="s">
        <v>3255</v>
      </c>
      <c r="E12581" t="s">
        <v>13</v>
      </c>
      <c r="F12581">
        <v>1501</v>
      </c>
      <c r="G12581" t="s">
        <v>3403</v>
      </c>
      <c r="H12581">
        <v>5.939612018199</v>
      </c>
      <c r="I12581">
        <v>52.002713475046001</v>
      </c>
      <c r="J12581" t="s">
        <v>68266</v>
      </c>
    </row>
    <row r="12582" spans="1:10" x14ac:dyDescent="0.25">
      <c r="A12582" t="s">
        <v>3396</v>
      </c>
      <c r="B12582" t="s">
        <v>3397</v>
      </c>
      <c r="C12582" t="s">
        <v>3398</v>
      </c>
      <c r="D12582" t="s">
        <v>3255</v>
      </c>
      <c r="E12582" t="s">
        <v>13</v>
      </c>
      <c r="F12582">
        <v>1500</v>
      </c>
      <c r="G12582" t="s">
        <v>3399</v>
      </c>
      <c r="H12582">
        <v>5.9076270234840003</v>
      </c>
      <c r="I12582">
        <v>52.003217934223997</v>
      </c>
      <c r="J12582" t="s">
        <v>68267</v>
      </c>
    </row>
    <row r="12583" spans="1:10" x14ac:dyDescent="0.25">
      <c r="A12583" t="s">
        <v>3392</v>
      </c>
      <c r="B12583" t="s">
        <v>3393</v>
      </c>
      <c r="C12583" t="s">
        <v>3394</v>
      </c>
      <c r="D12583" t="s">
        <v>3255</v>
      </c>
      <c r="E12583" t="s">
        <v>13</v>
      </c>
      <c r="F12583">
        <v>1499</v>
      </c>
      <c r="G12583" t="s">
        <v>3395</v>
      </c>
      <c r="H12583">
        <v>5.9132286159470002</v>
      </c>
      <c r="I12583">
        <v>51.997046673165997</v>
      </c>
      <c r="J12583" t="s">
        <v>68268</v>
      </c>
    </row>
    <row r="12584" spans="1:10" x14ac:dyDescent="0.25">
      <c r="A12584" t="s">
        <v>3388</v>
      </c>
      <c r="B12584" t="s">
        <v>3389</v>
      </c>
      <c r="C12584" t="s">
        <v>3390</v>
      </c>
      <c r="D12584" t="s">
        <v>3255</v>
      </c>
      <c r="E12584" t="s">
        <v>13</v>
      </c>
      <c r="F12584">
        <v>1498</v>
      </c>
      <c r="G12584" t="s">
        <v>3391</v>
      </c>
      <c r="H12584">
        <v>5.94822196345</v>
      </c>
      <c r="I12584">
        <v>51.996326852481999</v>
      </c>
      <c r="J12584" t="s">
        <v>68269</v>
      </c>
    </row>
    <row r="12585" spans="1:10" x14ac:dyDescent="0.25">
      <c r="A12585" t="s">
        <v>3384</v>
      </c>
      <c r="B12585" t="s">
        <v>3385</v>
      </c>
      <c r="C12585" t="s">
        <v>3386</v>
      </c>
      <c r="D12585" t="s">
        <v>3255</v>
      </c>
      <c r="E12585" t="s">
        <v>13</v>
      </c>
      <c r="F12585">
        <v>1497</v>
      </c>
      <c r="G12585" t="s">
        <v>3387</v>
      </c>
      <c r="H12585">
        <v>5.9387983931199999</v>
      </c>
      <c r="I12585">
        <v>51.993314825713</v>
      </c>
      <c r="J12585" t="s">
        <v>68270</v>
      </c>
    </row>
    <row r="12586" spans="1:10" x14ac:dyDescent="0.25">
      <c r="A12586" t="s">
        <v>3380</v>
      </c>
      <c r="B12586" t="s">
        <v>3381</v>
      </c>
      <c r="C12586" t="s">
        <v>3382</v>
      </c>
      <c r="D12586" t="s">
        <v>3255</v>
      </c>
      <c r="E12586" t="s">
        <v>13</v>
      </c>
      <c r="F12586">
        <v>1496</v>
      </c>
      <c r="G12586" t="s">
        <v>3383</v>
      </c>
      <c r="H12586">
        <v>5.9400668990799996</v>
      </c>
      <c r="I12586">
        <v>51.988579290632998</v>
      </c>
      <c r="J12586" t="s">
        <v>68271</v>
      </c>
    </row>
    <row r="12587" spans="1:10" x14ac:dyDescent="0.25">
      <c r="A12587" t="s">
        <v>3376</v>
      </c>
      <c r="B12587" t="s">
        <v>3377</v>
      </c>
      <c r="C12587" t="s">
        <v>3378</v>
      </c>
      <c r="D12587" t="s">
        <v>3255</v>
      </c>
      <c r="E12587" t="s">
        <v>13</v>
      </c>
      <c r="F12587">
        <v>1495</v>
      </c>
      <c r="G12587" t="s">
        <v>3379</v>
      </c>
      <c r="H12587">
        <v>5.9329452016540003</v>
      </c>
      <c r="I12587">
        <v>51.986294027713001</v>
      </c>
      <c r="J12587" t="s">
        <v>68272</v>
      </c>
    </row>
    <row r="12588" spans="1:10" x14ac:dyDescent="0.25">
      <c r="A12588" t="s">
        <v>3372</v>
      </c>
      <c r="B12588" t="s">
        <v>3373</v>
      </c>
      <c r="C12588" t="s">
        <v>3374</v>
      </c>
      <c r="D12588" t="s">
        <v>3255</v>
      </c>
      <c r="E12588" t="s">
        <v>13</v>
      </c>
      <c r="F12588">
        <v>1494</v>
      </c>
      <c r="G12588" t="s">
        <v>3375</v>
      </c>
      <c r="H12588">
        <v>5.9269450018340004</v>
      </c>
      <c r="I12588">
        <v>51.985282679843998</v>
      </c>
      <c r="J12588" t="s">
        <v>68273</v>
      </c>
    </row>
    <row r="12589" spans="1:10" x14ac:dyDescent="0.25">
      <c r="A12589" t="s">
        <v>3368</v>
      </c>
      <c r="B12589" t="s">
        <v>3369</v>
      </c>
      <c r="C12589" t="s">
        <v>3370</v>
      </c>
      <c r="D12589" t="s">
        <v>3255</v>
      </c>
      <c r="E12589" t="s">
        <v>13</v>
      </c>
      <c r="F12589">
        <v>1493</v>
      </c>
      <c r="G12589" t="s">
        <v>3371</v>
      </c>
      <c r="H12589">
        <v>5.9287768698949996</v>
      </c>
      <c r="I12589">
        <v>51.98878424982</v>
      </c>
      <c r="J12589" t="s">
        <v>68274</v>
      </c>
    </row>
    <row r="12590" spans="1:10" x14ac:dyDescent="0.25">
      <c r="A12590" t="s">
        <v>3364</v>
      </c>
      <c r="B12590" t="s">
        <v>3365</v>
      </c>
      <c r="C12590" t="s">
        <v>3366</v>
      </c>
      <c r="D12590" t="s">
        <v>3255</v>
      </c>
      <c r="E12590" t="s">
        <v>13</v>
      </c>
      <c r="F12590">
        <v>1492</v>
      </c>
      <c r="G12590" t="s">
        <v>3367</v>
      </c>
      <c r="H12590">
        <v>5.9274578012000001</v>
      </c>
      <c r="I12590">
        <v>51.991455546904</v>
      </c>
      <c r="J12590" t="s">
        <v>68275</v>
      </c>
    </row>
    <row r="12591" spans="1:10" x14ac:dyDescent="0.25">
      <c r="A12591" t="s">
        <v>3360</v>
      </c>
      <c r="B12591" t="s">
        <v>3361</v>
      </c>
      <c r="C12591" t="s">
        <v>3362</v>
      </c>
      <c r="D12591" t="s">
        <v>3255</v>
      </c>
      <c r="E12591" t="s">
        <v>13</v>
      </c>
      <c r="F12591">
        <v>1491</v>
      </c>
      <c r="G12591" t="s">
        <v>3363</v>
      </c>
      <c r="H12591">
        <v>5.9209989021689999</v>
      </c>
      <c r="I12591">
        <v>51.992016087823004</v>
      </c>
      <c r="J12591" t="s">
        <v>68276</v>
      </c>
    </row>
    <row r="12592" spans="1:10" x14ac:dyDescent="0.25">
      <c r="A12592" t="s">
        <v>3356</v>
      </c>
      <c r="B12592" t="s">
        <v>3357</v>
      </c>
      <c r="C12592" t="s">
        <v>3358</v>
      </c>
      <c r="D12592" t="s">
        <v>3255</v>
      </c>
      <c r="E12592" t="s">
        <v>13</v>
      </c>
      <c r="F12592">
        <v>1490</v>
      </c>
      <c r="G12592" t="s">
        <v>3359</v>
      </c>
      <c r="H12592">
        <v>5.9191348338000003</v>
      </c>
      <c r="I12592">
        <v>51.988847334686</v>
      </c>
      <c r="J12592" t="s">
        <v>68277</v>
      </c>
    </row>
    <row r="12593" spans="1:10" x14ac:dyDescent="0.25">
      <c r="A12593" t="s">
        <v>3352</v>
      </c>
      <c r="B12593" t="s">
        <v>3353</v>
      </c>
      <c r="C12593" t="s">
        <v>3354</v>
      </c>
      <c r="D12593" t="s">
        <v>3255</v>
      </c>
      <c r="E12593" t="s">
        <v>13</v>
      </c>
      <c r="F12593">
        <v>1489</v>
      </c>
      <c r="G12593" t="s">
        <v>3355</v>
      </c>
      <c r="H12593">
        <v>5.921258889312</v>
      </c>
      <c r="I12593">
        <v>51.987164375935997</v>
      </c>
      <c r="J12593" t="s">
        <v>68278</v>
      </c>
    </row>
    <row r="12594" spans="1:10" x14ac:dyDescent="0.25">
      <c r="A12594" t="s">
        <v>3348</v>
      </c>
      <c r="B12594" t="s">
        <v>3349</v>
      </c>
      <c r="C12594" t="s">
        <v>3350</v>
      </c>
      <c r="D12594" t="s">
        <v>3255</v>
      </c>
      <c r="E12594" t="s">
        <v>13</v>
      </c>
      <c r="F12594">
        <v>1488</v>
      </c>
      <c r="G12594" t="s">
        <v>3351</v>
      </c>
      <c r="H12594">
        <v>5.9148213984440003</v>
      </c>
      <c r="I12594">
        <v>51.993073061293998</v>
      </c>
      <c r="J12594" t="s">
        <v>68279</v>
      </c>
    </row>
    <row r="12595" spans="1:10" x14ac:dyDescent="0.25">
      <c r="A12595" t="s">
        <v>3344</v>
      </c>
      <c r="B12595" t="s">
        <v>3345</v>
      </c>
      <c r="C12595" t="s">
        <v>3346</v>
      </c>
      <c r="D12595" t="s">
        <v>3255</v>
      </c>
      <c r="E12595" t="s">
        <v>13</v>
      </c>
      <c r="F12595">
        <v>1487</v>
      </c>
      <c r="G12595" t="s">
        <v>3347</v>
      </c>
      <c r="H12595">
        <v>5.9129444369710003</v>
      </c>
      <c r="I12595">
        <v>51.989902243829</v>
      </c>
      <c r="J12595" t="s">
        <v>68280</v>
      </c>
    </row>
    <row r="12596" spans="1:10" x14ac:dyDescent="0.25">
      <c r="A12596" t="s">
        <v>3340</v>
      </c>
      <c r="B12596" t="s">
        <v>3341</v>
      </c>
      <c r="C12596" t="s">
        <v>3342</v>
      </c>
      <c r="D12596" t="s">
        <v>3255</v>
      </c>
      <c r="E12596" t="s">
        <v>13</v>
      </c>
      <c r="F12596">
        <v>1486</v>
      </c>
      <c r="G12596" t="s">
        <v>3343</v>
      </c>
      <c r="H12596">
        <v>5.912358322847</v>
      </c>
      <c r="I12596">
        <v>51.987210583869</v>
      </c>
      <c r="J12596" t="s">
        <v>68281</v>
      </c>
    </row>
    <row r="12597" spans="1:10" x14ac:dyDescent="0.25">
      <c r="A12597" t="s">
        <v>3336</v>
      </c>
      <c r="B12597" t="s">
        <v>3337</v>
      </c>
      <c r="C12597" t="s">
        <v>3338</v>
      </c>
      <c r="D12597" t="s">
        <v>3255</v>
      </c>
      <c r="E12597" t="s">
        <v>13</v>
      </c>
      <c r="F12597">
        <v>1485</v>
      </c>
      <c r="G12597" t="s">
        <v>3339</v>
      </c>
      <c r="H12597">
        <v>5.9735054848380003</v>
      </c>
      <c r="I12597">
        <v>51.975844596679003</v>
      </c>
      <c r="J12597" t="s">
        <v>68282</v>
      </c>
    </row>
    <row r="12598" spans="1:10" x14ac:dyDescent="0.25">
      <c r="A12598" t="s">
        <v>3332</v>
      </c>
      <c r="B12598" t="s">
        <v>3333</v>
      </c>
      <c r="C12598" t="s">
        <v>3334</v>
      </c>
      <c r="D12598" t="s">
        <v>3255</v>
      </c>
      <c r="E12598" t="s">
        <v>13</v>
      </c>
      <c r="F12598">
        <v>1484</v>
      </c>
      <c r="G12598" t="s">
        <v>3335</v>
      </c>
      <c r="H12598">
        <v>5.9487942827599998</v>
      </c>
      <c r="I12598">
        <v>51.985860388973997</v>
      </c>
      <c r="J12598" t="s">
        <v>68283</v>
      </c>
    </row>
    <row r="12599" spans="1:10" x14ac:dyDescent="0.25">
      <c r="A12599" t="s">
        <v>3328</v>
      </c>
      <c r="B12599" t="s">
        <v>3329</v>
      </c>
      <c r="C12599" t="s">
        <v>3330</v>
      </c>
      <c r="D12599" t="s">
        <v>3255</v>
      </c>
      <c r="E12599" t="s">
        <v>13</v>
      </c>
      <c r="F12599">
        <v>1483</v>
      </c>
      <c r="G12599" t="s">
        <v>3331</v>
      </c>
      <c r="H12599">
        <v>5.9550677241369998</v>
      </c>
      <c r="I12599">
        <v>51.989542359159998</v>
      </c>
      <c r="J12599" t="s">
        <v>68284</v>
      </c>
    </row>
    <row r="12600" spans="1:10" x14ac:dyDescent="0.25">
      <c r="A12600" t="s">
        <v>3324</v>
      </c>
      <c r="B12600" t="s">
        <v>3325</v>
      </c>
      <c r="C12600" t="s">
        <v>3326</v>
      </c>
      <c r="D12600" t="s">
        <v>3255</v>
      </c>
      <c r="E12600" t="s">
        <v>13</v>
      </c>
      <c r="F12600">
        <v>1482</v>
      </c>
      <c r="G12600" t="s">
        <v>3327</v>
      </c>
      <c r="H12600">
        <v>5.9648818637390004</v>
      </c>
      <c r="I12600">
        <v>51.982579229274002</v>
      </c>
      <c r="J12600" t="s">
        <v>68285</v>
      </c>
    </row>
    <row r="12601" spans="1:10" x14ac:dyDescent="0.25">
      <c r="A12601" t="s">
        <v>3320</v>
      </c>
      <c r="B12601" t="s">
        <v>3321</v>
      </c>
      <c r="C12601" t="s">
        <v>3322</v>
      </c>
      <c r="D12601" t="s">
        <v>3255</v>
      </c>
      <c r="E12601" t="s">
        <v>13</v>
      </c>
      <c r="F12601">
        <v>1481</v>
      </c>
      <c r="G12601" t="s">
        <v>3323</v>
      </c>
      <c r="H12601">
        <v>5.9550404199509996</v>
      </c>
      <c r="I12601">
        <v>51.978030098410002</v>
      </c>
      <c r="J12601" t="s">
        <v>68286</v>
      </c>
    </row>
    <row r="12602" spans="1:10" x14ac:dyDescent="0.25">
      <c r="A12602" t="s">
        <v>3316</v>
      </c>
      <c r="B12602" t="s">
        <v>3317</v>
      </c>
      <c r="C12602" t="s">
        <v>3318</v>
      </c>
      <c r="D12602" t="s">
        <v>3255</v>
      </c>
      <c r="E12602" t="s">
        <v>13</v>
      </c>
      <c r="F12602">
        <v>1480</v>
      </c>
      <c r="G12602" t="s">
        <v>3319</v>
      </c>
      <c r="H12602">
        <v>5.9439384261360004</v>
      </c>
      <c r="I12602">
        <v>51.980561631908998</v>
      </c>
      <c r="J12602" t="s">
        <v>68287</v>
      </c>
    </row>
    <row r="12603" spans="1:10" x14ac:dyDescent="0.25">
      <c r="A12603" t="s">
        <v>3312</v>
      </c>
      <c r="B12603" t="s">
        <v>3313</v>
      </c>
      <c r="C12603" t="s">
        <v>3314</v>
      </c>
      <c r="D12603" t="s">
        <v>3255</v>
      </c>
      <c r="E12603" t="s">
        <v>13</v>
      </c>
      <c r="F12603">
        <v>1479</v>
      </c>
      <c r="G12603" t="s">
        <v>3315</v>
      </c>
      <c r="H12603">
        <v>5.9380508941440002</v>
      </c>
      <c r="I12603">
        <v>51.983786592283003</v>
      </c>
      <c r="J12603" t="s">
        <v>68288</v>
      </c>
    </row>
    <row r="12604" spans="1:10" x14ac:dyDescent="0.25">
      <c r="A12604" t="s">
        <v>3308</v>
      </c>
      <c r="B12604" t="s">
        <v>3309</v>
      </c>
      <c r="C12604" t="s">
        <v>3310</v>
      </c>
      <c r="D12604" t="s">
        <v>3255</v>
      </c>
      <c r="E12604" t="s">
        <v>13</v>
      </c>
      <c r="F12604">
        <v>1478</v>
      </c>
      <c r="G12604" t="s">
        <v>3311</v>
      </c>
      <c r="H12604">
        <v>5.9182928618949999</v>
      </c>
      <c r="I12604">
        <v>51.973779776089003</v>
      </c>
      <c r="J12604" t="s">
        <v>68289</v>
      </c>
    </row>
    <row r="12605" spans="1:10" x14ac:dyDescent="0.25">
      <c r="A12605" t="s">
        <v>3304</v>
      </c>
      <c r="B12605" t="s">
        <v>3305</v>
      </c>
      <c r="C12605" t="s">
        <v>3306</v>
      </c>
      <c r="D12605" t="s">
        <v>3255</v>
      </c>
      <c r="E12605" t="s">
        <v>13</v>
      </c>
      <c r="F12605">
        <v>1477</v>
      </c>
      <c r="G12605" t="s">
        <v>3307</v>
      </c>
      <c r="H12605">
        <v>5.9159963337840002</v>
      </c>
      <c r="I12605">
        <v>51.976961903792002</v>
      </c>
      <c r="J12605" t="s">
        <v>68290</v>
      </c>
    </row>
    <row r="12606" spans="1:10" x14ac:dyDescent="0.25">
      <c r="A12606" t="s">
        <v>3301</v>
      </c>
      <c r="B12606" t="s">
        <v>3302</v>
      </c>
      <c r="C12606" t="s">
        <v>1560</v>
      </c>
      <c r="D12606" t="s">
        <v>3255</v>
      </c>
      <c r="E12606" t="s">
        <v>13</v>
      </c>
      <c r="F12606">
        <v>1476</v>
      </c>
      <c r="G12606" t="s">
        <v>3303</v>
      </c>
      <c r="H12606">
        <v>5.9413187193969996</v>
      </c>
      <c r="I12606">
        <v>51.967965403925</v>
      </c>
      <c r="J12606" t="s">
        <v>68291</v>
      </c>
    </row>
    <row r="12607" spans="1:10" x14ac:dyDescent="0.25">
      <c r="A12607" t="s">
        <v>3297</v>
      </c>
      <c r="B12607" t="s">
        <v>3298</v>
      </c>
      <c r="C12607" t="s">
        <v>3299</v>
      </c>
      <c r="D12607" t="s">
        <v>3255</v>
      </c>
      <c r="E12607" t="s">
        <v>13</v>
      </c>
      <c r="F12607">
        <v>1475</v>
      </c>
      <c r="G12607" t="s">
        <v>3300</v>
      </c>
      <c r="H12607">
        <v>5.9194352438309998</v>
      </c>
      <c r="I12607">
        <v>51.976830082196003</v>
      </c>
      <c r="J12607" t="s">
        <v>68292</v>
      </c>
    </row>
    <row r="12608" spans="1:10" x14ac:dyDescent="0.25">
      <c r="A12608" t="s">
        <v>3293</v>
      </c>
      <c r="B12608" t="s">
        <v>3294</v>
      </c>
      <c r="C12608" t="s">
        <v>3295</v>
      </c>
      <c r="D12608" t="s">
        <v>3255</v>
      </c>
      <c r="E12608" t="s">
        <v>13</v>
      </c>
      <c r="F12608">
        <v>1474</v>
      </c>
      <c r="G12608" t="s">
        <v>3296</v>
      </c>
      <c r="H12608">
        <v>5.9276428798560001</v>
      </c>
      <c r="I12608">
        <v>51.978105829086999</v>
      </c>
      <c r="J12608" t="s">
        <v>68293</v>
      </c>
    </row>
    <row r="12609" spans="1:10" x14ac:dyDescent="0.25">
      <c r="A12609" t="s">
        <v>3289</v>
      </c>
      <c r="B12609" t="s">
        <v>3290</v>
      </c>
      <c r="C12609" t="s">
        <v>3291</v>
      </c>
      <c r="D12609" t="s">
        <v>3255</v>
      </c>
      <c r="E12609" t="s">
        <v>13</v>
      </c>
      <c r="F12609">
        <v>1473</v>
      </c>
      <c r="G12609" t="s">
        <v>3292</v>
      </c>
      <c r="H12609">
        <v>5.930899723324</v>
      </c>
      <c r="I12609">
        <v>51.980473393240999</v>
      </c>
      <c r="J12609" t="s">
        <v>68294</v>
      </c>
    </row>
    <row r="12610" spans="1:10" x14ac:dyDescent="0.25">
      <c r="A12610" t="s">
        <v>3285</v>
      </c>
      <c r="B12610" t="s">
        <v>3286</v>
      </c>
      <c r="C12610" t="s">
        <v>3287</v>
      </c>
      <c r="D12610" t="s">
        <v>3255</v>
      </c>
      <c r="E12610" t="s">
        <v>13</v>
      </c>
      <c r="F12610">
        <v>1472</v>
      </c>
      <c r="G12610" t="s">
        <v>3288</v>
      </c>
      <c r="H12610">
        <v>5.9192949696600001</v>
      </c>
      <c r="I12610">
        <v>51.979840919395002</v>
      </c>
      <c r="J12610" t="s">
        <v>68295</v>
      </c>
    </row>
    <row r="12611" spans="1:10" x14ac:dyDescent="0.25">
      <c r="A12611" t="s">
        <v>3281</v>
      </c>
      <c r="B12611" t="s">
        <v>3282</v>
      </c>
      <c r="C12611" t="s">
        <v>3283</v>
      </c>
      <c r="D12611" t="s">
        <v>3255</v>
      </c>
      <c r="E12611" t="s">
        <v>13</v>
      </c>
      <c r="F12611">
        <v>1471</v>
      </c>
      <c r="G12611" t="s">
        <v>3284</v>
      </c>
      <c r="H12611">
        <v>5.9199759844599997</v>
      </c>
      <c r="I12611">
        <v>51.982835496821998</v>
      </c>
      <c r="J12611" t="s">
        <v>68296</v>
      </c>
    </row>
    <row r="12612" spans="1:10" x14ac:dyDescent="0.25">
      <c r="A12612" t="s">
        <v>3277</v>
      </c>
      <c r="B12612" t="s">
        <v>3278</v>
      </c>
      <c r="C12612" t="s">
        <v>3279</v>
      </c>
      <c r="D12612" t="s">
        <v>3255</v>
      </c>
      <c r="E12612" t="s">
        <v>13</v>
      </c>
      <c r="F12612">
        <v>1470</v>
      </c>
      <c r="G12612" t="s">
        <v>3280</v>
      </c>
      <c r="H12612">
        <v>5.9150829726980003</v>
      </c>
      <c r="I12612">
        <v>51.984732664951999</v>
      </c>
      <c r="J12612" t="s">
        <v>68297</v>
      </c>
    </row>
    <row r="12613" spans="1:10" x14ac:dyDescent="0.25">
      <c r="A12613" t="s">
        <v>3273</v>
      </c>
      <c r="B12613" t="s">
        <v>3274</v>
      </c>
      <c r="C12613" t="s">
        <v>3275</v>
      </c>
      <c r="D12613" t="s">
        <v>3255</v>
      </c>
      <c r="E12613" t="s">
        <v>13</v>
      </c>
      <c r="F12613">
        <v>1469</v>
      </c>
      <c r="G12613" t="s">
        <v>3276</v>
      </c>
      <c r="H12613">
        <v>5.8931227530659998</v>
      </c>
      <c r="I12613">
        <v>51.983723399959999</v>
      </c>
      <c r="J12613" t="s">
        <v>68298</v>
      </c>
    </row>
    <row r="12614" spans="1:10" x14ac:dyDescent="0.25">
      <c r="A12614" t="s">
        <v>3269</v>
      </c>
      <c r="B12614" t="s">
        <v>3270</v>
      </c>
      <c r="C12614" t="s">
        <v>3271</v>
      </c>
      <c r="D12614" t="s">
        <v>3255</v>
      </c>
      <c r="E12614" t="s">
        <v>13</v>
      </c>
      <c r="F12614">
        <v>1468</v>
      </c>
      <c r="G12614" t="s">
        <v>3272</v>
      </c>
      <c r="H12614">
        <v>5.9016462259739999</v>
      </c>
      <c r="I12614">
        <v>51.982887966630997</v>
      </c>
      <c r="J12614" t="s">
        <v>68299</v>
      </c>
    </row>
    <row r="12615" spans="1:10" x14ac:dyDescent="0.25">
      <c r="A12615" t="s">
        <v>3265</v>
      </c>
      <c r="B12615" t="s">
        <v>3266</v>
      </c>
      <c r="C12615" t="s">
        <v>3267</v>
      </c>
      <c r="D12615" t="s">
        <v>3255</v>
      </c>
      <c r="E12615" t="s">
        <v>13</v>
      </c>
      <c r="F12615">
        <v>1467</v>
      </c>
      <c r="G12615" t="s">
        <v>3268</v>
      </c>
      <c r="H12615">
        <v>5.9086373065829996</v>
      </c>
      <c r="I12615">
        <v>51.984479607464998</v>
      </c>
      <c r="J12615" t="s">
        <v>68300</v>
      </c>
    </row>
    <row r="12616" spans="1:10" x14ac:dyDescent="0.25">
      <c r="A12616" t="s">
        <v>3261</v>
      </c>
      <c r="B12616" t="s">
        <v>3262</v>
      </c>
      <c r="C12616" t="s">
        <v>3263</v>
      </c>
      <c r="D12616" t="s">
        <v>3255</v>
      </c>
      <c r="E12616" t="s">
        <v>13</v>
      </c>
      <c r="F12616">
        <v>1466</v>
      </c>
      <c r="G12616" t="s">
        <v>3264</v>
      </c>
      <c r="H12616">
        <v>5.9071522693049996</v>
      </c>
      <c r="I12616">
        <v>51.982606602516</v>
      </c>
      <c r="J12616" t="s">
        <v>68301</v>
      </c>
    </row>
    <row r="12617" spans="1:10" x14ac:dyDescent="0.25">
      <c r="A12617" t="s">
        <v>3257</v>
      </c>
      <c r="B12617" t="s">
        <v>3258</v>
      </c>
      <c r="C12617" t="s">
        <v>3259</v>
      </c>
      <c r="D12617" t="s">
        <v>3255</v>
      </c>
      <c r="E12617" t="s">
        <v>13</v>
      </c>
      <c r="F12617">
        <v>1465</v>
      </c>
      <c r="G12617" t="s">
        <v>3260</v>
      </c>
      <c r="H12617">
        <v>5.9054305310239998</v>
      </c>
      <c r="I12617">
        <v>51.979336187225002</v>
      </c>
      <c r="J12617" t="s">
        <v>68302</v>
      </c>
    </row>
    <row r="12618" spans="1:10" x14ac:dyDescent="0.25">
      <c r="A12618" t="s">
        <v>3252</v>
      </c>
      <c r="B12618" t="s">
        <v>3253</v>
      </c>
      <c r="C12618" t="s">
        <v>3254</v>
      </c>
      <c r="D12618" t="s">
        <v>3255</v>
      </c>
      <c r="E12618" t="s">
        <v>13</v>
      </c>
      <c r="F12618">
        <v>1464</v>
      </c>
      <c r="G12618" t="s">
        <v>3256</v>
      </c>
      <c r="H12618">
        <v>5.9117391811899997</v>
      </c>
      <c r="I12618">
        <v>51.979556233772001</v>
      </c>
      <c r="J12618" t="s">
        <v>68303</v>
      </c>
    </row>
    <row r="12619" spans="1:10" x14ac:dyDescent="0.25">
      <c r="A12619" t="s">
        <v>3248</v>
      </c>
      <c r="B12619" t="s">
        <v>3249</v>
      </c>
      <c r="C12619" t="s">
        <v>3250</v>
      </c>
      <c r="D12619" t="s">
        <v>2875</v>
      </c>
      <c r="E12619" t="s">
        <v>13</v>
      </c>
      <c r="F12619">
        <v>1463</v>
      </c>
      <c r="G12619" t="s">
        <v>3251</v>
      </c>
      <c r="H12619">
        <v>6.0113572664730004</v>
      </c>
      <c r="I12619">
        <v>52.256937331613003</v>
      </c>
      <c r="J12619" t="s">
        <v>68304</v>
      </c>
    </row>
    <row r="12620" spans="1:10" x14ac:dyDescent="0.25">
      <c r="A12620" t="s">
        <v>3244</v>
      </c>
      <c r="B12620" t="s">
        <v>3245</v>
      </c>
      <c r="C12620" t="s">
        <v>3246</v>
      </c>
      <c r="D12620" t="s">
        <v>2875</v>
      </c>
      <c r="E12620" t="s">
        <v>13</v>
      </c>
      <c r="F12620">
        <v>1462</v>
      </c>
      <c r="G12620" t="s">
        <v>3247</v>
      </c>
      <c r="H12620">
        <v>5.9723456912220003</v>
      </c>
      <c r="I12620">
        <v>52.262884547634002</v>
      </c>
      <c r="J12620" t="s">
        <v>68305</v>
      </c>
    </row>
    <row r="12621" spans="1:10" x14ac:dyDescent="0.25">
      <c r="A12621" t="s">
        <v>3240</v>
      </c>
      <c r="B12621" t="s">
        <v>3241</v>
      </c>
      <c r="C12621" t="s">
        <v>3242</v>
      </c>
      <c r="D12621" t="s">
        <v>2875</v>
      </c>
      <c r="E12621" t="s">
        <v>13</v>
      </c>
      <c r="F12621">
        <v>1461</v>
      </c>
      <c r="G12621" t="s">
        <v>3243</v>
      </c>
      <c r="H12621">
        <v>5.9397671747210001</v>
      </c>
      <c r="I12621">
        <v>52.259867961308998</v>
      </c>
      <c r="J12621" t="s">
        <v>68306</v>
      </c>
    </row>
    <row r="12622" spans="1:10" x14ac:dyDescent="0.25">
      <c r="A12622" t="s">
        <v>3236</v>
      </c>
      <c r="B12622" t="s">
        <v>3237</v>
      </c>
      <c r="C12622" t="s">
        <v>3238</v>
      </c>
      <c r="D12622" t="s">
        <v>2875</v>
      </c>
      <c r="E12622" t="s">
        <v>13</v>
      </c>
      <c r="F12622">
        <v>1460</v>
      </c>
      <c r="G12622" t="s">
        <v>3239</v>
      </c>
      <c r="H12622">
        <v>5.9036757314769996</v>
      </c>
      <c r="I12622">
        <v>52.248862017062002</v>
      </c>
      <c r="J12622" t="s">
        <v>68307</v>
      </c>
    </row>
    <row r="12623" spans="1:10" x14ac:dyDescent="0.25">
      <c r="A12623" t="s">
        <v>3232</v>
      </c>
      <c r="B12623" t="s">
        <v>3233</v>
      </c>
      <c r="C12623" t="s">
        <v>3234</v>
      </c>
      <c r="D12623" t="s">
        <v>2875</v>
      </c>
      <c r="E12623" t="s">
        <v>13</v>
      </c>
      <c r="F12623">
        <v>1459</v>
      </c>
      <c r="G12623" t="s">
        <v>3235</v>
      </c>
      <c r="H12623">
        <v>5.9871556694379997</v>
      </c>
      <c r="I12623">
        <v>52.255073823262997</v>
      </c>
      <c r="J12623" t="s">
        <v>68308</v>
      </c>
    </row>
    <row r="12624" spans="1:10" x14ac:dyDescent="0.25">
      <c r="A12624" t="s">
        <v>3228</v>
      </c>
      <c r="B12624" t="s">
        <v>3229</v>
      </c>
      <c r="C12624" t="s">
        <v>3230</v>
      </c>
      <c r="D12624" t="s">
        <v>2875</v>
      </c>
      <c r="E12624" t="s">
        <v>13</v>
      </c>
      <c r="F12624">
        <v>1458</v>
      </c>
      <c r="G12624" t="s">
        <v>3231</v>
      </c>
      <c r="H12624">
        <v>5.9579665077810002</v>
      </c>
      <c r="I12624">
        <v>52.252847701588998</v>
      </c>
      <c r="J12624" t="s">
        <v>68309</v>
      </c>
    </row>
    <row r="12625" spans="1:10" x14ac:dyDescent="0.25">
      <c r="A12625" t="s">
        <v>3224</v>
      </c>
      <c r="B12625" t="s">
        <v>3225</v>
      </c>
      <c r="C12625" t="s">
        <v>3226</v>
      </c>
      <c r="D12625" t="s">
        <v>2875</v>
      </c>
      <c r="E12625" t="s">
        <v>13</v>
      </c>
      <c r="F12625">
        <v>1457</v>
      </c>
      <c r="G12625" t="s">
        <v>3227</v>
      </c>
      <c r="H12625">
        <v>6.0283150412030002</v>
      </c>
      <c r="I12625">
        <v>52.158844128193003</v>
      </c>
      <c r="J12625" t="s">
        <v>68310</v>
      </c>
    </row>
    <row r="12626" spans="1:10" x14ac:dyDescent="0.25">
      <c r="A12626" t="s">
        <v>3220</v>
      </c>
      <c r="B12626" t="s">
        <v>3221</v>
      </c>
      <c r="C12626" t="s">
        <v>3222</v>
      </c>
      <c r="D12626" t="s">
        <v>2875</v>
      </c>
      <c r="E12626" t="s">
        <v>13</v>
      </c>
      <c r="F12626">
        <v>1456</v>
      </c>
      <c r="G12626" t="s">
        <v>3223</v>
      </c>
      <c r="H12626">
        <v>6.0332446336760004</v>
      </c>
      <c r="I12626">
        <v>52.173462815931003</v>
      </c>
      <c r="J12626" t="s">
        <v>68311</v>
      </c>
    </row>
    <row r="12627" spans="1:10" x14ac:dyDescent="0.25">
      <c r="A12627" t="s">
        <v>3216</v>
      </c>
      <c r="B12627" t="s">
        <v>3217</v>
      </c>
      <c r="C12627" t="s">
        <v>3218</v>
      </c>
      <c r="D12627" t="s">
        <v>2875</v>
      </c>
      <c r="E12627" t="s">
        <v>13</v>
      </c>
      <c r="F12627">
        <v>1455</v>
      </c>
      <c r="G12627" t="s">
        <v>3219</v>
      </c>
      <c r="H12627">
        <v>6.0589106534850004</v>
      </c>
      <c r="I12627">
        <v>52.165574569211998</v>
      </c>
      <c r="J12627" t="s">
        <v>68312</v>
      </c>
    </row>
    <row r="12628" spans="1:10" x14ac:dyDescent="0.25">
      <c r="A12628" t="s">
        <v>3212</v>
      </c>
      <c r="B12628" t="s">
        <v>3213</v>
      </c>
      <c r="C12628" t="s">
        <v>3214</v>
      </c>
      <c r="D12628" t="s">
        <v>2875</v>
      </c>
      <c r="E12628" t="s">
        <v>13</v>
      </c>
      <c r="F12628">
        <v>1454</v>
      </c>
      <c r="G12628" t="s">
        <v>3215</v>
      </c>
      <c r="H12628">
        <v>6.0363447359249998</v>
      </c>
      <c r="I12628">
        <v>52.211200745740001</v>
      </c>
      <c r="J12628" t="s">
        <v>68313</v>
      </c>
    </row>
    <row r="12629" spans="1:10" x14ac:dyDescent="0.25">
      <c r="A12629" t="s">
        <v>3208</v>
      </c>
      <c r="B12629" t="s">
        <v>3209</v>
      </c>
      <c r="C12629" t="s">
        <v>3210</v>
      </c>
      <c r="D12629" t="s">
        <v>2875</v>
      </c>
      <c r="E12629" t="s">
        <v>13</v>
      </c>
      <c r="F12629">
        <v>1453</v>
      </c>
      <c r="G12629" t="s">
        <v>3211</v>
      </c>
      <c r="H12629">
        <v>6.0226793684990003</v>
      </c>
      <c r="I12629">
        <v>52.147018267020002</v>
      </c>
      <c r="J12629" t="s">
        <v>68314</v>
      </c>
    </row>
    <row r="12630" spans="1:10" x14ac:dyDescent="0.25">
      <c r="A12630" t="s">
        <v>3204</v>
      </c>
      <c r="B12630" t="s">
        <v>3205</v>
      </c>
      <c r="C12630" t="s">
        <v>3206</v>
      </c>
      <c r="D12630" t="s">
        <v>2875</v>
      </c>
      <c r="E12630" t="s">
        <v>13</v>
      </c>
      <c r="F12630">
        <v>1452</v>
      </c>
      <c r="G12630" t="s">
        <v>3207</v>
      </c>
      <c r="H12630">
        <v>5.9968080099399996</v>
      </c>
      <c r="I12630">
        <v>52.163599691926997</v>
      </c>
      <c r="J12630" t="s">
        <v>68315</v>
      </c>
    </row>
    <row r="12631" spans="1:10" x14ac:dyDescent="0.25">
      <c r="A12631" t="s">
        <v>3200</v>
      </c>
      <c r="B12631" t="s">
        <v>3201</v>
      </c>
      <c r="C12631" t="s">
        <v>3202</v>
      </c>
      <c r="D12631" t="s">
        <v>2875</v>
      </c>
      <c r="E12631" t="s">
        <v>13</v>
      </c>
      <c r="F12631">
        <v>1451</v>
      </c>
      <c r="G12631" t="s">
        <v>3203</v>
      </c>
      <c r="H12631">
        <v>5.9900887568090004</v>
      </c>
      <c r="I12631">
        <v>52.161726172568002</v>
      </c>
      <c r="J12631" t="s">
        <v>68316</v>
      </c>
    </row>
    <row r="12632" spans="1:10" x14ac:dyDescent="0.25">
      <c r="A12632" t="s">
        <v>3196</v>
      </c>
      <c r="B12632" t="s">
        <v>3197</v>
      </c>
      <c r="C12632" t="s">
        <v>3198</v>
      </c>
      <c r="D12632" t="s">
        <v>2875</v>
      </c>
      <c r="E12632" t="s">
        <v>13</v>
      </c>
      <c r="F12632">
        <v>1450</v>
      </c>
      <c r="G12632" t="s">
        <v>3199</v>
      </c>
      <c r="H12632">
        <v>5.9789670750320001</v>
      </c>
      <c r="I12632">
        <v>52.134634539468003</v>
      </c>
      <c r="J12632" t="s">
        <v>68317</v>
      </c>
    </row>
    <row r="12633" spans="1:10" x14ac:dyDescent="0.25">
      <c r="A12633" t="s">
        <v>3192</v>
      </c>
      <c r="B12633" t="s">
        <v>3193</v>
      </c>
      <c r="C12633" t="s">
        <v>3194</v>
      </c>
      <c r="D12633" t="s">
        <v>2875</v>
      </c>
      <c r="E12633" t="s">
        <v>13</v>
      </c>
      <c r="F12633">
        <v>1449</v>
      </c>
      <c r="G12633" t="s">
        <v>3195</v>
      </c>
      <c r="H12633">
        <v>5.9797759107730002</v>
      </c>
      <c r="I12633">
        <v>52.161197571449001</v>
      </c>
      <c r="J12633" t="s">
        <v>68318</v>
      </c>
    </row>
    <row r="12634" spans="1:10" x14ac:dyDescent="0.25">
      <c r="A12634" t="s">
        <v>3188</v>
      </c>
      <c r="B12634" t="s">
        <v>3189</v>
      </c>
      <c r="C12634" t="s">
        <v>3190</v>
      </c>
      <c r="D12634" t="s">
        <v>2875</v>
      </c>
      <c r="E12634" t="s">
        <v>13</v>
      </c>
      <c r="F12634">
        <v>1448</v>
      </c>
      <c r="G12634" t="s">
        <v>3191</v>
      </c>
      <c r="H12634">
        <v>5.9478544987589999</v>
      </c>
      <c r="I12634">
        <v>52.151060366807997</v>
      </c>
      <c r="J12634" t="s">
        <v>68319</v>
      </c>
    </row>
    <row r="12635" spans="1:10" x14ac:dyDescent="0.25">
      <c r="A12635" t="s">
        <v>3184</v>
      </c>
      <c r="B12635" t="s">
        <v>3185</v>
      </c>
      <c r="C12635" t="s">
        <v>3186</v>
      </c>
      <c r="D12635" t="s">
        <v>2875</v>
      </c>
      <c r="E12635" t="s">
        <v>13</v>
      </c>
      <c r="F12635">
        <v>1447</v>
      </c>
      <c r="G12635" t="s">
        <v>3187</v>
      </c>
      <c r="H12635">
        <v>5.9648020570959996</v>
      </c>
      <c r="I12635">
        <v>52.161021237413003</v>
      </c>
      <c r="J12635" t="s">
        <v>68320</v>
      </c>
    </row>
    <row r="12636" spans="1:10" x14ac:dyDescent="0.25">
      <c r="A12636" t="s">
        <v>3180</v>
      </c>
      <c r="B12636" t="s">
        <v>3181</v>
      </c>
      <c r="C12636" t="s">
        <v>3182</v>
      </c>
      <c r="D12636" t="s">
        <v>2875</v>
      </c>
      <c r="E12636" t="s">
        <v>13</v>
      </c>
      <c r="F12636">
        <v>1446</v>
      </c>
      <c r="G12636" t="s">
        <v>3183</v>
      </c>
      <c r="H12636">
        <v>5.9979362975489998</v>
      </c>
      <c r="I12636">
        <v>52.104331529844998</v>
      </c>
      <c r="J12636" t="s">
        <v>68321</v>
      </c>
    </row>
    <row r="12637" spans="1:10" x14ac:dyDescent="0.25">
      <c r="A12637" t="s">
        <v>3176</v>
      </c>
      <c r="B12637" t="s">
        <v>3177</v>
      </c>
      <c r="C12637" t="s">
        <v>3178</v>
      </c>
      <c r="D12637" t="s">
        <v>2875</v>
      </c>
      <c r="E12637" t="s">
        <v>13</v>
      </c>
      <c r="F12637">
        <v>1445</v>
      </c>
      <c r="G12637" t="s">
        <v>3179</v>
      </c>
      <c r="H12637">
        <v>6.0217891081400001</v>
      </c>
      <c r="I12637">
        <v>52.115020281592003</v>
      </c>
      <c r="J12637" t="s">
        <v>68322</v>
      </c>
    </row>
    <row r="12638" spans="1:10" x14ac:dyDescent="0.25">
      <c r="A12638" t="s">
        <v>3172</v>
      </c>
      <c r="B12638" t="s">
        <v>3173</v>
      </c>
      <c r="C12638" t="s">
        <v>3174</v>
      </c>
      <c r="D12638" t="s">
        <v>2875</v>
      </c>
      <c r="E12638" t="s">
        <v>13</v>
      </c>
      <c r="F12638">
        <v>1444</v>
      </c>
      <c r="G12638" t="s">
        <v>3175</v>
      </c>
      <c r="H12638">
        <v>6.0587432628769999</v>
      </c>
      <c r="I12638">
        <v>52.139297365616002</v>
      </c>
      <c r="J12638" t="s">
        <v>68323</v>
      </c>
    </row>
    <row r="12639" spans="1:10" x14ac:dyDescent="0.25">
      <c r="A12639" t="s">
        <v>3168</v>
      </c>
      <c r="B12639" t="s">
        <v>3169</v>
      </c>
      <c r="C12639" t="s">
        <v>3170</v>
      </c>
      <c r="D12639" t="s">
        <v>2875</v>
      </c>
      <c r="E12639" t="s">
        <v>13</v>
      </c>
      <c r="F12639">
        <v>1443</v>
      </c>
      <c r="G12639" t="s">
        <v>3171</v>
      </c>
      <c r="H12639">
        <v>5.8848209928259996</v>
      </c>
      <c r="I12639">
        <v>52.126869417179002</v>
      </c>
      <c r="J12639" t="s">
        <v>68324</v>
      </c>
    </row>
    <row r="12640" spans="1:10" x14ac:dyDescent="0.25">
      <c r="A12640" t="s">
        <v>3164</v>
      </c>
      <c r="B12640" t="s">
        <v>3165</v>
      </c>
      <c r="C12640" t="s">
        <v>3166</v>
      </c>
      <c r="D12640" t="s">
        <v>2875</v>
      </c>
      <c r="E12640" t="s">
        <v>13</v>
      </c>
      <c r="F12640">
        <v>1442</v>
      </c>
      <c r="G12640" t="s">
        <v>3167</v>
      </c>
      <c r="H12640">
        <v>5.9124271110990003</v>
      </c>
      <c r="I12640">
        <v>52.125336704323999</v>
      </c>
      <c r="J12640" t="s">
        <v>68325</v>
      </c>
    </row>
    <row r="12641" spans="1:10" x14ac:dyDescent="0.25">
      <c r="A12641" t="s">
        <v>3160</v>
      </c>
      <c r="B12641" t="s">
        <v>3161</v>
      </c>
      <c r="C12641" t="s">
        <v>3162</v>
      </c>
      <c r="D12641" t="s">
        <v>2875</v>
      </c>
      <c r="E12641" t="s">
        <v>13</v>
      </c>
      <c r="F12641">
        <v>1441</v>
      </c>
      <c r="G12641" t="s">
        <v>3163</v>
      </c>
      <c r="H12641">
        <v>5.8974705618699996</v>
      </c>
      <c r="I12641">
        <v>52.168784188639002</v>
      </c>
      <c r="J12641" t="s">
        <v>68326</v>
      </c>
    </row>
    <row r="12642" spans="1:10" x14ac:dyDescent="0.25">
      <c r="A12642" t="s">
        <v>3156</v>
      </c>
      <c r="B12642" t="s">
        <v>3157</v>
      </c>
      <c r="C12642" t="s">
        <v>3158</v>
      </c>
      <c r="D12642" t="s">
        <v>2875</v>
      </c>
      <c r="E12642" t="s">
        <v>13</v>
      </c>
      <c r="F12642">
        <v>1440</v>
      </c>
      <c r="G12642" t="s">
        <v>3159</v>
      </c>
      <c r="H12642">
        <v>5.8797053753409996</v>
      </c>
      <c r="I12642">
        <v>52.118565942591999</v>
      </c>
      <c r="J12642" t="s">
        <v>68327</v>
      </c>
    </row>
    <row r="12643" spans="1:10" x14ac:dyDescent="0.25">
      <c r="A12643" t="s">
        <v>3152</v>
      </c>
      <c r="B12643" t="s">
        <v>3153</v>
      </c>
      <c r="C12643" t="s">
        <v>3154</v>
      </c>
      <c r="D12643" t="s">
        <v>2875</v>
      </c>
      <c r="E12643" t="s">
        <v>13</v>
      </c>
      <c r="F12643">
        <v>1439</v>
      </c>
      <c r="G12643" t="s">
        <v>3155</v>
      </c>
      <c r="H12643">
        <v>5.8337708401940001</v>
      </c>
      <c r="I12643">
        <v>52.173764467813001</v>
      </c>
      <c r="J12643" t="s">
        <v>68328</v>
      </c>
    </row>
    <row r="12644" spans="1:10" x14ac:dyDescent="0.25">
      <c r="A12644" t="s">
        <v>3148</v>
      </c>
      <c r="B12644" t="s">
        <v>3149</v>
      </c>
      <c r="C12644" t="s">
        <v>3150</v>
      </c>
      <c r="D12644" t="s">
        <v>2875</v>
      </c>
      <c r="E12644" t="s">
        <v>13</v>
      </c>
      <c r="F12644">
        <v>1438</v>
      </c>
      <c r="G12644" t="s">
        <v>3151</v>
      </c>
      <c r="H12644">
        <v>5.8619518366080001</v>
      </c>
      <c r="I12644">
        <v>52.211643177512997</v>
      </c>
      <c r="J12644" t="s">
        <v>68329</v>
      </c>
    </row>
    <row r="12645" spans="1:10" x14ac:dyDescent="0.25">
      <c r="A12645" t="s">
        <v>3144</v>
      </c>
      <c r="B12645" t="s">
        <v>3145</v>
      </c>
      <c r="C12645" t="s">
        <v>3146</v>
      </c>
      <c r="D12645" t="s">
        <v>2875</v>
      </c>
      <c r="E12645" t="s">
        <v>13</v>
      </c>
      <c r="F12645">
        <v>1437</v>
      </c>
      <c r="G12645" t="s">
        <v>3147</v>
      </c>
      <c r="H12645">
        <v>5.8732967852769997</v>
      </c>
      <c r="I12645">
        <v>52.219219718159003</v>
      </c>
      <c r="J12645" t="s">
        <v>68330</v>
      </c>
    </row>
    <row r="12646" spans="1:10" x14ac:dyDescent="0.25">
      <c r="A12646" t="s">
        <v>3140</v>
      </c>
      <c r="B12646" t="s">
        <v>3141</v>
      </c>
      <c r="C12646" t="s">
        <v>3142</v>
      </c>
      <c r="D12646" t="s">
        <v>2875</v>
      </c>
      <c r="E12646" t="s">
        <v>13</v>
      </c>
      <c r="F12646">
        <v>1436</v>
      </c>
      <c r="G12646" t="s">
        <v>3143</v>
      </c>
      <c r="H12646">
        <v>5.908660754614</v>
      </c>
      <c r="I12646">
        <v>52.196066511139001</v>
      </c>
      <c r="J12646" t="s">
        <v>68331</v>
      </c>
    </row>
    <row r="12647" spans="1:10" x14ac:dyDescent="0.25">
      <c r="A12647" t="s">
        <v>3136</v>
      </c>
      <c r="B12647" t="s">
        <v>3137</v>
      </c>
      <c r="C12647" t="s">
        <v>3138</v>
      </c>
      <c r="D12647" t="s">
        <v>2875</v>
      </c>
      <c r="E12647" t="s">
        <v>13</v>
      </c>
      <c r="F12647">
        <v>1435</v>
      </c>
      <c r="G12647" t="s">
        <v>3139</v>
      </c>
      <c r="H12647">
        <v>5.7769451615170002</v>
      </c>
      <c r="I12647">
        <v>52.208678331762002</v>
      </c>
      <c r="J12647" t="s">
        <v>68332</v>
      </c>
    </row>
    <row r="12648" spans="1:10" x14ac:dyDescent="0.25">
      <c r="A12648" t="s">
        <v>3132</v>
      </c>
      <c r="B12648" t="s">
        <v>3133</v>
      </c>
      <c r="C12648" t="s">
        <v>3134</v>
      </c>
      <c r="D12648" t="s">
        <v>2875</v>
      </c>
      <c r="E12648" t="s">
        <v>13</v>
      </c>
      <c r="F12648">
        <v>1434</v>
      </c>
      <c r="G12648" t="s">
        <v>3135</v>
      </c>
      <c r="H12648">
        <v>5.8060162818030001</v>
      </c>
      <c r="I12648">
        <v>52.242952885024998</v>
      </c>
      <c r="J12648" t="s">
        <v>68333</v>
      </c>
    </row>
    <row r="12649" spans="1:10" x14ac:dyDescent="0.25">
      <c r="A12649" t="s">
        <v>3128</v>
      </c>
      <c r="B12649" t="s">
        <v>3129</v>
      </c>
      <c r="C12649" t="s">
        <v>3130</v>
      </c>
      <c r="D12649" t="s">
        <v>2875</v>
      </c>
      <c r="E12649" t="s">
        <v>13</v>
      </c>
      <c r="F12649">
        <v>1433</v>
      </c>
      <c r="G12649" t="s">
        <v>3131</v>
      </c>
      <c r="H12649">
        <v>5.7720911519099998</v>
      </c>
      <c r="I12649">
        <v>52.262574843296001</v>
      </c>
      <c r="J12649" t="s">
        <v>68334</v>
      </c>
    </row>
    <row r="12650" spans="1:10" x14ac:dyDescent="0.25">
      <c r="A12650" t="s">
        <v>3124</v>
      </c>
      <c r="B12650" t="s">
        <v>3125</v>
      </c>
      <c r="C12650" t="s">
        <v>3126</v>
      </c>
      <c r="D12650" t="s">
        <v>2875</v>
      </c>
      <c r="E12650" t="s">
        <v>13</v>
      </c>
      <c r="F12650">
        <v>1432</v>
      </c>
      <c r="G12650" t="s">
        <v>3127</v>
      </c>
      <c r="H12650">
        <v>5.7815651172700004</v>
      </c>
      <c r="I12650">
        <v>52.259234357552003</v>
      </c>
      <c r="J12650" t="s">
        <v>68335</v>
      </c>
    </row>
    <row r="12651" spans="1:10" x14ac:dyDescent="0.25">
      <c r="A12651" t="s">
        <v>3120</v>
      </c>
      <c r="B12651" t="s">
        <v>3121</v>
      </c>
      <c r="C12651" t="s">
        <v>3122</v>
      </c>
      <c r="D12651" t="s">
        <v>2875</v>
      </c>
      <c r="E12651" t="s">
        <v>13</v>
      </c>
      <c r="F12651">
        <v>1431</v>
      </c>
      <c r="G12651" t="s">
        <v>3123</v>
      </c>
      <c r="H12651">
        <v>5.9627482026549998</v>
      </c>
      <c r="I12651">
        <v>52.237673329548997</v>
      </c>
      <c r="J12651" t="s">
        <v>68336</v>
      </c>
    </row>
    <row r="12652" spans="1:10" x14ac:dyDescent="0.25">
      <c r="A12652" t="s">
        <v>3116</v>
      </c>
      <c r="B12652" t="s">
        <v>3117</v>
      </c>
      <c r="C12652" t="s">
        <v>3118</v>
      </c>
      <c r="D12652" t="s">
        <v>2875</v>
      </c>
      <c r="E12652" t="s">
        <v>13</v>
      </c>
      <c r="F12652">
        <v>1430</v>
      </c>
      <c r="G12652" t="s">
        <v>3119</v>
      </c>
      <c r="H12652">
        <v>5.9715082679369997</v>
      </c>
      <c r="I12652">
        <v>52.241811244832</v>
      </c>
      <c r="J12652" t="s">
        <v>68337</v>
      </c>
    </row>
    <row r="12653" spans="1:10" x14ac:dyDescent="0.25">
      <c r="A12653" t="s">
        <v>3112</v>
      </c>
      <c r="B12653" t="s">
        <v>3113</v>
      </c>
      <c r="C12653" t="s">
        <v>3114</v>
      </c>
      <c r="D12653" t="s">
        <v>2875</v>
      </c>
      <c r="E12653" t="s">
        <v>13</v>
      </c>
      <c r="F12653">
        <v>1429</v>
      </c>
      <c r="G12653" t="s">
        <v>3115</v>
      </c>
      <c r="H12653">
        <v>5.9371409169830001</v>
      </c>
      <c r="I12653">
        <v>52.233420396044998</v>
      </c>
      <c r="J12653" t="s">
        <v>68338</v>
      </c>
    </row>
    <row r="12654" spans="1:10" x14ac:dyDescent="0.25">
      <c r="A12654" t="s">
        <v>3108</v>
      </c>
      <c r="B12654" t="s">
        <v>3109</v>
      </c>
      <c r="C12654" t="s">
        <v>3110</v>
      </c>
      <c r="D12654" t="s">
        <v>2875</v>
      </c>
      <c r="E12654" t="s">
        <v>13</v>
      </c>
      <c r="F12654">
        <v>1428</v>
      </c>
      <c r="G12654" t="s">
        <v>3111</v>
      </c>
      <c r="H12654">
        <v>5.9670027330549997</v>
      </c>
      <c r="I12654">
        <v>52.231043431438003</v>
      </c>
      <c r="J12654" t="s">
        <v>68339</v>
      </c>
    </row>
    <row r="12655" spans="1:10" x14ac:dyDescent="0.25">
      <c r="A12655" t="s">
        <v>3104</v>
      </c>
      <c r="B12655" t="s">
        <v>3105</v>
      </c>
      <c r="C12655" t="s">
        <v>3106</v>
      </c>
      <c r="D12655" t="s">
        <v>2875</v>
      </c>
      <c r="E12655" t="s">
        <v>13</v>
      </c>
      <c r="F12655">
        <v>1427</v>
      </c>
      <c r="G12655" t="s">
        <v>3107</v>
      </c>
      <c r="H12655">
        <v>5.9560032789579997</v>
      </c>
      <c r="I12655">
        <v>52.230617816474997</v>
      </c>
      <c r="J12655" t="s">
        <v>68340</v>
      </c>
    </row>
    <row r="12656" spans="1:10" x14ac:dyDescent="0.25">
      <c r="A12656" t="s">
        <v>3100</v>
      </c>
      <c r="B12656" t="s">
        <v>3101</v>
      </c>
      <c r="C12656" t="s">
        <v>3102</v>
      </c>
      <c r="D12656" t="s">
        <v>2875</v>
      </c>
      <c r="E12656" t="s">
        <v>13</v>
      </c>
      <c r="F12656">
        <v>1426</v>
      </c>
      <c r="G12656" t="s">
        <v>3103</v>
      </c>
      <c r="H12656">
        <v>5.953212219319</v>
      </c>
      <c r="I12656">
        <v>52.234804878216003</v>
      </c>
      <c r="J12656" t="s">
        <v>68341</v>
      </c>
    </row>
    <row r="12657" spans="1:10" x14ac:dyDescent="0.25">
      <c r="A12657" t="s">
        <v>3096</v>
      </c>
      <c r="B12657" t="s">
        <v>3097</v>
      </c>
      <c r="C12657" t="s">
        <v>3098</v>
      </c>
      <c r="D12657" t="s">
        <v>2875</v>
      </c>
      <c r="E12657" t="s">
        <v>13</v>
      </c>
      <c r="F12657">
        <v>1425</v>
      </c>
      <c r="G12657" t="s">
        <v>3099</v>
      </c>
      <c r="H12657">
        <v>5.9525770371220004</v>
      </c>
      <c r="I12657">
        <v>52.225603598109998</v>
      </c>
      <c r="J12657" t="s">
        <v>68342</v>
      </c>
    </row>
    <row r="12658" spans="1:10" x14ac:dyDescent="0.25">
      <c r="A12658" t="s">
        <v>3092</v>
      </c>
      <c r="B12658" t="s">
        <v>3093</v>
      </c>
      <c r="C12658" t="s">
        <v>3094</v>
      </c>
      <c r="D12658" t="s">
        <v>2875</v>
      </c>
      <c r="E12658" t="s">
        <v>13</v>
      </c>
      <c r="F12658">
        <v>1424</v>
      </c>
      <c r="G12658" t="s">
        <v>3095</v>
      </c>
      <c r="H12658">
        <v>5.9493505069139996</v>
      </c>
      <c r="I12658">
        <v>52.222573325688003</v>
      </c>
      <c r="J12658" t="s">
        <v>68343</v>
      </c>
    </row>
    <row r="12659" spans="1:10" x14ac:dyDescent="0.25">
      <c r="A12659" t="s">
        <v>3088</v>
      </c>
      <c r="B12659" t="s">
        <v>3089</v>
      </c>
      <c r="C12659" t="s">
        <v>3090</v>
      </c>
      <c r="D12659" t="s">
        <v>2875</v>
      </c>
      <c r="E12659" t="s">
        <v>13</v>
      </c>
      <c r="F12659">
        <v>1423</v>
      </c>
      <c r="G12659" t="s">
        <v>3091</v>
      </c>
      <c r="H12659">
        <v>5.9648876692280002</v>
      </c>
      <c r="I12659">
        <v>52.222352890399002</v>
      </c>
      <c r="J12659" t="s">
        <v>68344</v>
      </c>
    </row>
    <row r="12660" spans="1:10" x14ac:dyDescent="0.25">
      <c r="A12660" t="s">
        <v>3084</v>
      </c>
      <c r="B12660" t="s">
        <v>3085</v>
      </c>
      <c r="C12660" t="s">
        <v>3086</v>
      </c>
      <c r="D12660" t="s">
        <v>2875</v>
      </c>
      <c r="E12660" t="s">
        <v>13</v>
      </c>
      <c r="F12660">
        <v>1422</v>
      </c>
      <c r="G12660" t="s">
        <v>3087</v>
      </c>
      <c r="H12660">
        <v>6.0082045549609999</v>
      </c>
      <c r="I12660">
        <v>52.230716786033</v>
      </c>
      <c r="J12660" t="s">
        <v>68345</v>
      </c>
    </row>
    <row r="12661" spans="1:10" x14ac:dyDescent="0.25">
      <c r="A12661" t="s">
        <v>3080</v>
      </c>
      <c r="B12661" t="s">
        <v>3081</v>
      </c>
      <c r="C12661" t="s">
        <v>3082</v>
      </c>
      <c r="D12661" t="s">
        <v>2875</v>
      </c>
      <c r="E12661" t="s">
        <v>13</v>
      </c>
      <c r="F12661">
        <v>1421</v>
      </c>
      <c r="G12661" t="s">
        <v>3083</v>
      </c>
      <c r="H12661">
        <v>5.9987085269530001</v>
      </c>
      <c r="I12661">
        <v>52.238207534792998</v>
      </c>
      <c r="J12661" t="s">
        <v>68346</v>
      </c>
    </row>
    <row r="12662" spans="1:10" x14ac:dyDescent="0.25">
      <c r="A12662" t="s">
        <v>3076</v>
      </c>
      <c r="B12662" t="s">
        <v>3077</v>
      </c>
      <c r="C12662" t="s">
        <v>3078</v>
      </c>
      <c r="D12662" t="s">
        <v>2875</v>
      </c>
      <c r="E12662" t="s">
        <v>13</v>
      </c>
      <c r="F12662">
        <v>1420</v>
      </c>
      <c r="G12662" t="s">
        <v>3079</v>
      </c>
      <c r="H12662">
        <v>5.9755481880510004</v>
      </c>
      <c r="I12662">
        <v>52.226317868087001</v>
      </c>
      <c r="J12662" t="s">
        <v>68347</v>
      </c>
    </row>
    <row r="12663" spans="1:10" x14ac:dyDescent="0.25">
      <c r="A12663" t="s">
        <v>3072</v>
      </c>
      <c r="B12663" t="s">
        <v>3073</v>
      </c>
      <c r="C12663" t="s">
        <v>3074</v>
      </c>
      <c r="D12663" t="s">
        <v>2875</v>
      </c>
      <c r="E12663" t="s">
        <v>13</v>
      </c>
      <c r="F12663">
        <v>1419</v>
      </c>
      <c r="G12663" t="s">
        <v>3075</v>
      </c>
      <c r="H12663">
        <v>5.9905792502870003</v>
      </c>
      <c r="I12663">
        <v>52.241557009628998</v>
      </c>
      <c r="J12663" t="s">
        <v>68348</v>
      </c>
    </row>
    <row r="12664" spans="1:10" x14ac:dyDescent="0.25">
      <c r="A12664" t="s">
        <v>3068</v>
      </c>
      <c r="B12664" t="s">
        <v>3069</v>
      </c>
      <c r="C12664" t="s">
        <v>3070</v>
      </c>
      <c r="D12664" t="s">
        <v>2875</v>
      </c>
      <c r="E12664" t="s">
        <v>13</v>
      </c>
      <c r="F12664">
        <v>1418</v>
      </c>
      <c r="G12664" t="s">
        <v>3071</v>
      </c>
      <c r="H12664">
        <v>5.998977698739</v>
      </c>
      <c r="I12664">
        <v>52.225329405867001</v>
      </c>
      <c r="J12664" t="s">
        <v>68349</v>
      </c>
    </row>
    <row r="12665" spans="1:10" x14ac:dyDescent="0.25">
      <c r="A12665" t="s">
        <v>3064</v>
      </c>
      <c r="B12665" t="s">
        <v>3065</v>
      </c>
      <c r="C12665" t="s">
        <v>3066</v>
      </c>
      <c r="D12665" t="s">
        <v>2875</v>
      </c>
      <c r="E12665" t="s">
        <v>13</v>
      </c>
      <c r="F12665">
        <v>1417</v>
      </c>
      <c r="G12665" t="s">
        <v>3067</v>
      </c>
      <c r="H12665">
        <v>5.9869027503490004</v>
      </c>
      <c r="I12665">
        <v>52.230958484387003</v>
      </c>
      <c r="J12665" t="s">
        <v>68350</v>
      </c>
    </row>
    <row r="12666" spans="1:10" x14ac:dyDescent="0.25">
      <c r="A12666" t="s">
        <v>3060</v>
      </c>
      <c r="B12666" t="s">
        <v>3061</v>
      </c>
      <c r="C12666" t="s">
        <v>3062</v>
      </c>
      <c r="D12666" t="s">
        <v>2875</v>
      </c>
      <c r="E12666" t="s">
        <v>13</v>
      </c>
      <c r="F12666">
        <v>1416</v>
      </c>
      <c r="G12666" t="s">
        <v>3063</v>
      </c>
      <c r="H12666">
        <v>5.9916699222640002</v>
      </c>
      <c r="I12666">
        <v>52.218799360590999</v>
      </c>
      <c r="J12666" t="s">
        <v>68351</v>
      </c>
    </row>
    <row r="12667" spans="1:10" x14ac:dyDescent="0.25">
      <c r="A12667" t="s">
        <v>3056</v>
      </c>
      <c r="B12667" t="s">
        <v>3057</v>
      </c>
      <c r="C12667" t="s">
        <v>3058</v>
      </c>
      <c r="D12667" t="s">
        <v>2875</v>
      </c>
      <c r="E12667" t="s">
        <v>13</v>
      </c>
      <c r="F12667">
        <v>1415</v>
      </c>
      <c r="G12667" t="s">
        <v>3059</v>
      </c>
      <c r="H12667">
        <v>5.9833365596499997</v>
      </c>
      <c r="I12667">
        <v>52.223679803186997</v>
      </c>
      <c r="J12667" t="s">
        <v>68352</v>
      </c>
    </row>
    <row r="12668" spans="1:10" x14ac:dyDescent="0.25">
      <c r="A12668" t="s">
        <v>3052</v>
      </c>
      <c r="B12668" t="s">
        <v>3053</v>
      </c>
      <c r="C12668" t="s">
        <v>3054</v>
      </c>
      <c r="D12668" t="s">
        <v>2875</v>
      </c>
      <c r="E12668" t="s">
        <v>13</v>
      </c>
      <c r="F12668">
        <v>1414</v>
      </c>
      <c r="G12668" t="s">
        <v>3055</v>
      </c>
      <c r="H12668">
        <v>5.9781897999730003</v>
      </c>
      <c r="I12668">
        <v>52.217294820574999</v>
      </c>
      <c r="J12668" t="s">
        <v>68353</v>
      </c>
    </row>
    <row r="12669" spans="1:10" x14ac:dyDescent="0.25">
      <c r="A12669" t="s">
        <v>3048</v>
      </c>
      <c r="B12669" t="s">
        <v>3049</v>
      </c>
      <c r="C12669" t="s">
        <v>3050</v>
      </c>
      <c r="D12669" t="s">
        <v>2875</v>
      </c>
      <c r="E12669" t="s">
        <v>13</v>
      </c>
      <c r="F12669">
        <v>1413</v>
      </c>
      <c r="G12669" t="s">
        <v>3051</v>
      </c>
      <c r="H12669">
        <v>6.018059503041</v>
      </c>
      <c r="I12669">
        <v>52.223798160963</v>
      </c>
      <c r="J12669" t="s">
        <v>68354</v>
      </c>
    </row>
    <row r="12670" spans="1:10" x14ac:dyDescent="0.25">
      <c r="A12670" t="s">
        <v>3044</v>
      </c>
      <c r="B12670" t="s">
        <v>3045</v>
      </c>
      <c r="C12670" t="s">
        <v>3046</v>
      </c>
      <c r="D12670" t="s">
        <v>2875</v>
      </c>
      <c r="E12670" t="s">
        <v>13</v>
      </c>
      <c r="F12670">
        <v>1412</v>
      </c>
      <c r="G12670" t="s">
        <v>3047</v>
      </c>
      <c r="H12670">
        <v>6.0328410344860002</v>
      </c>
      <c r="I12670">
        <v>52.198325248129002</v>
      </c>
      <c r="J12670" t="s">
        <v>68355</v>
      </c>
    </row>
    <row r="12671" spans="1:10" x14ac:dyDescent="0.25">
      <c r="A12671" t="s">
        <v>3040</v>
      </c>
      <c r="B12671" t="s">
        <v>3041</v>
      </c>
      <c r="C12671" t="s">
        <v>3042</v>
      </c>
      <c r="D12671" t="s">
        <v>2875</v>
      </c>
      <c r="E12671" t="s">
        <v>13</v>
      </c>
      <c r="F12671">
        <v>1411</v>
      </c>
      <c r="G12671" t="s">
        <v>3043</v>
      </c>
      <c r="H12671">
        <v>5.9938657442260004</v>
      </c>
      <c r="I12671">
        <v>52.209316193277999</v>
      </c>
      <c r="J12671" t="s">
        <v>68356</v>
      </c>
    </row>
    <row r="12672" spans="1:10" x14ac:dyDescent="0.25">
      <c r="A12672" t="s">
        <v>3036</v>
      </c>
      <c r="B12672" t="s">
        <v>3037</v>
      </c>
      <c r="C12672" t="s">
        <v>3038</v>
      </c>
      <c r="D12672" t="s">
        <v>2875</v>
      </c>
      <c r="E12672" t="s">
        <v>13</v>
      </c>
      <c r="F12672">
        <v>1410</v>
      </c>
      <c r="G12672" t="s">
        <v>3039</v>
      </c>
      <c r="H12672">
        <v>6.010469444011</v>
      </c>
      <c r="I12672">
        <v>52.205735550203002</v>
      </c>
      <c r="J12672" t="s">
        <v>68357</v>
      </c>
    </row>
    <row r="12673" spans="1:10" x14ac:dyDescent="0.25">
      <c r="A12673" t="s">
        <v>3032</v>
      </c>
      <c r="B12673" t="s">
        <v>3033</v>
      </c>
      <c r="C12673" t="s">
        <v>3034</v>
      </c>
      <c r="D12673" t="s">
        <v>2875</v>
      </c>
      <c r="E12673" t="s">
        <v>13</v>
      </c>
      <c r="F12673">
        <v>1409</v>
      </c>
      <c r="G12673" t="s">
        <v>3035</v>
      </c>
      <c r="H12673">
        <v>6.0137520795699997</v>
      </c>
      <c r="I12673">
        <v>52.213425667773002</v>
      </c>
      <c r="J12673" t="s">
        <v>68358</v>
      </c>
    </row>
    <row r="12674" spans="1:10" x14ac:dyDescent="0.25">
      <c r="A12674" t="s">
        <v>3028</v>
      </c>
      <c r="B12674" t="s">
        <v>3029</v>
      </c>
      <c r="C12674" t="s">
        <v>3030</v>
      </c>
      <c r="D12674" t="s">
        <v>2875</v>
      </c>
      <c r="E12674" t="s">
        <v>13</v>
      </c>
      <c r="F12674">
        <v>1408</v>
      </c>
      <c r="G12674" t="s">
        <v>3031</v>
      </c>
      <c r="H12674">
        <v>6.0096626765860002</v>
      </c>
      <c r="I12674">
        <v>52.220539218798002</v>
      </c>
      <c r="J12674" t="s">
        <v>68359</v>
      </c>
    </row>
    <row r="12675" spans="1:10" x14ac:dyDescent="0.25">
      <c r="A12675" t="s">
        <v>3024</v>
      </c>
      <c r="B12675" t="s">
        <v>3025</v>
      </c>
      <c r="C12675" t="s">
        <v>3026</v>
      </c>
      <c r="D12675" t="s">
        <v>2875</v>
      </c>
      <c r="E12675" t="s">
        <v>13</v>
      </c>
      <c r="F12675">
        <v>1407</v>
      </c>
      <c r="G12675" t="s">
        <v>3027</v>
      </c>
      <c r="H12675">
        <v>5.9965507706489998</v>
      </c>
      <c r="I12675">
        <v>52.215136210372002</v>
      </c>
      <c r="J12675" t="s">
        <v>68360</v>
      </c>
    </row>
    <row r="12676" spans="1:10" x14ac:dyDescent="0.25">
      <c r="A12676" t="s">
        <v>3021</v>
      </c>
      <c r="B12676" t="s">
        <v>3022</v>
      </c>
      <c r="C12676" t="s">
        <v>1629</v>
      </c>
      <c r="D12676" t="s">
        <v>2875</v>
      </c>
      <c r="E12676" t="s">
        <v>13</v>
      </c>
      <c r="F12676">
        <v>1406</v>
      </c>
      <c r="G12676" t="s">
        <v>3023</v>
      </c>
      <c r="H12676">
        <v>5.9808073562280004</v>
      </c>
      <c r="I12676">
        <v>52.212583067760001</v>
      </c>
      <c r="J12676" t="s">
        <v>68361</v>
      </c>
    </row>
    <row r="12677" spans="1:10" x14ac:dyDescent="0.25">
      <c r="A12677" t="s">
        <v>3017</v>
      </c>
      <c r="B12677" t="s">
        <v>3018</v>
      </c>
      <c r="C12677" t="s">
        <v>3019</v>
      </c>
      <c r="D12677" t="s">
        <v>2875</v>
      </c>
      <c r="E12677" t="s">
        <v>13</v>
      </c>
      <c r="F12677">
        <v>1405</v>
      </c>
      <c r="G12677" t="s">
        <v>3020</v>
      </c>
      <c r="H12677">
        <v>5.9919097303470004</v>
      </c>
      <c r="I12677">
        <v>52.185493792087001</v>
      </c>
      <c r="J12677" t="s">
        <v>68362</v>
      </c>
    </row>
    <row r="12678" spans="1:10" x14ac:dyDescent="0.25">
      <c r="A12678" t="s">
        <v>3013</v>
      </c>
      <c r="B12678" t="s">
        <v>3014</v>
      </c>
      <c r="C12678" t="s">
        <v>3015</v>
      </c>
      <c r="D12678" t="s">
        <v>2875</v>
      </c>
      <c r="E12678" t="s">
        <v>13</v>
      </c>
      <c r="F12678">
        <v>1404</v>
      </c>
      <c r="G12678" t="s">
        <v>3016</v>
      </c>
      <c r="H12678">
        <v>5.9822778098190001</v>
      </c>
      <c r="I12678">
        <v>52.206963123279998</v>
      </c>
      <c r="J12678" t="s">
        <v>68363</v>
      </c>
    </row>
    <row r="12679" spans="1:10" x14ac:dyDescent="0.25">
      <c r="A12679" t="s">
        <v>3009</v>
      </c>
      <c r="B12679" t="s">
        <v>3010</v>
      </c>
      <c r="C12679" t="s">
        <v>3011</v>
      </c>
      <c r="D12679" t="s">
        <v>2875</v>
      </c>
      <c r="E12679" t="s">
        <v>13</v>
      </c>
      <c r="F12679">
        <v>1403</v>
      </c>
      <c r="G12679" t="s">
        <v>3012</v>
      </c>
      <c r="H12679">
        <v>5.9980583202329996</v>
      </c>
      <c r="I12679">
        <v>52.197272306164002</v>
      </c>
      <c r="J12679" t="s">
        <v>68364</v>
      </c>
    </row>
    <row r="12680" spans="1:10" x14ac:dyDescent="0.25">
      <c r="A12680" t="s">
        <v>3005</v>
      </c>
      <c r="B12680" t="s">
        <v>3006</v>
      </c>
      <c r="C12680" t="s">
        <v>3007</v>
      </c>
      <c r="D12680" t="s">
        <v>2875</v>
      </c>
      <c r="E12680" t="s">
        <v>13</v>
      </c>
      <c r="F12680">
        <v>1402</v>
      </c>
      <c r="G12680" t="s">
        <v>3008</v>
      </c>
      <c r="H12680">
        <v>5.9959008539849998</v>
      </c>
      <c r="I12680">
        <v>52.189294390514</v>
      </c>
      <c r="J12680" t="s">
        <v>68365</v>
      </c>
    </row>
    <row r="12681" spans="1:10" x14ac:dyDescent="0.25">
      <c r="A12681" t="s">
        <v>3001</v>
      </c>
      <c r="B12681" t="s">
        <v>3002</v>
      </c>
      <c r="C12681" t="s">
        <v>3003</v>
      </c>
      <c r="D12681" t="s">
        <v>2875</v>
      </c>
      <c r="E12681" t="s">
        <v>13</v>
      </c>
      <c r="F12681">
        <v>1401</v>
      </c>
      <c r="G12681" t="s">
        <v>3004</v>
      </c>
      <c r="H12681">
        <v>6.0118930498810004</v>
      </c>
      <c r="I12681">
        <v>52.189801013792</v>
      </c>
      <c r="J12681" t="s">
        <v>68366</v>
      </c>
    </row>
    <row r="12682" spans="1:10" x14ac:dyDescent="0.25">
      <c r="A12682" t="s">
        <v>2997</v>
      </c>
      <c r="B12682" t="s">
        <v>2998</v>
      </c>
      <c r="C12682" t="s">
        <v>2999</v>
      </c>
      <c r="D12682" t="s">
        <v>2875</v>
      </c>
      <c r="E12682" t="s">
        <v>13</v>
      </c>
      <c r="F12682">
        <v>1400</v>
      </c>
      <c r="G12682" t="s">
        <v>3000</v>
      </c>
      <c r="H12682">
        <v>6.0090433586099996</v>
      </c>
      <c r="I12682">
        <v>52.199232105909999</v>
      </c>
      <c r="J12682" t="s">
        <v>68367</v>
      </c>
    </row>
    <row r="12683" spans="1:10" x14ac:dyDescent="0.25">
      <c r="A12683" t="s">
        <v>2993</v>
      </c>
      <c r="B12683" t="s">
        <v>2994</v>
      </c>
      <c r="C12683" t="s">
        <v>2995</v>
      </c>
      <c r="D12683" t="s">
        <v>2875</v>
      </c>
      <c r="E12683" t="s">
        <v>13</v>
      </c>
      <c r="F12683">
        <v>1399</v>
      </c>
      <c r="G12683" t="s">
        <v>2996</v>
      </c>
      <c r="H12683">
        <v>5.9922074604819997</v>
      </c>
      <c r="I12683">
        <v>52.205216250345998</v>
      </c>
      <c r="J12683" t="s">
        <v>68368</v>
      </c>
    </row>
    <row r="12684" spans="1:10" x14ac:dyDescent="0.25">
      <c r="A12684" t="s">
        <v>2989</v>
      </c>
      <c r="B12684" t="s">
        <v>2990</v>
      </c>
      <c r="C12684" t="s">
        <v>2991</v>
      </c>
      <c r="D12684" t="s">
        <v>2875</v>
      </c>
      <c r="E12684" t="s">
        <v>13</v>
      </c>
      <c r="F12684">
        <v>1398</v>
      </c>
      <c r="G12684" t="s">
        <v>2992</v>
      </c>
      <c r="H12684">
        <v>5.9857738310609996</v>
      </c>
      <c r="I12684">
        <v>52.199625608280002</v>
      </c>
      <c r="J12684" t="s">
        <v>68369</v>
      </c>
    </row>
    <row r="12685" spans="1:10" x14ac:dyDescent="0.25">
      <c r="A12685" t="s">
        <v>2985</v>
      </c>
      <c r="B12685" t="s">
        <v>2986</v>
      </c>
      <c r="C12685" t="s">
        <v>2987</v>
      </c>
      <c r="D12685" t="s">
        <v>2875</v>
      </c>
      <c r="E12685" t="s">
        <v>13</v>
      </c>
      <c r="F12685">
        <v>1397</v>
      </c>
      <c r="G12685" t="s">
        <v>2988</v>
      </c>
      <c r="H12685">
        <v>5.9860451045060001</v>
      </c>
      <c r="I12685">
        <v>52.182051583277001</v>
      </c>
      <c r="J12685" t="s">
        <v>68370</v>
      </c>
    </row>
    <row r="12686" spans="1:10" x14ac:dyDescent="0.25">
      <c r="A12686" t="s">
        <v>2981</v>
      </c>
      <c r="B12686" t="s">
        <v>2982</v>
      </c>
      <c r="C12686" t="s">
        <v>2983</v>
      </c>
      <c r="D12686" t="s">
        <v>2875</v>
      </c>
      <c r="E12686" t="s">
        <v>13</v>
      </c>
      <c r="F12686">
        <v>1396</v>
      </c>
      <c r="G12686" t="s">
        <v>2984</v>
      </c>
      <c r="H12686">
        <v>5.9828489371040003</v>
      </c>
      <c r="I12686">
        <v>52.189868137395997</v>
      </c>
      <c r="J12686" t="s">
        <v>68371</v>
      </c>
    </row>
    <row r="12687" spans="1:10" x14ac:dyDescent="0.25">
      <c r="A12687" t="s">
        <v>2977</v>
      </c>
      <c r="B12687" t="s">
        <v>2978</v>
      </c>
      <c r="C12687" t="s">
        <v>2979</v>
      </c>
      <c r="D12687" t="s">
        <v>2875</v>
      </c>
      <c r="E12687" t="s">
        <v>13</v>
      </c>
      <c r="F12687">
        <v>1395</v>
      </c>
      <c r="G12687" t="s">
        <v>2980</v>
      </c>
      <c r="H12687">
        <v>5.9791493972029999</v>
      </c>
      <c r="I12687">
        <v>52.200703357702999</v>
      </c>
      <c r="J12687" t="s">
        <v>68372</v>
      </c>
    </row>
    <row r="12688" spans="1:10" x14ac:dyDescent="0.25">
      <c r="A12688" t="s">
        <v>2973</v>
      </c>
      <c r="B12688" t="s">
        <v>2974</v>
      </c>
      <c r="C12688" t="s">
        <v>2975</v>
      </c>
      <c r="D12688" t="s">
        <v>2875</v>
      </c>
      <c r="E12688" t="s">
        <v>13</v>
      </c>
      <c r="F12688">
        <v>1394</v>
      </c>
      <c r="G12688" t="s">
        <v>2976</v>
      </c>
      <c r="H12688">
        <v>5.9721323178040002</v>
      </c>
      <c r="I12688">
        <v>52.179359492156003</v>
      </c>
      <c r="J12688" t="s">
        <v>68373</v>
      </c>
    </row>
    <row r="12689" spans="1:10" x14ac:dyDescent="0.25">
      <c r="A12689" t="s">
        <v>2969</v>
      </c>
      <c r="B12689" t="s">
        <v>2970</v>
      </c>
      <c r="C12689" t="s">
        <v>2971</v>
      </c>
      <c r="D12689" t="s">
        <v>2875</v>
      </c>
      <c r="E12689" t="s">
        <v>13</v>
      </c>
      <c r="F12689">
        <v>1393</v>
      </c>
      <c r="G12689" t="s">
        <v>2972</v>
      </c>
      <c r="H12689">
        <v>5.9750504290749999</v>
      </c>
      <c r="I12689">
        <v>52.189480771036003</v>
      </c>
      <c r="J12689" t="s">
        <v>68374</v>
      </c>
    </row>
    <row r="12690" spans="1:10" x14ac:dyDescent="0.25">
      <c r="A12690" t="s">
        <v>2965</v>
      </c>
      <c r="B12690" t="s">
        <v>2966</v>
      </c>
      <c r="C12690" t="s">
        <v>2967</v>
      </c>
      <c r="D12690" t="s">
        <v>2875</v>
      </c>
      <c r="E12690" t="s">
        <v>13</v>
      </c>
      <c r="F12690">
        <v>1392</v>
      </c>
      <c r="G12690" t="s">
        <v>2968</v>
      </c>
      <c r="H12690">
        <v>5.9660153449270004</v>
      </c>
      <c r="I12690">
        <v>52.189775209986998</v>
      </c>
      <c r="J12690" t="s">
        <v>68375</v>
      </c>
    </row>
    <row r="12691" spans="1:10" x14ac:dyDescent="0.25">
      <c r="A12691" t="s">
        <v>2961</v>
      </c>
      <c r="B12691" t="s">
        <v>2962</v>
      </c>
      <c r="C12691" t="s">
        <v>2963</v>
      </c>
      <c r="D12691" t="s">
        <v>2875</v>
      </c>
      <c r="E12691" t="s">
        <v>13</v>
      </c>
      <c r="F12691">
        <v>1391</v>
      </c>
      <c r="G12691" t="s">
        <v>2964</v>
      </c>
      <c r="H12691">
        <v>5.9751148296779997</v>
      </c>
      <c r="I12691">
        <v>52.199549639152998</v>
      </c>
      <c r="J12691" t="s">
        <v>68376</v>
      </c>
    </row>
    <row r="12692" spans="1:10" x14ac:dyDescent="0.25">
      <c r="A12692" t="s">
        <v>2957</v>
      </c>
      <c r="B12692" t="s">
        <v>2958</v>
      </c>
      <c r="C12692" t="s">
        <v>2959</v>
      </c>
      <c r="D12692" t="s">
        <v>2875</v>
      </c>
      <c r="E12692" t="s">
        <v>13</v>
      </c>
      <c r="F12692">
        <v>1390</v>
      </c>
      <c r="G12692" t="s">
        <v>2960</v>
      </c>
      <c r="H12692">
        <v>5.9669439639080002</v>
      </c>
      <c r="I12692">
        <v>52.198766539295001</v>
      </c>
      <c r="J12692" t="s">
        <v>68377</v>
      </c>
    </row>
    <row r="12693" spans="1:10" x14ac:dyDescent="0.25">
      <c r="A12693" t="s">
        <v>2953</v>
      </c>
      <c r="B12693" t="s">
        <v>2954</v>
      </c>
      <c r="C12693" t="s">
        <v>2955</v>
      </c>
      <c r="D12693" t="s">
        <v>2875</v>
      </c>
      <c r="E12693" t="s">
        <v>13</v>
      </c>
      <c r="F12693">
        <v>1389</v>
      </c>
      <c r="G12693" t="s">
        <v>2956</v>
      </c>
      <c r="H12693">
        <v>5.96619690057</v>
      </c>
      <c r="I12693">
        <v>52.206138711439998</v>
      </c>
      <c r="J12693" t="s">
        <v>68378</v>
      </c>
    </row>
    <row r="12694" spans="1:10" x14ac:dyDescent="0.25">
      <c r="A12694" t="s">
        <v>2949</v>
      </c>
      <c r="B12694" t="s">
        <v>2950</v>
      </c>
      <c r="C12694" t="s">
        <v>2951</v>
      </c>
      <c r="D12694" t="s">
        <v>2875</v>
      </c>
      <c r="E12694" t="s">
        <v>13</v>
      </c>
      <c r="F12694">
        <v>1388</v>
      </c>
      <c r="G12694" t="s">
        <v>2952</v>
      </c>
      <c r="H12694">
        <v>5.9583498244120001</v>
      </c>
      <c r="I12694">
        <v>52.182136439441997</v>
      </c>
      <c r="J12694" t="s">
        <v>68379</v>
      </c>
    </row>
    <row r="12695" spans="1:10" x14ac:dyDescent="0.25">
      <c r="A12695" t="s">
        <v>2945</v>
      </c>
      <c r="B12695" t="s">
        <v>2946</v>
      </c>
      <c r="C12695" t="s">
        <v>2947</v>
      </c>
      <c r="D12695" t="s">
        <v>2875</v>
      </c>
      <c r="E12695" t="s">
        <v>13</v>
      </c>
      <c r="F12695">
        <v>1387</v>
      </c>
      <c r="G12695" t="s">
        <v>2948</v>
      </c>
      <c r="H12695">
        <v>5.9353165568630004</v>
      </c>
      <c r="I12695">
        <v>52.191235586605004</v>
      </c>
      <c r="J12695" t="s">
        <v>68380</v>
      </c>
    </row>
    <row r="12696" spans="1:10" x14ac:dyDescent="0.25">
      <c r="A12696" t="s">
        <v>2941</v>
      </c>
      <c r="B12696" t="s">
        <v>2942</v>
      </c>
      <c r="C12696" t="s">
        <v>2943</v>
      </c>
      <c r="D12696" t="s">
        <v>2875</v>
      </c>
      <c r="E12696" t="s">
        <v>13</v>
      </c>
      <c r="F12696">
        <v>1386</v>
      </c>
      <c r="G12696" t="s">
        <v>2944</v>
      </c>
      <c r="H12696">
        <v>5.9525883879499997</v>
      </c>
      <c r="I12696">
        <v>52.204132069159002</v>
      </c>
      <c r="J12696" t="s">
        <v>68381</v>
      </c>
    </row>
    <row r="12697" spans="1:10" x14ac:dyDescent="0.25">
      <c r="A12697" t="s">
        <v>2937</v>
      </c>
      <c r="B12697" t="s">
        <v>2938</v>
      </c>
      <c r="C12697" t="s">
        <v>2939</v>
      </c>
      <c r="D12697" t="s">
        <v>2875</v>
      </c>
      <c r="E12697" t="s">
        <v>13</v>
      </c>
      <c r="F12697">
        <v>1385</v>
      </c>
      <c r="G12697" t="s">
        <v>2940</v>
      </c>
      <c r="H12697">
        <v>5.9516863331209997</v>
      </c>
      <c r="I12697">
        <v>52.177828084764002</v>
      </c>
      <c r="J12697" t="s">
        <v>68382</v>
      </c>
    </row>
    <row r="12698" spans="1:10" x14ac:dyDescent="0.25">
      <c r="A12698" t="s">
        <v>2933</v>
      </c>
      <c r="B12698" t="s">
        <v>2934</v>
      </c>
      <c r="C12698" t="s">
        <v>2935</v>
      </c>
      <c r="D12698" t="s">
        <v>2875</v>
      </c>
      <c r="E12698" t="s">
        <v>13</v>
      </c>
      <c r="F12698">
        <v>1384</v>
      </c>
      <c r="G12698" t="s">
        <v>2936</v>
      </c>
      <c r="H12698">
        <v>5.9421943334789997</v>
      </c>
      <c r="I12698">
        <v>52.195952745855998</v>
      </c>
      <c r="J12698" t="s">
        <v>68383</v>
      </c>
    </row>
    <row r="12699" spans="1:10" x14ac:dyDescent="0.25">
      <c r="A12699" t="s">
        <v>2929</v>
      </c>
      <c r="B12699" t="s">
        <v>2930</v>
      </c>
      <c r="C12699" t="s">
        <v>2931</v>
      </c>
      <c r="D12699" t="s">
        <v>2875</v>
      </c>
      <c r="E12699" t="s">
        <v>13</v>
      </c>
      <c r="F12699">
        <v>1383</v>
      </c>
      <c r="G12699" t="s">
        <v>2932</v>
      </c>
      <c r="H12699">
        <v>5.947177150361</v>
      </c>
      <c r="I12699">
        <v>52.185941278210997</v>
      </c>
      <c r="J12699" t="s">
        <v>68384</v>
      </c>
    </row>
    <row r="12700" spans="1:10" x14ac:dyDescent="0.25">
      <c r="A12700" t="s">
        <v>2925</v>
      </c>
      <c r="B12700" t="s">
        <v>2926</v>
      </c>
      <c r="C12700" t="s">
        <v>2927</v>
      </c>
      <c r="D12700" t="s">
        <v>2875</v>
      </c>
      <c r="E12700" t="s">
        <v>13</v>
      </c>
      <c r="F12700">
        <v>1382</v>
      </c>
      <c r="G12700" t="s">
        <v>2928</v>
      </c>
      <c r="H12700">
        <v>5.9570199625829998</v>
      </c>
      <c r="I12700">
        <v>52.188903036710997</v>
      </c>
      <c r="J12700" t="s">
        <v>68385</v>
      </c>
    </row>
    <row r="12701" spans="1:10" x14ac:dyDescent="0.25">
      <c r="A12701" t="s">
        <v>2921</v>
      </c>
      <c r="B12701" t="s">
        <v>2922</v>
      </c>
      <c r="C12701" t="s">
        <v>2923</v>
      </c>
      <c r="D12701" t="s">
        <v>2875</v>
      </c>
      <c r="E12701" t="s">
        <v>13</v>
      </c>
      <c r="F12701">
        <v>1381</v>
      </c>
      <c r="G12701" t="s">
        <v>2924</v>
      </c>
      <c r="H12701">
        <v>5.9534823262170002</v>
      </c>
      <c r="I12701">
        <v>52.195178042681</v>
      </c>
      <c r="J12701" t="s">
        <v>68386</v>
      </c>
    </row>
    <row r="12702" spans="1:10" x14ac:dyDescent="0.25">
      <c r="A12702" t="s">
        <v>2917</v>
      </c>
      <c r="B12702" t="s">
        <v>2918</v>
      </c>
      <c r="C12702" t="s">
        <v>2919</v>
      </c>
      <c r="D12702" t="s">
        <v>2875</v>
      </c>
      <c r="E12702" t="s">
        <v>13</v>
      </c>
      <c r="F12702">
        <v>1380</v>
      </c>
      <c r="G12702" t="s">
        <v>2920</v>
      </c>
      <c r="H12702">
        <v>5.954285941068</v>
      </c>
      <c r="I12702">
        <v>52.201636136296997</v>
      </c>
      <c r="J12702" t="s">
        <v>68387</v>
      </c>
    </row>
    <row r="12703" spans="1:10" x14ac:dyDescent="0.25">
      <c r="A12703" t="s">
        <v>2913</v>
      </c>
      <c r="B12703" t="s">
        <v>2914</v>
      </c>
      <c r="C12703" t="s">
        <v>2915</v>
      </c>
      <c r="D12703" t="s">
        <v>2875</v>
      </c>
      <c r="E12703" t="s">
        <v>13</v>
      </c>
      <c r="F12703">
        <v>1379</v>
      </c>
      <c r="G12703" t="s">
        <v>2916</v>
      </c>
      <c r="H12703">
        <v>5.9213764001909999</v>
      </c>
      <c r="I12703">
        <v>52.178723562883</v>
      </c>
      <c r="J12703" t="s">
        <v>68388</v>
      </c>
    </row>
    <row r="12704" spans="1:10" x14ac:dyDescent="0.25">
      <c r="A12704" t="s">
        <v>2909</v>
      </c>
      <c r="B12704" t="s">
        <v>2910</v>
      </c>
      <c r="C12704" t="s">
        <v>2911</v>
      </c>
      <c r="D12704" t="s">
        <v>2875</v>
      </c>
      <c r="E12704" t="s">
        <v>13</v>
      </c>
      <c r="F12704">
        <v>1378</v>
      </c>
      <c r="G12704" t="s">
        <v>2912</v>
      </c>
      <c r="H12704">
        <v>5.9305720496910004</v>
      </c>
      <c r="I12704">
        <v>52.184390383985999</v>
      </c>
      <c r="J12704" t="s">
        <v>68389</v>
      </c>
    </row>
    <row r="12705" spans="1:10" x14ac:dyDescent="0.25">
      <c r="A12705" t="s">
        <v>2905</v>
      </c>
      <c r="B12705" t="s">
        <v>2906</v>
      </c>
      <c r="C12705" t="s">
        <v>2907</v>
      </c>
      <c r="D12705" t="s">
        <v>2875</v>
      </c>
      <c r="E12705" t="s">
        <v>13</v>
      </c>
      <c r="F12705">
        <v>1377</v>
      </c>
      <c r="G12705" t="s">
        <v>2908</v>
      </c>
      <c r="H12705">
        <v>5.9115179489049998</v>
      </c>
      <c r="I12705">
        <v>52.215742346151998</v>
      </c>
      <c r="J12705" t="s">
        <v>68390</v>
      </c>
    </row>
    <row r="12706" spans="1:10" x14ac:dyDescent="0.25">
      <c r="A12706" t="s">
        <v>2901</v>
      </c>
      <c r="B12706" t="s">
        <v>2902</v>
      </c>
      <c r="C12706" t="s">
        <v>2903</v>
      </c>
      <c r="D12706" t="s">
        <v>2875</v>
      </c>
      <c r="E12706" t="s">
        <v>13</v>
      </c>
      <c r="F12706">
        <v>1376</v>
      </c>
      <c r="G12706" t="s">
        <v>2904</v>
      </c>
      <c r="H12706">
        <v>5.9277201455029997</v>
      </c>
      <c r="I12706">
        <v>52.201279267068998</v>
      </c>
      <c r="J12706" t="s">
        <v>68391</v>
      </c>
    </row>
    <row r="12707" spans="1:10" x14ac:dyDescent="0.25">
      <c r="A12707" t="s">
        <v>2897</v>
      </c>
      <c r="B12707" t="s">
        <v>2898</v>
      </c>
      <c r="C12707" t="s">
        <v>2899</v>
      </c>
      <c r="D12707" t="s">
        <v>2875</v>
      </c>
      <c r="E12707" t="s">
        <v>13</v>
      </c>
      <c r="F12707">
        <v>1375</v>
      </c>
      <c r="G12707" t="s">
        <v>2900</v>
      </c>
      <c r="H12707">
        <v>5.9427552417429998</v>
      </c>
      <c r="I12707">
        <v>52.208246188590003</v>
      </c>
      <c r="J12707" t="s">
        <v>68392</v>
      </c>
    </row>
    <row r="12708" spans="1:10" x14ac:dyDescent="0.25">
      <c r="A12708" t="s">
        <v>2893</v>
      </c>
      <c r="B12708" t="s">
        <v>2894</v>
      </c>
      <c r="C12708" t="s">
        <v>2895</v>
      </c>
      <c r="D12708" t="s">
        <v>2875</v>
      </c>
      <c r="E12708" t="s">
        <v>13</v>
      </c>
      <c r="F12708">
        <v>1374</v>
      </c>
      <c r="G12708" t="s">
        <v>2896</v>
      </c>
      <c r="H12708">
        <v>5.9309297193030002</v>
      </c>
      <c r="I12708">
        <v>52.219056548947002</v>
      </c>
      <c r="J12708" t="s">
        <v>68393</v>
      </c>
    </row>
    <row r="12709" spans="1:10" x14ac:dyDescent="0.25">
      <c r="A12709" t="s">
        <v>2889</v>
      </c>
      <c r="B12709" t="s">
        <v>2890</v>
      </c>
      <c r="C12709" t="s">
        <v>2891</v>
      </c>
      <c r="D12709" t="s">
        <v>2875</v>
      </c>
      <c r="E12709" t="s">
        <v>13</v>
      </c>
      <c r="F12709">
        <v>1373</v>
      </c>
      <c r="G12709" t="s">
        <v>2892</v>
      </c>
      <c r="H12709">
        <v>5.9405423806190001</v>
      </c>
      <c r="I12709">
        <v>52.217140799576001</v>
      </c>
      <c r="J12709" t="s">
        <v>68394</v>
      </c>
    </row>
    <row r="12710" spans="1:10" x14ac:dyDescent="0.25">
      <c r="A12710" t="s">
        <v>2885</v>
      </c>
      <c r="B12710" t="s">
        <v>2886</v>
      </c>
      <c r="C12710" t="s">
        <v>2887</v>
      </c>
      <c r="D12710" t="s">
        <v>2875</v>
      </c>
      <c r="E12710" t="s">
        <v>13</v>
      </c>
      <c r="F12710">
        <v>1372</v>
      </c>
      <c r="G12710" t="s">
        <v>2888</v>
      </c>
      <c r="H12710">
        <v>5.9500884112629997</v>
      </c>
      <c r="I12710">
        <v>52.218239187544</v>
      </c>
      <c r="J12710" t="s">
        <v>68395</v>
      </c>
    </row>
    <row r="12711" spans="1:10" x14ac:dyDescent="0.25">
      <c r="A12711" t="s">
        <v>2881</v>
      </c>
      <c r="B12711" t="s">
        <v>2882</v>
      </c>
      <c r="C12711" t="s">
        <v>2883</v>
      </c>
      <c r="D12711" t="s">
        <v>2875</v>
      </c>
      <c r="E12711" t="s">
        <v>13</v>
      </c>
      <c r="F12711">
        <v>1371</v>
      </c>
      <c r="G12711" t="s">
        <v>2884</v>
      </c>
      <c r="H12711">
        <v>5.952329884459</v>
      </c>
      <c r="I12711">
        <v>52.211206892325997</v>
      </c>
      <c r="J12711" t="s">
        <v>68396</v>
      </c>
    </row>
    <row r="12712" spans="1:10" x14ac:dyDescent="0.25">
      <c r="A12712" t="s">
        <v>2877</v>
      </c>
      <c r="B12712" t="s">
        <v>2878</v>
      </c>
      <c r="C12712" t="s">
        <v>2879</v>
      </c>
      <c r="D12712" t="s">
        <v>2875</v>
      </c>
      <c r="E12712" t="s">
        <v>13</v>
      </c>
      <c r="F12712">
        <v>1370</v>
      </c>
      <c r="G12712" t="s">
        <v>2880</v>
      </c>
      <c r="H12712">
        <v>5.9705738305200002</v>
      </c>
      <c r="I12712">
        <v>52.212549908249002</v>
      </c>
      <c r="J12712" t="s">
        <v>68397</v>
      </c>
    </row>
    <row r="12713" spans="1:10" x14ac:dyDescent="0.25">
      <c r="A12713" t="s">
        <v>2872</v>
      </c>
      <c r="B12713" t="s">
        <v>2873</v>
      </c>
      <c r="C12713" t="s">
        <v>2874</v>
      </c>
      <c r="D12713" t="s">
        <v>2875</v>
      </c>
      <c r="E12713" t="s">
        <v>13</v>
      </c>
      <c r="F12713">
        <v>1369</v>
      </c>
      <c r="G12713" t="s">
        <v>2876</v>
      </c>
      <c r="H12713">
        <v>5.9604367747589997</v>
      </c>
      <c r="I12713">
        <v>52.213356953405999</v>
      </c>
      <c r="J12713" t="s">
        <v>68398</v>
      </c>
    </row>
    <row r="12714" spans="1:10" x14ac:dyDescent="0.25">
      <c r="A12714" t="s">
        <v>2868</v>
      </c>
      <c r="B12714" t="s">
        <v>2869</v>
      </c>
      <c r="C12714" t="s">
        <v>2870</v>
      </c>
      <c r="D12714" t="s">
        <v>2834</v>
      </c>
      <c r="E12714" t="s">
        <v>13</v>
      </c>
      <c r="F12714">
        <v>1368</v>
      </c>
      <c r="G12714" t="s">
        <v>2871</v>
      </c>
      <c r="H12714">
        <v>6.501141049768</v>
      </c>
      <c r="I12714">
        <v>51.893378536245997</v>
      </c>
      <c r="J12714" t="s">
        <v>68399</v>
      </c>
    </row>
    <row r="12715" spans="1:10" x14ac:dyDescent="0.25">
      <c r="A12715" t="s">
        <v>2864</v>
      </c>
      <c r="B12715" t="s">
        <v>2865</v>
      </c>
      <c r="C12715" t="s">
        <v>2866</v>
      </c>
      <c r="D12715" t="s">
        <v>2834</v>
      </c>
      <c r="E12715" t="s">
        <v>13</v>
      </c>
      <c r="F12715">
        <v>1367</v>
      </c>
      <c r="G12715" t="s">
        <v>2867</v>
      </c>
      <c r="H12715">
        <v>6.4916208582330004</v>
      </c>
      <c r="I12715">
        <v>51.871287993769002</v>
      </c>
      <c r="J12715" t="s">
        <v>68400</v>
      </c>
    </row>
    <row r="12716" spans="1:10" x14ac:dyDescent="0.25">
      <c r="A12716" t="s">
        <v>2860</v>
      </c>
      <c r="B12716" t="s">
        <v>2861</v>
      </c>
      <c r="C12716" t="s">
        <v>2862</v>
      </c>
      <c r="D12716" t="s">
        <v>2834</v>
      </c>
      <c r="E12716" t="s">
        <v>13</v>
      </c>
      <c r="F12716">
        <v>1366</v>
      </c>
      <c r="G12716" t="s">
        <v>2863</v>
      </c>
      <c r="H12716">
        <v>6.4928880967950002</v>
      </c>
      <c r="I12716">
        <v>51.890311674651997</v>
      </c>
      <c r="J12716" t="s">
        <v>68401</v>
      </c>
    </row>
    <row r="12717" spans="1:10" x14ac:dyDescent="0.25">
      <c r="A12717" t="s">
        <v>2856</v>
      </c>
      <c r="B12717" t="s">
        <v>2857</v>
      </c>
      <c r="C12717" t="s">
        <v>2858</v>
      </c>
      <c r="D12717" t="s">
        <v>2834</v>
      </c>
      <c r="E12717" t="s">
        <v>13</v>
      </c>
      <c r="F12717">
        <v>1365</v>
      </c>
      <c r="G12717" t="s">
        <v>2859</v>
      </c>
      <c r="H12717">
        <v>6.476353014122</v>
      </c>
      <c r="I12717">
        <v>51.861182650007997</v>
      </c>
      <c r="J12717" t="s">
        <v>68402</v>
      </c>
    </row>
    <row r="12718" spans="1:10" x14ac:dyDescent="0.25">
      <c r="A12718" t="s">
        <v>2852</v>
      </c>
      <c r="B12718" t="s">
        <v>2853</v>
      </c>
      <c r="C12718" t="s">
        <v>2854</v>
      </c>
      <c r="D12718" t="s">
        <v>2834</v>
      </c>
      <c r="E12718" t="s">
        <v>13</v>
      </c>
      <c r="F12718">
        <v>1364</v>
      </c>
      <c r="G12718" t="s">
        <v>2855</v>
      </c>
      <c r="H12718">
        <v>6.4900186632589998</v>
      </c>
      <c r="I12718">
        <v>51.868258639255998</v>
      </c>
      <c r="J12718" t="s">
        <v>68403</v>
      </c>
    </row>
    <row r="12719" spans="1:10" x14ac:dyDescent="0.25">
      <c r="A12719" t="s">
        <v>2848</v>
      </c>
      <c r="B12719" t="s">
        <v>2849</v>
      </c>
      <c r="C12719" t="s">
        <v>2850</v>
      </c>
      <c r="D12719" t="s">
        <v>2834</v>
      </c>
      <c r="E12719" t="s">
        <v>13</v>
      </c>
      <c r="F12719">
        <v>1363</v>
      </c>
      <c r="G12719" t="s">
        <v>2851</v>
      </c>
      <c r="H12719">
        <v>6.4918562350700002</v>
      </c>
      <c r="I12719">
        <v>51.863030260601001</v>
      </c>
      <c r="J12719" t="s">
        <v>68404</v>
      </c>
    </row>
    <row r="12720" spans="1:10" x14ac:dyDescent="0.25">
      <c r="A12720" t="s">
        <v>9976</v>
      </c>
      <c r="B12720" t="s">
        <v>9977</v>
      </c>
      <c r="C12720" t="s">
        <v>9978</v>
      </c>
      <c r="D12720" t="s">
        <v>2834</v>
      </c>
      <c r="E12720" t="s">
        <v>13</v>
      </c>
      <c r="F12720">
        <v>1362</v>
      </c>
      <c r="G12720" t="s">
        <v>9979</v>
      </c>
      <c r="H12720">
        <v>6.5809871705600003</v>
      </c>
      <c r="I12720">
        <v>51.924812333836002</v>
      </c>
      <c r="J12720" t="s">
        <v>68405</v>
      </c>
    </row>
    <row r="12721" spans="1:10" x14ac:dyDescent="0.25">
      <c r="A12721" t="s">
        <v>9972</v>
      </c>
      <c r="B12721" t="s">
        <v>9973</v>
      </c>
      <c r="C12721" t="s">
        <v>9974</v>
      </c>
      <c r="D12721" t="s">
        <v>2834</v>
      </c>
      <c r="E12721" t="s">
        <v>13</v>
      </c>
      <c r="F12721">
        <v>1361</v>
      </c>
      <c r="G12721" t="s">
        <v>9975</v>
      </c>
      <c r="H12721">
        <v>6.5922187161189996</v>
      </c>
      <c r="I12721">
        <v>51.924168188105</v>
      </c>
      <c r="J12721" t="s">
        <v>68406</v>
      </c>
    </row>
    <row r="12722" spans="1:10" x14ac:dyDescent="0.25">
      <c r="A12722" t="s">
        <v>9968</v>
      </c>
      <c r="B12722" t="s">
        <v>9969</v>
      </c>
      <c r="C12722" t="s">
        <v>9970</v>
      </c>
      <c r="D12722" t="s">
        <v>2834</v>
      </c>
      <c r="E12722" t="s">
        <v>13</v>
      </c>
      <c r="F12722">
        <v>1360</v>
      </c>
      <c r="G12722" t="s">
        <v>9971</v>
      </c>
      <c r="H12722">
        <v>6.5608489784230004</v>
      </c>
      <c r="I12722">
        <v>51.925460420001997</v>
      </c>
      <c r="J12722" t="s">
        <v>68407</v>
      </c>
    </row>
    <row r="12723" spans="1:10" x14ac:dyDescent="0.25">
      <c r="A12723" t="s">
        <v>9964</v>
      </c>
      <c r="B12723" t="s">
        <v>9965</v>
      </c>
      <c r="C12723" t="s">
        <v>9966</v>
      </c>
      <c r="D12723" t="s">
        <v>2834</v>
      </c>
      <c r="E12723" t="s">
        <v>13</v>
      </c>
      <c r="F12723">
        <v>1359</v>
      </c>
      <c r="G12723" t="s">
        <v>9967</v>
      </c>
      <c r="H12723">
        <v>6.5874332038979997</v>
      </c>
      <c r="I12723">
        <v>51.929496576940998</v>
      </c>
      <c r="J12723" t="s">
        <v>68408</v>
      </c>
    </row>
    <row r="12724" spans="1:10" x14ac:dyDescent="0.25">
      <c r="A12724" t="s">
        <v>9960</v>
      </c>
      <c r="B12724" t="s">
        <v>9961</v>
      </c>
      <c r="C12724" t="s">
        <v>9962</v>
      </c>
      <c r="D12724" t="s">
        <v>2834</v>
      </c>
      <c r="E12724" t="s">
        <v>13</v>
      </c>
      <c r="F12724">
        <v>1358</v>
      </c>
      <c r="G12724" t="s">
        <v>9963</v>
      </c>
      <c r="H12724">
        <v>6.5899497372519997</v>
      </c>
      <c r="I12724">
        <v>51.915960590959997</v>
      </c>
      <c r="J12724" t="s">
        <v>68409</v>
      </c>
    </row>
    <row r="12725" spans="1:10" x14ac:dyDescent="0.25">
      <c r="A12725" t="s">
        <v>9956</v>
      </c>
      <c r="B12725" t="s">
        <v>9957</v>
      </c>
      <c r="C12725" t="s">
        <v>9958</v>
      </c>
      <c r="D12725" t="s">
        <v>2834</v>
      </c>
      <c r="E12725" t="s">
        <v>13</v>
      </c>
      <c r="F12725">
        <v>1357</v>
      </c>
      <c r="G12725" t="s">
        <v>9959</v>
      </c>
      <c r="H12725">
        <v>6.575995640146</v>
      </c>
      <c r="I12725">
        <v>51.916950991832003</v>
      </c>
      <c r="J12725" t="s">
        <v>68410</v>
      </c>
    </row>
    <row r="12726" spans="1:10" x14ac:dyDescent="0.25">
      <c r="A12726" t="s">
        <v>9952</v>
      </c>
      <c r="B12726" t="s">
        <v>9953</v>
      </c>
      <c r="C12726" t="s">
        <v>9954</v>
      </c>
      <c r="D12726" t="s">
        <v>2834</v>
      </c>
      <c r="E12726" t="s">
        <v>13</v>
      </c>
      <c r="F12726">
        <v>1356</v>
      </c>
      <c r="G12726" t="s">
        <v>9955</v>
      </c>
      <c r="H12726">
        <v>6.5705796147060003</v>
      </c>
      <c r="I12726">
        <v>51.925886722340003</v>
      </c>
      <c r="J12726" t="s">
        <v>68411</v>
      </c>
    </row>
    <row r="12727" spans="1:10" x14ac:dyDescent="0.25">
      <c r="A12727" t="s">
        <v>9948</v>
      </c>
      <c r="B12727" t="s">
        <v>9949</v>
      </c>
      <c r="C12727" t="s">
        <v>9950</v>
      </c>
      <c r="D12727" t="s">
        <v>2834</v>
      </c>
      <c r="E12727" t="s">
        <v>13</v>
      </c>
      <c r="F12727">
        <v>1355</v>
      </c>
      <c r="G12727" t="s">
        <v>9951</v>
      </c>
      <c r="H12727">
        <v>6.6202682897410003</v>
      </c>
      <c r="I12727">
        <v>51.942768929457998</v>
      </c>
      <c r="J12727" t="s">
        <v>68412</v>
      </c>
    </row>
    <row r="12728" spans="1:10" x14ac:dyDescent="0.25">
      <c r="A12728" t="s">
        <v>9944</v>
      </c>
      <c r="B12728" t="s">
        <v>9945</v>
      </c>
      <c r="C12728" t="s">
        <v>9946</v>
      </c>
      <c r="D12728" t="s">
        <v>2834</v>
      </c>
      <c r="E12728" t="s">
        <v>13</v>
      </c>
      <c r="F12728">
        <v>1354</v>
      </c>
      <c r="G12728" t="s">
        <v>9947</v>
      </c>
      <c r="H12728">
        <v>6.6239737503090002</v>
      </c>
      <c r="I12728">
        <v>51.935698693589998</v>
      </c>
      <c r="J12728" t="s">
        <v>68413</v>
      </c>
    </row>
    <row r="12729" spans="1:10" x14ac:dyDescent="0.25">
      <c r="A12729" t="s">
        <v>9940</v>
      </c>
      <c r="B12729" t="s">
        <v>9941</v>
      </c>
      <c r="C12729" t="s">
        <v>9942</v>
      </c>
      <c r="D12729" t="s">
        <v>2834</v>
      </c>
      <c r="E12729" t="s">
        <v>13</v>
      </c>
      <c r="F12729">
        <v>1353</v>
      </c>
      <c r="G12729" t="s">
        <v>9943</v>
      </c>
      <c r="H12729">
        <v>6.6052740099090004</v>
      </c>
      <c r="I12729">
        <v>51.938331937472</v>
      </c>
      <c r="J12729" t="s">
        <v>68414</v>
      </c>
    </row>
    <row r="12730" spans="1:10" x14ac:dyDescent="0.25">
      <c r="A12730" t="s">
        <v>9936</v>
      </c>
      <c r="B12730" t="s">
        <v>9937</v>
      </c>
      <c r="C12730" t="s">
        <v>9938</v>
      </c>
      <c r="D12730" t="s">
        <v>2834</v>
      </c>
      <c r="E12730" t="s">
        <v>13</v>
      </c>
      <c r="F12730">
        <v>1352</v>
      </c>
      <c r="G12730" t="s">
        <v>9939</v>
      </c>
      <c r="H12730">
        <v>6.6170139915009996</v>
      </c>
      <c r="I12730">
        <v>51.957084467066998</v>
      </c>
      <c r="J12730" t="s">
        <v>68415</v>
      </c>
    </row>
    <row r="12731" spans="1:10" x14ac:dyDescent="0.25">
      <c r="A12731" t="s">
        <v>9932</v>
      </c>
      <c r="B12731" t="s">
        <v>9933</v>
      </c>
      <c r="C12731" t="s">
        <v>9934</v>
      </c>
      <c r="D12731" t="s">
        <v>2834</v>
      </c>
      <c r="E12731" t="s">
        <v>13</v>
      </c>
      <c r="F12731">
        <v>1351</v>
      </c>
      <c r="G12731" t="s">
        <v>9935</v>
      </c>
      <c r="H12731">
        <v>6.6470369732629999</v>
      </c>
      <c r="I12731">
        <v>51.928466922483999</v>
      </c>
      <c r="J12731" t="s">
        <v>68416</v>
      </c>
    </row>
    <row r="12732" spans="1:10" x14ac:dyDescent="0.25">
      <c r="A12732" t="s">
        <v>9928</v>
      </c>
      <c r="B12732" t="s">
        <v>9929</v>
      </c>
      <c r="C12732" t="s">
        <v>9930</v>
      </c>
      <c r="D12732" t="s">
        <v>2834</v>
      </c>
      <c r="E12732" t="s">
        <v>13</v>
      </c>
      <c r="F12732">
        <v>1350</v>
      </c>
      <c r="G12732" t="s">
        <v>9931</v>
      </c>
      <c r="H12732">
        <v>6.6308412107889998</v>
      </c>
      <c r="I12732">
        <v>51.917929378888999</v>
      </c>
      <c r="J12732" t="s">
        <v>68417</v>
      </c>
    </row>
    <row r="12733" spans="1:10" x14ac:dyDescent="0.25">
      <c r="A12733" t="s">
        <v>9924</v>
      </c>
      <c r="B12733" t="s">
        <v>9925</v>
      </c>
      <c r="C12733" t="s">
        <v>9926</v>
      </c>
      <c r="D12733" t="s">
        <v>2834</v>
      </c>
      <c r="E12733" t="s">
        <v>13</v>
      </c>
      <c r="F12733">
        <v>1349</v>
      </c>
      <c r="G12733" t="s">
        <v>9927</v>
      </c>
      <c r="H12733">
        <v>6.5686661487590001</v>
      </c>
      <c r="I12733">
        <v>51.939028090755002</v>
      </c>
      <c r="J12733" t="s">
        <v>68418</v>
      </c>
    </row>
    <row r="12734" spans="1:10" x14ac:dyDescent="0.25">
      <c r="A12734" t="s">
        <v>2844</v>
      </c>
      <c r="B12734" t="s">
        <v>2845</v>
      </c>
      <c r="C12734" t="s">
        <v>2846</v>
      </c>
      <c r="D12734" t="s">
        <v>2834</v>
      </c>
      <c r="E12734" t="s">
        <v>13</v>
      </c>
      <c r="F12734">
        <v>1348</v>
      </c>
      <c r="G12734" t="s">
        <v>2847</v>
      </c>
      <c r="H12734">
        <v>6.5442874587929998</v>
      </c>
      <c r="I12734">
        <v>51.957716302742</v>
      </c>
      <c r="J12734" t="s">
        <v>68419</v>
      </c>
    </row>
    <row r="12735" spans="1:10" x14ac:dyDescent="0.25">
      <c r="A12735" t="s">
        <v>2840</v>
      </c>
      <c r="B12735" t="s">
        <v>2841</v>
      </c>
      <c r="C12735" t="s">
        <v>2842</v>
      </c>
      <c r="D12735" t="s">
        <v>2834</v>
      </c>
      <c r="E12735" t="s">
        <v>13</v>
      </c>
      <c r="F12735">
        <v>1347</v>
      </c>
      <c r="G12735" t="s">
        <v>2843</v>
      </c>
      <c r="H12735">
        <v>6.5140141893969998</v>
      </c>
      <c r="I12735">
        <v>51.925723270493002</v>
      </c>
      <c r="J12735" t="s">
        <v>68420</v>
      </c>
    </row>
    <row r="12736" spans="1:10" x14ac:dyDescent="0.25">
      <c r="A12736" t="s">
        <v>9920</v>
      </c>
      <c r="B12736" t="s">
        <v>9921</v>
      </c>
      <c r="C12736" t="s">
        <v>9922</v>
      </c>
      <c r="D12736" t="s">
        <v>2834</v>
      </c>
      <c r="E12736" t="s">
        <v>13</v>
      </c>
      <c r="F12736">
        <v>1346</v>
      </c>
      <c r="G12736" t="s">
        <v>9923</v>
      </c>
      <c r="H12736">
        <v>6.5484672299930002</v>
      </c>
      <c r="I12736">
        <v>51.916933940794998</v>
      </c>
      <c r="J12736" t="s">
        <v>68421</v>
      </c>
    </row>
    <row r="12737" spans="1:10" x14ac:dyDescent="0.25">
      <c r="A12737" t="s">
        <v>2836</v>
      </c>
      <c r="B12737" t="s">
        <v>2837</v>
      </c>
      <c r="C12737" t="s">
        <v>2838</v>
      </c>
      <c r="D12737" t="s">
        <v>2834</v>
      </c>
      <c r="E12737" t="s">
        <v>13</v>
      </c>
      <c r="F12737">
        <v>1345</v>
      </c>
      <c r="G12737" t="s">
        <v>2839</v>
      </c>
      <c r="H12737">
        <v>6.5149788373890001</v>
      </c>
      <c r="I12737">
        <v>51.923811739355003</v>
      </c>
      <c r="J12737" t="s">
        <v>68422</v>
      </c>
    </row>
    <row r="12738" spans="1:10" x14ac:dyDescent="0.25">
      <c r="A12738" t="s">
        <v>9916</v>
      </c>
      <c r="B12738" t="s">
        <v>9917</v>
      </c>
      <c r="C12738" t="s">
        <v>9918</v>
      </c>
      <c r="D12738" t="s">
        <v>2834</v>
      </c>
      <c r="E12738" t="s">
        <v>13</v>
      </c>
      <c r="F12738">
        <v>1344</v>
      </c>
      <c r="G12738" t="s">
        <v>9919</v>
      </c>
      <c r="H12738">
        <v>6.5421588604650003</v>
      </c>
      <c r="I12738">
        <v>51.888788816629997</v>
      </c>
      <c r="J12738" t="s">
        <v>68423</v>
      </c>
    </row>
    <row r="12739" spans="1:10" x14ac:dyDescent="0.25">
      <c r="A12739" t="s">
        <v>2831</v>
      </c>
      <c r="B12739" t="s">
        <v>2832</v>
      </c>
      <c r="C12739" t="s">
        <v>2833</v>
      </c>
      <c r="D12739" t="s">
        <v>2834</v>
      </c>
      <c r="E12739" t="s">
        <v>13</v>
      </c>
      <c r="F12739">
        <v>1343</v>
      </c>
      <c r="G12739" t="s">
        <v>2835</v>
      </c>
      <c r="H12739">
        <v>6.5391018609950002</v>
      </c>
      <c r="I12739">
        <v>51.891016477171</v>
      </c>
      <c r="J12739" t="s">
        <v>68424</v>
      </c>
    </row>
    <row r="12740" spans="1:10" x14ac:dyDescent="0.25">
      <c r="A12740" t="s">
        <v>9912</v>
      </c>
      <c r="B12740" t="s">
        <v>9913</v>
      </c>
      <c r="C12740" t="s">
        <v>9914</v>
      </c>
      <c r="D12740" t="s">
        <v>2834</v>
      </c>
      <c r="E12740" t="s">
        <v>13</v>
      </c>
      <c r="F12740">
        <v>1342</v>
      </c>
      <c r="G12740" t="s">
        <v>9915</v>
      </c>
      <c r="H12740">
        <v>6.5863580446440002</v>
      </c>
      <c r="I12740">
        <v>51.903597174597998</v>
      </c>
      <c r="J12740" t="s">
        <v>68425</v>
      </c>
    </row>
    <row r="12741" spans="1:10" x14ac:dyDescent="0.25">
      <c r="A12741" t="s">
        <v>9908</v>
      </c>
      <c r="B12741" t="s">
        <v>9909</v>
      </c>
      <c r="C12741" t="s">
        <v>9910</v>
      </c>
      <c r="D12741" t="s">
        <v>2834</v>
      </c>
      <c r="E12741" t="s">
        <v>13</v>
      </c>
      <c r="F12741">
        <v>1341</v>
      </c>
      <c r="G12741" t="s">
        <v>9911</v>
      </c>
      <c r="H12741">
        <v>6.5805766712559999</v>
      </c>
      <c r="I12741">
        <v>51.960557685192001</v>
      </c>
      <c r="J12741" t="s">
        <v>68426</v>
      </c>
    </row>
    <row r="12742" spans="1:10" x14ac:dyDescent="0.25">
      <c r="A12742" t="s">
        <v>9904</v>
      </c>
      <c r="B12742" t="s">
        <v>9905</v>
      </c>
      <c r="C12742" t="s">
        <v>9906</v>
      </c>
      <c r="D12742" t="s">
        <v>2834</v>
      </c>
      <c r="E12742" t="s">
        <v>13</v>
      </c>
      <c r="F12742">
        <v>1340</v>
      </c>
      <c r="G12742" t="s">
        <v>9907</v>
      </c>
      <c r="H12742">
        <v>6.5892276956969997</v>
      </c>
      <c r="I12742">
        <v>51.955620252191999</v>
      </c>
      <c r="J12742" t="s">
        <v>68427</v>
      </c>
    </row>
    <row r="12743" spans="1:10" x14ac:dyDescent="0.25">
      <c r="A12743" t="s">
        <v>2827</v>
      </c>
      <c r="B12743" t="s">
        <v>2828</v>
      </c>
      <c r="C12743" t="s">
        <v>2829</v>
      </c>
      <c r="D12743" t="s">
        <v>2813</v>
      </c>
      <c r="E12743" t="s">
        <v>13</v>
      </c>
      <c r="F12743">
        <v>1339</v>
      </c>
      <c r="G12743" t="s">
        <v>2830</v>
      </c>
      <c r="H12743">
        <v>6.4950809566109999</v>
      </c>
      <c r="I12743">
        <v>52.331510138813996</v>
      </c>
      <c r="J12743" t="s">
        <v>68428</v>
      </c>
    </row>
    <row r="12744" spans="1:10" x14ac:dyDescent="0.25">
      <c r="A12744" t="s">
        <v>2823</v>
      </c>
      <c r="B12744" t="s">
        <v>2824</v>
      </c>
      <c r="C12744" t="s">
        <v>2825</v>
      </c>
      <c r="D12744" t="s">
        <v>2813</v>
      </c>
      <c r="E12744" t="s">
        <v>13</v>
      </c>
      <c r="F12744">
        <v>1338</v>
      </c>
      <c r="G12744" t="s">
        <v>2826</v>
      </c>
      <c r="H12744">
        <v>6.5256175206820002</v>
      </c>
      <c r="I12744">
        <v>52.339686830475998</v>
      </c>
      <c r="J12744" t="s">
        <v>68429</v>
      </c>
    </row>
    <row r="12745" spans="1:10" x14ac:dyDescent="0.25">
      <c r="A12745" t="s">
        <v>9900</v>
      </c>
      <c r="B12745" t="s">
        <v>9901</v>
      </c>
      <c r="C12745" t="s">
        <v>9902</v>
      </c>
      <c r="D12745" t="s">
        <v>2813</v>
      </c>
      <c r="E12745" t="s">
        <v>13</v>
      </c>
      <c r="F12745">
        <v>1337</v>
      </c>
      <c r="G12745" t="s">
        <v>9903</v>
      </c>
      <c r="H12745">
        <v>6.5688209621659999</v>
      </c>
      <c r="I12745">
        <v>52.329172415956002</v>
      </c>
      <c r="J12745" t="s">
        <v>68430</v>
      </c>
    </row>
    <row r="12746" spans="1:10" x14ac:dyDescent="0.25">
      <c r="A12746" t="s">
        <v>9896</v>
      </c>
      <c r="B12746" t="s">
        <v>9897</v>
      </c>
      <c r="C12746" t="s">
        <v>9898</v>
      </c>
      <c r="D12746" t="s">
        <v>2813</v>
      </c>
      <c r="E12746" t="s">
        <v>13</v>
      </c>
      <c r="F12746">
        <v>1336</v>
      </c>
      <c r="G12746" t="s">
        <v>9899</v>
      </c>
      <c r="H12746">
        <v>6.6048936526009996</v>
      </c>
      <c r="I12746">
        <v>52.291418294411997</v>
      </c>
      <c r="J12746" t="s">
        <v>68431</v>
      </c>
    </row>
    <row r="12747" spans="1:10" x14ac:dyDescent="0.25">
      <c r="A12747" t="s">
        <v>9892</v>
      </c>
      <c r="B12747" t="s">
        <v>9893</v>
      </c>
      <c r="C12747" t="s">
        <v>9894</v>
      </c>
      <c r="D12747" t="s">
        <v>2813</v>
      </c>
      <c r="E12747" t="s">
        <v>13</v>
      </c>
      <c r="F12747">
        <v>1335</v>
      </c>
      <c r="G12747" t="s">
        <v>9895</v>
      </c>
      <c r="H12747">
        <v>6.5733384025759998</v>
      </c>
      <c r="I12747">
        <v>52.277633646474001</v>
      </c>
      <c r="J12747" t="s">
        <v>68432</v>
      </c>
    </row>
    <row r="12748" spans="1:10" x14ac:dyDescent="0.25">
      <c r="A12748" t="s">
        <v>9888</v>
      </c>
      <c r="B12748" t="s">
        <v>9889</v>
      </c>
      <c r="C12748" t="s">
        <v>9890</v>
      </c>
      <c r="D12748" t="s">
        <v>2813</v>
      </c>
      <c r="E12748" t="s">
        <v>13</v>
      </c>
      <c r="F12748">
        <v>1334</v>
      </c>
      <c r="G12748" t="s">
        <v>9891</v>
      </c>
      <c r="H12748">
        <v>6.5592941655830002</v>
      </c>
      <c r="I12748">
        <v>52.297791482501999</v>
      </c>
      <c r="J12748" t="s">
        <v>68433</v>
      </c>
    </row>
    <row r="12749" spans="1:10" x14ac:dyDescent="0.25">
      <c r="A12749" t="s">
        <v>9884</v>
      </c>
      <c r="B12749" t="s">
        <v>9885</v>
      </c>
      <c r="C12749" t="s">
        <v>9886</v>
      </c>
      <c r="D12749" t="s">
        <v>2813</v>
      </c>
      <c r="E12749" t="s">
        <v>13</v>
      </c>
      <c r="F12749">
        <v>1333</v>
      </c>
      <c r="G12749" t="s">
        <v>9887</v>
      </c>
      <c r="H12749">
        <v>6.57008790156</v>
      </c>
      <c r="I12749">
        <v>52.311441341749997</v>
      </c>
      <c r="J12749" t="s">
        <v>68434</v>
      </c>
    </row>
    <row r="12750" spans="1:10" x14ac:dyDescent="0.25">
      <c r="A12750" t="s">
        <v>9880</v>
      </c>
      <c r="B12750" t="s">
        <v>9881</v>
      </c>
      <c r="C12750" t="s">
        <v>9882</v>
      </c>
      <c r="D12750" t="s">
        <v>2813</v>
      </c>
      <c r="E12750" t="s">
        <v>13</v>
      </c>
      <c r="F12750">
        <v>1332</v>
      </c>
      <c r="G12750" t="s">
        <v>9883</v>
      </c>
      <c r="H12750">
        <v>6.5987073487250001</v>
      </c>
      <c r="I12750">
        <v>52.321100445074997</v>
      </c>
      <c r="J12750" t="s">
        <v>68435</v>
      </c>
    </row>
    <row r="12751" spans="1:10" x14ac:dyDescent="0.25">
      <c r="A12751" t="s">
        <v>9876</v>
      </c>
      <c r="B12751" t="s">
        <v>9877</v>
      </c>
      <c r="C12751" t="s">
        <v>9878</v>
      </c>
      <c r="D12751" t="s">
        <v>2813</v>
      </c>
      <c r="E12751" t="s">
        <v>13</v>
      </c>
      <c r="F12751">
        <v>1331</v>
      </c>
      <c r="G12751" t="s">
        <v>9879</v>
      </c>
      <c r="H12751">
        <v>6.5677138868269997</v>
      </c>
      <c r="I12751">
        <v>52.288172164728003</v>
      </c>
      <c r="J12751" t="s">
        <v>68436</v>
      </c>
    </row>
    <row r="12752" spans="1:10" x14ac:dyDescent="0.25">
      <c r="A12752" t="s">
        <v>9872</v>
      </c>
      <c r="B12752" t="s">
        <v>9873</v>
      </c>
      <c r="C12752" t="s">
        <v>9874</v>
      </c>
      <c r="D12752" t="s">
        <v>2813</v>
      </c>
      <c r="E12752" t="s">
        <v>13</v>
      </c>
      <c r="F12752">
        <v>1330</v>
      </c>
      <c r="G12752" t="s">
        <v>9875</v>
      </c>
      <c r="H12752">
        <v>6.5815973313939997</v>
      </c>
      <c r="I12752">
        <v>52.291002849168002</v>
      </c>
      <c r="J12752" t="s">
        <v>68437</v>
      </c>
    </row>
    <row r="12753" spans="1:10" x14ac:dyDescent="0.25">
      <c r="A12753" t="s">
        <v>9868</v>
      </c>
      <c r="B12753" t="s">
        <v>9869</v>
      </c>
      <c r="C12753" t="s">
        <v>9870</v>
      </c>
      <c r="D12753" t="s">
        <v>2813</v>
      </c>
      <c r="E12753" t="s">
        <v>13</v>
      </c>
      <c r="F12753">
        <v>1329</v>
      </c>
      <c r="G12753" t="s">
        <v>9871</v>
      </c>
      <c r="H12753">
        <v>6.5742945105299997</v>
      </c>
      <c r="I12753">
        <v>52.298153433397999</v>
      </c>
      <c r="J12753" t="s">
        <v>68438</v>
      </c>
    </row>
    <row r="12754" spans="1:10" x14ac:dyDescent="0.25">
      <c r="A12754" t="s">
        <v>9864</v>
      </c>
      <c r="B12754" t="s">
        <v>9865</v>
      </c>
      <c r="C12754" t="s">
        <v>9866</v>
      </c>
      <c r="D12754" t="s">
        <v>2813</v>
      </c>
      <c r="E12754" t="s">
        <v>13</v>
      </c>
      <c r="F12754">
        <v>1328</v>
      </c>
      <c r="G12754" t="s">
        <v>9867</v>
      </c>
      <c r="H12754">
        <v>6.5745532366720001</v>
      </c>
      <c r="I12754">
        <v>52.289920192973</v>
      </c>
      <c r="J12754" t="s">
        <v>68439</v>
      </c>
    </row>
    <row r="12755" spans="1:10" x14ac:dyDescent="0.25">
      <c r="A12755" t="s">
        <v>2819</v>
      </c>
      <c r="B12755" t="s">
        <v>2820</v>
      </c>
      <c r="C12755" t="s">
        <v>2821</v>
      </c>
      <c r="D12755" t="s">
        <v>2813</v>
      </c>
      <c r="E12755" t="s">
        <v>13</v>
      </c>
      <c r="F12755">
        <v>1327</v>
      </c>
      <c r="G12755" t="s">
        <v>2822</v>
      </c>
      <c r="H12755">
        <v>6.5526314377070003</v>
      </c>
      <c r="I12755">
        <v>52.395666961384002</v>
      </c>
      <c r="J12755" t="s">
        <v>68440</v>
      </c>
    </row>
    <row r="12756" spans="1:10" x14ac:dyDescent="0.25">
      <c r="A12756" t="s">
        <v>9860</v>
      </c>
      <c r="B12756" t="s">
        <v>9861</v>
      </c>
      <c r="C12756" t="s">
        <v>9862</v>
      </c>
      <c r="D12756" t="s">
        <v>2813</v>
      </c>
      <c r="E12756" t="s">
        <v>13</v>
      </c>
      <c r="F12756">
        <v>1326</v>
      </c>
      <c r="G12756" t="s">
        <v>9863</v>
      </c>
      <c r="H12756">
        <v>6.5621683868850003</v>
      </c>
      <c r="I12756">
        <v>52.396842952020997</v>
      </c>
      <c r="J12756" t="s">
        <v>68441</v>
      </c>
    </row>
    <row r="12757" spans="1:10" x14ac:dyDescent="0.25">
      <c r="A12757" t="s">
        <v>2815</v>
      </c>
      <c r="B12757" t="s">
        <v>2816</v>
      </c>
      <c r="C12757" t="s">
        <v>2817</v>
      </c>
      <c r="D12757" t="s">
        <v>2813</v>
      </c>
      <c r="E12757" t="s">
        <v>13</v>
      </c>
      <c r="F12757">
        <v>1325</v>
      </c>
      <c r="G12757" t="s">
        <v>2818</v>
      </c>
      <c r="H12757">
        <v>6.5342432885530002</v>
      </c>
      <c r="I12757">
        <v>52.370906729966997</v>
      </c>
      <c r="J12757" t="s">
        <v>68442</v>
      </c>
    </row>
    <row r="12758" spans="1:10" x14ac:dyDescent="0.25">
      <c r="A12758" t="s">
        <v>2810</v>
      </c>
      <c r="B12758" t="s">
        <v>2811</v>
      </c>
      <c r="C12758" t="s">
        <v>2812</v>
      </c>
      <c r="D12758" t="s">
        <v>2813</v>
      </c>
      <c r="E12758" t="s">
        <v>13</v>
      </c>
      <c r="F12758">
        <v>1324</v>
      </c>
      <c r="G12758" t="s">
        <v>2814</v>
      </c>
      <c r="H12758">
        <v>6.5528552529009998</v>
      </c>
      <c r="I12758">
        <v>52.353900129484003</v>
      </c>
      <c r="J12758" t="s">
        <v>68443</v>
      </c>
    </row>
    <row r="12759" spans="1:10" x14ac:dyDescent="0.25">
      <c r="A12759" t="s">
        <v>9856</v>
      </c>
      <c r="B12759" t="s">
        <v>9857</v>
      </c>
      <c r="C12759" t="s">
        <v>9858</v>
      </c>
      <c r="D12759" t="s">
        <v>2813</v>
      </c>
      <c r="E12759" t="s">
        <v>13</v>
      </c>
      <c r="F12759">
        <v>1323</v>
      </c>
      <c r="G12759" t="s">
        <v>9859</v>
      </c>
      <c r="H12759">
        <v>6.575956257723</v>
      </c>
      <c r="I12759">
        <v>52.344914921536002</v>
      </c>
      <c r="J12759" t="s">
        <v>68444</v>
      </c>
    </row>
    <row r="12760" spans="1:10" x14ac:dyDescent="0.25">
      <c r="A12760" t="s">
        <v>9852</v>
      </c>
      <c r="B12760" t="s">
        <v>9853</v>
      </c>
      <c r="C12760" t="s">
        <v>9854</v>
      </c>
      <c r="D12760" t="s">
        <v>2813</v>
      </c>
      <c r="E12760" t="s">
        <v>13</v>
      </c>
      <c r="F12760">
        <v>1322</v>
      </c>
      <c r="G12760" t="s">
        <v>9855</v>
      </c>
      <c r="H12760">
        <v>6.5972613802540003</v>
      </c>
      <c r="I12760">
        <v>52.344969270508003</v>
      </c>
      <c r="J12760" t="s">
        <v>68445</v>
      </c>
    </row>
    <row r="12761" spans="1:10" x14ac:dyDescent="0.25">
      <c r="A12761" t="s">
        <v>9848</v>
      </c>
      <c r="B12761" t="s">
        <v>9849</v>
      </c>
      <c r="C12761" t="s">
        <v>9850</v>
      </c>
      <c r="D12761" t="s">
        <v>2813</v>
      </c>
      <c r="E12761" t="s">
        <v>13</v>
      </c>
      <c r="F12761">
        <v>1321</v>
      </c>
      <c r="G12761" t="s">
        <v>9851</v>
      </c>
      <c r="H12761">
        <v>6.5863080800310003</v>
      </c>
      <c r="I12761">
        <v>52.374533878371999</v>
      </c>
      <c r="J12761" t="s">
        <v>68446</v>
      </c>
    </row>
    <row r="12762" spans="1:10" x14ac:dyDescent="0.25">
      <c r="A12762" t="s">
        <v>9844</v>
      </c>
      <c r="B12762" t="s">
        <v>9845</v>
      </c>
      <c r="C12762" t="s">
        <v>9846</v>
      </c>
      <c r="D12762" t="s">
        <v>2813</v>
      </c>
      <c r="E12762" t="s">
        <v>13</v>
      </c>
      <c r="F12762">
        <v>1320</v>
      </c>
      <c r="G12762" t="s">
        <v>9847</v>
      </c>
      <c r="H12762">
        <v>6.5946938262419996</v>
      </c>
      <c r="I12762">
        <v>52.350682693581</v>
      </c>
      <c r="J12762" t="s">
        <v>68447</v>
      </c>
    </row>
    <row r="12763" spans="1:10" x14ac:dyDescent="0.25">
      <c r="A12763" t="s">
        <v>9841</v>
      </c>
      <c r="B12763" t="s">
        <v>9842</v>
      </c>
      <c r="C12763" t="s">
        <v>3222</v>
      </c>
      <c r="D12763" t="s">
        <v>2813</v>
      </c>
      <c r="E12763" t="s">
        <v>13</v>
      </c>
      <c r="F12763">
        <v>1319</v>
      </c>
      <c r="G12763" t="s">
        <v>9843</v>
      </c>
      <c r="H12763">
        <v>6.6000833649470003</v>
      </c>
      <c r="I12763">
        <v>52.368929806451</v>
      </c>
      <c r="J12763" t="s">
        <v>68448</v>
      </c>
    </row>
    <row r="12764" spans="1:10" x14ac:dyDescent="0.25">
      <c r="A12764" t="s">
        <v>9837</v>
      </c>
      <c r="B12764" t="s">
        <v>9838</v>
      </c>
      <c r="C12764" t="s">
        <v>9839</v>
      </c>
      <c r="D12764" t="s">
        <v>2813</v>
      </c>
      <c r="E12764" t="s">
        <v>13</v>
      </c>
      <c r="F12764">
        <v>1318</v>
      </c>
      <c r="G12764" t="s">
        <v>9840</v>
      </c>
      <c r="H12764">
        <v>6.5785591455330001</v>
      </c>
      <c r="I12764">
        <v>52.363512203281999</v>
      </c>
      <c r="J12764" t="s">
        <v>68449</v>
      </c>
    </row>
    <row r="12765" spans="1:10" x14ac:dyDescent="0.25">
      <c r="A12765" t="s">
        <v>9833</v>
      </c>
      <c r="B12765" t="s">
        <v>9834</v>
      </c>
      <c r="C12765" t="s">
        <v>9835</v>
      </c>
      <c r="D12765" t="s">
        <v>2813</v>
      </c>
      <c r="E12765" t="s">
        <v>13</v>
      </c>
      <c r="F12765">
        <v>1317</v>
      </c>
      <c r="G12765" t="s">
        <v>9836</v>
      </c>
      <c r="H12765">
        <v>6.6067325857509998</v>
      </c>
      <c r="I12765">
        <v>52.363902195945002</v>
      </c>
      <c r="J12765" t="s">
        <v>68450</v>
      </c>
    </row>
    <row r="12766" spans="1:10" x14ac:dyDescent="0.25">
      <c r="A12766" t="s">
        <v>9829</v>
      </c>
      <c r="B12766" t="s">
        <v>9830</v>
      </c>
      <c r="C12766" t="s">
        <v>9831</v>
      </c>
      <c r="D12766" t="s">
        <v>2813</v>
      </c>
      <c r="E12766" t="s">
        <v>13</v>
      </c>
      <c r="F12766">
        <v>1316</v>
      </c>
      <c r="G12766" t="s">
        <v>9832</v>
      </c>
      <c r="H12766">
        <v>6.6051379947589997</v>
      </c>
      <c r="I12766">
        <v>52.359500078000998</v>
      </c>
      <c r="J12766" t="s">
        <v>68451</v>
      </c>
    </row>
    <row r="12767" spans="1:10" x14ac:dyDescent="0.25">
      <c r="A12767" t="s">
        <v>9825</v>
      </c>
      <c r="B12767" t="s">
        <v>9826</v>
      </c>
      <c r="C12767" t="s">
        <v>9827</v>
      </c>
      <c r="D12767" t="s">
        <v>2813</v>
      </c>
      <c r="E12767" t="s">
        <v>13</v>
      </c>
      <c r="F12767">
        <v>1315</v>
      </c>
      <c r="G12767" t="s">
        <v>9828</v>
      </c>
      <c r="H12767">
        <v>6.5986981996129996</v>
      </c>
      <c r="I12767">
        <v>52.354946076551997</v>
      </c>
      <c r="J12767" t="s">
        <v>68452</v>
      </c>
    </row>
    <row r="12768" spans="1:10" x14ac:dyDescent="0.25">
      <c r="A12768" t="s">
        <v>9821</v>
      </c>
      <c r="B12768" t="s">
        <v>9822</v>
      </c>
      <c r="C12768" t="s">
        <v>9823</v>
      </c>
      <c r="D12768" t="s">
        <v>2813</v>
      </c>
      <c r="E12768" t="s">
        <v>13</v>
      </c>
      <c r="F12768">
        <v>1314</v>
      </c>
      <c r="G12768" t="s">
        <v>9824</v>
      </c>
      <c r="H12768">
        <v>6.5816984701000001</v>
      </c>
      <c r="I12768">
        <v>52.356824516734001</v>
      </c>
      <c r="J12768" t="s">
        <v>68453</v>
      </c>
    </row>
    <row r="12769" spans="1:10" x14ac:dyDescent="0.25">
      <c r="A12769" t="s">
        <v>9817</v>
      </c>
      <c r="B12769" t="s">
        <v>9818</v>
      </c>
      <c r="C12769" t="s">
        <v>9819</v>
      </c>
      <c r="D12769" t="s">
        <v>2813</v>
      </c>
      <c r="E12769" t="s">
        <v>13</v>
      </c>
      <c r="F12769">
        <v>1313</v>
      </c>
      <c r="G12769" t="s">
        <v>9820</v>
      </c>
      <c r="H12769">
        <v>6.5900551028030003</v>
      </c>
      <c r="I12769">
        <v>52.363613038560999</v>
      </c>
      <c r="J12769" t="s">
        <v>68454</v>
      </c>
    </row>
    <row r="12770" spans="1:10" x14ac:dyDescent="0.25">
      <c r="A12770" t="s">
        <v>9813</v>
      </c>
      <c r="B12770" t="s">
        <v>9814</v>
      </c>
      <c r="C12770" t="s">
        <v>9815</v>
      </c>
      <c r="D12770" t="s">
        <v>2813</v>
      </c>
      <c r="E12770" t="s">
        <v>13</v>
      </c>
      <c r="F12770">
        <v>1312</v>
      </c>
      <c r="G12770" t="s">
        <v>9816</v>
      </c>
      <c r="H12770">
        <v>6.589712460825</v>
      </c>
      <c r="I12770">
        <v>52.35853484599</v>
      </c>
      <c r="J12770" t="s">
        <v>68455</v>
      </c>
    </row>
    <row r="12771" spans="1:10" x14ac:dyDescent="0.25">
      <c r="A12771" t="s">
        <v>9809</v>
      </c>
      <c r="B12771" t="s">
        <v>9810</v>
      </c>
      <c r="C12771" t="s">
        <v>9811</v>
      </c>
      <c r="D12771" t="s">
        <v>9771</v>
      </c>
      <c r="E12771" t="s">
        <v>13</v>
      </c>
      <c r="F12771">
        <v>1311</v>
      </c>
      <c r="G12771" t="s">
        <v>9812</v>
      </c>
      <c r="H12771">
        <v>5.6342806141899997</v>
      </c>
      <c r="I12771">
        <v>52.649862201889</v>
      </c>
      <c r="J12771" t="s">
        <v>68456</v>
      </c>
    </row>
    <row r="12772" spans="1:10" x14ac:dyDescent="0.25">
      <c r="A12772" t="s">
        <v>9805</v>
      </c>
      <c r="B12772" t="s">
        <v>9806</v>
      </c>
      <c r="C12772" t="s">
        <v>9807</v>
      </c>
      <c r="D12772" t="s">
        <v>9771</v>
      </c>
      <c r="E12772" t="s">
        <v>13</v>
      </c>
      <c r="F12772">
        <v>1310</v>
      </c>
      <c r="G12772" t="s">
        <v>9808</v>
      </c>
      <c r="H12772">
        <v>5.6405820245829998</v>
      </c>
      <c r="I12772">
        <v>52.668117428079</v>
      </c>
      <c r="J12772" t="s">
        <v>68457</v>
      </c>
    </row>
    <row r="12773" spans="1:10" x14ac:dyDescent="0.25">
      <c r="A12773" t="s">
        <v>9801</v>
      </c>
      <c r="B12773" t="s">
        <v>9802</v>
      </c>
      <c r="C12773" t="s">
        <v>9803</v>
      </c>
      <c r="D12773" t="s">
        <v>9771</v>
      </c>
      <c r="E12773" t="s">
        <v>13</v>
      </c>
      <c r="F12773">
        <v>1309</v>
      </c>
      <c r="G12773" t="s">
        <v>9804</v>
      </c>
      <c r="H12773">
        <v>5.6287598100310001</v>
      </c>
      <c r="I12773">
        <v>52.663795460524</v>
      </c>
      <c r="J12773" t="s">
        <v>68458</v>
      </c>
    </row>
    <row r="12774" spans="1:10" x14ac:dyDescent="0.25">
      <c r="A12774" t="s">
        <v>9797</v>
      </c>
      <c r="B12774" t="s">
        <v>9798</v>
      </c>
      <c r="C12774" t="s">
        <v>9799</v>
      </c>
      <c r="D12774" t="s">
        <v>9771</v>
      </c>
      <c r="E12774" t="s">
        <v>13</v>
      </c>
      <c r="F12774">
        <v>1308</v>
      </c>
      <c r="G12774" t="s">
        <v>9800</v>
      </c>
      <c r="H12774">
        <v>5.6151964521890001</v>
      </c>
      <c r="I12774">
        <v>52.676694204024002</v>
      </c>
      <c r="J12774" t="s">
        <v>68459</v>
      </c>
    </row>
    <row r="12775" spans="1:10" x14ac:dyDescent="0.25">
      <c r="A12775" t="s">
        <v>9793</v>
      </c>
      <c r="B12775" t="s">
        <v>9794</v>
      </c>
      <c r="C12775" t="s">
        <v>9795</v>
      </c>
      <c r="D12775" t="s">
        <v>9771</v>
      </c>
      <c r="E12775" t="s">
        <v>13</v>
      </c>
      <c r="F12775">
        <v>1307</v>
      </c>
      <c r="G12775" t="s">
        <v>9796</v>
      </c>
      <c r="H12775">
        <v>5.6065358934280001</v>
      </c>
      <c r="I12775">
        <v>52.666119481926003</v>
      </c>
      <c r="J12775" t="s">
        <v>68460</v>
      </c>
    </row>
    <row r="12776" spans="1:10" x14ac:dyDescent="0.25">
      <c r="A12776" t="s">
        <v>9789</v>
      </c>
      <c r="B12776" t="s">
        <v>9790</v>
      </c>
      <c r="C12776" t="s">
        <v>9791</v>
      </c>
      <c r="D12776" t="s">
        <v>9771</v>
      </c>
      <c r="E12776" t="s">
        <v>13</v>
      </c>
      <c r="F12776">
        <v>1306</v>
      </c>
      <c r="G12776" t="s">
        <v>9792</v>
      </c>
      <c r="H12776">
        <v>5.6189004922279997</v>
      </c>
      <c r="I12776">
        <v>52.665706121504002</v>
      </c>
      <c r="J12776" t="s">
        <v>68461</v>
      </c>
    </row>
    <row r="12777" spans="1:10" x14ac:dyDescent="0.25">
      <c r="A12777" t="s">
        <v>9785</v>
      </c>
      <c r="B12777" t="s">
        <v>9786</v>
      </c>
      <c r="C12777" t="s">
        <v>9787</v>
      </c>
      <c r="D12777" t="s">
        <v>9771</v>
      </c>
      <c r="E12777" t="s">
        <v>13</v>
      </c>
      <c r="F12777">
        <v>1305</v>
      </c>
      <c r="G12777" t="s">
        <v>9788</v>
      </c>
      <c r="H12777">
        <v>5.6101779053780003</v>
      </c>
      <c r="I12777">
        <v>52.661136927770997</v>
      </c>
      <c r="J12777" t="s">
        <v>68462</v>
      </c>
    </row>
    <row r="12778" spans="1:10" x14ac:dyDescent="0.25">
      <c r="A12778" t="s">
        <v>9781</v>
      </c>
      <c r="B12778" t="s">
        <v>9782</v>
      </c>
      <c r="C12778" t="s">
        <v>9783</v>
      </c>
      <c r="D12778" t="s">
        <v>9771</v>
      </c>
      <c r="E12778" t="s">
        <v>13</v>
      </c>
      <c r="F12778">
        <v>1304</v>
      </c>
      <c r="G12778" t="s">
        <v>9784</v>
      </c>
      <c r="H12778">
        <v>5.6155743507090001</v>
      </c>
      <c r="I12778">
        <v>52.655309010880998</v>
      </c>
      <c r="J12778" t="s">
        <v>68463</v>
      </c>
    </row>
    <row r="12779" spans="1:10" x14ac:dyDescent="0.25">
      <c r="A12779" t="s">
        <v>9777</v>
      </c>
      <c r="B12779" t="s">
        <v>9778</v>
      </c>
      <c r="C12779" t="s">
        <v>9779</v>
      </c>
      <c r="D12779" t="s">
        <v>9771</v>
      </c>
      <c r="E12779" t="s">
        <v>13</v>
      </c>
      <c r="F12779">
        <v>1303</v>
      </c>
      <c r="G12779" t="s">
        <v>9780</v>
      </c>
      <c r="H12779">
        <v>5.5968136478729997</v>
      </c>
      <c r="I12779">
        <v>52.667056963942997</v>
      </c>
      <c r="J12779" t="s">
        <v>68464</v>
      </c>
    </row>
    <row r="12780" spans="1:10" x14ac:dyDescent="0.25">
      <c r="A12780" t="s">
        <v>9773</v>
      </c>
      <c r="B12780" t="s">
        <v>9774</v>
      </c>
      <c r="C12780" t="s">
        <v>9775</v>
      </c>
      <c r="D12780" t="s">
        <v>9771</v>
      </c>
      <c r="E12780" t="s">
        <v>13</v>
      </c>
      <c r="F12780">
        <v>1302</v>
      </c>
      <c r="G12780" t="s">
        <v>9776</v>
      </c>
      <c r="H12780">
        <v>5.6195167715940002</v>
      </c>
      <c r="I12780">
        <v>52.660037818747</v>
      </c>
      <c r="J12780" t="s">
        <v>68465</v>
      </c>
    </row>
    <row r="12781" spans="1:10" x14ac:dyDescent="0.25">
      <c r="A12781" t="s">
        <v>9768</v>
      </c>
      <c r="B12781" t="s">
        <v>9769</v>
      </c>
      <c r="C12781" t="s">
        <v>9770</v>
      </c>
      <c r="D12781" t="s">
        <v>9771</v>
      </c>
      <c r="E12781" t="s">
        <v>13</v>
      </c>
      <c r="F12781">
        <v>1301</v>
      </c>
      <c r="G12781" t="s">
        <v>9772</v>
      </c>
      <c r="H12781">
        <v>5.596835064095</v>
      </c>
      <c r="I12781">
        <v>52.661810198723003</v>
      </c>
      <c r="J12781" t="s">
        <v>68466</v>
      </c>
    </row>
    <row r="12782" spans="1:10" x14ac:dyDescent="0.25">
      <c r="A12782" t="s">
        <v>9764</v>
      </c>
      <c r="B12782" t="s">
        <v>9765</v>
      </c>
      <c r="C12782" t="s">
        <v>9766</v>
      </c>
      <c r="D12782" t="s">
        <v>9686</v>
      </c>
      <c r="E12782" t="s">
        <v>13</v>
      </c>
      <c r="F12782">
        <v>1300</v>
      </c>
      <c r="G12782" t="s">
        <v>9767</v>
      </c>
      <c r="H12782">
        <v>6.804235178671</v>
      </c>
      <c r="I12782">
        <v>52.377178232405001</v>
      </c>
      <c r="J12782" t="s">
        <v>68467</v>
      </c>
    </row>
    <row r="12783" spans="1:10" x14ac:dyDescent="0.25">
      <c r="A12783" t="s">
        <v>9760</v>
      </c>
      <c r="B12783" t="s">
        <v>9761</v>
      </c>
      <c r="C12783" t="s">
        <v>9762</v>
      </c>
      <c r="D12783" t="s">
        <v>9686</v>
      </c>
      <c r="E12783" t="s">
        <v>13</v>
      </c>
      <c r="F12783">
        <v>1299</v>
      </c>
      <c r="G12783" t="s">
        <v>9763</v>
      </c>
      <c r="H12783">
        <v>6.8062121337669996</v>
      </c>
      <c r="I12783">
        <v>52.381248338782001</v>
      </c>
      <c r="J12783" t="s">
        <v>68468</v>
      </c>
    </row>
    <row r="12784" spans="1:10" x14ac:dyDescent="0.25">
      <c r="A12784" t="s">
        <v>9756</v>
      </c>
      <c r="B12784" t="s">
        <v>9757</v>
      </c>
      <c r="C12784" t="s">
        <v>9758</v>
      </c>
      <c r="D12784" t="s">
        <v>9686</v>
      </c>
      <c r="E12784" t="s">
        <v>13</v>
      </c>
      <c r="F12784">
        <v>1298</v>
      </c>
      <c r="G12784" t="s">
        <v>9759</v>
      </c>
      <c r="H12784">
        <v>6.8445118588260003</v>
      </c>
      <c r="I12784">
        <v>52.382121428109997</v>
      </c>
      <c r="J12784" t="s">
        <v>68469</v>
      </c>
    </row>
    <row r="12785" spans="1:10" x14ac:dyDescent="0.25">
      <c r="A12785" t="s">
        <v>9752</v>
      </c>
      <c r="B12785" t="s">
        <v>9753</v>
      </c>
      <c r="C12785" t="s">
        <v>9754</v>
      </c>
      <c r="D12785" t="s">
        <v>9686</v>
      </c>
      <c r="E12785" t="s">
        <v>13</v>
      </c>
      <c r="F12785">
        <v>1297</v>
      </c>
      <c r="G12785" t="s">
        <v>9755</v>
      </c>
      <c r="H12785">
        <v>6.8367035704049997</v>
      </c>
      <c r="I12785">
        <v>52.406472010221997</v>
      </c>
      <c r="J12785" t="s">
        <v>68470</v>
      </c>
    </row>
    <row r="12786" spans="1:10" x14ac:dyDescent="0.25">
      <c r="A12786" t="s">
        <v>9748</v>
      </c>
      <c r="B12786" t="s">
        <v>9749</v>
      </c>
      <c r="C12786" t="s">
        <v>9750</v>
      </c>
      <c r="D12786" t="s">
        <v>9686</v>
      </c>
      <c r="E12786" t="s">
        <v>13</v>
      </c>
      <c r="F12786">
        <v>1296</v>
      </c>
      <c r="G12786" t="s">
        <v>9751</v>
      </c>
      <c r="H12786">
        <v>6.8451826682109997</v>
      </c>
      <c r="I12786">
        <v>52.390637057940999</v>
      </c>
      <c r="J12786" t="s">
        <v>68471</v>
      </c>
    </row>
    <row r="12787" spans="1:10" x14ac:dyDescent="0.25">
      <c r="A12787" t="s">
        <v>9744</v>
      </c>
      <c r="B12787" t="s">
        <v>9745</v>
      </c>
      <c r="C12787" t="s">
        <v>9746</v>
      </c>
      <c r="D12787" t="s">
        <v>9686</v>
      </c>
      <c r="E12787" t="s">
        <v>13</v>
      </c>
      <c r="F12787">
        <v>1295</v>
      </c>
      <c r="G12787" t="s">
        <v>9747</v>
      </c>
      <c r="H12787">
        <v>6.8236340559939999</v>
      </c>
      <c r="I12787">
        <v>52.444400311942999</v>
      </c>
      <c r="J12787" t="s">
        <v>68472</v>
      </c>
    </row>
    <row r="12788" spans="1:10" x14ac:dyDescent="0.25">
      <c r="A12788" t="s">
        <v>9740</v>
      </c>
      <c r="B12788" t="s">
        <v>9741</v>
      </c>
      <c r="C12788" t="s">
        <v>9742</v>
      </c>
      <c r="D12788" t="s">
        <v>9686</v>
      </c>
      <c r="E12788" t="s">
        <v>13</v>
      </c>
      <c r="F12788">
        <v>1294</v>
      </c>
      <c r="G12788" t="s">
        <v>9743</v>
      </c>
      <c r="H12788">
        <v>6.8298318104930003</v>
      </c>
      <c r="I12788">
        <v>52.422936565000001</v>
      </c>
      <c r="J12788" t="s">
        <v>68473</v>
      </c>
    </row>
    <row r="12789" spans="1:10" x14ac:dyDescent="0.25">
      <c r="A12789" t="s">
        <v>9736</v>
      </c>
      <c r="B12789" t="s">
        <v>9737</v>
      </c>
      <c r="C12789" t="s">
        <v>9738</v>
      </c>
      <c r="D12789" t="s">
        <v>9686</v>
      </c>
      <c r="E12789" t="s">
        <v>13</v>
      </c>
      <c r="F12789">
        <v>1293</v>
      </c>
      <c r="G12789" t="s">
        <v>9739</v>
      </c>
      <c r="H12789">
        <v>6.8832148192549996</v>
      </c>
      <c r="I12789">
        <v>52.438661823894002</v>
      </c>
      <c r="J12789" t="s">
        <v>68474</v>
      </c>
    </row>
    <row r="12790" spans="1:10" x14ac:dyDescent="0.25">
      <c r="A12790" t="s">
        <v>9732</v>
      </c>
      <c r="B12790" t="s">
        <v>9733</v>
      </c>
      <c r="C12790" t="s">
        <v>9734</v>
      </c>
      <c r="D12790" t="s">
        <v>9686</v>
      </c>
      <c r="E12790" t="s">
        <v>13</v>
      </c>
      <c r="F12790">
        <v>1292</v>
      </c>
      <c r="G12790" t="s">
        <v>9735</v>
      </c>
      <c r="H12790">
        <v>6.8308526227530004</v>
      </c>
      <c r="I12790">
        <v>52.433893294481997</v>
      </c>
      <c r="J12790" t="s">
        <v>68475</v>
      </c>
    </row>
    <row r="12791" spans="1:10" x14ac:dyDescent="0.25">
      <c r="A12791" t="s">
        <v>9728</v>
      </c>
      <c r="B12791" t="s">
        <v>9729</v>
      </c>
      <c r="C12791" t="s">
        <v>9730</v>
      </c>
      <c r="D12791" t="s">
        <v>9686</v>
      </c>
      <c r="E12791" t="s">
        <v>13</v>
      </c>
      <c r="F12791">
        <v>1291</v>
      </c>
      <c r="G12791" t="s">
        <v>9731</v>
      </c>
      <c r="H12791">
        <v>6.726790810991</v>
      </c>
      <c r="I12791">
        <v>52.458077803822</v>
      </c>
      <c r="J12791" t="s">
        <v>68476</v>
      </c>
    </row>
    <row r="12792" spans="1:10" x14ac:dyDescent="0.25">
      <c r="A12792" t="s">
        <v>9724</v>
      </c>
      <c r="B12792" t="s">
        <v>9725</v>
      </c>
      <c r="C12792" t="s">
        <v>9726</v>
      </c>
      <c r="D12792" t="s">
        <v>9686</v>
      </c>
      <c r="E12792" t="s">
        <v>13</v>
      </c>
      <c r="F12792">
        <v>1290</v>
      </c>
      <c r="G12792" t="s">
        <v>9727</v>
      </c>
      <c r="H12792">
        <v>6.7151944823329996</v>
      </c>
      <c r="I12792">
        <v>52.464800258666003</v>
      </c>
      <c r="J12792" t="s">
        <v>68477</v>
      </c>
    </row>
    <row r="12793" spans="1:10" x14ac:dyDescent="0.25">
      <c r="A12793" t="s">
        <v>9720</v>
      </c>
      <c r="B12793" t="s">
        <v>9721</v>
      </c>
      <c r="C12793" t="s">
        <v>9722</v>
      </c>
      <c r="D12793" t="s">
        <v>9686</v>
      </c>
      <c r="E12793" t="s">
        <v>13</v>
      </c>
      <c r="F12793">
        <v>1289</v>
      </c>
      <c r="G12793" t="s">
        <v>9723</v>
      </c>
      <c r="H12793">
        <v>6.7191382525929999</v>
      </c>
      <c r="I12793">
        <v>52.423554818340001</v>
      </c>
      <c r="J12793" t="s">
        <v>68478</v>
      </c>
    </row>
    <row r="12794" spans="1:10" x14ac:dyDescent="0.25">
      <c r="A12794" t="s">
        <v>9716</v>
      </c>
      <c r="B12794" t="s">
        <v>9717</v>
      </c>
      <c r="C12794" t="s">
        <v>9718</v>
      </c>
      <c r="D12794" t="s">
        <v>9686</v>
      </c>
      <c r="E12794" t="s">
        <v>13</v>
      </c>
      <c r="F12794">
        <v>1288</v>
      </c>
      <c r="G12794" t="s">
        <v>9719</v>
      </c>
      <c r="H12794">
        <v>6.7332560959199999</v>
      </c>
      <c r="I12794">
        <v>52.421878155251001</v>
      </c>
      <c r="J12794" t="s">
        <v>68479</v>
      </c>
    </row>
    <row r="12795" spans="1:10" x14ac:dyDescent="0.25">
      <c r="A12795" t="s">
        <v>9712</v>
      </c>
      <c r="B12795" t="s">
        <v>9713</v>
      </c>
      <c r="C12795" t="s">
        <v>9714</v>
      </c>
      <c r="D12795" t="s">
        <v>9686</v>
      </c>
      <c r="E12795" t="s">
        <v>13</v>
      </c>
      <c r="F12795">
        <v>1287</v>
      </c>
      <c r="G12795" t="s">
        <v>9715</v>
      </c>
      <c r="H12795">
        <v>6.7183274435270004</v>
      </c>
      <c r="I12795">
        <v>52.385060784425001</v>
      </c>
      <c r="J12795" t="s">
        <v>68480</v>
      </c>
    </row>
    <row r="12796" spans="1:10" x14ac:dyDescent="0.25">
      <c r="A12796" t="s">
        <v>9708</v>
      </c>
      <c r="B12796" t="s">
        <v>9709</v>
      </c>
      <c r="C12796" t="s">
        <v>9710</v>
      </c>
      <c r="D12796" t="s">
        <v>9686</v>
      </c>
      <c r="E12796" t="s">
        <v>13</v>
      </c>
      <c r="F12796">
        <v>1286</v>
      </c>
      <c r="G12796" t="s">
        <v>9711</v>
      </c>
      <c r="H12796">
        <v>6.7065504585940001</v>
      </c>
      <c r="I12796">
        <v>52.380538408128999</v>
      </c>
      <c r="J12796" t="s">
        <v>68481</v>
      </c>
    </row>
    <row r="12797" spans="1:10" x14ac:dyDescent="0.25">
      <c r="A12797" t="s">
        <v>9704</v>
      </c>
      <c r="B12797" t="s">
        <v>9705</v>
      </c>
      <c r="C12797" t="s">
        <v>9706</v>
      </c>
      <c r="D12797" t="s">
        <v>9686</v>
      </c>
      <c r="E12797" t="s">
        <v>13</v>
      </c>
      <c r="F12797">
        <v>1285</v>
      </c>
      <c r="G12797" t="s">
        <v>9707</v>
      </c>
      <c r="H12797">
        <v>6.7189134295980004</v>
      </c>
      <c r="I12797">
        <v>52.384743887981998</v>
      </c>
      <c r="J12797" t="s">
        <v>68482</v>
      </c>
    </row>
    <row r="12798" spans="1:10" x14ac:dyDescent="0.25">
      <c r="A12798" t="s">
        <v>9700</v>
      </c>
      <c r="B12798" t="s">
        <v>9701</v>
      </c>
      <c r="C12798" t="s">
        <v>9702</v>
      </c>
      <c r="D12798" t="s">
        <v>9686</v>
      </c>
      <c r="E12798" t="s">
        <v>13</v>
      </c>
      <c r="F12798">
        <v>1284</v>
      </c>
      <c r="G12798" t="s">
        <v>9703</v>
      </c>
      <c r="H12798">
        <v>6.7497108726899997</v>
      </c>
      <c r="I12798">
        <v>52.361844427952001</v>
      </c>
      <c r="J12798" t="s">
        <v>68483</v>
      </c>
    </row>
    <row r="12799" spans="1:10" x14ac:dyDescent="0.25">
      <c r="A12799" t="s">
        <v>9696</v>
      </c>
      <c r="B12799" t="s">
        <v>9697</v>
      </c>
      <c r="C12799" t="s">
        <v>9698</v>
      </c>
      <c r="D12799" t="s">
        <v>9686</v>
      </c>
      <c r="E12799" t="s">
        <v>13</v>
      </c>
      <c r="F12799">
        <v>1283</v>
      </c>
      <c r="G12799" t="s">
        <v>9699</v>
      </c>
      <c r="H12799">
        <v>6.7605123634830004</v>
      </c>
      <c r="I12799">
        <v>52.37137842968</v>
      </c>
      <c r="J12799" t="s">
        <v>68484</v>
      </c>
    </row>
    <row r="12800" spans="1:10" x14ac:dyDescent="0.25">
      <c r="A12800" t="s">
        <v>9692</v>
      </c>
      <c r="B12800" t="s">
        <v>9693</v>
      </c>
      <c r="C12800" t="s">
        <v>9694</v>
      </c>
      <c r="D12800" t="s">
        <v>9686</v>
      </c>
      <c r="E12800" t="s">
        <v>13</v>
      </c>
      <c r="F12800">
        <v>1282</v>
      </c>
      <c r="G12800" t="s">
        <v>9695</v>
      </c>
      <c r="H12800">
        <v>6.7805782246900002</v>
      </c>
      <c r="I12800">
        <v>52.405488041513003</v>
      </c>
      <c r="J12800" t="s">
        <v>68485</v>
      </c>
    </row>
    <row r="12801" spans="1:10" x14ac:dyDescent="0.25">
      <c r="A12801" t="s">
        <v>9688</v>
      </c>
      <c r="B12801" t="s">
        <v>9689</v>
      </c>
      <c r="C12801" t="s">
        <v>9690</v>
      </c>
      <c r="D12801" t="s">
        <v>9686</v>
      </c>
      <c r="E12801" t="s">
        <v>13</v>
      </c>
      <c r="F12801">
        <v>1281</v>
      </c>
      <c r="G12801" t="s">
        <v>9691</v>
      </c>
      <c r="H12801">
        <v>6.7831164093740002</v>
      </c>
      <c r="I12801">
        <v>52.449075118231001</v>
      </c>
      <c r="J12801" t="s">
        <v>68486</v>
      </c>
    </row>
    <row r="12802" spans="1:10" x14ac:dyDescent="0.25">
      <c r="A12802" t="s">
        <v>9683</v>
      </c>
      <c r="B12802" t="s">
        <v>9684</v>
      </c>
      <c r="C12802" t="s">
        <v>9685</v>
      </c>
      <c r="D12802" t="s">
        <v>9686</v>
      </c>
      <c r="E12802" t="s">
        <v>13</v>
      </c>
      <c r="F12802">
        <v>1280</v>
      </c>
      <c r="G12802" t="s">
        <v>9687</v>
      </c>
      <c r="H12802">
        <v>6.7805396556569999</v>
      </c>
      <c r="I12802">
        <v>52.407241140880998</v>
      </c>
      <c r="J12802" t="s">
        <v>68487</v>
      </c>
    </row>
    <row r="12803" spans="1:10" x14ac:dyDescent="0.25">
      <c r="A12803" t="s">
        <v>9679</v>
      </c>
      <c r="B12803" t="s">
        <v>9680</v>
      </c>
      <c r="C12803" t="s">
        <v>9681</v>
      </c>
      <c r="D12803" t="s">
        <v>9587</v>
      </c>
      <c r="E12803" t="s">
        <v>13</v>
      </c>
      <c r="F12803">
        <v>1279</v>
      </c>
      <c r="G12803" t="s">
        <v>9682</v>
      </c>
      <c r="H12803">
        <v>6.1142720665369996</v>
      </c>
      <c r="I12803">
        <v>52.613787877713001</v>
      </c>
      <c r="J12803" t="s">
        <v>68488</v>
      </c>
    </row>
    <row r="12804" spans="1:10" x14ac:dyDescent="0.25">
      <c r="A12804" t="s">
        <v>9676</v>
      </c>
      <c r="B12804" t="s">
        <v>9677</v>
      </c>
      <c r="C12804" t="s">
        <v>9646</v>
      </c>
      <c r="D12804" t="s">
        <v>9587</v>
      </c>
      <c r="E12804" t="s">
        <v>13</v>
      </c>
      <c r="F12804">
        <v>1278</v>
      </c>
      <c r="G12804" t="s">
        <v>9678</v>
      </c>
      <c r="H12804">
        <v>6.2250269440089996</v>
      </c>
      <c r="I12804">
        <v>52.675585799780002</v>
      </c>
      <c r="J12804" t="s">
        <v>68489</v>
      </c>
    </row>
    <row r="12805" spans="1:10" x14ac:dyDescent="0.25">
      <c r="A12805" t="s">
        <v>9672</v>
      </c>
      <c r="B12805" t="s">
        <v>9673</v>
      </c>
      <c r="C12805" t="s">
        <v>9674</v>
      </c>
      <c r="D12805" t="s">
        <v>9587</v>
      </c>
      <c r="E12805" t="s">
        <v>13</v>
      </c>
      <c r="F12805">
        <v>1277</v>
      </c>
      <c r="G12805" t="s">
        <v>9675</v>
      </c>
      <c r="H12805">
        <v>6.2691725676669998</v>
      </c>
      <c r="I12805">
        <v>52.606672671669003</v>
      </c>
      <c r="J12805" t="s">
        <v>68490</v>
      </c>
    </row>
    <row r="12806" spans="1:10" x14ac:dyDescent="0.25">
      <c r="A12806" t="s">
        <v>9668</v>
      </c>
      <c r="B12806" t="s">
        <v>9669</v>
      </c>
      <c r="C12806" t="s">
        <v>9670</v>
      </c>
      <c r="D12806" t="s">
        <v>9587</v>
      </c>
      <c r="E12806" t="s">
        <v>13</v>
      </c>
      <c r="F12806">
        <v>1276</v>
      </c>
      <c r="G12806" t="s">
        <v>9671</v>
      </c>
      <c r="H12806">
        <v>6.2883733083970004</v>
      </c>
      <c r="I12806">
        <v>52.643195205193003</v>
      </c>
      <c r="J12806" t="s">
        <v>68491</v>
      </c>
    </row>
    <row r="12807" spans="1:10" x14ac:dyDescent="0.25">
      <c r="A12807" t="s">
        <v>9664</v>
      </c>
      <c r="B12807" t="s">
        <v>9665</v>
      </c>
      <c r="C12807" t="s">
        <v>9666</v>
      </c>
      <c r="D12807" t="s">
        <v>9587</v>
      </c>
      <c r="E12807" t="s">
        <v>13</v>
      </c>
      <c r="F12807">
        <v>1275</v>
      </c>
      <c r="G12807" t="s">
        <v>9667</v>
      </c>
      <c r="H12807">
        <v>6.2898019294659999</v>
      </c>
      <c r="I12807">
        <v>52.660006941757999</v>
      </c>
      <c r="J12807" t="s">
        <v>68492</v>
      </c>
    </row>
    <row r="12808" spans="1:10" x14ac:dyDescent="0.25">
      <c r="A12808" t="s">
        <v>9660</v>
      </c>
      <c r="B12808" t="s">
        <v>9661</v>
      </c>
      <c r="C12808" t="s">
        <v>9662</v>
      </c>
      <c r="D12808" t="s">
        <v>9587</v>
      </c>
      <c r="E12808" t="s">
        <v>13</v>
      </c>
      <c r="F12808">
        <v>1274</v>
      </c>
      <c r="G12808" t="s">
        <v>9663</v>
      </c>
      <c r="H12808">
        <v>6.1594152476200001</v>
      </c>
      <c r="I12808">
        <v>52.667077745317002</v>
      </c>
      <c r="J12808" t="s">
        <v>68493</v>
      </c>
    </row>
    <row r="12809" spans="1:10" x14ac:dyDescent="0.25">
      <c r="A12809" t="s">
        <v>9656</v>
      </c>
      <c r="B12809" t="s">
        <v>9657</v>
      </c>
      <c r="C12809" t="s">
        <v>9658</v>
      </c>
      <c r="D12809" t="s">
        <v>9587</v>
      </c>
      <c r="E12809" t="s">
        <v>13</v>
      </c>
      <c r="F12809">
        <v>1273</v>
      </c>
      <c r="G12809" t="s">
        <v>9659</v>
      </c>
      <c r="H12809">
        <v>6.1857522722590002</v>
      </c>
      <c r="I12809">
        <v>52.650066562151999</v>
      </c>
      <c r="J12809" t="s">
        <v>68494</v>
      </c>
    </row>
    <row r="12810" spans="1:10" x14ac:dyDescent="0.25">
      <c r="A12810" t="s">
        <v>9652</v>
      </c>
      <c r="B12810" t="s">
        <v>9653</v>
      </c>
      <c r="C12810" t="s">
        <v>9654</v>
      </c>
      <c r="D12810" t="s">
        <v>9587</v>
      </c>
      <c r="E12810" t="s">
        <v>13</v>
      </c>
      <c r="F12810">
        <v>1272</v>
      </c>
      <c r="G12810" t="s">
        <v>9655</v>
      </c>
      <c r="H12810">
        <v>6.2207485540630003</v>
      </c>
      <c r="I12810">
        <v>52.624154438298</v>
      </c>
      <c r="J12810" t="s">
        <v>68495</v>
      </c>
    </row>
    <row r="12811" spans="1:10" x14ac:dyDescent="0.25">
      <c r="A12811" t="s">
        <v>9648</v>
      </c>
      <c r="B12811" t="s">
        <v>9649</v>
      </c>
      <c r="C12811" t="s">
        <v>9650</v>
      </c>
      <c r="D12811" t="s">
        <v>9587</v>
      </c>
      <c r="E12811" t="s">
        <v>13</v>
      </c>
      <c r="F12811">
        <v>1271</v>
      </c>
      <c r="G12811" t="s">
        <v>9651</v>
      </c>
      <c r="H12811">
        <v>6.241900614995</v>
      </c>
      <c r="I12811">
        <v>52.645449566327002</v>
      </c>
      <c r="J12811" t="s">
        <v>68496</v>
      </c>
    </row>
    <row r="12812" spans="1:10" x14ac:dyDescent="0.25">
      <c r="A12812" t="s">
        <v>9644</v>
      </c>
      <c r="B12812" t="s">
        <v>9645</v>
      </c>
      <c r="C12812" t="s">
        <v>9646</v>
      </c>
      <c r="D12812" t="s">
        <v>9587</v>
      </c>
      <c r="E12812" t="s">
        <v>13</v>
      </c>
      <c r="F12812">
        <v>1270</v>
      </c>
      <c r="G12812" t="s">
        <v>9647</v>
      </c>
      <c r="H12812">
        <v>6.2224574286119996</v>
      </c>
      <c r="I12812">
        <v>52.665748448426001</v>
      </c>
      <c r="J12812" t="s">
        <v>68497</v>
      </c>
    </row>
    <row r="12813" spans="1:10" x14ac:dyDescent="0.25">
      <c r="A12813" t="s">
        <v>9640</v>
      </c>
      <c r="B12813" t="s">
        <v>9641</v>
      </c>
      <c r="C12813" t="s">
        <v>9642</v>
      </c>
      <c r="D12813" t="s">
        <v>9587</v>
      </c>
      <c r="E12813" t="s">
        <v>13</v>
      </c>
      <c r="F12813">
        <v>1269</v>
      </c>
      <c r="G12813" t="s">
        <v>9643</v>
      </c>
      <c r="H12813">
        <v>6.141685294507</v>
      </c>
      <c r="I12813">
        <v>52.620995233922997</v>
      </c>
      <c r="J12813" t="s">
        <v>68498</v>
      </c>
    </row>
    <row r="12814" spans="1:10" x14ac:dyDescent="0.25">
      <c r="A12814" t="s">
        <v>9636</v>
      </c>
      <c r="B12814" t="s">
        <v>9637</v>
      </c>
      <c r="C12814" t="s">
        <v>9638</v>
      </c>
      <c r="D12814" t="s">
        <v>9587</v>
      </c>
      <c r="E12814" t="s">
        <v>13</v>
      </c>
      <c r="F12814">
        <v>1268</v>
      </c>
      <c r="G12814" t="s">
        <v>9639</v>
      </c>
      <c r="H12814">
        <v>6.1685106375709999</v>
      </c>
      <c r="I12814">
        <v>52.633600835285002</v>
      </c>
      <c r="J12814" t="s">
        <v>68499</v>
      </c>
    </row>
    <row r="12815" spans="1:10" x14ac:dyDescent="0.25">
      <c r="A12815" t="s">
        <v>9632</v>
      </c>
      <c r="B12815" t="s">
        <v>9633</v>
      </c>
      <c r="C12815" t="s">
        <v>9634</v>
      </c>
      <c r="D12815" t="s">
        <v>9587</v>
      </c>
      <c r="E12815" t="s">
        <v>13</v>
      </c>
      <c r="F12815">
        <v>1267</v>
      </c>
      <c r="G12815" t="s">
        <v>9635</v>
      </c>
      <c r="H12815">
        <v>6.2133428604800001</v>
      </c>
      <c r="I12815">
        <v>52.612301384839</v>
      </c>
      <c r="J12815" t="s">
        <v>68500</v>
      </c>
    </row>
    <row r="12816" spans="1:10" x14ac:dyDescent="0.25">
      <c r="A12816" t="s">
        <v>9629</v>
      </c>
      <c r="B12816" t="s">
        <v>9630</v>
      </c>
      <c r="C12816" t="s">
        <v>8573</v>
      </c>
      <c r="D12816" t="s">
        <v>9587</v>
      </c>
      <c r="E12816" t="s">
        <v>13</v>
      </c>
      <c r="F12816">
        <v>1266</v>
      </c>
      <c r="G12816" t="s">
        <v>9631</v>
      </c>
      <c r="H12816">
        <v>6.2122932073939996</v>
      </c>
      <c r="I12816">
        <v>52.593587835500003</v>
      </c>
      <c r="J12816" t="s">
        <v>68501</v>
      </c>
    </row>
    <row r="12817" spans="1:10" x14ac:dyDescent="0.25">
      <c r="A12817" t="s">
        <v>9625</v>
      </c>
      <c r="B12817" t="s">
        <v>9626</v>
      </c>
      <c r="C12817" t="s">
        <v>9627</v>
      </c>
      <c r="D12817" t="s">
        <v>9587</v>
      </c>
      <c r="E12817" t="s">
        <v>13</v>
      </c>
      <c r="F12817">
        <v>1265</v>
      </c>
      <c r="G12817" t="s">
        <v>9628</v>
      </c>
      <c r="H12817">
        <v>6.1847488553670003</v>
      </c>
      <c r="I12817">
        <v>52.625955443085999</v>
      </c>
      <c r="J12817" t="s">
        <v>68502</v>
      </c>
    </row>
    <row r="12818" spans="1:10" x14ac:dyDescent="0.25">
      <c r="A12818" t="s">
        <v>9621</v>
      </c>
      <c r="B12818" t="s">
        <v>9622</v>
      </c>
      <c r="C12818" t="s">
        <v>9623</v>
      </c>
      <c r="D12818" t="s">
        <v>9587</v>
      </c>
      <c r="E12818" t="s">
        <v>13</v>
      </c>
      <c r="F12818">
        <v>1264</v>
      </c>
      <c r="G12818" t="s">
        <v>9624</v>
      </c>
      <c r="H12818">
        <v>6.1891550526949999</v>
      </c>
      <c r="I12818">
        <v>52.600558846219002</v>
      </c>
      <c r="J12818" t="s">
        <v>68503</v>
      </c>
    </row>
    <row r="12819" spans="1:10" x14ac:dyDescent="0.25">
      <c r="A12819" t="s">
        <v>9617</v>
      </c>
      <c r="B12819" t="s">
        <v>9618</v>
      </c>
      <c r="C12819" t="s">
        <v>9619</v>
      </c>
      <c r="D12819" t="s">
        <v>9587</v>
      </c>
      <c r="E12819" t="s">
        <v>13</v>
      </c>
      <c r="F12819">
        <v>1263</v>
      </c>
      <c r="G12819" t="s">
        <v>9620</v>
      </c>
      <c r="H12819">
        <v>6.1813924542140004</v>
      </c>
      <c r="I12819">
        <v>52.615473004164002</v>
      </c>
      <c r="J12819" t="s">
        <v>68504</v>
      </c>
    </row>
    <row r="12820" spans="1:10" x14ac:dyDescent="0.25">
      <c r="A12820" t="s">
        <v>9613</v>
      </c>
      <c r="B12820" t="s">
        <v>9614</v>
      </c>
      <c r="C12820" t="s">
        <v>9615</v>
      </c>
      <c r="D12820" t="s">
        <v>9587</v>
      </c>
      <c r="E12820" t="s">
        <v>13</v>
      </c>
      <c r="F12820">
        <v>1262</v>
      </c>
      <c r="G12820" t="s">
        <v>9616</v>
      </c>
      <c r="H12820">
        <v>6.2215969911949998</v>
      </c>
      <c r="I12820">
        <v>52.632734082219002</v>
      </c>
      <c r="J12820" t="s">
        <v>68505</v>
      </c>
    </row>
    <row r="12821" spans="1:10" x14ac:dyDescent="0.25">
      <c r="A12821" t="s">
        <v>9609</v>
      </c>
      <c r="B12821" t="s">
        <v>9610</v>
      </c>
      <c r="C12821" t="s">
        <v>9611</v>
      </c>
      <c r="D12821" t="s">
        <v>9587</v>
      </c>
      <c r="E12821" t="s">
        <v>13</v>
      </c>
      <c r="F12821">
        <v>1261</v>
      </c>
      <c r="G12821" t="s">
        <v>9612</v>
      </c>
      <c r="H12821">
        <v>6.2045178255920002</v>
      </c>
      <c r="I12821">
        <v>52.652214807306002</v>
      </c>
      <c r="J12821" t="s">
        <v>68506</v>
      </c>
    </row>
    <row r="12822" spans="1:10" x14ac:dyDescent="0.25">
      <c r="A12822" t="s">
        <v>9605</v>
      </c>
      <c r="B12822" t="s">
        <v>9606</v>
      </c>
      <c r="C12822" t="s">
        <v>9607</v>
      </c>
      <c r="D12822" t="s">
        <v>9587</v>
      </c>
      <c r="E12822" t="s">
        <v>13</v>
      </c>
      <c r="F12822">
        <v>1260</v>
      </c>
      <c r="G12822" t="s">
        <v>9608</v>
      </c>
      <c r="H12822">
        <v>6.2108739350070001</v>
      </c>
      <c r="I12822">
        <v>52.639308979889002</v>
      </c>
      <c r="J12822" t="s">
        <v>68507</v>
      </c>
    </row>
    <row r="12823" spans="1:10" x14ac:dyDescent="0.25">
      <c r="A12823" t="s">
        <v>9601</v>
      </c>
      <c r="B12823" t="s">
        <v>9602</v>
      </c>
      <c r="C12823" t="s">
        <v>9603</v>
      </c>
      <c r="D12823" t="s">
        <v>9587</v>
      </c>
      <c r="E12823" t="s">
        <v>13</v>
      </c>
      <c r="F12823">
        <v>1259</v>
      </c>
      <c r="G12823" t="s">
        <v>9604</v>
      </c>
      <c r="H12823">
        <v>6.2241270587389996</v>
      </c>
      <c r="I12823">
        <v>52.638924683017002</v>
      </c>
      <c r="J12823" t="s">
        <v>68508</v>
      </c>
    </row>
    <row r="12824" spans="1:10" x14ac:dyDescent="0.25">
      <c r="A12824" t="s">
        <v>9597</v>
      </c>
      <c r="B12824" t="s">
        <v>9598</v>
      </c>
      <c r="C12824" t="s">
        <v>9599</v>
      </c>
      <c r="D12824" t="s">
        <v>9587</v>
      </c>
      <c r="E12824" t="s">
        <v>13</v>
      </c>
      <c r="F12824">
        <v>1258</v>
      </c>
      <c r="G12824" t="s">
        <v>9600</v>
      </c>
      <c r="H12824">
        <v>6.2243643426409996</v>
      </c>
      <c r="I12824">
        <v>52.652670225675003</v>
      </c>
      <c r="J12824" t="s">
        <v>68509</v>
      </c>
    </row>
    <row r="12825" spans="1:10" x14ac:dyDescent="0.25">
      <c r="A12825" t="s">
        <v>9593</v>
      </c>
      <c r="B12825" t="s">
        <v>9594</v>
      </c>
      <c r="C12825" t="s">
        <v>9595</v>
      </c>
      <c r="D12825" t="s">
        <v>9587</v>
      </c>
      <c r="E12825" t="s">
        <v>13</v>
      </c>
      <c r="F12825">
        <v>1257</v>
      </c>
      <c r="G12825" t="s">
        <v>9596</v>
      </c>
      <c r="H12825">
        <v>6.1938176774649998</v>
      </c>
      <c r="I12825">
        <v>52.639699557116003</v>
      </c>
      <c r="J12825" t="s">
        <v>68510</v>
      </c>
    </row>
    <row r="12826" spans="1:10" x14ac:dyDescent="0.25">
      <c r="A12826" t="s">
        <v>9589</v>
      </c>
      <c r="B12826" t="s">
        <v>9590</v>
      </c>
      <c r="C12826" t="s">
        <v>9591</v>
      </c>
      <c r="D12826" t="s">
        <v>9587</v>
      </c>
      <c r="E12826" t="s">
        <v>13</v>
      </c>
      <c r="F12826">
        <v>1256</v>
      </c>
      <c r="G12826" t="s">
        <v>9592</v>
      </c>
      <c r="H12826">
        <v>6.2024603584389997</v>
      </c>
      <c r="I12826">
        <v>52.644832100069998</v>
      </c>
      <c r="J12826" t="s">
        <v>68511</v>
      </c>
    </row>
    <row r="12827" spans="1:10" x14ac:dyDescent="0.25">
      <c r="A12827" t="s">
        <v>9584</v>
      </c>
      <c r="B12827" t="s">
        <v>9585</v>
      </c>
      <c r="C12827" t="s">
        <v>9586</v>
      </c>
      <c r="D12827" t="s">
        <v>9587</v>
      </c>
      <c r="E12827" t="s">
        <v>13</v>
      </c>
      <c r="F12827">
        <v>1255</v>
      </c>
      <c r="G12827" t="s">
        <v>9588</v>
      </c>
      <c r="H12827">
        <v>6.2115742940249996</v>
      </c>
      <c r="I12827">
        <v>52.647357735141</v>
      </c>
      <c r="J12827" t="s">
        <v>68512</v>
      </c>
    </row>
    <row r="12828" spans="1:10" x14ac:dyDescent="0.25">
      <c r="A12828" t="s">
        <v>9580</v>
      </c>
      <c r="B12828" t="s">
        <v>9581</v>
      </c>
      <c r="C12828" t="s">
        <v>9582</v>
      </c>
      <c r="D12828" t="s">
        <v>2780</v>
      </c>
      <c r="E12828" t="s">
        <v>13</v>
      </c>
      <c r="F12828">
        <v>1254</v>
      </c>
      <c r="G12828" t="s">
        <v>9583</v>
      </c>
      <c r="H12828">
        <v>6.3919714426000001</v>
      </c>
      <c r="I12828">
        <v>52.572863530269998</v>
      </c>
      <c r="J12828" t="s">
        <v>68513</v>
      </c>
    </row>
    <row r="12829" spans="1:10" x14ac:dyDescent="0.25">
      <c r="A12829" t="s">
        <v>9576</v>
      </c>
      <c r="B12829" t="s">
        <v>9577</v>
      </c>
      <c r="C12829" t="s">
        <v>9578</v>
      </c>
      <c r="D12829" t="s">
        <v>2780</v>
      </c>
      <c r="E12829" t="s">
        <v>13</v>
      </c>
      <c r="F12829">
        <v>1253</v>
      </c>
      <c r="G12829" t="s">
        <v>9579</v>
      </c>
      <c r="H12829">
        <v>6.3783663841370002</v>
      </c>
      <c r="I12829">
        <v>52.559871911898</v>
      </c>
      <c r="J12829" t="s">
        <v>68514</v>
      </c>
    </row>
    <row r="12830" spans="1:10" x14ac:dyDescent="0.25">
      <c r="A12830" t="s">
        <v>9572</v>
      </c>
      <c r="B12830" t="s">
        <v>9573</v>
      </c>
      <c r="C12830" t="s">
        <v>9574</v>
      </c>
      <c r="D12830" t="s">
        <v>2780</v>
      </c>
      <c r="E12830" t="s">
        <v>13</v>
      </c>
      <c r="F12830">
        <v>1252</v>
      </c>
      <c r="G12830" t="s">
        <v>9575</v>
      </c>
      <c r="H12830">
        <v>6.3954464850330002</v>
      </c>
      <c r="I12830">
        <v>52.561756839140997</v>
      </c>
      <c r="J12830" t="s">
        <v>68515</v>
      </c>
    </row>
    <row r="12831" spans="1:10" x14ac:dyDescent="0.25">
      <c r="A12831" t="s">
        <v>9568</v>
      </c>
      <c r="B12831" t="s">
        <v>9569</v>
      </c>
      <c r="C12831" t="s">
        <v>9570</v>
      </c>
      <c r="D12831" t="s">
        <v>2780</v>
      </c>
      <c r="E12831" t="s">
        <v>13</v>
      </c>
      <c r="F12831">
        <v>1251</v>
      </c>
      <c r="G12831" t="s">
        <v>9571</v>
      </c>
      <c r="H12831">
        <v>6.3848005635689997</v>
      </c>
      <c r="I12831">
        <v>52.584686818336998</v>
      </c>
      <c r="J12831" t="s">
        <v>68516</v>
      </c>
    </row>
    <row r="12832" spans="1:10" x14ac:dyDescent="0.25">
      <c r="A12832" t="s">
        <v>9564</v>
      </c>
      <c r="B12832" t="s">
        <v>9565</v>
      </c>
      <c r="C12832" t="s">
        <v>9566</v>
      </c>
      <c r="D12832" t="s">
        <v>2780</v>
      </c>
      <c r="E12832" t="s">
        <v>13</v>
      </c>
      <c r="F12832">
        <v>1250</v>
      </c>
      <c r="G12832" t="s">
        <v>9567</v>
      </c>
      <c r="H12832">
        <v>6.3490986921830004</v>
      </c>
      <c r="I12832">
        <v>52.580438495705998</v>
      </c>
      <c r="J12832" t="s">
        <v>68517</v>
      </c>
    </row>
    <row r="12833" spans="1:10" x14ac:dyDescent="0.25">
      <c r="A12833" t="s">
        <v>2806</v>
      </c>
      <c r="B12833" t="s">
        <v>2807</v>
      </c>
      <c r="C12833" t="s">
        <v>2808</v>
      </c>
      <c r="D12833" t="s">
        <v>2780</v>
      </c>
      <c r="E12833" t="s">
        <v>13</v>
      </c>
      <c r="F12833">
        <v>1249</v>
      </c>
      <c r="G12833" t="s">
        <v>2809</v>
      </c>
      <c r="H12833">
        <v>6.3575134924240002</v>
      </c>
      <c r="I12833">
        <v>52.502580286323003</v>
      </c>
      <c r="J12833" t="s">
        <v>68518</v>
      </c>
    </row>
    <row r="12834" spans="1:10" x14ac:dyDescent="0.25">
      <c r="A12834" t="s">
        <v>9560</v>
      </c>
      <c r="B12834" t="s">
        <v>9561</v>
      </c>
      <c r="C12834" t="s">
        <v>9562</v>
      </c>
      <c r="D12834" t="s">
        <v>2780</v>
      </c>
      <c r="E12834" t="s">
        <v>13</v>
      </c>
      <c r="F12834">
        <v>1248</v>
      </c>
      <c r="G12834" t="s">
        <v>9563</v>
      </c>
      <c r="H12834">
        <v>6.3521523951459997</v>
      </c>
      <c r="I12834">
        <v>52.510651919074</v>
      </c>
      <c r="J12834" t="s">
        <v>68519</v>
      </c>
    </row>
    <row r="12835" spans="1:10" x14ac:dyDescent="0.25">
      <c r="A12835" t="s">
        <v>9556</v>
      </c>
      <c r="B12835" t="s">
        <v>9557</v>
      </c>
      <c r="C12835" t="s">
        <v>9558</v>
      </c>
      <c r="D12835" t="s">
        <v>2780</v>
      </c>
      <c r="E12835" t="s">
        <v>13</v>
      </c>
      <c r="F12835">
        <v>1247</v>
      </c>
      <c r="G12835" t="s">
        <v>9559</v>
      </c>
      <c r="H12835">
        <v>6.4981711830359998</v>
      </c>
      <c r="I12835">
        <v>52.557989883086002</v>
      </c>
      <c r="J12835" t="s">
        <v>68520</v>
      </c>
    </row>
    <row r="12836" spans="1:10" x14ac:dyDescent="0.25">
      <c r="A12836" t="s">
        <v>9552</v>
      </c>
      <c r="B12836" t="s">
        <v>9553</v>
      </c>
      <c r="C12836" t="s">
        <v>9554</v>
      </c>
      <c r="D12836" t="s">
        <v>2780</v>
      </c>
      <c r="E12836" t="s">
        <v>13</v>
      </c>
      <c r="F12836">
        <v>1246</v>
      </c>
      <c r="G12836" t="s">
        <v>9555</v>
      </c>
      <c r="H12836">
        <v>6.5121554624389999</v>
      </c>
      <c r="I12836">
        <v>52.533352698751997</v>
      </c>
      <c r="J12836" t="s">
        <v>68521</v>
      </c>
    </row>
    <row r="12837" spans="1:10" x14ac:dyDescent="0.25">
      <c r="A12837" t="s">
        <v>2802</v>
      </c>
      <c r="B12837" t="s">
        <v>2803</v>
      </c>
      <c r="C12837" t="s">
        <v>2804</v>
      </c>
      <c r="D12837" t="s">
        <v>2780</v>
      </c>
      <c r="E12837" t="s">
        <v>13</v>
      </c>
      <c r="F12837">
        <v>1245</v>
      </c>
      <c r="G12837" t="s">
        <v>2805</v>
      </c>
      <c r="H12837">
        <v>6.4257304456620004</v>
      </c>
      <c r="I12837">
        <v>52.474105912947998</v>
      </c>
      <c r="J12837" t="s">
        <v>68522</v>
      </c>
    </row>
    <row r="12838" spans="1:10" x14ac:dyDescent="0.25">
      <c r="A12838" t="s">
        <v>2798</v>
      </c>
      <c r="B12838" t="s">
        <v>2799</v>
      </c>
      <c r="C12838" t="s">
        <v>2800</v>
      </c>
      <c r="D12838" t="s">
        <v>2780</v>
      </c>
      <c r="E12838" t="s">
        <v>13</v>
      </c>
      <c r="F12838">
        <v>1244</v>
      </c>
      <c r="G12838" t="s">
        <v>2801</v>
      </c>
      <c r="H12838">
        <v>6.4075219870959996</v>
      </c>
      <c r="I12838">
        <v>52.449379453444998</v>
      </c>
      <c r="J12838" t="s">
        <v>68523</v>
      </c>
    </row>
    <row r="12839" spans="1:10" x14ac:dyDescent="0.25">
      <c r="A12839" t="s">
        <v>2794</v>
      </c>
      <c r="B12839" t="s">
        <v>2795</v>
      </c>
      <c r="C12839" t="s">
        <v>2796</v>
      </c>
      <c r="D12839" t="s">
        <v>2780</v>
      </c>
      <c r="E12839" t="s">
        <v>13</v>
      </c>
      <c r="F12839">
        <v>1243</v>
      </c>
      <c r="G12839" t="s">
        <v>2797</v>
      </c>
      <c r="H12839">
        <v>6.4189707036919996</v>
      </c>
      <c r="I12839">
        <v>52.455078456263998</v>
      </c>
      <c r="J12839" t="s">
        <v>68524</v>
      </c>
    </row>
    <row r="12840" spans="1:10" x14ac:dyDescent="0.25">
      <c r="A12840" t="s">
        <v>2790</v>
      </c>
      <c r="B12840" t="s">
        <v>2791</v>
      </c>
      <c r="C12840" t="s">
        <v>2792</v>
      </c>
      <c r="D12840" t="s">
        <v>2780</v>
      </c>
      <c r="E12840" t="s">
        <v>13</v>
      </c>
      <c r="F12840">
        <v>1242</v>
      </c>
      <c r="G12840" t="s">
        <v>2793</v>
      </c>
      <c r="H12840">
        <v>6.3960920760360001</v>
      </c>
      <c r="I12840">
        <v>52.491313921355001</v>
      </c>
      <c r="J12840" t="s">
        <v>68525</v>
      </c>
    </row>
    <row r="12841" spans="1:10" x14ac:dyDescent="0.25">
      <c r="A12841" t="s">
        <v>2786</v>
      </c>
      <c r="B12841" t="s">
        <v>2787</v>
      </c>
      <c r="C12841" t="s">
        <v>2788</v>
      </c>
      <c r="D12841" t="s">
        <v>2780</v>
      </c>
      <c r="E12841" t="s">
        <v>13</v>
      </c>
      <c r="F12841">
        <v>1241</v>
      </c>
      <c r="G12841" t="s">
        <v>2789</v>
      </c>
      <c r="H12841">
        <v>6.3682486655949999</v>
      </c>
      <c r="I12841">
        <v>52.470395689187001</v>
      </c>
      <c r="J12841" t="s">
        <v>68526</v>
      </c>
    </row>
    <row r="12842" spans="1:10" x14ac:dyDescent="0.25">
      <c r="A12842" t="s">
        <v>9548</v>
      </c>
      <c r="B12842" t="s">
        <v>9549</v>
      </c>
      <c r="C12842" t="s">
        <v>9550</v>
      </c>
      <c r="D12842" t="s">
        <v>2780</v>
      </c>
      <c r="E12842" t="s">
        <v>13</v>
      </c>
      <c r="F12842">
        <v>1240</v>
      </c>
      <c r="G12842" t="s">
        <v>9551</v>
      </c>
      <c r="H12842">
        <v>6.5689120516859996</v>
      </c>
      <c r="I12842">
        <v>52.492989153331997</v>
      </c>
      <c r="J12842" t="s">
        <v>68527</v>
      </c>
    </row>
    <row r="12843" spans="1:10" x14ac:dyDescent="0.25">
      <c r="A12843" t="s">
        <v>9544</v>
      </c>
      <c r="B12843" t="s">
        <v>9545</v>
      </c>
      <c r="C12843" t="s">
        <v>9546</v>
      </c>
      <c r="D12843" t="s">
        <v>2780</v>
      </c>
      <c r="E12843" t="s">
        <v>13</v>
      </c>
      <c r="F12843">
        <v>1239</v>
      </c>
      <c r="G12843" t="s">
        <v>9547</v>
      </c>
      <c r="H12843">
        <v>6.5826010183149997</v>
      </c>
      <c r="I12843">
        <v>52.503319821120002</v>
      </c>
      <c r="J12843" t="s">
        <v>68528</v>
      </c>
    </row>
    <row r="12844" spans="1:10" x14ac:dyDescent="0.25">
      <c r="A12844" t="s">
        <v>9540</v>
      </c>
      <c r="B12844" t="s">
        <v>9541</v>
      </c>
      <c r="C12844" t="s">
        <v>9542</v>
      </c>
      <c r="D12844" t="s">
        <v>2780</v>
      </c>
      <c r="E12844" t="s">
        <v>13</v>
      </c>
      <c r="F12844">
        <v>1238</v>
      </c>
      <c r="G12844" t="s">
        <v>9543</v>
      </c>
      <c r="H12844">
        <v>6.5732476530049997</v>
      </c>
      <c r="I12844">
        <v>52.493747084187</v>
      </c>
      <c r="J12844" t="s">
        <v>68529</v>
      </c>
    </row>
    <row r="12845" spans="1:10" x14ac:dyDescent="0.25">
      <c r="A12845" t="s">
        <v>9536</v>
      </c>
      <c r="B12845" t="s">
        <v>9537</v>
      </c>
      <c r="C12845" t="s">
        <v>9538</v>
      </c>
      <c r="D12845" t="s">
        <v>2780</v>
      </c>
      <c r="E12845" t="s">
        <v>13</v>
      </c>
      <c r="F12845">
        <v>1237</v>
      </c>
      <c r="G12845" t="s">
        <v>9539</v>
      </c>
      <c r="H12845">
        <v>6.5359881116730003</v>
      </c>
      <c r="I12845">
        <v>52.508219910938003</v>
      </c>
      <c r="J12845" t="s">
        <v>68530</v>
      </c>
    </row>
    <row r="12846" spans="1:10" x14ac:dyDescent="0.25">
      <c r="A12846" t="s">
        <v>9532</v>
      </c>
      <c r="B12846" t="s">
        <v>9533</v>
      </c>
      <c r="C12846" t="s">
        <v>9534</v>
      </c>
      <c r="D12846" t="s">
        <v>2780</v>
      </c>
      <c r="E12846" t="s">
        <v>13</v>
      </c>
      <c r="F12846">
        <v>1236</v>
      </c>
      <c r="G12846" t="s">
        <v>9535</v>
      </c>
      <c r="H12846">
        <v>6.4535842974489999</v>
      </c>
      <c r="I12846">
        <v>52.554946824689999</v>
      </c>
      <c r="J12846" t="s">
        <v>68531</v>
      </c>
    </row>
    <row r="12847" spans="1:10" x14ac:dyDescent="0.25">
      <c r="A12847" t="s">
        <v>9528</v>
      </c>
      <c r="B12847" t="s">
        <v>9529</v>
      </c>
      <c r="C12847" t="s">
        <v>9530</v>
      </c>
      <c r="D12847" t="s">
        <v>2780</v>
      </c>
      <c r="E12847" t="s">
        <v>13</v>
      </c>
      <c r="F12847">
        <v>1235</v>
      </c>
      <c r="G12847" t="s">
        <v>9531</v>
      </c>
      <c r="H12847">
        <v>6.4619134846010002</v>
      </c>
      <c r="I12847">
        <v>52.532052512527002</v>
      </c>
      <c r="J12847" t="s">
        <v>68532</v>
      </c>
    </row>
    <row r="12848" spans="1:10" x14ac:dyDescent="0.25">
      <c r="A12848" t="s">
        <v>9524</v>
      </c>
      <c r="B12848" t="s">
        <v>9525</v>
      </c>
      <c r="C12848" t="s">
        <v>9526</v>
      </c>
      <c r="D12848" t="s">
        <v>2780</v>
      </c>
      <c r="E12848" t="s">
        <v>13</v>
      </c>
      <c r="F12848">
        <v>1234</v>
      </c>
      <c r="G12848" t="s">
        <v>9527</v>
      </c>
      <c r="H12848">
        <v>6.4392253195810003</v>
      </c>
      <c r="I12848">
        <v>52.537960126637003</v>
      </c>
      <c r="J12848" t="s">
        <v>68533</v>
      </c>
    </row>
    <row r="12849" spans="1:10" x14ac:dyDescent="0.25">
      <c r="A12849" t="s">
        <v>9520</v>
      </c>
      <c r="B12849" t="s">
        <v>9521</v>
      </c>
      <c r="C12849" t="s">
        <v>9522</v>
      </c>
      <c r="D12849" t="s">
        <v>2780</v>
      </c>
      <c r="E12849" t="s">
        <v>13</v>
      </c>
      <c r="F12849">
        <v>1233</v>
      </c>
      <c r="G12849" t="s">
        <v>9523</v>
      </c>
      <c r="H12849">
        <v>6.4410016278619997</v>
      </c>
      <c r="I12849">
        <v>52.532919283913003</v>
      </c>
      <c r="J12849" t="s">
        <v>68534</v>
      </c>
    </row>
    <row r="12850" spans="1:10" x14ac:dyDescent="0.25">
      <c r="A12850" t="s">
        <v>9516</v>
      </c>
      <c r="B12850" t="s">
        <v>9517</v>
      </c>
      <c r="C12850" t="s">
        <v>9518</v>
      </c>
      <c r="D12850" t="s">
        <v>2780</v>
      </c>
      <c r="E12850" t="s">
        <v>13</v>
      </c>
      <c r="F12850">
        <v>1232</v>
      </c>
      <c r="G12850" t="s">
        <v>9519</v>
      </c>
      <c r="H12850">
        <v>6.4265337215249998</v>
      </c>
      <c r="I12850">
        <v>52.523138727743003</v>
      </c>
      <c r="J12850" t="s">
        <v>68535</v>
      </c>
    </row>
    <row r="12851" spans="1:10" x14ac:dyDescent="0.25">
      <c r="A12851" t="s">
        <v>9512</v>
      </c>
      <c r="B12851" t="s">
        <v>9513</v>
      </c>
      <c r="C12851" t="s">
        <v>9514</v>
      </c>
      <c r="D12851" t="s">
        <v>2780</v>
      </c>
      <c r="E12851" t="s">
        <v>13</v>
      </c>
      <c r="F12851">
        <v>1231</v>
      </c>
      <c r="G12851" t="s">
        <v>9515</v>
      </c>
      <c r="H12851">
        <v>6.4352107291539999</v>
      </c>
      <c r="I12851">
        <v>52.530876057451003</v>
      </c>
      <c r="J12851" t="s">
        <v>68536</v>
      </c>
    </row>
    <row r="12852" spans="1:10" x14ac:dyDescent="0.25">
      <c r="A12852" t="s">
        <v>9508</v>
      </c>
      <c r="B12852" t="s">
        <v>9509</v>
      </c>
      <c r="C12852" t="s">
        <v>9510</v>
      </c>
      <c r="D12852" t="s">
        <v>2780</v>
      </c>
      <c r="E12852" t="s">
        <v>13</v>
      </c>
      <c r="F12852">
        <v>1230</v>
      </c>
      <c r="G12852" t="s">
        <v>9511</v>
      </c>
      <c r="H12852">
        <v>6.4246260644159996</v>
      </c>
      <c r="I12852">
        <v>52.532866724324002</v>
      </c>
      <c r="J12852" t="s">
        <v>68537</v>
      </c>
    </row>
    <row r="12853" spans="1:10" x14ac:dyDescent="0.25">
      <c r="A12853" t="s">
        <v>9504</v>
      </c>
      <c r="B12853" t="s">
        <v>9505</v>
      </c>
      <c r="C12853" t="s">
        <v>9506</v>
      </c>
      <c r="D12853" t="s">
        <v>2780</v>
      </c>
      <c r="E12853" t="s">
        <v>13</v>
      </c>
      <c r="F12853">
        <v>1229</v>
      </c>
      <c r="G12853" t="s">
        <v>9507</v>
      </c>
      <c r="H12853">
        <v>6.430315421655</v>
      </c>
      <c r="I12853">
        <v>52.531831871895001</v>
      </c>
      <c r="J12853" t="s">
        <v>68538</v>
      </c>
    </row>
    <row r="12854" spans="1:10" x14ac:dyDescent="0.25">
      <c r="A12854" t="s">
        <v>9500</v>
      </c>
      <c r="B12854" t="s">
        <v>9501</v>
      </c>
      <c r="C12854" t="s">
        <v>9502</v>
      </c>
      <c r="D12854" t="s">
        <v>2780</v>
      </c>
      <c r="E12854" t="s">
        <v>13</v>
      </c>
      <c r="F12854">
        <v>1228</v>
      </c>
      <c r="G12854" t="s">
        <v>9503</v>
      </c>
      <c r="H12854">
        <v>6.4198713994579997</v>
      </c>
      <c r="I12854">
        <v>52.532063144177002</v>
      </c>
      <c r="J12854" t="s">
        <v>68539</v>
      </c>
    </row>
    <row r="12855" spans="1:10" x14ac:dyDescent="0.25">
      <c r="A12855" t="s">
        <v>9496</v>
      </c>
      <c r="B12855" t="s">
        <v>9497</v>
      </c>
      <c r="C12855" t="s">
        <v>9498</v>
      </c>
      <c r="D12855" t="s">
        <v>2780</v>
      </c>
      <c r="E12855" t="s">
        <v>13</v>
      </c>
      <c r="F12855">
        <v>1227</v>
      </c>
      <c r="G12855" t="s">
        <v>9499</v>
      </c>
      <c r="H12855">
        <v>6.4307442495330003</v>
      </c>
      <c r="I12855">
        <v>52.535925658221998</v>
      </c>
      <c r="J12855" t="s">
        <v>68540</v>
      </c>
    </row>
    <row r="12856" spans="1:10" x14ac:dyDescent="0.25">
      <c r="A12856" t="s">
        <v>9492</v>
      </c>
      <c r="B12856" t="s">
        <v>9493</v>
      </c>
      <c r="C12856" t="s">
        <v>9494</v>
      </c>
      <c r="D12856" t="s">
        <v>2780</v>
      </c>
      <c r="E12856" t="s">
        <v>13</v>
      </c>
      <c r="F12856">
        <v>1226</v>
      </c>
      <c r="G12856" t="s">
        <v>9495</v>
      </c>
      <c r="H12856">
        <v>6.4349762922010001</v>
      </c>
      <c r="I12856">
        <v>52.525219368850003</v>
      </c>
      <c r="J12856" t="s">
        <v>68541</v>
      </c>
    </row>
    <row r="12857" spans="1:10" x14ac:dyDescent="0.25">
      <c r="A12857" t="s">
        <v>9488</v>
      </c>
      <c r="B12857" t="s">
        <v>9489</v>
      </c>
      <c r="C12857" t="s">
        <v>9490</v>
      </c>
      <c r="D12857" t="s">
        <v>2780</v>
      </c>
      <c r="E12857" t="s">
        <v>13</v>
      </c>
      <c r="F12857">
        <v>1225</v>
      </c>
      <c r="G12857" t="s">
        <v>9491</v>
      </c>
      <c r="H12857">
        <v>6.4315873483260004</v>
      </c>
      <c r="I12857">
        <v>52.520823678665003</v>
      </c>
      <c r="J12857" t="s">
        <v>68542</v>
      </c>
    </row>
    <row r="12858" spans="1:10" x14ac:dyDescent="0.25">
      <c r="A12858" t="s">
        <v>9484</v>
      </c>
      <c r="B12858" t="s">
        <v>9485</v>
      </c>
      <c r="C12858" t="s">
        <v>9486</v>
      </c>
      <c r="D12858" t="s">
        <v>2780</v>
      </c>
      <c r="E12858" t="s">
        <v>13</v>
      </c>
      <c r="F12858">
        <v>1224</v>
      </c>
      <c r="G12858" t="s">
        <v>9487</v>
      </c>
      <c r="H12858">
        <v>6.4092857831480003</v>
      </c>
      <c r="I12858">
        <v>52.524038674838998</v>
      </c>
      <c r="J12858" t="s">
        <v>68543</v>
      </c>
    </row>
    <row r="12859" spans="1:10" x14ac:dyDescent="0.25">
      <c r="A12859" t="s">
        <v>9480</v>
      </c>
      <c r="B12859" t="s">
        <v>9481</v>
      </c>
      <c r="C12859" t="s">
        <v>9482</v>
      </c>
      <c r="D12859" t="s">
        <v>2780</v>
      </c>
      <c r="E12859" t="s">
        <v>13</v>
      </c>
      <c r="F12859">
        <v>1223</v>
      </c>
      <c r="G12859" t="s">
        <v>9483</v>
      </c>
      <c r="H12859">
        <v>6.4136151433649999</v>
      </c>
      <c r="I12859">
        <v>52.529136905221002</v>
      </c>
      <c r="J12859" t="s">
        <v>68544</v>
      </c>
    </row>
    <row r="12860" spans="1:10" x14ac:dyDescent="0.25">
      <c r="A12860" t="s">
        <v>9476</v>
      </c>
      <c r="B12860" t="s">
        <v>9477</v>
      </c>
      <c r="C12860" t="s">
        <v>9478</v>
      </c>
      <c r="D12860" t="s">
        <v>2780</v>
      </c>
      <c r="E12860" t="s">
        <v>13</v>
      </c>
      <c r="F12860">
        <v>1222</v>
      </c>
      <c r="G12860" t="s">
        <v>9479</v>
      </c>
      <c r="H12860">
        <v>6.4180835315640001</v>
      </c>
      <c r="I12860">
        <v>52.506438370654998</v>
      </c>
      <c r="J12860" t="s">
        <v>68545</v>
      </c>
    </row>
    <row r="12861" spans="1:10" x14ac:dyDescent="0.25">
      <c r="A12861" t="s">
        <v>9472</v>
      </c>
      <c r="B12861" t="s">
        <v>9473</v>
      </c>
      <c r="C12861" t="s">
        <v>9474</v>
      </c>
      <c r="D12861" t="s">
        <v>2780</v>
      </c>
      <c r="E12861" t="s">
        <v>13</v>
      </c>
      <c r="F12861">
        <v>1221</v>
      </c>
      <c r="G12861" t="s">
        <v>9475</v>
      </c>
      <c r="H12861">
        <v>6.4186955097859997</v>
      </c>
      <c r="I12861">
        <v>52.513018058556</v>
      </c>
      <c r="J12861" t="s">
        <v>68546</v>
      </c>
    </row>
    <row r="12862" spans="1:10" x14ac:dyDescent="0.25">
      <c r="A12862" t="s">
        <v>9468</v>
      </c>
      <c r="B12862" t="s">
        <v>9469</v>
      </c>
      <c r="C12862" t="s">
        <v>9470</v>
      </c>
      <c r="D12862" t="s">
        <v>2780</v>
      </c>
      <c r="E12862" t="s">
        <v>13</v>
      </c>
      <c r="F12862">
        <v>1220</v>
      </c>
      <c r="G12862" t="s">
        <v>9471</v>
      </c>
      <c r="H12862">
        <v>6.4449297212649999</v>
      </c>
      <c r="I12862">
        <v>52.513398391552997</v>
      </c>
      <c r="J12862" t="s">
        <v>68547</v>
      </c>
    </row>
    <row r="12863" spans="1:10" x14ac:dyDescent="0.25">
      <c r="A12863" t="s">
        <v>9464</v>
      </c>
      <c r="B12863" t="s">
        <v>9465</v>
      </c>
      <c r="C12863" t="s">
        <v>9466</v>
      </c>
      <c r="D12863" t="s">
        <v>2780</v>
      </c>
      <c r="E12863" t="s">
        <v>13</v>
      </c>
      <c r="F12863">
        <v>1219</v>
      </c>
      <c r="G12863" t="s">
        <v>9467</v>
      </c>
      <c r="H12863">
        <v>6.4084786265269997</v>
      </c>
      <c r="I12863">
        <v>52.550324157062001</v>
      </c>
      <c r="J12863" t="s">
        <v>68548</v>
      </c>
    </row>
    <row r="12864" spans="1:10" x14ac:dyDescent="0.25">
      <c r="A12864" t="s">
        <v>9460</v>
      </c>
      <c r="B12864" t="s">
        <v>9461</v>
      </c>
      <c r="C12864" t="s">
        <v>9462</v>
      </c>
      <c r="D12864" t="s">
        <v>2780</v>
      </c>
      <c r="E12864" t="s">
        <v>13</v>
      </c>
      <c r="F12864">
        <v>1218</v>
      </c>
      <c r="G12864" t="s">
        <v>9463</v>
      </c>
      <c r="H12864">
        <v>6.4258755153629998</v>
      </c>
      <c r="I12864">
        <v>52.549617257145997</v>
      </c>
      <c r="J12864" t="s">
        <v>68549</v>
      </c>
    </row>
    <row r="12865" spans="1:10" x14ac:dyDescent="0.25">
      <c r="A12865" t="s">
        <v>9456</v>
      </c>
      <c r="B12865" t="s">
        <v>9457</v>
      </c>
      <c r="C12865" t="s">
        <v>9458</v>
      </c>
      <c r="D12865" t="s">
        <v>2780</v>
      </c>
      <c r="E12865" t="s">
        <v>13</v>
      </c>
      <c r="F12865">
        <v>1217</v>
      </c>
      <c r="G12865" t="s">
        <v>9459</v>
      </c>
      <c r="H12865">
        <v>6.3808355236769998</v>
      </c>
      <c r="I12865">
        <v>52.531776259460997</v>
      </c>
      <c r="J12865" t="s">
        <v>68550</v>
      </c>
    </row>
    <row r="12866" spans="1:10" x14ac:dyDescent="0.25">
      <c r="A12866" t="s">
        <v>9452</v>
      </c>
      <c r="B12866" t="s">
        <v>9453</v>
      </c>
      <c r="C12866" t="s">
        <v>9454</v>
      </c>
      <c r="D12866" t="s">
        <v>2780</v>
      </c>
      <c r="E12866" t="s">
        <v>13</v>
      </c>
      <c r="F12866">
        <v>1216</v>
      </c>
      <c r="G12866" t="s">
        <v>9455</v>
      </c>
      <c r="H12866">
        <v>6.4413281216999998</v>
      </c>
      <c r="I12866">
        <v>52.501063444430002</v>
      </c>
      <c r="J12866" t="s">
        <v>68551</v>
      </c>
    </row>
    <row r="12867" spans="1:10" x14ac:dyDescent="0.25">
      <c r="A12867" t="s">
        <v>2782</v>
      </c>
      <c r="B12867" t="s">
        <v>2783</v>
      </c>
      <c r="C12867" t="s">
        <v>2784</v>
      </c>
      <c r="D12867" t="s">
        <v>2780</v>
      </c>
      <c r="E12867" t="s">
        <v>13</v>
      </c>
      <c r="F12867">
        <v>1215</v>
      </c>
      <c r="G12867" t="s">
        <v>2785</v>
      </c>
      <c r="H12867">
        <v>6.4648171391220002</v>
      </c>
      <c r="I12867">
        <v>52.486295052952002</v>
      </c>
      <c r="J12867" t="s">
        <v>68552</v>
      </c>
    </row>
    <row r="12868" spans="1:10" x14ac:dyDescent="0.25">
      <c r="A12868" t="s">
        <v>2777</v>
      </c>
      <c r="B12868" t="s">
        <v>2778</v>
      </c>
      <c r="C12868" t="s">
        <v>2779</v>
      </c>
      <c r="D12868" t="s">
        <v>2780</v>
      </c>
      <c r="E12868" t="s">
        <v>13</v>
      </c>
      <c r="F12868">
        <v>1214</v>
      </c>
      <c r="G12868" t="s">
        <v>2781</v>
      </c>
      <c r="H12868">
        <v>6.489332808296</v>
      </c>
      <c r="I12868">
        <v>52.508324222048003</v>
      </c>
      <c r="J12868" t="s">
        <v>68553</v>
      </c>
    </row>
    <row r="12869" spans="1:10" x14ac:dyDescent="0.25">
      <c r="A12869" t="s">
        <v>9448</v>
      </c>
      <c r="B12869" t="s">
        <v>9449</v>
      </c>
      <c r="C12869" t="s">
        <v>9450</v>
      </c>
      <c r="D12869" t="s">
        <v>2780</v>
      </c>
      <c r="E12869" t="s">
        <v>13</v>
      </c>
      <c r="F12869">
        <v>1213</v>
      </c>
      <c r="G12869" t="s">
        <v>9451</v>
      </c>
      <c r="H12869">
        <v>6.4287384428159999</v>
      </c>
      <c r="I12869">
        <v>52.526814562517004</v>
      </c>
      <c r="J12869" t="s">
        <v>68554</v>
      </c>
    </row>
    <row r="12870" spans="1:10" x14ac:dyDescent="0.25">
      <c r="A12870" t="s">
        <v>9444</v>
      </c>
      <c r="B12870" t="s">
        <v>9445</v>
      </c>
      <c r="C12870" t="s">
        <v>9446</v>
      </c>
      <c r="D12870" t="s">
        <v>2780</v>
      </c>
      <c r="E12870" t="s">
        <v>13</v>
      </c>
      <c r="F12870">
        <v>1212</v>
      </c>
      <c r="G12870" t="s">
        <v>9447</v>
      </c>
      <c r="H12870">
        <v>6.4024082010110002</v>
      </c>
      <c r="I12870">
        <v>52.510772787416997</v>
      </c>
      <c r="J12870" t="s">
        <v>68555</v>
      </c>
    </row>
    <row r="12871" spans="1:10" x14ac:dyDescent="0.25">
      <c r="A12871" t="s">
        <v>9440</v>
      </c>
      <c r="B12871" t="s">
        <v>9441</v>
      </c>
      <c r="C12871" t="s">
        <v>9442</v>
      </c>
      <c r="D12871" t="s">
        <v>2780</v>
      </c>
      <c r="E12871" t="s">
        <v>13</v>
      </c>
      <c r="F12871">
        <v>1211</v>
      </c>
      <c r="G12871" t="s">
        <v>9443</v>
      </c>
      <c r="H12871">
        <v>6.4198380384849996</v>
      </c>
      <c r="I12871">
        <v>52.523429176142002</v>
      </c>
      <c r="J12871" t="s">
        <v>68556</v>
      </c>
    </row>
    <row r="12872" spans="1:10" x14ac:dyDescent="0.25">
      <c r="A12872" t="s">
        <v>9436</v>
      </c>
      <c r="B12872" t="s">
        <v>9437</v>
      </c>
      <c r="C12872" t="s">
        <v>9438</v>
      </c>
      <c r="D12872" t="s">
        <v>2780</v>
      </c>
      <c r="E12872" t="s">
        <v>13</v>
      </c>
      <c r="F12872">
        <v>1210</v>
      </c>
      <c r="G12872" t="s">
        <v>9439</v>
      </c>
      <c r="H12872">
        <v>6.4389009827360004</v>
      </c>
      <c r="I12872">
        <v>52.521099351936002</v>
      </c>
      <c r="J12872" t="s">
        <v>68557</v>
      </c>
    </row>
    <row r="12873" spans="1:10" x14ac:dyDescent="0.25">
      <c r="A12873" t="s">
        <v>9432</v>
      </c>
      <c r="B12873" t="s">
        <v>9433</v>
      </c>
      <c r="C12873" t="s">
        <v>9434</v>
      </c>
      <c r="D12873" t="s">
        <v>2780</v>
      </c>
      <c r="E12873" t="s">
        <v>13</v>
      </c>
      <c r="F12873">
        <v>1209</v>
      </c>
      <c r="G12873" t="s">
        <v>9435</v>
      </c>
      <c r="H12873">
        <v>6.4210081556749996</v>
      </c>
      <c r="I12873">
        <v>52.519041424648996</v>
      </c>
      <c r="J12873" t="s">
        <v>68558</v>
      </c>
    </row>
    <row r="12874" spans="1:10" x14ac:dyDescent="0.25">
      <c r="A12874" t="s">
        <v>9428</v>
      </c>
      <c r="B12874" t="s">
        <v>9429</v>
      </c>
      <c r="C12874" t="s">
        <v>9430</v>
      </c>
      <c r="D12874" t="s">
        <v>9378</v>
      </c>
      <c r="E12874" t="s">
        <v>13</v>
      </c>
      <c r="F12874">
        <v>1208</v>
      </c>
      <c r="G12874" t="s">
        <v>9431</v>
      </c>
      <c r="H12874">
        <v>6.9389928683699997</v>
      </c>
      <c r="I12874">
        <v>52.32401522408</v>
      </c>
      <c r="J12874" t="s">
        <v>68559</v>
      </c>
    </row>
    <row r="12875" spans="1:10" x14ac:dyDescent="0.25">
      <c r="A12875" t="s">
        <v>9424</v>
      </c>
      <c r="B12875" t="s">
        <v>9425</v>
      </c>
      <c r="C12875" t="s">
        <v>9426</v>
      </c>
      <c r="D12875" t="s">
        <v>9378</v>
      </c>
      <c r="E12875" t="s">
        <v>13</v>
      </c>
      <c r="F12875">
        <v>1207</v>
      </c>
      <c r="G12875" t="s">
        <v>9427</v>
      </c>
      <c r="H12875">
        <v>6.9257839133369998</v>
      </c>
      <c r="I12875">
        <v>52.325634203684999</v>
      </c>
      <c r="J12875" t="s">
        <v>68560</v>
      </c>
    </row>
    <row r="12876" spans="1:10" x14ac:dyDescent="0.25">
      <c r="A12876" t="s">
        <v>9420</v>
      </c>
      <c r="B12876" t="s">
        <v>9421</v>
      </c>
      <c r="C12876" t="s">
        <v>9422</v>
      </c>
      <c r="D12876" t="s">
        <v>9378</v>
      </c>
      <c r="E12876" t="s">
        <v>13</v>
      </c>
      <c r="F12876">
        <v>1206</v>
      </c>
      <c r="G12876" t="s">
        <v>9423</v>
      </c>
      <c r="H12876">
        <v>6.9078763120669997</v>
      </c>
      <c r="I12876">
        <v>52.324338170857999</v>
      </c>
      <c r="J12876" t="s">
        <v>68561</v>
      </c>
    </row>
    <row r="12877" spans="1:10" x14ac:dyDescent="0.25">
      <c r="A12877" t="s">
        <v>9416</v>
      </c>
      <c r="B12877" t="s">
        <v>9417</v>
      </c>
      <c r="C12877" t="s">
        <v>9418</v>
      </c>
      <c r="D12877" t="s">
        <v>9378</v>
      </c>
      <c r="E12877" t="s">
        <v>13</v>
      </c>
      <c r="F12877">
        <v>1205</v>
      </c>
      <c r="G12877" t="s">
        <v>9419</v>
      </c>
      <c r="H12877">
        <v>6.901463328268</v>
      </c>
      <c r="I12877">
        <v>52.315296904705001</v>
      </c>
      <c r="J12877" t="s">
        <v>68562</v>
      </c>
    </row>
    <row r="12878" spans="1:10" x14ac:dyDescent="0.25">
      <c r="A12878" t="s">
        <v>9412</v>
      </c>
      <c r="B12878" t="s">
        <v>9413</v>
      </c>
      <c r="C12878" t="s">
        <v>9414</v>
      </c>
      <c r="D12878" t="s">
        <v>9378</v>
      </c>
      <c r="E12878" t="s">
        <v>13</v>
      </c>
      <c r="F12878">
        <v>1204</v>
      </c>
      <c r="G12878" t="s">
        <v>9415</v>
      </c>
      <c r="H12878">
        <v>6.88244706522</v>
      </c>
      <c r="I12878">
        <v>52.305746352353999</v>
      </c>
      <c r="J12878" t="s">
        <v>68563</v>
      </c>
    </row>
    <row r="12879" spans="1:10" x14ac:dyDescent="0.25">
      <c r="A12879" t="s">
        <v>9408</v>
      </c>
      <c r="B12879" t="s">
        <v>9409</v>
      </c>
      <c r="C12879" t="s">
        <v>9410</v>
      </c>
      <c r="D12879" t="s">
        <v>9378</v>
      </c>
      <c r="E12879" t="s">
        <v>13</v>
      </c>
      <c r="F12879">
        <v>1203</v>
      </c>
      <c r="G12879" t="s">
        <v>9411</v>
      </c>
      <c r="H12879">
        <v>6.9011752099130002</v>
      </c>
      <c r="I12879">
        <v>52.300196585625997</v>
      </c>
      <c r="J12879" t="s">
        <v>68564</v>
      </c>
    </row>
    <row r="12880" spans="1:10" x14ac:dyDescent="0.25">
      <c r="A12880" t="s">
        <v>9404</v>
      </c>
      <c r="B12880" t="s">
        <v>9405</v>
      </c>
      <c r="C12880" t="s">
        <v>9406</v>
      </c>
      <c r="D12880" t="s">
        <v>9378</v>
      </c>
      <c r="E12880" t="s">
        <v>13</v>
      </c>
      <c r="F12880">
        <v>1202</v>
      </c>
      <c r="G12880" t="s">
        <v>9407</v>
      </c>
      <c r="H12880">
        <v>6.9179179383729998</v>
      </c>
      <c r="I12880">
        <v>52.29638952074</v>
      </c>
      <c r="J12880" t="s">
        <v>68565</v>
      </c>
    </row>
    <row r="12881" spans="1:10" x14ac:dyDescent="0.25">
      <c r="A12881" t="s">
        <v>9400</v>
      </c>
      <c r="B12881" t="s">
        <v>9401</v>
      </c>
      <c r="C12881" t="s">
        <v>9402</v>
      </c>
      <c r="D12881" t="s">
        <v>9378</v>
      </c>
      <c r="E12881" t="s">
        <v>13</v>
      </c>
      <c r="F12881">
        <v>1201</v>
      </c>
      <c r="G12881" t="s">
        <v>9403</v>
      </c>
      <c r="H12881">
        <v>6.9175516052140003</v>
      </c>
      <c r="I12881">
        <v>52.287667067298003</v>
      </c>
      <c r="J12881" t="s">
        <v>68566</v>
      </c>
    </row>
    <row r="12882" spans="1:10" x14ac:dyDescent="0.25">
      <c r="A12882" t="s">
        <v>9396</v>
      </c>
      <c r="B12882" t="s">
        <v>9397</v>
      </c>
      <c r="C12882" t="s">
        <v>9398</v>
      </c>
      <c r="D12882" t="s">
        <v>9378</v>
      </c>
      <c r="E12882" t="s">
        <v>13</v>
      </c>
      <c r="F12882">
        <v>1200</v>
      </c>
      <c r="G12882" t="s">
        <v>9399</v>
      </c>
      <c r="H12882">
        <v>6.9380051406499996</v>
      </c>
      <c r="I12882">
        <v>52.298302090695003</v>
      </c>
      <c r="J12882" t="s">
        <v>68567</v>
      </c>
    </row>
    <row r="12883" spans="1:10" x14ac:dyDescent="0.25">
      <c r="A12883" t="s">
        <v>9392</v>
      </c>
      <c r="B12883" t="s">
        <v>9393</v>
      </c>
      <c r="C12883" t="s">
        <v>9394</v>
      </c>
      <c r="D12883" t="s">
        <v>9378</v>
      </c>
      <c r="E12883" t="s">
        <v>13</v>
      </c>
      <c r="F12883">
        <v>1199</v>
      </c>
      <c r="G12883" t="s">
        <v>9395</v>
      </c>
      <c r="H12883">
        <v>6.9421368062070004</v>
      </c>
      <c r="I12883">
        <v>52.312427966708</v>
      </c>
      <c r="J12883" t="s">
        <v>68568</v>
      </c>
    </row>
    <row r="12884" spans="1:10" x14ac:dyDescent="0.25">
      <c r="A12884" t="s">
        <v>9388</v>
      </c>
      <c r="B12884" t="s">
        <v>9389</v>
      </c>
      <c r="C12884" t="s">
        <v>9390</v>
      </c>
      <c r="D12884" t="s">
        <v>9378</v>
      </c>
      <c r="E12884" t="s">
        <v>13</v>
      </c>
      <c r="F12884">
        <v>1198</v>
      </c>
      <c r="G12884" t="s">
        <v>9391</v>
      </c>
      <c r="H12884">
        <v>6.9349880900149996</v>
      </c>
      <c r="I12884">
        <v>52.318619425614003</v>
      </c>
      <c r="J12884" t="s">
        <v>68569</v>
      </c>
    </row>
    <row r="12885" spans="1:10" x14ac:dyDescent="0.25">
      <c r="A12885" t="s">
        <v>9384</v>
      </c>
      <c r="B12885" t="s">
        <v>9385</v>
      </c>
      <c r="C12885" t="s">
        <v>9386</v>
      </c>
      <c r="D12885" t="s">
        <v>9378</v>
      </c>
      <c r="E12885" t="s">
        <v>13</v>
      </c>
      <c r="F12885">
        <v>1197</v>
      </c>
      <c r="G12885" t="s">
        <v>9387</v>
      </c>
      <c r="H12885">
        <v>6.92116347279</v>
      </c>
      <c r="I12885">
        <v>52.313779353492002</v>
      </c>
      <c r="J12885" t="s">
        <v>68570</v>
      </c>
    </row>
    <row r="12886" spans="1:10" x14ac:dyDescent="0.25">
      <c r="A12886" t="s">
        <v>9380</v>
      </c>
      <c r="B12886" t="s">
        <v>9381</v>
      </c>
      <c r="C12886" t="s">
        <v>9382</v>
      </c>
      <c r="D12886" t="s">
        <v>9378</v>
      </c>
      <c r="E12886" t="s">
        <v>13</v>
      </c>
      <c r="F12886">
        <v>1196</v>
      </c>
      <c r="G12886" t="s">
        <v>9383</v>
      </c>
      <c r="H12886">
        <v>6.9270212978360002</v>
      </c>
      <c r="I12886">
        <v>52.307716396703</v>
      </c>
      <c r="J12886" t="s">
        <v>68571</v>
      </c>
    </row>
    <row r="12887" spans="1:10" x14ac:dyDescent="0.25">
      <c r="A12887" t="s">
        <v>9376</v>
      </c>
      <c r="B12887" t="s">
        <v>9377</v>
      </c>
      <c r="C12887" t="s">
        <v>2874</v>
      </c>
      <c r="D12887" t="s">
        <v>9378</v>
      </c>
      <c r="E12887" t="s">
        <v>13</v>
      </c>
      <c r="F12887">
        <v>1195</v>
      </c>
      <c r="G12887" t="s">
        <v>9379</v>
      </c>
      <c r="H12887">
        <v>6.9292652592169999</v>
      </c>
      <c r="I12887">
        <v>52.312749291091997</v>
      </c>
      <c r="J12887" t="s">
        <v>68572</v>
      </c>
    </row>
    <row r="12888" spans="1:10" x14ac:dyDescent="0.25">
      <c r="A12888" t="s">
        <v>9372</v>
      </c>
      <c r="B12888" t="s">
        <v>9373</v>
      </c>
      <c r="C12888" t="s">
        <v>9374</v>
      </c>
      <c r="D12888" t="s">
        <v>9183</v>
      </c>
      <c r="E12888" t="s">
        <v>13</v>
      </c>
      <c r="F12888">
        <v>1194</v>
      </c>
      <c r="G12888" t="s">
        <v>9375</v>
      </c>
      <c r="H12888">
        <v>5.7734988455760003</v>
      </c>
      <c r="I12888">
        <v>52.639958164676003</v>
      </c>
      <c r="J12888" t="s">
        <v>68573</v>
      </c>
    </row>
    <row r="12889" spans="1:10" x14ac:dyDescent="0.25">
      <c r="A12889" t="s">
        <v>9368</v>
      </c>
      <c r="B12889" t="s">
        <v>9369</v>
      </c>
      <c r="C12889" t="s">
        <v>9370</v>
      </c>
      <c r="D12889" t="s">
        <v>9183</v>
      </c>
      <c r="E12889" t="s">
        <v>13</v>
      </c>
      <c r="F12889">
        <v>1193</v>
      </c>
      <c r="G12889" t="s">
        <v>9371</v>
      </c>
      <c r="H12889">
        <v>5.7116319284530004</v>
      </c>
      <c r="I12889">
        <v>52.811600706211998</v>
      </c>
      <c r="J12889" t="s">
        <v>68574</v>
      </c>
    </row>
    <row r="12890" spans="1:10" x14ac:dyDescent="0.25">
      <c r="A12890" t="s">
        <v>9364</v>
      </c>
      <c r="B12890" t="s">
        <v>9365</v>
      </c>
      <c r="C12890" t="s">
        <v>9366</v>
      </c>
      <c r="D12890" t="s">
        <v>9183</v>
      </c>
      <c r="E12890" t="s">
        <v>13</v>
      </c>
      <c r="F12890">
        <v>1192</v>
      </c>
      <c r="G12890" t="s">
        <v>9367</v>
      </c>
      <c r="H12890">
        <v>5.6904168356499998</v>
      </c>
      <c r="I12890">
        <v>52.805081492042</v>
      </c>
      <c r="J12890" t="s">
        <v>68575</v>
      </c>
    </row>
    <row r="12891" spans="1:10" x14ac:dyDescent="0.25">
      <c r="A12891" t="s">
        <v>9360</v>
      </c>
      <c r="B12891" t="s">
        <v>9361</v>
      </c>
      <c r="C12891" t="s">
        <v>9362</v>
      </c>
      <c r="D12891" t="s">
        <v>9183</v>
      </c>
      <c r="E12891" t="s">
        <v>13</v>
      </c>
      <c r="F12891">
        <v>1191</v>
      </c>
      <c r="G12891" t="s">
        <v>9363</v>
      </c>
      <c r="H12891">
        <v>5.6974569824280001</v>
      </c>
      <c r="I12891">
        <v>52.805359583371001</v>
      </c>
      <c r="J12891" t="s">
        <v>68576</v>
      </c>
    </row>
    <row r="12892" spans="1:10" x14ac:dyDescent="0.25">
      <c r="A12892" t="s">
        <v>9356</v>
      </c>
      <c r="B12892" t="s">
        <v>9357</v>
      </c>
      <c r="C12892" t="s">
        <v>9358</v>
      </c>
      <c r="D12892" t="s">
        <v>9183</v>
      </c>
      <c r="E12892" t="s">
        <v>13</v>
      </c>
      <c r="F12892">
        <v>1190</v>
      </c>
      <c r="G12892" t="s">
        <v>9359</v>
      </c>
      <c r="H12892">
        <v>5.6488129885560001</v>
      </c>
      <c r="I12892">
        <v>52.768020803372004</v>
      </c>
      <c r="J12892" t="s">
        <v>68577</v>
      </c>
    </row>
    <row r="12893" spans="1:10" x14ac:dyDescent="0.25">
      <c r="A12893" t="s">
        <v>9352</v>
      </c>
      <c r="B12893" t="s">
        <v>9353</v>
      </c>
      <c r="C12893" t="s">
        <v>9354</v>
      </c>
      <c r="D12893" t="s">
        <v>9183</v>
      </c>
      <c r="E12893" t="s">
        <v>13</v>
      </c>
      <c r="F12893">
        <v>1189</v>
      </c>
      <c r="G12893" t="s">
        <v>9355</v>
      </c>
      <c r="H12893">
        <v>5.663613004418</v>
      </c>
      <c r="I12893">
        <v>52.761630660738</v>
      </c>
      <c r="J12893" t="s">
        <v>68578</v>
      </c>
    </row>
    <row r="12894" spans="1:10" x14ac:dyDescent="0.25">
      <c r="A12894" t="s">
        <v>9348</v>
      </c>
      <c r="B12894" t="s">
        <v>9349</v>
      </c>
      <c r="C12894" t="s">
        <v>9350</v>
      </c>
      <c r="D12894" t="s">
        <v>9183</v>
      </c>
      <c r="E12894" t="s">
        <v>13</v>
      </c>
      <c r="F12894">
        <v>1188</v>
      </c>
      <c r="G12894" t="s">
        <v>9351</v>
      </c>
      <c r="H12894">
        <v>5.6614274472639998</v>
      </c>
      <c r="I12894">
        <v>52.763524724598</v>
      </c>
      <c r="J12894" t="s">
        <v>68579</v>
      </c>
    </row>
    <row r="12895" spans="1:10" x14ac:dyDescent="0.25">
      <c r="A12895" t="s">
        <v>9344</v>
      </c>
      <c r="B12895" t="s">
        <v>9345</v>
      </c>
      <c r="C12895" t="s">
        <v>9346</v>
      </c>
      <c r="D12895" t="s">
        <v>9183</v>
      </c>
      <c r="E12895" t="s">
        <v>13</v>
      </c>
      <c r="F12895">
        <v>1187</v>
      </c>
      <c r="G12895" t="s">
        <v>9347</v>
      </c>
      <c r="H12895">
        <v>5.6442490753729997</v>
      </c>
      <c r="I12895">
        <v>52.724289429891002</v>
      </c>
      <c r="J12895" t="s">
        <v>68580</v>
      </c>
    </row>
    <row r="12896" spans="1:10" x14ac:dyDescent="0.25">
      <c r="A12896" t="s">
        <v>9340</v>
      </c>
      <c r="B12896" t="s">
        <v>9341</v>
      </c>
      <c r="C12896" t="s">
        <v>9342</v>
      </c>
      <c r="D12896" t="s">
        <v>9183</v>
      </c>
      <c r="E12896" t="s">
        <v>13</v>
      </c>
      <c r="F12896">
        <v>1186</v>
      </c>
      <c r="G12896" t="s">
        <v>9343</v>
      </c>
      <c r="H12896">
        <v>5.6433962799910002</v>
      </c>
      <c r="I12896">
        <v>52.718375674977999</v>
      </c>
      <c r="J12896" t="s">
        <v>68581</v>
      </c>
    </row>
    <row r="12897" spans="1:10" x14ac:dyDescent="0.25">
      <c r="A12897" t="s">
        <v>9336</v>
      </c>
      <c r="B12897" t="s">
        <v>9337</v>
      </c>
      <c r="C12897" t="s">
        <v>9338</v>
      </c>
      <c r="D12897" t="s">
        <v>9183</v>
      </c>
      <c r="E12897" t="s">
        <v>13</v>
      </c>
      <c r="F12897">
        <v>1185</v>
      </c>
      <c r="G12897" t="s">
        <v>9339</v>
      </c>
      <c r="H12897">
        <v>5.6412791594089997</v>
      </c>
      <c r="I12897">
        <v>52.723024706635002</v>
      </c>
      <c r="J12897" t="s">
        <v>68582</v>
      </c>
    </row>
    <row r="12898" spans="1:10" x14ac:dyDescent="0.25">
      <c r="A12898" t="s">
        <v>9332</v>
      </c>
      <c r="B12898" t="s">
        <v>9333</v>
      </c>
      <c r="C12898" t="s">
        <v>9334</v>
      </c>
      <c r="D12898" t="s">
        <v>9183</v>
      </c>
      <c r="E12898" t="s">
        <v>13</v>
      </c>
      <c r="F12898">
        <v>1184</v>
      </c>
      <c r="G12898" t="s">
        <v>9335</v>
      </c>
      <c r="H12898">
        <v>5.6624071772329998</v>
      </c>
      <c r="I12898">
        <v>52.681322673046999</v>
      </c>
      <c r="J12898" t="s">
        <v>68583</v>
      </c>
    </row>
    <row r="12899" spans="1:10" x14ac:dyDescent="0.25">
      <c r="A12899" t="s">
        <v>9328</v>
      </c>
      <c r="B12899" t="s">
        <v>9329</v>
      </c>
      <c r="C12899" t="s">
        <v>9330</v>
      </c>
      <c r="D12899" t="s">
        <v>9183</v>
      </c>
      <c r="E12899" t="s">
        <v>13</v>
      </c>
      <c r="F12899">
        <v>1183</v>
      </c>
      <c r="G12899" t="s">
        <v>9331</v>
      </c>
      <c r="H12899">
        <v>5.6789150464429996</v>
      </c>
      <c r="I12899">
        <v>52.681563421135003</v>
      </c>
      <c r="J12899" t="s">
        <v>68584</v>
      </c>
    </row>
    <row r="12900" spans="1:10" x14ac:dyDescent="0.25">
      <c r="A12900" t="s">
        <v>9324</v>
      </c>
      <c r="B12900" t="s">
        <v>9325</v>
      </c>
      <c r="C12900" t="s">
        <v>9326</v>
      </c>
      <c r="D12900" t="s">
        <v>9183</v>
      </c>
      <c r="E12900" t="s">
        <v>13</v>
      </c>
      <c r="F12900">
        <v>1182</v>
      </c>
      <c r="G12900" t="s">
        <v>9327</v>
      </c>
      <c r="H12900">
        <v>5.6734897152460002</v>
      </c>
      <c r="I12900">
        <v>52.678200702106999</v>
      </c>
      <c r="J12900" t="s">
        <v>68585</v>
      </c>
    </row>
    <row r="12901" spans="1:10" x14ac:dyDescent="0.25">
      <c r="A12901" t="s">
        <v>9320</v>
      </c>
      <c r="B12901" t="s">
        <v>9321</v>
      </c>
      <c r="C12901" t="s">
        <v>9322</v>
      </c>
      <c r="D12901" t="s">
        <v>9183</v>
      </c>
      <c r="E12901" t="s">
        <v>13</v>
      </c>
      <c r="F12901">
        <v>1181</v>
      </c>
      <c r="G12901" t="s">
        <v>9323</v>
      </c>
      <c r="H12901">
        <v>5.7146708060069997</v>
      </c>
      <c r="I12901">
        <v>52.640424745517002</v>
      </c>
      <c r="J12901" t="s">
        <v>68586</v>
      </c>
    </row>
    <row r="12902" spans="1:10" x14ac:dyDescent="0.25">
      <c r="A12902" t="s">
        <v>9316</v>
      </c>
      <c r="B12902" t="s">
        <v>9317</v>
      </c>
      <c r="C12902" t="s">
        <v>9318</v>
      </c>
      <c r="D12902" t="s">
        <v>9183</v>
      </c>
      <c r="E12902" t="s">
        <v>13</v>
      </c>
      <c r="F12902">
        <v>1180</v>
      </c>
      <c r="G12902" t="s">
        <v>9319</v>
      </c>
      <c r="H12902">
        <v>5.7150854478289999</v>
      </c>
      <c r="I12902">
        <v>52.643287497335002</v>
      </c>
      <c r="J12902" t="s">
        <v>68587</v>
      </c>
    </row>
    <row r="12903" spans="1:10" x14ac:dyDescent="0.25">
      <c r="A12903" t="s">
        <v>9312</v>
      </c>
      <c r="B12903" t="s">
        <v>9313</v>
      </c>
      <c r="C12903" t="s">
        <v>9314</v>
      </c>
      <c r="D12903" t="s">
        <v>9183</v>
      </c>
      <c r="E12903" t="s">
        <v>13</v>
      </c>
      <c r="F12903">
        <v>1179</v>
      </c>
      <c r="G12903" t="s">
        <v>9315</v>
      </c>
      <c r="H12903">
        <v>5.7241626537470003</v>
      </c>
      <c r="I12903">
        <v>52.643655552626001</v>
      </c>
      <c r="J12903" t="s">
        <v>68588</v>
      </c>
    </row>
    <row r="12904" spans="1:10" x14ac:dyDescent="0.25">
      <c r="A12904" t="s">
        <v>9308</v>
      </c>
      <c r="B12904" t="s">
        <v>9309</v>
      </c>
      <c r="C12904" t="s">
        <v>9310</v>
      </c>
      <c r="D12904" t="s">
        <v>9183</v>
      </c>
      <c r="E12904" t="s">
        <v>13</v>
      </c>
      <c r="F12904">
        <v>1178</v>
      </c>
      <c r="G12904" t="s">
        <v>9311</v>
      </c>
      <c r="H12904">
        <v>5.8210595053800001</v>
      </c>
      <c r="I12904">
        <v>52.642821550927003</v>
      </c>
      <c r="J12904" t="s">
        <v>68589</v>
      </c>
    </row>
    <row r="12905" spans="1:10" x14ac:dyDescent="0.25">
      <c r="A12905" t="s">
        <v>9304</v>
      </c>
      <c r="B12905" t="s">
        <v>9305</v>
      </c>
      <c r="C12905" t="s">
        <v>9306</v>
      </c>
      <c r="D12905" t="s">
        <v>9183</v>
      </c>
      <c r="E12905" t="s">
        <v>13</v>
      </c>
      <c r="F12905">
        <v>1177</v>
      </c>
      <c r="G12905" t="s">
        <v>9307</v>
      </c>
      <c r="H12905">
        <v>5.8202623955170001</v>
      </c>
      <c r="I12905">
        <v>52.642159697163002</v>
      </c>
      <c r="J12905" t="s">
        <v>68590</v>
      </c>
    </row>
    <row r="12906" spans="1:10" x14ac:dyDescent="0.25">
      <c r="A12906" t="s">
        <v>9300</v>
      </c>
      <c r="B12906" t="s">
        <v>9301</v>
      </c>
      <c r="C12906" t="s">
        <v>9302</v>
      </c>
      <c r="D12906" t="s">
        <v>9183</v>
      </c>
      <c r="E12906" t="s">
        <v>13</v>
      </c>
      <c r="F12906">
        <v>1176</v>
      </c>
      <c r="G12906" t="s">
        <v>9303</v>
      </c>
      <c r="H12906">
        <v>5.8274610042830002</v>
      </c>
      <c r="I12906">
        <v>52.638544466801001</v>
      </c>
      <c r="J12906" t="s">
        <v>68591</v>
      </c>
    </row>
    <row r="12907" spans="1:10" x14ac:dyDescent="0.25">
      <c r="A12907" t="s">
        <v>9296</v>
      </c>
      <c r="B12907" t="s">
        <v>9297</v>
      </c>
      <c r="C12907" t="s">
        <v>9298</v>
      </c>
      <c r="D12907" t="s">
        <v>9183</v>
      </c>
      <c r="E12907" t="s">
        <v>13</v>
      </c>
      <c r="F12907">
        <v>1175</v>
      </c>
      <c r="G12907" t="s">
        <v>9299</v>
      </c>
      <c r="H12907">
        <v>5.9088696336700002</v>
      </c>
      <c r="I12907">
        <v>52.655324145953998</v>
      </c>
      <c r="J12907" t="s">
        <v>68592</v>
      </c>
    </row>
    <row r="12908" spans="1:10" x14ac:dyDescent="0.25">
      <c r="A12908" t="s">
        <v>9293</v>
      </c>
      <c r="B12908" t="s">
        <v>9294</v>
      </c>
      <c r="C12908" t="s">
        <v>9291</v>
      </c>
      <c r="D12908" t="s">
        <v>9183</v>
      </c>
      <c r="E12908" t="s">
        <v>13</v>
      </c>
      <c r="F12908">
        <v>1174</v>
      </c>
      <c r="G12908" t="s">
        <v>9295</v>
      </c>
      <c r="H12908">
        <v>5.9024359883740001</v>
      </c>
      <c r="I12908">
        <v>52.665574585942998</v>
      </c>
      <c r="J12908" t="s">
        <v>68593</v>
      </c>
    </row>
    <row r="12909" spans="1:10" x14ac:dyDescent="0.25">
      <c r="A12909" t="s">
        <v>9289</v>
      </c>
      <c r="B12909" t="s">
        <v>9290</v>
      </c>
      <c r="C12909" t="s">
        <v>9291</v>
      </c>
      <c r="D12909" t="s">
        <v>9183</v>
      </c>
      <c r="E12909" t="s">
        <v>13</v>
      </c>
      <c r="F12909">
        <v>1173</v>
      </c>
      <c r="G12909" t="s">
        <v>9292</v>
      </c>
      <c r="H12909">
        <v>5.8939210462959997</v>
      </c>
      <c r="I12909">
        <v>52.663991666643</v>
      </c>
      <c r="J12909" t="s">
        <v>68594</v>
      </c>
    </row>
    <row r="12910" spans="1:10" x14ac:dyDescent="0.25">
      <c r="A12910" t="s">
        <v>9285</v>
      </c>
      <c r="B12910" t="s">
        <v>9286</v>
      </c>
      <c r="C12910" t="s">
        <v>9287</v>
      </c>
      <c r="D12910" t="s">
        <v>9183</v>
      </c>
      <c r="E12910" t="s">
        <v>13</v>
      </c>
      <c r="F12910">
        <v>1172</v>
      </c>
      <c r="G12910" t="s">
        <v>9288</v>
      </c>
      <c r="H12910">
        <v>5.9013877730009998</v>
      </c>
      <c r="I12910">
        <v>52.661944185319001</v>
      </c>
      <c r="J12910" t="s">
        <v>68595</v>
      </c>
    </row>
    <row r="12911" spans="1:10" x14ac:dyDescent="0.25">
      <c r="A12911" t="s">
        <v>9281</v>
      </c>
      <c r="B12911" t="s">
        <v>9282</v>
      </c>
      <c r="C12911" t="s">
        <v>9283</v>
      </c>
      <c r="D12911" t="s">
        <v>9183</v>
      </c>
      <c r="E12911" t="s">
        <v>13</v>
      </c>
      <c r="F12911">
        <v>1171</v>
      </c>
      <c r="G12911" t="s">
        <v>9284</v>
      </c>
      <c r="H12911">
        <v>5.8910877321630002</v>
      </c>
      <c r="I12911">
        <v>52.704363707387998</v>
      </c>
      <c r="J12911" t="s">
        <v>68596</v>
      </c>
    </row>
    <row r="12912" spans="1:10" x14ac:dyDescent="0.25">
      <c r="A12912" t="s">
        <v>9277</v>
      </c>
      <c r="B12912" t="s">
        <v>9278</v>
      </c>
      <c r="C12912" t="s">
        <v>9279</v>
      </c>
      <c r="D12912" t="s">
        <v>9183</v>
      </c>
      <c r="E12912" t="s">
        <v>13</v>
      </c>
      <c r="F12912">
        <v>1170</v>
      </c>
      <c r="G12912" t="s">
        <v>9280</v>
      </c>
      <c r="H12912">
        <v>5.8698572547749999</v>
      </c>
      <c r="I12912">
        <v>52.708891153560998</v>
      </c>
      <c r="J12912" t="s">
        <v>68597</v>
      </c>
    </row>
    <row r="12913" spans="1:10" x14ac:dyDescent="0.25">
      <c r="A12913" t="s">
        <v>9273</v>
      </c>
      <c r="B12913" t="s">
        <v>9274</v>
      </c>
      <c r="C12913" t="s">
        <v>9275</v>
      </c>
      <c r="D12913" t="s">
        <v>9183</v>
      </c>
      <c r="E12913" t="s">
        <v>13</v>
      </c>
      <c r="F12913">
        <v>1169</v>
      </c>
      <c r="G12913" t="s">
        <v>9276</v>
      </c>
      <c r="H12913">
        <v>5.8587133079409996</v>
      </c>
      <c r="I12913">
        <v>52.709163579079998</v>
      </c>
      <c r="J12913" t="s">
        <v>68598</v>
      </c>
    </row>
    <row r="12914" spans="1:10" x14ac:dyDescent="0.25">
      <c r="A12914" t="s">
        <v>9269</v>
      </c>
      <c r="B12914" t="s">
        <v>9270</v>
      </c>
      <c r="C12914" t="s">
        <v>9271</v>
      </c>
      <c r="D12914" t="s">
        <v>9183</v>
      </c>
      <c r="E12914" t="s">
        <v>13</v>
      </c>
      <c r="F12914">
        <v>1168</v>
      </c>
      <c r="G12914" t="s">
        <v>9272</v>
      </c>
      <c r="H12914">
        <v>5.8509523666460002</v>
      </c>
      <c r="I12914">
        <v>52.753307794751002</v>
      </c>
      <c r="J12914" t="s">
        <v>68599</v>
      </c>
    </row>
    <row r="12915" spans="1:10" x14ac:dyDescent="0.25">
      <c r="A12915" t="s">
        <v>9265</v>
      </c>
      <c r="B12915" t="s">
        <v>9266</v>
      </c>
      <c r="C12915" t="s">
        <v>9267</v>
      </c>
      <c r="D12915" t="s">
        <v>9183</v>
      </c>
      <c r="E12915" t="s">
        <v>13</v>
      </c>
      <c r="F12915">
        <v>1167</v>
      </c>
      <c r="G12915" t="s">
        <v>9268</v>
      </c>
      <c r="H12915">
        <v>5.8533235903650001</v>
      </c>
      <c r="I12915">
        <v>52.741534581453998</v>
      </c>
      <c r="J12915" t="s">
        <v>68600</v>
      </c>
    </row>
    <row r="12916" spans="1:10" x14ac:dyDescent="0.25">
      <c r="A12916" t="s">
        <v>9261</v>
      </c>
      <c r="B12916" t="s">
        <v>9262</v>
      </c>
      <c r="C12916" t="s">
        <v>9263</v>
      </c>
      <c r="D12916" t="s">
        <v>9183</v>
      </c>
      <c r="E12916" t="s">
        <v>13</v>
      </c>
      <c r="F12916">
        <v>1166</v>
      </c>
      <c r="G12916" t="s">
        <v>9264</v>
      </c>
      <c r="H12916">
        <v>5.7576238989900004</v>
      </c>
      <c r="I12916">
        <v>52.771201733075003</v>
      </c>
      <c r="J12916" t="s">
        <v>68601</v>
      </c>
    </row>
    <row r="12917" spans="1:10" x14ac:dyDescent="0.25">
      <c r="A12917" t="s">
        <v>9257</v>
      </c>
      <c r="B12917" t="s">
        <v>9258</v>
      </c>
      <c r="C12917" t="s">
        <v>9259</v>
      </c>
      <c r="D12917" t="s">
        <v>9183</v>
      </c>
      <c r="E12917" t="s">
        <v>13</v>
      </c>
      <c r="F12917">
        <v>1165</v>
      </c>
      <c r="G12917" t="s">
        <v>9260</v>
      </c>
      <c r="H12917">
        <v>5.7580891824730003</v>
      </c>
      <c r="I12917">
        <v>52.765992198079999</v>
      </c>
      <c r="J12917" t="s">
        <v>68602</v>
      </c>
    </row>
    <row r="12918" spans="1:10" x14ac:dyDescent="0.25">
      <c r="A12918" t="s">
        <v>9253</v>
      </c>
      <c r="B12918" t="s">
        <v>9254</v>
      </c>
      <c r="C12918" t="s">
        <v>9255</v>
      </c>
      <c r="D12918" t="s">
        <v>9183</v>
      </c>
      <c r="E12918" t="s">
        <v>13</v>
      </c>
      <c r="F12918">
        <v>1164</v>
      </c>
      <c r="G12918" t="s">
        <v>9256</v>
      </c>
      <c r="H12918">
        <v>5.7520693628219997</v>
      </c>
      <c r="I12918">
        <v>52.769331458480004</v>
      </c>
      <c r="J12918" t="s">
        <v>68603</v>
      </c>
    </row>
    <row r="12919" spans="1:10" x14ac:dyDescent="0.25">
      <c r="A12919" t="s">
        <v>9249</v>
      </c>
      <c r="B12919" t="s">
        <v>9250</v>
      </c>
      <c r="C12919" t="s">
        <v>9251</v>
      </c>
      <c r="D12919" t="s">
        <v>9183</v>
      </c>
      <c r="E12919" t="s">
        <v>13</v>
      </c>
      <c r="F12919">
        <v>1163</v>
      </c>
      <c r="G12919" t="s">
        <v>9252</v>
      </c>
      <c r="H12919">
        <v>5.7603498132880002</v>
      </c>
      <c r="I12919">
        <v>52.713332696035998</v>
      </c>
      <c r="J12919" t="s">
        <v>68604</v>
      </c>
    </row>
    <row r="12920" spans="1:10" x14ac:dyDescent="0.25">
      <c r="A12920" t="s">
        <v>9245</v>
      </c>
      <c r="B12920" t="s">
        <v>9246</v>
      </c>
      <c r="C12920" t="s">
        <v>9247</v>
      </c>
      <c r="D12920" t="s">
        <v>9183</v>
      </c>
      <c r="E12920" t="s">
        <v>13</v>
      </c>
      <c r="F12920">
        <v>1162</v>
      </c>
      <c r="G12920" t="s">
        <v>9248</v>
      </c>
      <c r="H12920">
        <v>5.7464249324579999</v>
      </c>
      <c r="I12920">
        <v>52.687470618748002</v>
      </c>
      <c r="J12920" t="s">
        <v>68605</v>
      </c>
    </row>
    <row r="12921" spans="1:10" x14ac:dyDescent="0.25">
      <c r="A12921" t="s">
        <v>9241</v>
      </c>
      <c r="B12921" t="s">
        <v>9242</v>
      </c>
      <c r="C12921" t="s">
        <v>9243</v>
      </c>
      <c r="D12921" t="s">
        <v>9183</v>
      </c>
      <c r="E12921" t="s">
        <v>13</v>
      </c>
      <c r="F12921">
        <v>1161</v>
      </c>
      <c r="G12921" t="s">
        <v>9244</v>
      </c>
      <c r="H12921">
        <v>5.7515116219909999</v>
      </c>
      <c r="I12921">
        <v>52.698280042358</v>
      </c>
      <c r="J12921" t="s">
        <v>68606</v>
      </c>
    </row>
    <row r="12922" spans="1:10" x14ac:dyDescent="0.25">
      <c r="A12922" t="s">
        <v>9237</v>
      </c>
      <c r="B12922" t="s">
        <v>9238</v>
      </c>
      <c r="C12922" t="s">
        <v>9239</v>
      </c>
      <c r="D12922" t="s">
        <v>9183</v>
      </c>
      <c r="E12922" t="s">
        <v>13</v>
      </c>
      <c r="F12922">
        <v>1160</v>
      </c>
      <c r="G12922" t="s">
        <v>9240</v>
      </c>
      <c r="H12922">
        <v>5.7828555975859999</v>
      </c>
      <c r="I12922">
        <v>52.712893438610003</v>
      </c>
      <c r="J12922" t="s">
        <v>68607</v>
      </c>
    </row>
    <row r="12923" spans="1:10" x14ac:dyDescent="0.25">
      <c r="A12923" t="s">
        <v>9233</v>
      </c>
      <c r="B12923" t="s">
        <v>9234</v>
      </c>
      <c r="C12923" t="s">
        <v>9235</v>
      </c>
      <c r="D12923" t="s">
        <v>9183</v>
      </c>
      <c r="E12923" t="s">
        <v>13</v>
      </c>
      <c r="F12923">
        <v>1159</v>
      </c>
      <c r="G12923" t="s">
        <v>9236</v>
      </c>
      <c r="H12923">
        <v>5.7289579479280004</v>
      </c>
      <c r="I12923">
        <v>52.727419259843998</v>
      </c>
      <c r="J12923" t="s">
        <v>68608</v>
      </c>
    </row>
    <row r="12924" spans="1:10" x14ac:dyDescent="0.25">
      <c r="A12924" t="s">
        <v>9229</v>
      </c>
      <c r="B12924" t="s">
        <v>9230</v>
      </c>
      <c r="C12924" t="s">
        <v>9231</v>
      </c>
      <c r="D12924" t="s">
        <v>9183</v>
      </c>
      <c r="E12924" t="s">
        <v>13</v>
      </c>
      <c r="F12924">
        <v>1158</v>
      </c>
      <c r="G12924" t="s">
        <v>9232</v>
      </c>
      <c r="H12924">
        <v>5.7464456551690004</v>
      </c>
      <c r="I12924">
        <v>52.72772760865</v>
      </c>
      <c r="J12924" t="s">
        <v>68609</v>
      </c>
    </row>
    <row r="12925" spans="1:10" x14ac:dyDescent="0.25">
      <c r="A12925" t="s">
        <v>9225</v>
      </c>
      <c r="B12925" t="s">
        <v>9226</v>
      </c>
      <c r="C12925" t="s">
        <v>9227</v>
      </c>
      <c r="D12925" t="s">
        <v>9183</v>
      </c>
      <c r="E12925" t="s">
        <v>13</v>
      </c>
      <c r="F12925">
        <v>1157</v>
      </c>
      <c r="G12925" t="s">
        <v>9228</v>
      </c>
      <c r="H12925">
        <v>5.7576786367060002</v>
      </c>
      <c r="I12925">
        <v>52.726804878578001</v>
      </c>
      <c r="J12925" t="s">
        <v>68610</v>
      </c>
    </row>
    <row r="12926" spans="1:10" x14ac:dyDescent="0.25">
      <c r="A12926" t="s">
        <v>9221</v>
      </c>
      <c r="B12926" t="s">
        <v>9222</v>
      </c>
      <c r="C12926" t="s">
        <v>9223</v>
      </c>
      <c r="D12926" t="s">
        <v>9183</v>
      </c>
      <c r="E12926" t="s">
        <v>13</v>
      </c>
      <c r="F12926">
        <v>1156</v>
      </c>
      <c r="G12926" t="s">
        <v>9224</v>
      </c>
      <c r="H12926">
        <v>5.73192615464</v>
      </c>
      <c r="I12926">
        <v>52.719926130333</v>
      </c>
      <c r="J12926" t="s">
        <v>68611</v>
      </c>
    </row>
    <row r="12927" spans="1:10" x14ac:dyDescent="0.25">
      <c r="A12927" t="s">
        <v>9217</v>
      </c>
      <c r="B12927" t="s">
        <v>9218</v>
      </c>
      <c r="C12927" t="s">
        <v>9219</v>
      </c>
      <c r="D12927" t="s">
        <v>9183</v>
      </c>
      <c r="E12927" t="s">
        <v>13</v>
      </c>
      <c r="F12927">
        <v>1155</v>
      </c>
      <c r="G12927" t="s">
        <v>9220</v>
      </c>
      <c r="H12927">
        <v>5.7635072173789998</v>
      </c>
      <c r="I12927">
        <v>52.703787814972003</v>
      </c>
      <c r="J12927" t="s">
        <v>68612</v>
      </c>
    </row>
    <row r="12928" spans="1:10" x14ac:dyDescent="0.25">
      <c r="A12928" t="s">
        <v>9213</v>
      </c>
      <c r="B12928" t="s">
        <v>9214</v>
      </c>
      <c r="C12928" t="s">
        <v>9215</v>
      </c>
      <c r="D12928" t="s">
        <v>9183</v>
      </c>
      <c r="E12928" t="s">
        <v>13</v>
      </c>
      <c r="F12928">
        <v>1154</v>
      </c>
      <c r="G12928" t="s">
        <v>9216</v>
      </c>
      <c r="H12928">
        <v>5.7264011217729998</v>
      </c>
      <c r="I12928">
        <v>52.712487595726998</v>
      </c>
      <c r="J12928" t="s">
        <v>68613</v>
      </c>
    </row>
    <row r="12929" spans="1:10" x14ac:dyDescent="0.25">
      <c r="A12929" t="s">
        <v>9209</v>
      </c>
      <c r="B12929" t="s">
        <v>9210</v>
      </c>
      <c r="C12929" t="s">
        <v>9211</v>
      </c>
      <c r="D12929" t="s">
        <v>9183</v>
      </c>
      <c r="E12929" t="s">
        <v>13</v>
      </c>
      <c r="F12929">
        <v>1153</v>
      </c>
      <c r="G12929" t="s">
        <v>9212</v>
      </c>
      <c r="H12929">
        <v>5.7378156164209999</v>
      </c>
      <c r="I12929">
        <v>52.713615641925998</v>
      </c>
      <c r="J12929" t="s">
        <v>68614</v>
      </c>
    </row>
    <row r="12930" spans="1:10" x14ac:dyDescent="0.25">
      <c r="A12930" t="s">
        <v>9205</v>
      </c>
      <c r="B12930" t="s">
        <v>9206</v>
      </c>
      <c r="C12930" t="s">
        <v>9207</v>
      </c>
      <c r="D12930" t="s">
        <v>9183</v>
      </c>
      <c r="E12930" t="s">
        <v>13</v>
      </c>
      <c r="F12930">
        <v>1152</v>
      </c>
      <c r="G12930" t="s">
        <v>9208</v>
      </c>
      <c r="H12930">
        <v>5.7393509301799996</v>
      </c>
      <c r="I12930">
        <v>52.709865865620003</v>
      </c>
      <c r="J12930" t="s">
        <v>68615</v>
      </c>
    </row>
    <row r="12931" spans="1:10" x14ac:dyDescent="0.25">
      <c r="A12931" t="s">
        <v>9201</v>
      </c>
      <c r="B12931" t="s">
        <v>9202</v>
      </c>
      <c r="C12931" t="s">
        <v>9203</v>
      </c>
      <c r="D12931" t="s">
        <v>9183</v>
      </c>
      <c r="E12931" t="s">
        <v>13</v>
      </c>
      <c r="F12931">
        <v>1151</v>
      </c>
      <c r="G12931" t="s">
        <v>9204</v>
      </c>
      <c r="H12931">
        <v>5.7394408900110001</v>
      </c>
      <c r="I12931">
        <v>52.704103600811997</v>
      </c>
      <c r="J12931" t="s">
        <v>68616</v>
      </c>
    </row>
    <row r="12932" spans="1:10" x14ac:dyDescent="0.25">
      <c r="A12932" t="s">
        <v>9197</v>
      </c>
      <c r="B12932" t="s">
        <v>9198</v>
      </c>
      <c r="C12932" t="s">
        <v>9199</v>
      </c>
      <c r="D12932" t="s">
        <v>9183</v>
      </c>
      <c r="E12932" t="s">
        <v>13</v>
      </c>
      <c r="F12932">
        <v>1150</v>
      </c>
      <c r="G12932" t="s">
        <v>9200</v>
      </c>
      <c r="H12932">
        <v>5.7280585490059996</v>
      </c>
      <c r="I12932">
        <v>52.704450489044</v>
      </c>
      <c r="J12932" t="s">
        <v>68617</v>
      </c>
    </row>
    <row r="12933" spans="1:10" x14ac:dyDescent="0.25">
      <c r="A12933" t="s">
        <v>9193</v>
      </c>
      <c r="B12933" t="s">
        <v>9194</v>
      </c>
      <c r="C12933" t="s">
        <v>9195</v>
      </c>
      <c r="D12933" t="s">
        <v>9183</v>
      </c>
      <c r="E12933" t="s">
        <v>13</v>
      </c>
      <c r="F12933">
        <v>1149</v>
      </c>
      <c r="G12933" t="s">
        <v>9196</v>
      </c>
      <c r="H12933">
        <v>5.7584929532949998</v>
      </c>
      <c r="I12933">
        <v>52.716638655403997</v>
      </c>
      <c r="J12933" t="s">
        <v>68618</v>
      </c>
    </row>
    <row r="12934" spans="1:10" x14ac:dyDescent="0.25">
      <c r="A12934" t="s">
        <v>9189</v>
      </c>
      <c r="B12934" t="s">
        <v>9190</v>
      </c>
      <c r="C12934" t="s">
        <v>9191</v>
      </c>
      <c r="D12934" t="s">
        <v>9183</v>
      </c>
      <c r="E12934" t="s">
        <v>13</v>
      </c>
      <c r="F12934">
        <v>1148</v>
      </c>
      <c r="G12934" t="s">
        <v>9192</v>
      </c>
      <c r="H12934">
        <v>5.7653735989610002</v>
      </c>
      <c r="I12934">
        <v>52.716974770032003</v>
      </c>
      <c r="J12934" t="s">
        <v>68619</v>
      </c>
    </row>
    <row r="12935" spans="1:10" x14ac:dyDescent="0.25">
      <c r="A12935" t="s">
        <v>9185</v>
      </c>
      <c r="B12935" t="s">
        <v>9186</v>
      </c>
      <c r="C12935" t="s">
        <v>9187</v>
      </c>
      <c r="D12935" t="s">
        <v>9183</v>
      </c>
      <c r="E12935" t="s">
        <v>13</v>
      </c>
      <c r="F12935">
        <v>1147</v>
      </c>
      <c r="G12935" t="s">
        <v>9188</v>
      </c>
      <c r="H12935">
        <v>5.7486689531649997</v>
      </c>
      <c r="I12935">
        <v>52.716699539049003</v>
      </c>
      <c r="J12935" t="s">
        <v>68620</v>
      </c>
    </row>
    <row r="12936" spans="1:10" x14ac:dyDescent="0.25">
      <c r="A12936" t="s">
        <v>9180</v>
      </c>
      <c r="B12936" t="s">
        <v>9181</v>
      </c>
      <c r="C12936" t="s">
        <v>9182</v>
      </c>
      <c r="D12936" t="s">
        <v>9183</v>
      </c>
      <c r="E12936" t="s">
        <v>13</v>
      </c>
      <c r="F12936">
        <v>1146</v>
      </c>
      <c r="G12936" t="s">
        <v>9184</v>
      </c>
      <c r="H12936">
        <v>5.7566529558369997</v>
      </c>
      <c r="I12936">
        <v>52.708567441486998</v>
      </c>
      <c r="J12936" t="s">
        <v>68621</v>
      </c>
    </row>
    <row r="12937" spans="1:10" x14ac:dyDescent="0.25">
      <c r="A12937" t="s">
        <v>9176</v>
      </c>
      <c r="B12937" t="s">
        <v>9177</v>
      </c>
      <c r="C12937" t="s">
        <v>9178</v>
      </c>
      <c r="D12937" t="s">
        <v>9130</v>
      </c>
      <c r="E12937" t="s">
        <v>13</v>
      </c>
      <c r="F12937">
        <v>1145</v>
      </c>
      <c r="G12937" t="s">
        <v>9179</v>
      </c>
      <c r="H12937">
        <v>7.0145426049330002</v>
      </c>
      <c r="I12937">
        <v>52.355295619038003</v>
      </c>
      <c r="J12937" t="s">
        <v>68622</v>
      </c>
    </row>
    <row r="12938" spans="1:10" x14ac:dyDescent="0.25">
      <c r="A12938" t="s">
        <v>9172</v>
      </c>
      <c r="B12938" t="s">
        <v>9173</v>
      </c>
      <c r="C12938" t="s">
        <v>9174</v>
      </c>
      <c r="D12938" t="s">
        <v>9130</v>
      </c>
      <c r="E12938" t="s">
        <v>13</v>
      </c>
      <c r="F12938">
        <v>1144</v>
      </c>
      <c r="G12938" t="s">
        <v>9175</v>
      </c>
      <c r="H12938">
        <v>6.998258777647</v>
      </c>
      <c r="I12938">
        <v>52.358422169007</v>
      </c>
      <c r="J12938" t="s">
        <v>68623</v>
      </c>
    </row>
    <row r="12939" spans="1:10" x14ac:dyDescent="0.25">
      <c r="A12939" t="s">
        <v>9168</v>
      </c>
      <c r="B12939" t="s">
        <v>9169</v>
      </c>
      <c r="C12939" t="s">
        <v>9170</v>
      </c>
      <c r="D12939" t="s">
        <v>9130</v>
      </c>
      <c r="E12939" t="s">
        <v>13</v>
      </c>
      <c r="F12939">
        <v>1143</v>
      </c>
      <c r="G12939" t="s">
        <v>9171</v>
      </c>
      <c r="H12939">
        <v>6.9936938557539996</v>
      </c>
      <c r="I12939">
        <v>52.314362864080003</v>
      </c>
      <c r="J12939" t="s">
        <v>68624</v>
      </c>
    </row>
    <row r="12940" spans="1:10" x14ac:dyDescent="0.25">
      <c r="A12940" t="s">
        <v>9164</v>
      </c>
      <c r="B12940" t="s">
        <v>9165</v>
      </c>
      <c r="C12940" t="s">
        <v>9166</v>
      </c>
      <c r="D12940" t="s">
        <v>9130</v>
      </c>
      <c r="E12940" t="s">
        <v>13</v>
      </c>
      <c r="F12940">
        <v>1142</v>
      </c>
      <c r="G12940" t="s">
        <v>9167</v>
      </c>
      <c r="H12940">
        <v>6.9927553274310004</v>
      </c>
      <c r="I12940">
        <v>52.313616915748</v>
      </c>
      <c r="J12940" t="s">
        <v>68625</v>
      </c>
    </row>
    <row r="12941" spans="1:10" x14ac:dyDescent="0.25">
      <c r="A12941" t="s">
        <v>9160</v>
      </c>
      <c r="B12941" t="s">
        <v>9161</v>
      </c>
      <c r="C12941" t="s">
        <v>9162</v>
      </c>
      <c r="D12941" t="s">
        <v>9130</v>
      </c>
      <c r="E12941" t="s">
        <v>13</v>
      </c>
      <c r="F12941">
        <v>1141</v>
      </c>
      <c r="G12941" t="s">
        <v>9163</v>
      </c>
      <c r="H12941">
        <v>7.0329644631669996</v>
      </c>
      <c r="I12941">
        <v>52.241717010053002</v>
      </c>
      <c r="J12941" t="s">
        <v>68626</v>
      </c>
    </row>
    <row r="12942" spans="1:10" x14ac:dyDescent="0.25">
      <c r="A12942" t="s">
        <v>9156</v>
      </c>
      <c r="B12942" t="s">
        <v>9157</v>
      </c>
      <c r="C12942" t="s">
        <v>9158</v>
      </c>
      <c r="D12942" t="s">
        <v>9130</v>
      </c>
      <c r="E12942" t="s">
        <v>13</v>
      </c>
      <c r="F12942">
        <v>1140</v>
      </c>
      <c r="G12942" t="s">
        <v>9159</v>
      </c>
      <c r="H12942">
        <v>7.0369465678990002</v>
      </c>
      <c r="I12942">
        <v>52.236505415731997</v>
      </c>
      <c r="J12942" t="s">
        <v>68627</v>
      </c>
    </row>
    <row r="12943" spans="1:10" x14ac:dyDescent="0.25">
      <c r="A12943" t="s">
        <v>9152</v>
      </c>
      <c r="B12943" t="s">
        <v>9153</v>
      </c>
      <c r="C12943" t="s">
        <v>9154</v>
      </c>
      <c r="D12943" t="s">
        <v>9130</v>
      </c>
      <c r="E12943" t="s">
        <v>13</v>
      </c>
      <c r="F12943">
        <v>1139</v>
      </c>
      <c r="G12943" t="s">
        <v>9155</v>
      </c>
      <c r="H12943">
        <v>6.9854742509110004</v>
      </c>
      <c r="I12943">
        <v>52.233169729369997</v>
      </c>
      <c r="J12943" t="s">
        <v>68628</v>
      </c>
    </row>
    <row r="12944" spans="1:10" x14ac:dyDescent="0.25">
      <c r="A12944" t="s">
        <v>9148</v>
      </c>
      <c r="B12944" t="s">
        <v>9149</v>
      </c>
      <c r="C12944" t="s">
        <v>9150</v>
      </c>
      <c r="D12944" t="s">
        <v>9130</v>
      </c>
      <c r="E12944" t="s">
        <v>13</v>
      </c>
      <c r="F12944">
        <v>1138</v>
      </c>
      <c r="G12944" t="s">
        <v>9151</v>
      </c>
      <c r="H12944">
        <v>6.9776488922619997</v>
      </c>
      <c r="I12944">
        <v>52.22512222516</v>
      </c>
      <c r="J12944" t="s">
        <v>68629</v>
      </c>
    </row>
    <row r="12945" spans="1:10" x14ac:dyDescent="0.25">
      <c r="A12945" t="s">
        <v>9144</v>
      </c>
      <c r="B12945" t="s">
        <v>9145</v>
      </c>
      <c r="C12945" t="s">
        <v>9146</v>
      </c>
      <c r="D12945" t="s">
        <v>9130</v>
      </c>
      <c r="E12945" t="s">
        <v>13</v>
      </c>
      <c r="F12945">
        <v>1137</v>
      </c>
      <c r="G12945" t="s">
        <v>9147</v>
      </c>
      <c r="H12945">
        <v>7.0048403595000002</v>
      </c>
      <c r="I12945">
        <v>52.231441992481997</v>
      </c>
      <c r="J12945" t="s">
        <v>68630</v>
      </c>
    </row>
    <row r="12946" spans="1:10" x14ac:dyDescent="0.25">
      <c r="A12946" t="s">
        <v>9140</v>
      </c>
      <c r="B12946" t="s">
        <v>9141</v>
      </c>
      <c r="C12946" t="s">
        <v>9142</v>
      </c>
      <c r="D12946" t="s">
        <v>9130</v>
      </c>
      <c r="E12946" t="s">
        <v>13</v>
      </c>
      <c r="F12946">
        <v>1136</v>
      </c>
      <c r="G12946" t="s">
        <v>9143</v>
      </c>
      <c r="H12946">
        <v>6.9944193243120001</v>
      </c>
      <c r="I12946">
        <v>52.266437153928003</v>
      </c>
      <c r="J12946" t="s">
        <v>68631</v>
      </c>
    </row>
    <row r="12947" spans="1:10" x14ac:dyDescent="0.25">
      <c r="A12947" t="s">
        <v>9136</v>
      </c>
      <c r="B12947" t="s">
        <v>9137</v>
      </c>
      <c r="C12947" t="s">
        <v>9138</v>
      </c>
      <c r="D12947" t="s">
        <v>9130</v>
      </c>
      <c r="E12947" t="s">
        <v>13</v>
      </c>
      <c r="F12947">
        <v>1135</v>
      </c>
      <c r="G12947" t="s">
        <v>9139</v>
      </c>
      <c r="H12947">
        <v>7.0115068420629996</v>
      </c>
      <c r="I12947">
        <v>52.263357351788002</v>
      </c>
      <c r="J12947" t="s">
        <v>68632</v>
      </c>
    </row>
    <row r="12948" spans="1:10" x14ac:dyDescent="0.25">
      <c r="A12948" t="s">
        <v>9132</v>
      </c>
      <c r="B12948" t="s">
        <v>9133</v>
      </c>
      <c r="C12948" t="s">
        <v>9134</v>
      </c>
      <c r="D12948" t="s">
        <v>9130</v>
      </c>
      <c r="E12948" t="s">
        <v>13</v>
      </c>
      <c r="F12948">
        <v>1134</v>
      </c>
      <c r="G12948" t="s">
        <v>9135</v>
      </c>
      <c r="H12948">
        <v>7.009613223183</v>
      </c>
      <c r="I12948">
        <v>52.248914654978002</v>
      </c>
      <c r="J12948" t="s">
        <v>68633</v>
      </c>
    </row>
    <row r="12949" spans="1:10" x14ac:dyDescent="0.25">
      <c r="A12949" t="s">
        <v>9127</v>
      </c>
      <c r="B12949" t="s">
        <v>9128</v>
      </c>
      <c r="C12949" t="s">
        <v>9129</v>
      </c>
      <c r="D12949" t="s">
        <v>9130</v>
      </c>
      <c r="E12949" t="s">
        <v>13</v>
      </c>
      <c r="F12949">
        <v>1133</v>
      </c>
      <c r="G12949" t="s">
        <v>9131</v>
      </c>
      <c r="H12949">
        <v>6.9988857615239999</v>
      </c>
      <c r="I12949">
        <v>52.262508473997002</v>
      </c>
      <c r="J12949" t="s">
        <v>68634</v>
      </c>
    </row>
    <row r="12950" spans="1:10" x14ac:dyDescent="0.25">
      <c r="A12950" t="s">
        <v>9123</v>
      </c>
      <c r="B12950" t="s">
        <v>9124</v>
      </c>
      <c r="C12950" t="s">
        <v>9125</v>
      </c>
      <c r="D12950" t="s">
        <v>2771</v>
      </c>
      <c r="E12950" t="s">
        <v>13</v>
      </c>
      <c r="F12950">
        <v>1132</v>
      </c>
      <c r="G12950" t="s">
        <v>9126</v>
      </c>
      <c r="H12950">
        <v>5.9960890696269997</v>
      </c>
      <c r="I12950">
        <v>52.563149919263999</v>
      </c>
      <c r="J12950" t="s">
        <v>68635</v>
      </c>
    </row>
    <row r="12951" spans="1:10" x14ac:dyDescent="0.25">
      <c r="A12951" t="s">
        <v>9119</v>
      </c>
      <c r="B12951" t="s">
        <v>9120</v>
      </c>
      <c r="C12951" t="s">
        <v>9121</v>
      </c>
      <c r="D12951" t="s">
        <v>2771</v>
      </c>
      <c r="E12951" t="s">
        <v>13</v>
      </c>
      <c r="F12951">
        <v>1131</v>
      </c>
      <c r="G12951" t="s">
        <v>9122</v>
      </c>
      <c r="H12951">
        <v>6.0096464026409997</v>
      </c>
      <c r="I12951">
        <v>52.535843476437996</v>
      </c>
      <c r="J12951" t="s">
        <v>68636</v>
      </c>
    </row>
    <row r="12952" spans="1:10" x14ac:dyDescent="0.25">
      <c r="A12952" t="s">
        <v>2773</v>
      </c>
      <c r="B12952" t="s">
        <v>2774</v>
      </c>
      <c r="C12952" t="s">
        <v>2775</v>
      </c>
      <c r="D12952" t="s">
        <v>2771</v>
      </c>
      <c r="E12952" t="s">
        <v>13</v>
      </c>
      <c r="F12952">
        <v>1130</v>
      </c>
      <c r="G12952" t="s">
        <v>2776</v>
      </c>
      <c r="H12952">
        <v>5.9292028453999999</v>
      </c>
      <c r="I12952">
        <v>52.506140573408999</v>
      </c>
      <c r="J12952" t="s">
        <v>68637</v>
      </c>
    </row>
    <row r="12953" spans="1:10" x14ac:dyDescent="0.25">
      <c r="A12953" t="s">
        <v>9115</v>
      </c>
      <c r="B12953" t="s">
        <v>9116</v>
      </c>
      <c r="C12953" t="s">
        <v>9117</v>
      </c>
      <c r="D12953" t="s">
        <v>2771</v>
      </c>
      <c r="E12953" t="s">
        <v>13</v>
      </c>
      <c r="F12953">
        <v>1129</v>
      </c>
      <c r="G12953" t="s">
        <v>9118</v>
      </c>
      <c r="H12953">
        <v>5.9466803490959999</v>
      </c>
      <c r="I12953">
        <v>52.588349920378</v>
      </c>
      <c r="J12953" t="s">
        <v>68638</v>
      </c>
    </row>
    <row r="12954" spans="1:10" x14ac:dyDescent="0.25">
      <c r="A12954" t="s">
        <v>9111</v>
      </c>
      <c r="B12954" t="s">
        <v>9112</v>
      </c>
      <c r="C12954" t="s">
        <v>9113</v>
      </c>
      <c r="D12954" t="s">
        <v>2771</v>
      </c>
      <c r="E12954" t="s">
        <v>13</v>
      </c>
      <c r="F12954">
        <v>1128</v>
      </c>
      <c r="G12954" t="s">
        <v>9114</v>
      </c>
      <c r="H12954">
        <v>5.9667232521119997</v>
      </c>
      <c r="I12954">
        <v>52.532380279286002</v>
      </c>
      <c r="J12954" t="s">
        <v>68639</v>
      </c>
    </row>
    <row r="12955" spans="1:10" x14ac:dyDescent="0.25">
      <c r="A12955" t="s">
        <v>9107</v>
      </c>
      <c r="B12955" t="s">
        <v>9108</v>
      </c>
      <c r="C12955" t="s">
        <v>9109</v>
      </c>
      <c r="D12955" t="s">
        <v>2771</v>
      </c>
      <c r="E12955" t="s">
        <v>13</v>
      </c>
      <c r="F12955">
        <v>1127</v>
      </c>
      <c r="G12955" t="s">
        <v>9110</v>
      </c>
      <c r="H12955">
        <v>5.9663100270099996</v>
      </c>
      <c r="I12955">
        <v>52.530337996025999</v>
      </c>
      <c r="J12955" t="s">
        <v>68640</v>
      </c>
    </row>
    <row r="12956" spans="1:10" x14ac:dyDescent="0.25">
      <c r="A12956" t="s">
        <v>2768</v>
      </c>
      <c r="B12956" t="s">
        <v>2769</v>
      </c>
      <c r="C12956" t="s">
        <v>2770</v>
      </c>
      <c r="D12956" t="s">
        <v>2771</v>
      </c>
      <c r="E12956" t="s">
        <v>13</v>
      </c>
      <c r="F12956">
        <v>1126</v>
      </c>
      <c r="G12956" t="s">
        <v>2772</v>
      </c>
      <c r="H12956">
        <v>5.9889372171590001</v>
      </c>
      <c r="I12956">
        <v>52.508534580622999</v>
      </c>
      <c r="J12956" t="s">
        <v>68641</v>
      </c>
    </row>
    <row r="12957" spans="1:10" x14ac:dyDescent="0.25">
      <c r="A12957" t="s">
        <v>9103</v>
      </c>
      <c r="B12957" t="s">
        <v>9104</v>
      </c>
      <c r="C12957" t="s">
        <v>9105</v>
      </c>
      <c r="D12957" t="s">
        <v>2771</v>
      </c>
      <c r="E12957" t="s">
        <v>13</v>
      </c>
      <c r="F12957">
        <v>1125</v>
      </c>
      <c r="G12957" t="s">
        <v>9106</v>
      </c>
      <c r="H12957">
        <v>6.0076368365499997</v>
      </c>
      <c r="I12957">
        <v>52.520875012361003</v>
      </c>
      <c r="J12957" t="s">
        <v>68642</v>
      </c>
    </row>
    <row r="12958" spans="1:10" x14ac:dyDescent="0.25">
      <c r="A12958" t="s">
        <v>9099</v>
      </c>
      <c r="B12958" t="s">
        <v>9100</v>
      </c>
      <c r="C12958" t="s">
        <v>9101</v>
      </c>
      <c r="D12958" t="s">
        <v>2771</v>
      </c>
      <c r="E12958" t="s">
        <v>13</v>
      </c>
      <c r="F12958">
        <v>1124</v>
      </c>
      <c r="G12958" t="s">
        <v>9102</v>
      </c>
      <c r="H12958">
        <v>5.9347398837369996</v>
      </c>
      <c r="I12958">
        <v>52.560262450063</v>
      </c>
      <c r="J12958" t="s">
        <v>68643</v>
      </c>
    </row>
    <row r="12959" spans="1:10" x14ac:dyDescent="0.25">
      <c r="A12959" t="s">
        <v>9095</v>
      </c>
      <c r="B12959" t="s">
        <v>9096</v>
      </c>
      <c r="C12959" t="s">
        <v>9097</v>
      </c>
      <c r="D12959" t="s">
        <v>2771</v>
      </c>
      <c r="E12959" t="s">
        <v>13</v>
      </c>
      <c r="F12959">
        <v>1123</v>
      </c>
      <c r="G12959" t="s">
        <v>9098</v>
      </c>
      <c r="H12959">
        <v>5.9631778233419999</v>
      </c>
      <c r="I12959">
        <v>52.551260558812999</v>
      </c>
      <c r="J12959" t="s">
        <v>68644</v>
      </c>
    </row>
    <row r="12960" spans="1:10" x14ac:dyDescent="0.25">
      <c r="A12960" t="s">
        <v>9091</v>
      </c>
      <c r="B12960" t="s">
        <v>9092</v>
      </c>
      <c r="C12960" t="s">
        <v>9093</v>
      </c>
      <c r="D12960" t="s">
        <v>2771</v>
      </c>
      <c r="E12960" t="s">
        <v>13</v>
      </c>
      <c r="F12960">
        <v>1122</v>
      </c>
      <c r="G12960" t="s">
        <v>9094</v>
      </c>
      <c r="H12960">
        <v>5.951314241185</v>
      </c>
      <c r="I12960">
        <v>52.559430474286003</v>
      </c>
      <c r="J12960" t="s">
        <v>68645</v>
      </c>
    </row>
    <row r="12961" spans="1:10" x14ac:dyDescent="0.25">
      <c r="A12961" t="s">
        <v>9087</v>
      </c>
      <c r="B12961" t="s">
        <v>9088</v>
      </c>
      <c r="C12961" t="s">
        <v>9089</v>
      </c>
      <c r="D12961" t="s">
        <v>2771</v>
      </c>
      <c r="E12961" t="s">
        <v>13</v>
      </c>
      <c r="F12961">
        <v>1121</v>
      </c>
      <c r="G12961" t="s">
        <v>9090</v>
      </c>
      <c r="H12961">
        <v>5.9573965246530003</v>
      </c>
      <c r="I12961">
        <v>52.579363425902002</v>
      </c>
      <c r="J12961" t="s">
        <v>68646</v>
      </c>
    </row>
    <row r="12962" spans="1:10" x14ac:dyDescent="0.25">
      <c r="A12962" t="s">
        <v>9083</v>
      </c>
      <c r="B12962" t="s">
        <v>9084</v>
      </c>
      <c r="C12962" t="s">
        <v>9085</v>
      </c>
      <c r="D12962" t="s">
        <v>2771</v>
      </c>
      <c r="E12962" t="s">
        <v>13</v>
      </c>
      <c r="F12962">
        <v>1120</v>
      </c>
      <c r="G12962" t="s">
        <v>9086</v>
      </c>
      <c r="H12962">
        <v>5.9238734755199998</v>
      </c>
      <c r="I12962">
        <v>52.576950969304001</v>
      </c>
      <c r="J12962" t="s">
        <v>68647</v>
      </c>
    </row>
    <row r="12963" spans="1:10" x14ac:dyDescent="0.25">
      <c r="A12963" t="s">
        <v>9079</v>
      </c>
      <c r="B12963" t="s">
        <v>9080</v>
      </c>
      <c r="C12963" t="s">
        <v>9081</v>
      </c>
      <c r="D12963" t="s">
        <v>2771</v>
      </c>
      <c r="E12963" t="s">
        <v>13</v>
      </c>
      <c r="F12963">
        <v>1119</v>
      </c>
      <c r="G12963" t="s">
        <v>9082</v>
      </c>
      <c r="H12963">
        <v>5.9344780767709997</v>
      </c>
      <c r="I12963">
        <v>52.551737822999002</v>
      </c>
      <c r="J12963" t="s">
        <v>68648</v>
      </c>
    </row>
    <row r="12964" spans="1:10" x14ac:dyDescent="0.25">
      <c r="A12964" t="s">
        <v>9075</v>
      </c>
      <c r="B12964" t="s">
        <v>9076</v>
      </c>
      <c r="C12964" t="s">
        <v>9077</v>
      </c>
      <c r="D12964" t="s">
        <v>2771</v>
      </c>
      <c r="E12964" t="s">
        <v>13</v>
      </c>
      <c r="F12964">
        <v>1118</v>
      </c>
      <c r="G12964" t="s">
        <v>9078</v>
      </c>
      <c r="H12964">
        <v>5.944487829991</v>
      </c>
      <c r="I12964">
        <v>52.565999976024997</v>
      </c>
      <c r="J12964" t="s">
        <v>68649</v>
      </c>
    </row>
    <row r="12965" spans="1:10" x14ac:dyDescent="0.25">
      <c r="A12965" t="s">
        <v>9071</v>
      </c>
      <c r="B12965" t="s">
        <v>9072</v>
      </c>
      <c r="C12965" t="s">
        <v>9073</v>
      </c>
      <c r="D12965" t="s">
        <v>2771</v>
      </c>
      <c r="E12965" t="s">
        <v>13</v>
      </c>
      <c r="F12965">
        <v>1117</v>
      </c>
      <c r="G12965" t="s">
        <v>9074</v>
      </c>
      <c r="H12965">
        <v>5.9293508597880002</v>
      </c>
      <c r="I12965">
        <v>52.566515990821003</v>
      </c>
      <c r="J12965" t="s">
        <v>68650</v>
      </c>
    </row>
    <row r="12966" spans="1:10" x14ac:dyDescent="0.25">
      <c r="A12966" t="s">
        <v>9067</v>
      </c>
      <c r="B12966" t="s">
        <v>9068</v>
      </c>
      <c r="C12966" t="s">
        <v>9069</v>
      </c>
      <c r="D12966" t="s">
        <v>2771</v>
      </c>
      <c r="E12966" t="s">
        <v>13</v>
      </c>
      <c r="F12966">
        <v>1116</v>
      </c>
      <c r="G12966" t="s">
        <v>9070</v>
      </c>
      <c r="H12966">
        <v>5.9694886064889996</v>
      </c>
      <c r="I12966">
        <v>52.609128982898</v>
      </c>
      <c r="J12966" t="s">
        <v>68651</v>
      </c>
    </row>
    <row r="12967" spans="1:10" x14ac:dyDescent="0.25">
      <c r="A12967" t="s">
        <v>9063</v>
      </c>
      <c r="B12967" t="s">
        <v>9064</v>
      </c>
      <c r="C12967" t="s">
        <v>9065</v>
      </c>
      <c r="D12967" t="s">
        <v>2771</v>
      </c>
      <c r="E12967" t="s">
        <v>13</v>
      </c>
      <c r="F12967">
        <v>1115</v>
      </c>
      <c r="G12967" t="s">
        <v>9066</v>
      </c>
      <c r="H12967">
        <v>5.8869548369629996</v>
      </c>
      <c r="I12967">
        <v>52.596956915618001</v>
      </c>
      <c r="J12967" t="s">
        <v>68652</v>
      </c>
    </row>
    <row r="12968" spans="1:10" x14ac:dyDescent="0.25">
      <c r="A12968" t="s">
        <v>9059</v>
      </c>
      <c r="B12968" t="s">
        <v>9060</v>
      </c>
      <c r="C12968" t="s">
        <v>9061</v>
      </c>
      <c r="D12968" t="s">
        <v>2771</v>
      </c>
      <c r="E12968" t="s">
        <v>13</v>
      </c>
      <c r="F12968">
        <v>1114</v>
      </c>
      <c r="G12968" t="s">
        <v>9062</v>
      </c>
      <c r="H12968">
        <v>5.8542158125699997</v>
      </c>
      <c r="I12968">
        <v>52.566471079919999</v>
      </c>
      <c r="J12968" t="s">
        <v>68653</v>
      </c>
    </row>
    <row r="12969" spans="1:10" x14ac:dyDescent="0.25">
      <c r="A12969" t="s">
        <v>9055</v>
      </c>
      <c r="B12969" t="s">
        <v>9056</v>
      </c>
      <c r="C12969" t="s">
        <v>9057</v>
      </c>
      <c r="D12969" t="s">
        <v>2771</v>
      </c>
      <c r="E12969" t="s">
        <v>13</v>
      </c>
      <c r="F12969">
        <v>1113</v>
      </c>
      <c r="G12969" t="s">
        <v>9058</v>
      </c>
      <c r="H12969">
        <v>5.8841075959899998</v>
      </c>
      <c r="I12969">
        <v>52.536681383306998</v>
      </c>
      <c r="J12969" t="s">
        <v>68654</v>
      </c>
    </row>
    <row r="12970" spans="1:10" x14ac:dyDescent="0.25">
      <c r="A12970" t="s">
        <v>9051</v>
      </c>
      <c r="B12970" t="s">
        <v>9052</v>
      </c>
      <c r="C12970" t="s">
        <v>9053</v>
      </c>
      <c r="D12970" t="s">
        <v>2771</v>
      </c>
      <c r="E12970" t="s">
        <v>13</v>
      </c>
      <c r="F12970">
        <v>1112</v>
      </c>
      <c r="G12970" t="s">
        <v>9054</v>
      </c>
      <c r="H12970">
        <v>5.9359271863179996</v>
      </c>
      <c r="I12970">
        <v>52.533168502796002</v>
      </c>
      <c r="J12970" t="s">
        <v>68655</v>
      </c>
    </row>
    <row r="12971" spans="1:10" x14ac:dyDescent="0.25">
      <c r="A12971" t="s">
        <v>9047</v>
      </c>
      <c r="B12971" t="s">
        <v>9048</v>
      </c>
      <c r="C12971" t="s">
        <v>9049</v>
      </c>
      <c r="D12971" t="s">
        <v>2771</v>
      </c>
      <c r="E12971" t="s">
        <v>13</v>
      </c>
      <c r="F12971">
        <v>1111</v>
      </c>
      <c r="G12971" t="s">
        <v>9050</v>
      </c>
      <c r="H12971">
        <v>5.9171000245209999</v>
      </c>
      <c r="I12971">
        <v>52.534903818697003</v>
      </c>
      <c r="J12971" t="s">
        <v>68656</v>
      </c>
    </row>
    <row r="12972" spans="1:10" x14ac:dyDescent="0.25">
      <c r="A12972" t="s">
        <v>9044</v>
      </c>
      <c r="B12972" t="s">
        <v>9045</v>
      </c>
      <c r="C12972" t="s">
        <v>3271</v>
      </c>
      <c r="D12972" t="s">
        <v>2771</v>
      </c>
      <c r="E12972" t="s">
        <v>13</v>
      </c>
      <c r="F12972">
        <v>1110</v>
      </c>
      <c r="G12972" t="s">
        <v>9046</v>
      </c>
      <c r="H12972">
        <v>5.9196947506240001</v>
      </c>
      <c r="I12972">
        <v>52.560964566084003</v>
      </c>
      <c r="J12972" t="s">
        <v>68657</v>
      </c>
    </row>
    <row r="12973" spans="1:10" x14ac:dyDescent="0.25">
      <c r="A12973" t="s">
        <v>9041</v>
      </c>
      <c r="B12973" t="s">
        <v>9042</v>
      </c>
      <c r="C12973" t="s">
        <v>6071</v>
      </c>
      <c r="D12973" t="s">
        <v>2771</v>
      </c>
      <c r="E12973" t="s">
        <v>13</v>
      </c>
      <c r="F12973">
        <v>1109</v>
      </c>
      <c r="G12973" t="s">
        <v>9043</v>
      </c>
      <c r="H12973">
        <v>5.920117058992</v>
      </c>
      <c r="I12973">
        <v>52.540540468772001</v>
      </c>
      <c r="J12973" t="s">
        <v>68658</v>
      </c>
    </row>
    <row r="12974" spans="1:10" x14ac:dyDescent="0.25">
      <c r="A12974" t="s">
        <v>9038</v>
      </c>
      <c r="B12974" t="s">
        <v>9039</v>
      </c>
      <c r="C12974" t="s">
        <v>6663</v>
      </c>
      <c r="D12974" t="s">
        <v>2771</v>
      </c>
      <c r="E12974" t="s">
        <v>13</v>
      </c>
      <c r="F12974">
        <v>1108</v>
      </c>
      <c r="G12974" t="s">
        <v>9040</v>
      </c>
      <c r="H12974">
        <v>5.9074562189890001</v>
      </c>
      <c r="I12974">
        <v>52.540977262886997</v>
      </c>
      <c r="J12974" t="s">
        <v>68659</v>
      </c>
    </row>
    <row r="12975" spans="1:10" x14ac:dyDescent="0.25">
      <c r="A12975" t="s">
        <v>9034</v>
      </c>
      <c r="B12975" t="s">
        <v>9035</v>
      </c>
      <c r="C12975" t="s">
        <v>9036</v>
      </c>
      <c r="D12975" t="s">
        <v>2771</v>
      </c>
      <c r="E12975" t="s">
        <v>13</v>
      </c>
      <c r="F12975">
        <v>1107</v>
      </c>
      <c r="G12975" t="s">
        <v>9037</v>
      </c>
      <c r="H12975">
        <v>5.8946843769450004</v>
      </c>
      <c r="I12975">
        <v>52.558165535972002</v>
      </c>
      <c r="J12975" t="s">
        <v>68660</v>
      </c>
    </row>
    <row r="12976" spans="1:10" x14ac:dyDescent="0.25">
      <c r="A12976" t="s">
        <v>9030</v>
      </c>
      <c r="B12976" t="s">
        <v>9031</v>
      </c>
      <c r="C12976" t="s">
        <v>9032</v>
      </c>
      <c r="D12976" t="s">
        <v>2771</v>
      </c>
      <c r="E12976" t="s">
        <v>13</v>
      </c>
      <c r="F12976">
        <v>1106</v>
      </c>
      <c r="G12976" t="s">
        <v>9033</v>
      </c>
      <c r="H12976">
        <v>5.8972674127019999</v>
      </c>
      <c r="I12976">
        <v>52.550755559876002</v>
      </c>
      <c r="J12976" t="s">
        <v>68661</v>
      </c>
    </row>
    <row r="12977" spans="1:10" x14ac:dyDescent="0.25">
      <c r="A12977" t="s">
        <v>9026</v>
      </c>
      <c r="B12977" t="s">
        <v>9027</v>
      </c>
      <c r="C12977" t="s">
        <v>9028</v>
      </c>
      <c r="D12977" t="s">
        <v>2771</v>
      </c>
      <c r="E12977" t="s">
        <v>13</v>
      </c>
      <c r="F12977">
        <v>1105</v>
      </c>
      <c r="G12977" t="s">
        <v>9029</v>
      </c>
      <c r="H12977">
        <v>5.9224080373000003</v>
      </c>
      <c r="I12977">
        <v>52.545599738269999</v>
      </c>
      <c r="J12977" t="s">
        <v>68662</v>
      </c>
    </row>
    <row r="12978" spans="1:10" x14ac:dyDescent="0.25">
      <c r="A12978" t="s">
        <v>9022</v>
      </c>
      <c r="B12978" t="s">
        <v>9023</v>
      </c>
      <c r="C12978" t="s">
        <v>9024</v>
      </c>
      <c r="D12978" t="s">
        <v>2771</v>
      </c>
      <c r="E12978" t="s">
        <v>13</v>
      </c>
      <c r="F12978">
        <v>1104</v>
      </c>
      <c r="G12978" t="s">
        <v>9025</v>
      </c>
      <c r="H12978">
        <v>5.8789611040659997</v>
      </c>
      <c r="I12978">
        <v>52.569547338930001</v>
      </c>
      <c r="J12978" t="s">
        <v>68663</v>
      </c>
    </row>
    <row r="12979" spans="1:10" x14ac:dyDescent="0.25">
      <c r="A12979" t="s">
        <v>9018</v>
      </c>
      <c r="B12979" t="s">
        <v>9019</v>
      </c>
      <c r="C12979" t="s">
        <v>9020</v>
      </c>
      <c r="D12979" t="s">
        <v>2771</v>
      </c>
      <c r="E12979" t="s">
        <v>13</v>
      </c>
      <c r="F12979">
        <v>1103</v>
      </c>
      <c r="G12979" t="s">
        <v>9021</v>
      </c>
      <c r="H12979">
        <v>5.9115062058049999</v>
      </c>
      <c r="I12979">
        <v>52.547097169605998</v>
      </c>
      <c r="J12979" t="s">
        <v>68664</v>
      </c>
    </row>
    <row r="12980" spans="1:10" x14ac:dyDescent="0.25">
      <c r="A12980" t="s">
        <v>9014</v>
      </c>
      <c r="B12980" t="s">
        <v>9015</v>
      </c>
      <c r="C12980" t="s">
        <v>9016</v>
      </c>
      <c r="D12980" t="s">
        <v>2771</v>
      </c>
      <c r="E12980" t="s">
        <v>13</v>
      </c>
      <c r="F12980">
        <v>1102</v>
      </c>
      <c r="G12980" t="s">
        <v>9017</v>
      </c>
      <c r="H12980">
        <v>5.9219811760969998</v>
      </c>
      <c r="I12980">
        <v>52.549714147071001</v>
      </c>
      <c r="J12980" t="s">
        <v>68665</v>
      </c>
    </row>
    <row r="12981" spans="1:10" x14ac:dyDescent="0.25">
      <c r="A12981" t="s">
        <v>9010</v>
      </c>
      <c r="B12981" t="s">
        <v>9011</v>
      </c>
      <c r="C12981" t="s">
        <v>9012</v>
      </c>
      <c r="D12981" t="s">
        <v>2771</v>
      </c>
      <c r="E12981" t="s">
        <v>13</v>
      </c>
      <c r="F12981">
        <v>1101</v>
      </c>
      <c r="G12981" t="s">
        <v>9013</v>
      </c>
      <c r="H12981">
        <v>5.9000430658710004</v>
      </c>
      <c r="I12981">
        <v>52.561218730565002</v>
      </c>
      <c r="J12981" t="s">
        <v>68666</v>
      </c>
    </row>
    <row r="12982" spans="1:10" x14ac:dyDescent="0.25">
      <c r="A12982" t="s">
        <v>9006</v>
      </c>
      <c r="B12982" t="s">
        <v>9007</v>
      </c>
      <c r="C12982" t="s">
        <v>9008</v>
      </c>
      <c r="D12982" t="s">
        <v>2771</v>
      </c>
      <c r="E12982" t="s">
        <v>13</v>
      </c>
      <c r="F12982">
        <v>1100</v>
      </c>
      <c r="G12982" t="s">
        <v>9009</v>
      </c>
      <c r="H12982">
        <v>5.9109292141539997</v>
      </c>
      <c r="I12982">
        <v>52.555007482156</v>
      </c>
      <c r="J12982" t="s">
        <v>68667</v>
      </c>
    </row>
    <row r="12983" spans="1:10" x14ac:dyDescent="0.25">
      <c r="A12983" t="s">
        <v>9002</v>
      </c>
      <c r="B12983" t="s">
        <v>9003</v>
      </c>
      <c r="C12983" t="s">
        <v>9004</v>
      </c>
      <c r="D12983" t="s">
        <v>2771</v>
      </c>
      <c r="E12983" t="s">
        <v>13</v>
      </c>
      <c r="F12983">
        <v>1099</v>
      </c>
      <c r="G12983" t="s">
        <v>9005</v>
      </c>
      <c r="H12983">
        <v>5.9052691171839999</v>
      </c>
      <c r="I12983">
        <v>52.563655726961997</v>
      </c>
      <c r="J12983" t="s">
        <v>68668</v>
      </c>
    </row>
    <row r="12984" spans="1:10" x14ac:dyDescent="0.25">
      <c r="A12984" t="s">
        <v>8998</v>
      </c>
      <c r="B12984" t="s">
        <v>8999</v>
      </c>
      <c r="C12984" t="s">
        <v>9000</v>
      </c>
      <c r="D12984" t="s">
        <v>2771</v>
      </c>
      <c r="E12984" t="s">
        <v>13</v>
      </c>
      <c r="F12984">
        <v>1098</v>
      </c>
      <c r="G12984" t="s">
        <v>9001</v>
      </c>
      <c r="H12984">
        <v>5.9170129480640004</v>
      </c>
      <c r="I12984">
        <v>52.557539073386998</v>
      </c>
      <c r="J12984" t="s">
        <v>68669</v>
      </c>
    </row>
    <row r="12985" spans="1:10" x14ac:dyDescent="0.25">
      <c r="A12985" t="s">
        <v>8994</v>
      </c>
      <c r="B12985" t="s">
        <v>8995</v>
      </c>
      <c r="C12985" t="s">
        <v>8996</v>
      </c>
      <c r="D12985" t="s">
        <v>8754</v>
      </c>
      <c r="E12985" t="s">
        <v>13</v>
      </c>
      <c r="F12985">
        <v>1097</v>
      </c>
      <c r="G12985" t="s">
        <v>8997</v>
      </c>
      <c r="H12985">
        <v>6.7360529053090001</v>
      </c>
      <c r="I12985">
        <v>52.211755676016999</v>
      </c>
      <c r="J12985" t="s">
        <v>68670</v>
      </c>
    </row>
    <row r="12986" spans="1:10" x14ac:dyDescent="0.25">
      <c r="A12986" t="s">
        <v>8990</v>
      </c>
      <c r="B12986" t="s">
        <v>8991</v>
      </c>
      <c r="C12986" t="s">
        <v>8992</v>
      </c>
      <c r="D12986" t="s">
        <v>8754</v>
      </c>
      <c r="E12986" t="s">
        <v>13</v>
      </c>
      <c r="F12986">
        <v>1096</v>
      </c>
      <c r="G12986" t="s">
        <v>8993</v>
      </c>
      <c r="H12986">
        <v>6.7570570354779997</v>
      </c>
      <c r="I12986">
        <v>52.275661803113998</v>
      </c>
      <c r="J12986" t="s">
        <v>68671</v>
      </c>
    </row>
    <row r="12987" spans="1:10" x14ac:dyDescent="0.25">
      <c r="A12987" t="s">
        <v>8986</v>
      </c>
      <c r="B12987" t="s">
        <v>8987</v>
      </c>
      <c r="C12987" t="s">
        <v>8988</v>
      </c>
      <c r="D12987" t="s">
        <v>8754</v>
      </c>
      <c r="E12987" t="s">
        <v>13</v>
      </c>
      <c r="F12987">
        <v>1095</v>
      </c>
      <c r="G12987" t="s">
        <v>8989</v>
      </c>
      <c r="H12987">
        <v>6.741133752913</v>
      </c>
      <c r="I12987">
        <v>52.237014531090999</v>
      </c>
      <c r="J12987" t="s">
        <v>68672</v>
      </c>
    </row>
    <row r="12988" spans="1:10" x14ac:dyDescent="0.25">
      <c r="A12988" t="s">
        <v>8982</v>
      </c>
      <c r="B12988" t="s">
        <v>8983</v>
      </c>
      <c r="C12988" t="s">
        <v>8984</v>
      </c>
      <c r="D12988" t="s">
        <v>8754</v>
      </c>
      <c r="E12988" t="s">
        <v>13</v>
      </c>
      <c r="F12988">
        <v>1094</v>
      </c>
      <c r="G12988" t="s">
        <v>8985</v>
      </c>
      <c r="H12988">
        <v>6.8119000383000001</v>
      </c>
      <c r="I12988">
        <v>52.239900223245002</v>
      </c>
      <c r="J12988" t="s">
        <v>68673</v>
      </c>
    </row>
    <row r="12989" spans="1:10" x14ac:dyDescent="0.25">
      <c r="A12989" t="s">
        <v>8978</v>
      </c>
      <c r="B12989" t="s">
        <v>8979</v>
      </c>
      <c r="C12989" t="s">
        <v>8980</v>
      </c>
      <c r="D12989" t="s">
        <v>8754</v>
      </c>
      <c r="E12989" t="s">
        <v>13</v>
      </c>
      <c r="F12989">
        <v>1093</v>
      </c>
      <c r="G12989" t="s">
        <v>8981</v>
      </c>
      <c r="H12989">
        <v>6.8309333500229998</v>
      </c>
      <c r="I12989">
        <v>52.258410098017997</v>
      </c>
      <c r="J12989" t="s">
        <v>68674</v>
      </c>
    </row>
    <row r="12990" spans="1:10" x14ac:dyDescent="0.25">
      <c r="A12990" t="s">
        <v>8974</v>
      </c>
      <c r="B12990" t="s">
        <v>8975</v>
      </c>
      <c r="C12990" t="s">
        <v>8976</v>
      </c>
      <c r="D12990" t="s">
        <v>8754</v>
      </c>
      <c r="E12990" t="s">
        <v>13</v>
      </c>
      <c r="F12990">
        <v>1092</v>
      </c>
      <c r="G12990" t="s">
        <v>8977</v>
      </c>
      <c r="H12990">
        <v>6.7941325489400004</v>
      </c>
      <c r="I12990">
        <v>52.283974655248997</v>
      </c>
      <c r="J12990" t="s">
        <v>68675</v>
      </c>
    </row>
    <row r="12991" spans="1:10" x14ac:dyDescent="0.25">
      <c r="A12991" t="s">
        <v>8970</v>
      </c>
      <c r="B12991" t="s">
        <v>8971</v>
      </c>
      <c r="C12991" t="s">
        <v>8972</v>
      </c>
      <c r="D12991" t="s">
        <v>8754</v>
      </c>
      <c r="E12991" t="s">
        <v>13</v>
      </c>
      <c r="F12991">
        <v>1091</v>
      </c>
      <c r="G12991" t="s">
        <v>8973</v>
      </c>
      <c r="H12991">
        <v>6.7985771167799998</v>
      </c>
      <c r="I12991">
        <v>52.289039544604002</v>
      </c>
      <c r="J12991" t="s">
        <v>68676</v>
      </c>
    </row>
    <row r="12992" spans="1:10" x14ac:dyDescent="0.25">
      <c r="A12992" t="s">
        <v>8966</v>
      </c>
      <c r="B12992" t="s">
        <v>8967</v>
      </c>
      <c r="C12992" t="s">
        <v>8968</v>
      </c>
      <c r="D12992" t="s">
        <v>8754</v>
      </c>
      <c r="E12992" t="s">
        <v>13</v>
      </c>
      <c r="F12992">
        <v>1090</v>
      </c>
      <c r="G12992" t="s">
        <v>8969</v>
      </c>
      <c r="H12992">
        <v>6.8063603159310002</v>
      </c>
      <c r="I12992">
        <v>52.306379251804998</v>
      </c>
      <c r="J12992" t="s">
        <v>68677</v>
      </c>
    </row>
    <row r="12993" spans="1:10" x14ac:dyDescent="0.25">
      <c r="A12993" t="s">
        <v>8962</v>
      </c>
      <c r="B12993" t="s">
        <v>8963</v>
      </c>
      <c r="C12993" t="s">
        <v>8964</v>
      </c>
      <c r="D12993" t="s">
        <v>8754</v>
      </c>
      <c r="E12993" t="s">
        <v>13</v>
      </c>
      <c r="F12993">
        <v>1089</v>
      </c>
      <c r="G12993" t="s">
        <v>8965</v>
      </c>
      <c r="H12993">
        <v>6.7424976389319999</v>
      </c>
      <c r="I12993">
        <v>52.211510405765999</v>
      </c>
      <c r="J12993" t="s">
        <v>68678</v>
      </c>
    </row>
    <row r="12994" spans="1:10" x14ac:dyDescent="0.25">
      <c r="A12994" t="s">
        <v>8958</v>
      </c>
      <c r="B12994" t="s">
        <v>8959</v>
      </c>
      <c r="C12994" t="s">
        <v>8960</v>
      </c>
      <c r="D12994" t="s">
        <v>8754</v>
      </c>
      <c r="E12994" t="s">
        <v>13</v>
      </c>
      <c r="F12994">
        <v>1088</v>
      </c>
      <c r="G12994" t="s">
        <v>8961</v>
      </c>
      <c r="H12994">
        <v>6.8094754752059998</v>
      </c>
      <c r="I12994">
        <v>52.303729456115001</v>
      </c>
      <c r="J12994" t="s">
        <v>68679</v>
      </c>
    </row>
    <row r="12995" spans="1:10" x14ac:dyDescent="0.25">
      <c r="A12995" t="s">
        <v>8954</v>
      </c>
      <c r="B12995" t="s">
        <v>8955</v>
      </c>
      <c r="C12995" t="s">
        <v>8956</v>
      </c>
      <c r="D12995" t="s">
        <v>8754</v>
      </c>
      <c r="E12995" t="s">
        <v>13</v>
      </c>
      <c r="F12995">
        <v>1087</v>
      </c>
      <c r="G12995" t="s">
        <v>8957</v>
      </c>
      <c r="H12995">
        <v>6.7890749411910001</v>
      </c>
      <c r="I12995">
        <v>52.297414349865001</v>
      </c>
      <c r="J12995" t="s">
        <v>68680</v>
      </c>
    </row>
    <row r="12996" spans="1:10" x14ac:dyDescent="0.25">
      <c r="A12996" t="s">
        <v>8951</v>
      </c>
      <c r="B12996" t="s">
        <v>8952</v>
      </c>
      <c r="C12996" t="s">
        <v>4714</v>
      </c>
      <c r="D12996" t="s">
        <v>8754</v>
      </c>
      <c r="E12996" t="s">
        <v>13</v>
      </c>
      <c r="F12996">
        <v>1086</v>
      </c>
      <c r="G12996" t="s">
        <v>8953</v>
      </c>
      <c r="H12996">
        <v>6.8167985276699996</v>
      </c>
      <c r="I12996">
        <v>52.295643166881</v>
      </c>
      <c r="J12996" t="s">
        <v>68681</v>
      </c>
    </row>
    <row r="12997" spans="1:10" x14ac:dyDescent="0.25">
      <c r="A12997" t="s">
        <v>8947</v>
      </c>
      <c r="B12997" t="s">
        <v>8948</v>
      </c>
      <c r="C12997" t="s">
        <v>8949</v>
      </c>
      <c r="D12997" t="s">
        <v>8754</v>
      </c>
      <c r="E12997" t="s">
        <v>13</v>
      </c>
      <c r="F12997">
        <v>1085</v>
      </c>
      <c r="G12997" t="s">
        <v>8950</v>
      </c>
      <c r="H12997">
        <v>6.8018985594429999</v>
      </c>
      <c r="I12997">
        <v>52.296879880744001</v>
      </c>
      <c r="J12997" t="s">
        <v>68682</v>
      </c>
    </row>
    <row r="12998" spans="1:10" x14ac:dyDescent="0.25">
      <c r="A12998" t="s">
        <v>8943</v>
      </c>
      <c r="B12998" t="s">
        <v>8944</v>
      </c>
      <c r="C12998" t="s">
        <v>8945</v>
      </c>
      <c r="D12998" t="s">
        <v>8754</v>
      </c>
      <c r="E12998" t="s">
        <v>13</v>
      </c>
      <c r="F12998">
        <v>1084</v>
      </c>
      <c r="G12998" t="s">
        <v>8946</v>
      </c>
      <c r="H12998">
        <v>6.8019493808120002</v>
      </c>
      <c r="I12998">
        <v>52.293497465881998</v>
      </c>
      <c r="J12998" t="s">
        <v>68683</v>
      </c>
    </row>
    <row r="12999" spans="1:10" x14ac:dyDescent="0.25">
      <c r="A12999" t="s">
        <v>8939</v>
      </c>
      <c r="B12999" t="s">
        <v>8940</v>
      </c>
      <c r="C12999" t="s">
        <v>8941</v>
      </c>
      <c r="D12999" t="s">
        <v>8754</v>
      </c>
      <c r="E12999" t="s">
        <v>13</v>
      </c>
      <c r="F12999">
        <v>1083</v>
      </c>
      <c r="G12999" t="s">
        <v>8942</v>
      </c>
      <c r="H12999">
        <v>6.8133343780929998</v>
      </c>
      <c r="I12999">
        <v>52.287788497816003</v>
      </c>
      <c r="J12999" t="s">
        <v>68684</v>
      </c>
    </row>
    <row r="13000" spans="1:10" x14ac:dyDescent="0.25">
      <c r="A13000" t="s">
        <v>8935</v>
      </c>
      <c r="B13000" t="s">
        <v>8936</v>
      </c>
      <c r="C13000" t="s">
        <v>8937</v>
      </c>
      <c r="D13000" t="s">
        <v>8754</v>
      </c>
      <c r="E13000" t="s">
        <v>13</v>
      </c>
      <c r="F13000">
        <v>1082</v>
      </c>
      <c r="G13000" t="s">
        <v>8938</v>
      </c>
      <c r="H13000">
        <v>6.7609355165630003</v>
      </c>
      <c r="I13000">
        <v>52.286894829045004</v>
      </c>
      <c r="J13000" t="s">
        <v>68685</v>
      </c>
    </row>
    <row r="13001" spans="1:10" x14ac:dyDescent="0.25">
      <c r="A13001" t="s">
        <v>8931</v>
      </c>
      <c r="B13001" t="s">
        <v>8932</v>
      </c>
      <c r="C13001" t="s">
        <v>8933</v>
      </c>
      <c r="D13001" t="s">
        <v>8754</v>
      </c>
      <c r="E13001" t="s">
        <v>13</v>
      </c>
      <c r="F13001">
        <v>1081</v>
      </c>
      <c r="G13001" t="s">
        <v>8934</v>
      </c>
      <c r="H13001">
        <v>6.7790870399259999</v>
      </c>
      <c r="I13001">
        <v>52.291678547906997</v>
      </c>
      <c r="J13001" t="s">
        <v>68686</v>
      </c>
    </row>
    <row r="13002" spans="1:10" x14ac:dyDescent="0.25">
      <c r="A13002" t="s">
        <v>8927</v>
      </c>
      <c r="B13002" t="s">
        <v>8928</v>
      </c>
      <c r="C13002" t="s">
        <v>8929</v>
      </c>
      <c r="D13002" t="s">
        <v>8754</v>
      </c>
      <c r="E13002" t="s">
        <v>13</v>
      </c>
      <c r="F13002">
        <v>1080</v>
      </c>
      <c r="G13002" t="s">
        <v>8930</v>
      </c>
      <c r="H13002">
        <v>6.7782647976680002</v>
      </c>
      <c r="I13002">
        <v>52.285170202685997</v>
      </c>
      <c r="J13002" t="s">
        <v>68687</v>
      </c>
    </row>
    <row r="13003" spans="1:10" x14ac:dyDescent="0.25">
      <c r="A13003" t="s">
        <v>8923</v>
      </c>
      <c r="B13003" t="s">
        <v>8924</v>
      </c>
      <c r="C13003" t="s">
        <v>8925</v>
      </c>
      <c r="D13003" t="s">
        <v>8754</v>
      </c>
      <c r="E13003" t="s">
        <v>13</v>
      </c>
      <c r="F13003">
        <v>1079</v>
      </c>
      <c r="G13003" t="s">
        <v>8926</v>
      </c>
      <c r="H13003">
        <v>6.7843566566889999</v>
      </c>
      <c r="I13003">
        <v>52.268710042248998</v>
      </c>
      <c r="J13003" t="s">
        <v>68688</v>
      </c>
    </row>
    <row r="13004" spans="1:10" x14ac:dyDescent="0.25">
      <c r="A13004" t="s">
        <v>8919</v>
      </c>
      <c r="B13004" t="s">
        <v>8920</v>
      </c>
      <c r="C13004" t="s">
        <v>8921</v>
      </c>
      <c r="D13004" t="s">
        <v>8754</v>
      </c>
      <c r="E13004" t="s">
        <v>13</v>
      </c>
      <c r="F13004">
        <v>1078</v>
      </c>
      <c r="G13004" t="s">
        <v>8922</v>
      </c>
      <c r="H13004">
        <v>6.7715673896090003</v>
      </c>
      <c r="I13004">
        <v>52.269472130667999</v>
      </c>
      <c r="J13004" t="s">
        <v>68689</v>
      </c>
    </row>
    <row r="13005" spans="1:10" x14ac:dyDescent="0.25">
      <c r="A13005" t="s">
        <v>8915</v>
      </c>
      <c r="B13005" t="s">
        <v>8916</v>
      </c>
      <c r="C13005" t="s">
        <v>8917</v>
      </c>
      <c r="D13005" t="s">
        <v>8754</v>
      </c>
      <c r="E13005" t="s">
        <v>13</v>
      </c>
      <c r="F13005">
        <v>1077</v>
      </c>
      <c r="G13005" t="s">
        <v>8918</v>
      </c>
      <c r="H13005">
        <v>6.7666072697470003</v>
      </c>
      <c r="I13005">
        <v>52.263663320996002</v>
      </c>
      <c r="J13005" t="s">
        <v>68690</v>
      </c>
    </row>
    <row r="13006" spans="1:10" x14ac:dyDescent="0.25">
      <c r="A13006" t="s">
        <v>8911</v>
      </c>
      <c r="B13006" t="s">
        <v>8912</v>
      </c>
      <c r="C13006" t="s">
        <v>8913</v>
      </c>
      <c r="D13006" t="s">
        <v>8754</v>
      </c>
      <c r="E13006" t="s">
        <v>13</v>
      </c>
      <c r="F13006">
        <v>1076</v>
      </c>
      <c r="G13006" t="s">
        <v>8914</v>
      </c>
      <c r="H13006">
        <v>6.7736450039090004</v>
      </c>
      <c r="I13006">
        <v>52.279024632579997</v>
      </c>
      <c r="J13006" t="s">
        <v>68691</v>
      </c>
    </row>
    <row r="13007" spans="1:10" x14ac:dyDescent="0.25">
      <c r="A13007" t="s">
        <v>8907</v>
      </c>
      <c r="B13007" t="s">
        <v>8908</v>
      </c>
      <c r="C13007" t="s">
        <v>8909</v>
      </c>
      <c r="D13007" t="s">
        <v>8754</v>
      </c>
      <c r="E13007" t="s">
        <v>13</v>
      </c>
      <c r="F13007">
        <v>1075</v>
      </c>
      <c r="G13007" t="s">
        <v>8910</v>
      </c>
      <c r="H13007">
        <v>6.7613209089310002</v>
      </c>
      <c r="I13007">
        <v>52.246127699136999</v>
      </c>
      <c r="J13007" t="s">
        <v>68692</v>
      </c>
    </row>
    <row r="13008" spans="1:10" x14ac:dyDescent="0.25">
      <c r="A13008" t="s">
        <v>8903</v>
      </c>
      <c r="B13008" t="s">
        <v>8904</v>
      </c>
      <c r="C13008" t="s">
        <v>8905</v>
      </c>
      <c r="D13008" t="s">
        <v>8754</v>
      </c>
      <c r="E13008" t="s">
        <v>13</v>
      </c>
      <c r="F13008">
        <v>1074</v>
      </c>
      <c r="G13008" t="s">
        <v>8906</v>
      </c>
      <c r="H13008">
        <v>6.7628321593559999</v>
      </c>
      <c r="I13008">
        <v>52.253131133191999</v>
      </c>
      <c r="J13008" t="s">
        <v>68693</v>
      </c>
    </row>
    <row r="13009" spans="1:10" x14ac:dyDescent="0.25">
      <c r="A13009" t="s">
        <v>8899</v>
      </c>
      <c r="B13009" t="s">
        <v>8900</v>
      </c>
      <c r="C13009" t="s">
        <v>8901</v>
      </c>
      <c r="D13009" t="s">
        <v>8754</v>
      </c>
      <c r="E13009" t="s">
        <v>13</v>
      </c>
      <c r="F13009">
        <v>1073</v>
      </c>
      <c r="G13009" t="s">
        <v>8902</v>
      </c>
      <c r="H13009">
        <v>6.7644562214819999</v>
      </c>
      <c r="I13009">
        <v>52.258163889050003</v>
      </c>
      <c r="J13009" t="s">
        <v>68694</v>
      </c>
    </row>
    <row r="13010" spans="1:10" x14ac:dyDescent="0.25">
      <c r="A13010" t="s">
        <v>8895</v>
      </c>
      <c r="B13010" t="s">
        <v>8896</v>
      </c>
      <c r="C13010" t="s">
        <v>8897</v>
      </c>
      <c r="D13010" t="s">
        <v>8754</v>
      </c>
      <c r="E13010" t="s">
        <v>13</v>
      </c>
      <c r="F13010">
        <v>1072</v>
      </c>
      <c r="G13010" t="s">
        <v>8898</v>
      </c>
      <c r="H13010">
        <v>6.7788033013450004</v>
      </c>
      <c r="I13010">
        <v>52.250401700457999</v>
      </c>
      <c r="J13010" t="s">
        <v>68695</v>
      </c>
    </row>
    <row r="13011" spans="1:10" x14ac:dyDescent="0.25">
      <c r="A13011" t="s">
        <v>8891</v>
      </c>
      <c r="B13011" t="s">
        <v>8892</v>
      </c>
      <c r="C13011" t="s">
        <v>8893</v>
      </c>
      <c r="D13011" t="s">
        <v>8754</v>
      </c>
      <c r="E13011" t="s">
        <v>13</v>
      </c>
      <c r="F13011">
        <v>1071</v>
      </c>
      <c r="G13011" t="s">
        <v>8894</v>
      </c>
      <c r="H13011">
        <v>6.782071381972</v>
      </c>
      <c r="I13011">
        <v>52.253867573119003</v>
      </c>
      <c r="J13011" t="s">
        <v>68696</v>
      </c>
    </row>
    <row r="13012" spans="1:10" x14ac:dyDescent="0.25">
      <c r="A13012" t="s">
        <v>8887</v>
      </c>
      <c r="B13012" t="s">
        <v>8888</v>
      </c>
      <c r="C13012" t="s">
        <v>8889</v>
      </c>
      <c r="D13012" t="s">
        <v>8754</v>
      </c>
      <c r="E13012" t="s">
        <v>13</v>
      </c>
      <c r="F13012">
        <v>1070</v>
      </c>
      <c r="G13012" t="s">
        <v>8890</v>
      </c>
      <c r="H13012">
        <v>6.7848195802919999</v>
      </c>
      <c r="I13012">
        <v>52.258947043119001</v>
      </c>
      <c r="J13012" t="s">
        <v>68697</v>
      </c>
    </row>
    <row r="13013" spans="1:10" x14ac:dyDescent="0.25">
      <c r="A13013" t="s">
        <v>8883</v>
      </c>
      <c r="B13013" t="s">
        <v>8884</v>
      </c>
      <c r="C13013" t="s">
        <v>8885</v>
      </c>
      <c r="D13013" t="s">
        <v>8754</v>
      </c>
      <c r="E13013" t="s">
        <v>13</v>
      </c>
      <c r="F13013">
        <v>1069</v>
      </c>
      <c r="G13013" t="s">
        <v>8886</v>
      </c>
      <c r="H13013">
        <v>6.7764543435629996</v>
      </c>
      <c r="I13013">
        <v>52.242682643069003</v>
      </c>
      <c r="J13013" t="s">
        <v>68698</v>
      </c>
    </row>
    <row r="13014" spans="1:10" x14ac:dyDescent="0.25">
      <c r="A13014" t="s">
        <v>8879</v>
      </c>
      <c r="B13014" t="s">
        <v>8880</v>
      </c>
      <c r="C13014" t="s">
        <v>8881</v>
      </c>
      <c r="D13014" t="s">
        <v>8754</v>
      </c>
      <c r="E13014" t="s">
        <v>13</v>
      </c>
      <c r="F13014">
        <v>1068</v>
      </c>
      <c r="G13014" t="s">
        <v>8882</v>
      </c>
      <c r="H13014">
        <v>6.796839629081</v>
      </c>
      <c r="I13014">
        <v>52.237666038724001</v>
      </c>
      <c r="J13014" t="s">
        <v>68699</v>
      </c>
    </row>
    <row r="13015" spans="1:10" x14ac:dyDescent="0.25">
      <c r="A13015" t="s">
        <v>8875</v>
      </c>
      <c r="B13015" t="s">
        <v>8876</v>
      </c>
      <c r="C13015" t="s">
        <v>8877</v>
      </c>
      <c r="D13015" t="s">
        <v>8754</v>
      </c>
      <c r="E13015" t="s">
        <v>13</v>
      </c>
      <c r="F13015">
        <v>1067</v>
      </c>
      <c r="G13015" t="s">
        <v>8878</v>
      </c>
      <c r="H13015">
        <v>6.8097905917019999</v>
      </c>
      <c r="I13015">
        <v>52.249924981597999</v>
      </c>
      <c r="J13015" t="s">
        <v>68700</v>
      </c>
    </row>
    <row r="13016" spans="1:10" x14ac:dyDescent="0.25">
      <c r="A13016" t="s">
        <v>8871</v>
      </c>
      <c r="B13016" t="s">
        <v>8872</v>
      </c>
      <c r="C13016" t="s">
        <v>8873</v>
      </c>
      <c r="D13016" t="s">
        <v>8754</v>
      </c>
      <c r="E13016" t="s">
        <v>13</v>
      </c>
      <c r="F13016">
        <v>1066</v>
      </c>
      <c r="G13016" t="s">
        <v>8874</v>
      </c>
      <c r="H13016">
        <v>6.8045865142539999</v>
      </c>
      <c r="I13016">
        <v>52.254871939569</v>
      </c>
      <c r="J13016" t="s">
        <v>68701</v>
      </c>
    </row>
    <row r="13017" spans="1:10" x14ac:dyDescent="0.25">
      <c r="A13017" t="s">
        <v>8867</v>
      </c>
      <c r="B13017" t="s">
        <v>8868</v>
      </c>
      <c r="C13017" t="s">
        <v>8869</v>
      </c>
      <c r="D13017" t="s">
        <v>8754</v>
      </c>
      <c r="E13017" t="s">
        <v>13</v>
      </c>
      <c r="F13017">
        <v>1065</v>
      </c>
      <c r="G13017" t="s">
        <v>8870</v>
      </c>
      <c r="H13017">
        <v>6.7968089338729998</v>
      </c>
      <c r="I13017">
        <v>52.248689940421997</v>
      </c>
      <c r="J13017" t="s">
        <v>68702</v>
      </c>
    </row>
    <row r="13018" spans="1:10" x14ac:dyDescent="0.25">
      <c r="A13018" t="s">
        <v>8863</v>
      </c>
      <c r="B13018" t="s">
        <v>8864</v>
      </c>
      <c r="C13018" t="s">
        <v>8865</v>
      </c>
      <c r="D13018" t="s">
        <v>8754</v>
      </c>
      <c r="E13018" t="s">
        <v>13</v>
      </c>
      <c r="F13018">
        <v>1064</v>
      </c>
      <c r="G13018" t="s">
        <v>8866</v>
      </c>
      <c r="H13018">
        <v>6.7962699833329996</v>
      </c>
      <c r="I13018">
        <v>52.252010172836997</v>
      </c>
      <c r="J13018" t="s">
        <v>68703</v>
      </c>
    </row>
    <row r="13019" spans="1:10" x14ac:dyDescent="0.25">
      <c r="A13019" t="s">
        <v>8859</v>
      </c>
      <c r="B13019" t="s">
        <v>8860</v>
      </c>
      <c r="C13019" t="s">
        <v>8861</v>
      </c>
      <c r="D13019" t="s">
        <v>8754</v>
      </c>
      <c r="E13019" t="s">
        <v>13</v>
      </c>
      <c r="F13019">
        <v>1063</v>
      </c>
      <c r="G13019" t="s">
        <v>8862</v>
      </c>
      <c r="H13019">
        <v>6.7962054580410003</v>
      </c>
      <c r="I13019">
        <v>52.257165867093001</v>
      </c>
      <c r="J13019" t="s">
        <v>68704</v>
      </c>
    </row>
    <row r="13020" spans="1:10" x14ac:dyDescent="0.25">
      <c r="A13020" t="s">
        <v>8855</v>
      </c>
      <c r="B13020" t="s">
        <v>8856</v>
      </c>
      <c r="C13020" t="s">
        <v>8857</v>
      </c>
      <c r="D13020" t="s">
        <v>8754</v>
      </c>
      <c r="E13020" t="s">
        <v>13</v>
      </c>
      <c r="F13020">
        <v>1062</v>
      </c>
      <c r="G13020" t="s">
        <v>8858</v>
      </c>
      <c r="H13020">
        <v>6.795701552023</v>
      </c>
      <c r="I13020">
        <v>52.244386762759</v>
      </c>
      <c r="J13020" t="s">
        <v>68705</v>
      </c>
    </row>
    <row r="13021" spans="1:10" x14ac:dyDescent="0.25">
      <c r="A13021" t="s">
        <v>8851</v>
      </c>
      <c r="B13021" t="s">
        <v>8852</v>
      </c>
      <c r="C13021" t="s">
        <v>8853</v>
      </c>
      <c r="D13021" t="s">
        <v>8754</v>
      </c>
      <c r="E13021" t="s">
        <v>13</v>
      </c>
      <c r="F13021">
        <v>1061</v>
      </c>
      <c r="G13021" t="s">
        <v>8854</v>
      </c>
      <c r="H13021">
        <v>6.8223564817379998</v>
      </c>
      <c r="I13021">
        <v>52.264988037666001</v>
      </c>
      <c r="J13021" t="s">
        <v>68706</v>
      </c>
    </row>
    <row r="13022" spans="1:10" x14ac:dyDescent="0.25">
      <c r="A13022" t="s">
        <v>8847</v>
      </c>
      <c r="B13022" t="s">
        <v>8848</v>
      </c>
      <c r="C13022" t="s">
        <v>8849</v>
      </c>
      <c r="D13022" t="s">
        <v>8754</v>
      </c>
      <c r="E13022" t="s">
        <v>13</v>
      </c>
      <c r="F13022">
        <v>1060</v>
      </c>
      <c r="G13022" t="s">
        <v>8850</v>
      </c>
      <c r="H13022">
        <v>6.8217183729649999</v>
      </c>
      <c r="I13022">
        <v>52.258527943278999</v>
      </c>
      <c r="J13022" t="s">
        <v>68707</v>
      </c>
    </row>
    <row r="13023" spans="1:10" x14ac:dyDescent="0.25">
      <c r="A13023" t="s">
        <v>8843</v>
      </c>
      <c r="B13023" t="s">
        <v>8844</v>
      </c>
      <c r="C13023" t="s">
        <v>8845</v>
      </c>
      <c r="D13023" t="s">
        <v>8754</v>
      </c>
      <c r="E13023" t="s">
        <v>13</v>
      </c>
      <c r="F13023">
        <v>1059</v>
      </c>
      <c r="G13023" t="s">
        <v>8846</v>
      </c>
      <c r="H13023">
        <v>6.8093104620559997</v>
      </c>
      <c r="I13023">
        <v>52.260903347233999</v>
      </c>
      <c r="J13023" t="s">
        <v>68708</v>
      </c>
    </row>
    <row r="13024" spans="1:10" x14ac:dyDescent="0.25">
      <c r="A13024" t="s">
        <v>8839</v>
      </c>
      <c r="B13024" t="s">
        <v>8840</v>
      </c>
      <c r="C13024" t="s">
        <v>8841</v>
      </c>
      <c r="D13024" t="s">
        <v>8754</v>
      </c>
      <c r="E13024" t="s">
        <v>13</v>
      </c>
      <c r="F13024">
        <v>1058</v>
      </c>
      <c r="G13024" t="s">
        <v>8842</v>
      </c>
      <c r="H13024">
        <v>6.8279979850980004</v>
      </c>
      <c r="I13024">
        <v>52.268799284575003</v>
      </c>
      <c r="J13024" t="s">
        <v>68709</v>
      </c>
    </row>
    <row r="13025" spans="1:10" x14ac:dyDescent="0.25">
      <c r="A13025" t="s">
        <v>8835</v>
      </c>
      <c r="B13025" t="s">
        <v>8836</v>
      </c>
      <c r="C13025" t="s">
        <v>8837</v>
      </c>
      <c r="D13025" t="s">
        <v>8754</v>
      </c>
      <c r="E13025" t="s">
        <v>13</v>
      </c>
      <c r="F13025">
        <v>1057</v>
      </c>
      <c r="G13025" t="s">
        <v>8838</v>
      </c>
      <c r="H13025">
        <v>6.8460503909270001</v>
      </c>
      <c r="I13025">
        <v>52.282979786363001</v>
      </c>
      <c r="J13025" t="s">
        <v>68710</v>
      </c>
    </row>
    <row r="13026" spans="1:10" x14ac:dyDescent="0.25">
      <c r="A13026" t="s">
        <v>8831</v>
      </c>
      <c r="B13026" t="s">
        <v>8832</v>
      </c>
      <c r="C13026" t="s">
        <v>8833</v>
      </c>
      <c r="D13026" t="s">
        <v>8754</v>
      </c>
      <c r="E13026" t="s">
        <v>13</v>
      </c>
      <c r="F13026">
        <v>1056</v>
      </c>
      <c r="G13026" t="s">
        <v>8834</v>
      </c>
      <c r="H13026">
        <v>6.8412042268639999</v>
      </c>
      <c r="I13026">
        <v>52.284030695894003</v>
      </c>
      <c r="J13026" t="s">
        <v>68711</v>
      </c>
    </row>
    <row r="13027" spans="1:10" x14ac:dyDescent="0.25">
      <c r="A13027" t="s">
        <v>8827</v>
      </c>
      <c r="B13027" t="s">
        <v>8828</v>
      </c>
      <c r="C13027" t="s">
        <v>8829</v>
      </c>
      <c r="D13027" t="s">
        <v>8754</v>
      </c>
      <c r="E13027" t="s">
        <v>13</v>
      </c>
      <c r="F13027">
        <v>1055</v>
      </c>
      <c r="G13027" t="s">
        <v>8830</v>
      </c>
      <c r="H13027">
        <v>6.8325681821959998</v>
      </c>
      <c r="I13027">
        <v>52.287865549163001</v>
      </c>
      <c r="J13027" t="s">
        <v>68712</v>
      </c>
    </row>
    <row r="13028" spans="1:10" x14ac:dyDescent="0.25">
      <c r="A13028" t="s">
        <v>8823</v>
      </c>
      <c r="B13028" t="s">
        <v>8824</v>
      </c>
      <c r="C13028" t="s">
        <v>8825</v>
      </c>
      <c r="D13028" t="s">
        <v>8754</v>
      </c>
      <c r="E13028" t="s">
        <v>13</v>
      </c>
      <c r="F13028">
        <v>1054</v>
      </c>
      <c r="G13028" t="s">
        <v>8826</v>
      </c>
      <c r="H13028">
        <v>6.8281713590019999</v>
      </c>
      <c r="I13028">
        <v>52.291371230519999</v>
      </c>
      <c r="J13028" t="s">
        <v>68713</v>
      </c>
    </row>
    <row r="13029" spans="1:10" x14ac:dyDescent="0.25">
      <c r="A13029" t="s">
        <v>8819</v>
      </c>
      <c r="B13029" t="s">
        <v>8820</v>
      </c>
      <c r="C13029" t="s">
        <v>8821</v>
      </c>
      <c r="D13029" t="s">
        <v>8754</v>
      </c>
      <c r="E13029" t="s">
        <v>13</v>
      </c>
      <c r="F13029">
        <v>1053</v>
      </c>
      <c r="G13029" t="s">
        <v>8822</v>
      </c>
      <c r="H13029">
        <v>6.8365718897840004</v>
      </c>
      <c r="I13029">
        <v>52.281879931063003</v>
      </c>
      <c r="J13029" t="s">
        <v>68714</v>
      </c>
    </row>
    <row r="13030" spans="1:10" x14ac:dyDescent="0.25">
      <c r="A13030" t="s">
        <v>8815</v>
      </c>
      <c r="B13030" t="s">
        <v>8816</v>
      </c>
      <c r="C13030" t="s">
        <v>8817</v>
      </c>
      <c r="D13030" t="s">
        <v>8754</v>
      </c>
      <c r="E13030" t="s">
        <v>13</v>
      </c>
      <c r="F13030">
        <v>1052</v>
      </c>
      <c r="G13030" t="s">
        <v>8818</v>
      </c>
      <c r="H13030">
        <v>6.8297167023299998</v>
      </c>
      <c r="I13030">
        <v>52.284885895673</v>
      </c>
      <c r="J13030" t="s">
        <v>68715</v>
      </c>
    </row>
    <row r="13031" spans="1:10" x14ac:dyDescent="0.25">
      <c r="A13031" t="s">
        <v>8811</v>
      </c>
      <c r="B13031" t="s">
        <v>8812</v>
      </c>
      <c r="C13031" t="s">
        <v>8813</v>
      </c>
      <c r="D13031" t="s">
        <v>8754</v>
      </c>
      <c r="E13031" t="s">
        <v>13</v>
      </c>
      <c r="F13031">
        <v>1051</v>
      </c>
      <c r="G13031" t="s">
        <v>8814</v>
      </c>
      <c r="H13031">
        <v>6.8227975241190002</v>
      </c>
      <c r="I13031">
        <v>52.285594949660002</v>
      </c>
      <c r="J13031" t="s">
        <v>68716</v>
      </c>
    </row>
    <row r="13032" spans="1:10" x14ac:dyDescent="0.25">
      <c r="A13032" t="s">
        <v>8807</v>
      </c>
      <c r="B13032" t="s">
        <v>8808</v>
      </c>
      <c r="C13032" t="s">
        <v>8809</v>
      </c>
      <c r="D13032" t="s">
        <v>8754</v>
      </c>
      <c r="E13032" t="s">
        <v>13</v>
      </c>
      <c r="F13032">
        <v>1050</v>
      </c>
      <c r="G13032" t="s">
        <v>8810</v>
      </c>
      <c r="H13032">
        <v>6.8310457021720001</v>
      </c>
      <c r="I13032">
        <v>52.279243913952001</v>
      </c>
      <c r="J13032" t="s">
        <v>68717</v>
      </c>
    </row>
    <row r="13033" spans="1:10" x14ac:dyDescent="0.25">
      <c r="A13033" t="s">
        <v>8803</v>
      </c>
      <c r="B13033" t="s">
        <v>8804</v>
      </c>
      <c r="C13033" t="s">
        <v>8805</v>
      </c>
      <c r="D13033" t="s">
        <v>8754</v>
      </c>
      <c r="E13033" t="s">
        <v>13</v>
      </c>
      <c r="F13033">
        <v>1049</v>
      </c>
      <c r="G13033" t="s">
        <v>8806</v>
      </c>
      <c r="H13033">
        <v>6.8199369849940004</v>
      </c>
      <c r="I13033">
        <v>52.281682583942001</v>
      </c>
      <c r="J13033" t="s">
        <v>68718</v>
      </c>
    </row>
    <row r="13034" spans="1:10" x14ac:dyDescent="0.25">
      <c r="A13034" t="s">
        <v>8799</v>
      </c>
      <c r="B13034" t="s">
        <v>8800</v>
      </c>
      <c r="C13034" t="s">
        <v>8801</v>
      </c>
      <c r="D13034" t="s">
        <v>8754</v>
      </c>
      <c r="E13034" t="s">
        <v>13</v>
      </c>
      <c r="F13034">
        <v>1048</v>
      </c>
      <c r="G13034" t="s">
        <v>8802</v>
      </c>
      <c r="H13034">
        <v>6.8409514737689996</v>
      </c>
      <c r="I13034">
        <v>52.289487424000001</v>
      </c>
      <c r="J13034" t="s">
        <v>68719</v>
      </c>
    </row>
    <row r="13035" spans="1:10" x14ac:dyDescent="0.25">
      <c r="A13035" t="s">
        <v>8795</v>
      </c>
      <c r="B13035" t="s">
        <v>8796</v>
      </c>
      <c r="C13035" t="s">
        <v>8797</v>
      </c>
      <c r="D13035" t="s">
        <v>8754</v>
      </c>
      <c r="E13035" t="s">
        <v>13</v>
      </c>
      <c r="F13035">
        <v>1047</v>
      </c>
      <c r="G13035" t="s">
        <v>8798</v>
      </c>
      <c r="H13035">
        <v>6.8246269498579997</v>
      </c>
      <c r="I13035">
        <v>52.276298820260003</v>
      </c>
      <c r="J13035" t="s">
        <v>68720</v>
      </c>
    </row>
    <row r="13036" spans="1:10" x14ac:dyDescent="0.25">
      <c r="A13036" t="s">
        <v>8791</v>
      </c>
      <c r="B13036" t="s">
        <v>8792</v>
      </c>
      <c r="C13036" t="s">
        <v>8793</v>
      </c>
      <c r="D13036" t="s">
        <v>8754</v>
      </c>
      <c r="E13036" t="s">
        <v>13</v>
      </c>
      <c r="F13036">
        <v>1046</v>
      </c>
      <c r="G13036" t="s">
        <v>8794</v>
      </c>
      <c r="H13036">
        <v>6.819974407099</v>
      </c>
      <c r="I13036">
        <v>52.271996414748003</v>
      </c>
      <c r="J13036" t="s">
        <v>68721</v>
      </c>
    </row>
    <row r="13037" spans="1:10" x14ac:dyDescent="0.25">
      <c r="A13037" t="s">
        <v>8787</v>
      </c>
      <c r="B13037" t="s">
        <v>8788</v>
      </c>
      <c r="C13037" t="s">
        <v>8789</v>
      </c>
      <c r="D13037" t="s">
        <v>8754</v>
      </c>
      <c r="E13037" t="s">
        <v>13</v>
      </c>
      <c r="F13037">
        <v>1045</v>
      </c>
      <c r="G13037" t="s">
        <v>8790</v>
      </c>
      <c r="H13037">
        <v>6.8134668738090003</v>
      </c>
      <c r="I13037">
        <v>52.269404491895003</v>
      </c>
      <c r="J13037" t="s">
        <v>68722</v>
      </c>
    </row>
    <row r="13038" spans="1:10" x14ac:dyDescent="0.25">
      <c r="A13038" t="s">
        <v>8783</v>
      </c>
      <c r="B13038" t="s">
        <v>8784</v>
      </c>
      <c r="C13038" t="s">
        <v>8785</v>
      </c>
      <c r="D13038" t="s">
        <v>8754</v>
      </c>
      <c r="E13038" t="s">
        <v>13</v>
      </c>
      <c r="F13038">
        <v>1044</v>
      </c>
      <c r="G13038" t="s">
        <v>8786</v>
      </c>
      <c r="H13038">
        <v>6.8056040932800004</v>
      </c>
      <c r="I13038">
        <v>52.266957387895999</v>
      </c>
      <c r="J13038" t="s">
        <v>68723</v>
      </c>
    </row>
    <row r="13039" spans="1:10" x14ac:dyDescent="0.25">
      <c r="A13039" t="s">
        <v>8780</v>
      </c>
      <c r="B13039" t="s">
        <v>8781</v>
      </c>
      <c r="C13039" t="s">
        <v>4740</v>
      </c>
      <c r="D13039" t="s">
        <v>8754</v>
      </c>
      <c r="E13039" t="s">
        <v>13</v>
      </c>
      <c r="F13039">
        <v>1043</v>
      </c>
      <c r="G13039" t="s">
        <v>8782</v>
      </c>
      <c r="H13039">
        <v>6.810748939962</v>
      </c>
      <c r="I13039">
        <v>52.274328283857002</v>
      </c>
      <c r="J13039" t="s">
        <v>68724</v>
      </c>
    </row>
    <row r="13040" spans="1:10" x14ac:dyDescent="0.25">
      <c r="A13040" t="s">
        <v>8776</v>
      </c>
      <c r="B13040" t="s">
        <v>8777</v>
      </c>
      <c r="C13040" t="s">
        <v>8778</v>
      </c>
      <c r="D13040" t="s">
        <v>8754</v>
      </c>
      <c r="E13040" t="s">
        <v>13</v>
      </c>
      <c r="F13040">
        <v>1042</v>
      </c>
      <c r="G13040" t="s">
        <v>8779</v>
      </c>
      <c r="H13040">
        <v>6.807529834826</v>
      </c>
      <c r="I13040">
        <v>52.280800587172997</v>
      </c>
      <c r="J13040" t="s">
        <v>68725</v>
      </c>
    </row>
    <row r="13041" spans="1:10" x14ac:dyDescent="0.25">
      <c r="A13041" t="s">
        <v>8772</v>
      </c>
      <c r="B13041" t="s">
        <v>8773</v>
      </c>
      <c r="C13041" t="s">
        <v>8774</v>
      </c>
      <c r="D13041" t="s">
        <v>8754</v>
      </c>
      <c r="E13041" t="s">
        <v>13</v>
      </c>
      <c r="F13041">
        <v>1041</v>
      </c>
      <c r="G13041" t="s">
        <v>8775</v>
      </c>
      <c r="H13041">
        <v>6.7865075423540002</v>
      </c>
      <c r="I13041">
        <v>52.275137372962</v>
      </c>
      <c r="J13041" t="s">
        <v>68726</v>
      </c>
    </row>
    <row r="13042" spans="1:10" x14ac:dyDescent="0.25">
      <c r="A13042" t="s">
        <v>8768</v>
      </c>
      <c r="B13042" t="s">
        <v>8769</v>
      </c>
      <c r="C13042" t="s">
        <v>8770</v>
      </c>
      <c r="D13042" t="s">
        <v>8754</v>
      </c>
      <c r="E13042" t="s">
        <v>13</v>
      </c>
      <c r="F13042">
        <v>1040</v>
      </c>
      <c r="G13042" t="s">
        <v>8771</v>
      </c>
      <c r="H13042">
        <v>6.7964028899929998</v>
      </c>
      <c r="I13042">
        <v>52.271431502268001</v>
      </c>
      <c r="J13042" t="s">
        <v>68727</v>
      </c>
    </row>
    <row r="13043" spans="1:10" x14ac:dyDescent="0.25">
      <c r="A13043" t="s">
        <v>8764</v>
      </c>
      <c r="B13043" t="s">
        <v>8765</v>
      </c>
      <c r="C13043" t="s">
        <v>8766</v>
      </c>
      <c r="D13043" t="s">
        <v>8754</v>
      </c>
      <c r="E13043" t="s">
        <v>13</v>
      </c>
      <c r="F13043">
        <v>1039</v>
      </c>
      <c r="G13043" t="s">
        <v>8767</v>
      </c>
      <c r="H13043">
        <v>6.7933194258220002</v>
      </c>
      <c r="I13043">
        <v>52.279006606693997</v>
      </c>
      <c r="J13043" t="s">
        <v>68728</v>
      </c>
    </row>
    <row r="13044" spans="1:10" x14ac:dyDescent="0.25">
      <c r="A13044" t="s">
        <v>8760</v>
      </c>
      <c r="B13044" t="s">
        <v>8761</v>
      </c>
      <c r="C13044" t="s">
        <v>8762</v>
      </c>
      <c r="D13044" t="s">
        <v>8754</v>
      </c>
      <c r="E13044" t="s">
        <v>13</v>
      </c>
      <c r="F13044">
        <v>1038</v>
      </c>
      <c r="G13044" t="s">
        <v>8763</v>
      </c>
      <c r="H13044">
        <v>6.799373914227</v>
      </c>
      <c r="I13044">
        <v>52.264874978786999</v>
      </c>
      <c r="J13044" t="s">
        <v>68729</v>
      </c>
    </row>
    <row r="13045" spans="1:10" x14ac:dyDescent="0.25">
      <c r="A13045" t="s">
        <v>8756</v>
      </c>
      <c r="B13045" t="s">
        <v>8757</v>
      </c>
      <c r="C13045" t="s">
        <v>8758</v>
      </c>
      <c r="D13045" t="s">
        <v>8754</v>
      </c>
      <c r="E13045" t="s">
        <v>13</v>
      </c>
      <c r="F13045">
        <v>1037</v>
      </c>
      <c r="G13045" t="s">
        <v>8759</v>
      </c>
      <c r="H13045">
        <v>6.7876344877459998</v>
      </c>
      <c r="I13045">
        <v>52.264227630210002</v>
      </c>
      <c r="J13045" t="s">
        <v>68730</v>
      </c>
    </row>
    <row r="13046" spans="1:10" x14ac:dyDescent="0.25">
      <c r="A13046" t="s">
        <v>8751</v>
      </c>
      <c r="B13046" t="s">
        <v>8752</v>
      </c>
      <c r="C13046" t="s">
        <v>8753</v>
      </c>
      <c r="D13046" t="s">
        <v>8754</v>
      </c>
      <c r="E13046" t="s">
        <v>13</v>
      </c>
      <c r="F13046">
        <v>1036</v>
      </c>
      <c r="G13046" t="s">
        <v>8755</v>
      </c>
      <c r="H13046">
        <v>6.7942074291769998</v>
      </c>
      <c r="I13046">
        <v>52.264576015138999</v>
      </c>
      <c r="J13046" t="s">
        <v>68731</v>
      </c>
    </row>
    <row r="13047" spans="1:10" x14ac:dyDescent="0.25">
      <c r="A13047" t="s">
        <v>8747</v>
      </c>
      <c r="B13047" t="s">
        <v>8748</v>
      </c>
      <c r="C13047" t="s">
        <v>8749</v>
      </c>
      <c r="D13047" t="s">
        <v>2622</v>
      </c>
      <c r="E13047" t="s">
        <v>13</v>
      </c>
      <c r="F13047">
        <v>1035</v>
      </c>
      <c r="G13047" t="s">
        <v>8750</v>
      </c>
      <c r="H13047">
        <v>6.5780141836029999</v>
      </c>
      <c r="I13047">
        <v>52.441897572450003</v>
      </c>
      <c r="J13047" t="s">
        <v>68732</v>
      </c>
    </row>
    <row r="13048" spans="1:10" x14ac:dyDescent="0.25">
      <c r="A13048" t="s">
        <v>2764</v>
      </c>
      <c r="B13048" t="s">
        <v>2765</v>
      </c>
      <c r="C13048" t="s">
        <v>2766</v>
      </c>
      <c r="D13048" t="s">
        <v>2622</v>
      </c>
      <c r="E13048" t="s">
        <v>13</v>
      </c>
      <c r="F13048">
        <v>1034</v>
      </c>
      <c r="G13048" t="s">
        <v>2767</v>
      </c>
      <c r="H13048">
        <v>6.5343762236360003</v>
      </c>
      <c r="I13048">
        <v>52.434130111191003</v>
      </c>
      <c r="J13048" t="s">
        <v>68733</v>
      </c>
    </row>
    <row r="13049" spans="1:10" x14ac:dyDescent="0.25">
      <c r="A13049" t="s">
        <v>2760</v>
      </c>
      <c r="B13049" t="s">
        <v>2761</v>
      </c>
      <c r="C13049" t="s">
        <v>2762</v>
      </c>
      <c r="D13049" t="s">
        <v>2622</v>
      </c>
      <c r="E13049" t="s">
        <v>13</v>
      </c>
      <c r="F13049">
        <v>1033</v>
      </c>
      <c r="G13049" t="s">
        <v>2763</v>
      </c>
      <c r="H13049">
        <v>6.3789502737849997</v>
      </c>
      <c r="I13049">
        <v>52.359493091669002</v>
      </c>
      <c r="J13049" t="s">
        <v>68734</v>
      </c>
    </row>
    <row r="13050" spans="1:10" x14ac:dyDescent="0.25">
      <c r="A13050" t="s">
        <v>2756</v>
      </c>
      <c r="B13050" t="s">
        <v>2757</v>
      </c>
      <c r="C13050" t="s">
        <v>2758</v>
      </c>
      <c r="D13050" t="s">
        <v>2622</v>
      </c>
      <c r="E13050" t="s">
        <v>13</v>
      </c>
      <c r="F13050">
        <v>1032</v>
      </c>
      <c r="G13050" t="s">
        <v>2759</v>
      </c>
      <c r="H13050">
        <v>6.4849183359470004</v>
      </c>
      <c r="I13050">
        <v>52.370576281405</v>
      </c>
      <c r="J13050" t="s">
        <v>68735</v>
      </c>
    </row>
    <row r="13051" spans="1:10" x14ac:dyDescent="0.25">
      <c r="A13051" t="s">
        <v>2752</v>
      </c>
      <c r="B13051" t="s">
        <v>2753</v>
      </c>
      <c r="C13051" t="s">
        <v>2754</v>
      </c>
      <c r="D13051" t="s">
        <v>2622</v>
      </c>
      <c r="E13051" t="s">
        <v>13</v>
      </c>
      <c r="F13051">
        <v>1031</v>
      </c>
      <c r="G13051" t="s">
        <v>2755</v>
      </c>
      <c r="H13051">
        <v>6.4769353879229996</v>
      </c>
      <c r="I13051">
        <v>52.377411191293</v>
      </c>
      <c r="J13051" t="s">
        <v>68736</v>
      </c>
    </row>
    <row r="13052" spans="1:10" x14ac:dyDescent="0.25">
      <c r="A13052" t="s">
        <v>2748</v>
      </c>
      <c r="B13052" t="s">
        <v>2749</v>
      </c>
      <c r="C13052" t="s">
        <v>2750</v>
      </c>
      <c r="D13052" t="s">
        <v>2622</v>
      </c>
      <c r="E13052" t="s">
        <v>13</v>
      </c>
      <c r="F13052">
        <v>1030</v>
      </c>
      <c r="G13052" t="s">
        <v>2751</v>
      </c>
      <c r="H13052">
        <v>6.4834685478920004</v>
      </c>
      <c r="I13052">
        <v>52.380370060406001</v>
      </c>
      <c r="J13052" t="s">
        <v>68737</v>
      </c>
    </row>
    <row r="13053" spans="1:10" x14ac:dyDescent="0.25">
      <c r="A13053" t="s">
        <v>2744</v>
      </c>
      <c r="B13053" t="s">
        <v>2745</v>
      </c>
      <c r="C13053" t="s">
        <v>2746</v>
      </c>
      <c r="D13053" t="s">
        <v>2622</v>
      </c>
      <c r="E13053" t="s">
        <v>13</v>
      </c>
      <c r="F13053">
        <v>1029</v>
      </c>
      <c r="G13053" t="s">
        <v>2747</v>
      </c>
      <c r="H13053">
        <v>6.4821213671490003</v>
      </c>
      <c r="I13053">
        <v>52.375793715938002</v>
      </c>
      <c r="J13053" t="s">
        <v>68738</v>
      </c>
    </row>
    <row r="13054" spans="1:10" x14ac:dyDescent="0.25">
      <c r="A13054" t="s">
        <v>2740</v>
      </c>
      <c r="B13054" t="s">
        <v>2741</v>
      </c>
      <c r="C13054" t="s">
        <v>2742</v>
      </c>
      <c r="D13054" t="s">
        <v>2622</v>
      </c>
      <c r="E13054" t="s">
        <v>13</v>
      </c>
      <c r="F13054">
        <v>1028</v>
      </c>
      <c r="G13054" t="s">
        <v>2743</v>
      </c>
      <c r="H13054">
        <v>6.4868206044479999</v>
      </c>
      <c r="I13054">
        <v>52.374520950764001</v>
      </c>
      <c r="J13054" t="s">
        <v>68739</v>
      </c>
    </row>
    <row r="13055" spans="1:10" x14ac:dyDescent="0.25">
      <c r="A13055" t="s">
        <v>2736</v>
      </c>
      <c r="B13055" t="s">
        <v>2737</v>
      </c>
      <c r="C13055" t="s">
        <v>2738</v>
      </c>
      <c r="D13055" t="s">
        <v>2622</v>
      </c>
      <c r="E13055" t="s">
        <v>13</v>
      </c>
      <c r="F13055">
        <v>1027</v>
      </c>
      <c r="G13055" t="s">
        <v>2739</v>
      </c>
      <c r="H13055">
        <v>6.4733046892389998</v>
      </c>
      <c r="I13055">
        <v>52.380198046418002</v>
      </c>
      <c r="J13055" t="s">
        <v>68740</v>
      </c>
    </row>
    <row r="13056" spans="1:10" x14ac:dyDescent="0.25">
      <c r="A13056" t="s">
        <v>2732</v>
      </c>
      <c r="B13056" t="s">
        <v>2733</v>
      </c>
      <c r="C13056" t="s">
        <v>2734</v>
      </c>
      <c r="D13056" t="s">
        <v>2622</v>
      </c>
      <c r="E13056" t="s">
        <v>13</v>
      </c>
      <c r="F13056">
        <v>1026</v>
      </c>
      <c r="G13056" t="s">
        <v>2735</v>
      </c>
      <c r="H13056">
        <v>6.4880933587419998</v>
      </c>
      <c r="I13056">
        <v>52.418630968064001</v>
      </c>
      <c r="J13056" t="s">
        <v>68741</v>
      </c>
    </row>
    <row r="13057" spans="1:10" x14ac:dyDescent="0.25">
      <c r="A13057" t="s">
        <v>8743</v>
      </c>
      <c r="B13057" t="s">
        <v>8744</v>
      </c>
      <c r="C13057" t="s">
        <v>8745</v>
      </c>
      <c r="D13057" t="s">
        <v>2622</v>
      </c>
      <c r="E13057" t="s">
        <v>13</v>
      </c>
      <c r="F13057">
        <v>1025</v>
      </c>
      <c r="G13057" t="s">
        <v>8746</v>
      </c>
      <c r="H13057">
        <v>6.5820523134390001</v>
      </c>
      <c r="I13057">
        <v>52.440441515598998</v>
      </c>
      <c r="J13057" t="s">
        <v>68742</v>
      </c>
    </row>
    <row r="13058" spans="1:10" x14ac:dyDescent="0.25">
      <c r="A13058" t="s">
        <v>2728</v>
      </c>
      <c r="B13058" t="s">
        <v>2729</v>
      </c>
      <c r="C13058" t="s">
        <v>2730</v>
      </c>
      <c r="D13058" t="s">
        <v>2622</v>
      </c>
      <c r="E13058" t="s">
        <v>13</v>
      </c>
      <c r="F13058">
        <v>1024</v>
      </c>
      <c r="G13058" t="s">
        <v>2731</v>
      </c>
      <c r="H13058">
        <v>6.5385265408329998</v>
      </c>
      <c r="I13058">
        <v>52.427972003897999</v>
      </c>
      <c r="J13058" t="s">
        <v>68743</v>
      </c>
    </row>
    <row r="13059" spans="1:10" x14ac:dyDescent="0.25">
      <c r="A13059" t="s">
        <v>2724</v>
      </c>
      <c r="B13059" t="s">
        <v>2725</v>
      </c>
      <c r="C13059" t="s">
        <v>2726</v>
      </c>
      <c r="D13059" t="s">
        <v>2622</v>
      </c>
      <c r="E13059" t="s">
        <v>13</v>
      </c>
      <c r="F13059">
        <v>1023</v>
      </c>
      <c r="G13059" t="s">
        <v>2727</v>
      </c>
      <c r="H13059">
        <v>6.3864585915349998</v>
      </c>
      <c r="I13059">
        <v>52.352930162187</v>
      </c>
      <c r="J13059" t="s">
        <v>68744</v>
      </c>
    </row>
    <row r="13060" spans="1:10" x14ac:dyDescent="0.25">
      <c r="A13060" t="s">
        <v>2720</v>
      </c>
      <c r="B13060" t="s">
        <v>2721</v>
      </c>
      <c r="C13060" t="s">
        <v>2722</v>
      </c>
      <c r="D13060" t="s">
        <v>2622</v>
      </c>
      <c r="E13060" t="s">
        <v>13</v>
      </c>
      <c r="F13060">
        <v>1022</v>
      </c>
      <c r="G13060" t="s">
        <v>2723</v>
      </c>
      <c r="H13060">
        <v>6.4864398092220004</v>
      </c>
      <c r="I13060">
        <v>52.384708647403002</v>
      </c>
      <c r="J13060" t="s">
        <v>68745</v>
      </c>
    </row>
    <row r="13061" spans="1:10" x14ac:dyDescent="0.25">
      <c r="A13061" t="s">
        <v>2716</v>
      </c>
      <c r="B13061" t="s">
        <v>2717</v>
      </c>
      <c r="C13061" t="s">
        <v>2718</v>
      </c>
      <c r="D13061" t="s">
        <v>2622</v>
      </c>
      <c r="E13061" t="s">
        <v>13</v>
      </c>
      <c r="F13061">
        <v>1021</v>
      </c>
      <c r="G13061" t="s">
        <v>2719</v>
      </c>
      <c r="H13061">
        <v>6.4377823977239998</v>
      </c>
      <c r="I13061">
        <v>52.426808384567998</v>
      </c>
      <c r="J13061" t="s">
        <v>68746</v>
      </c>
    </row>
    <row r="13062" spans="1:10" x14ac:dyDescent="0.25">
      <c r="A13062" t="s">
        <v>2712</v>
      </c>
      <c r="B13062" t="s">
        <v>2713</v>
      </c>
      <c r="C13062" t="s">
        <v>2714</v>
      </c>
      <c r="D13062" t="s">
        <v>2622</v>
      </c>
      <c r="E13062" t="s">
        <v>13</v>
      </c>
      <c r="F13062">
        <v>1020</v>
      </c>
      <c r="G13062" t="s">
        <v>2715</v>
      </c>
      <c r="H13062">
        <v>6.49397198617</v>
      </c>
      <c r="I13062">
        <v>52.350536170562002</v>
      </c>
      <c r="J13062" t="s">
        <v>68747</v>
      </c>
    </row>
    <row r="13063" spans="1:10" x14ac:dyDescent="0.25">
      <c r="A13063" t="s">
        <v>2708</v>
      </c>
      <c r="B13063" t="s">
        <v>2709</v>
      </c>
      <c r="C13063" t="s">
        <v>2710</v>
      </c>
      <c r="D13063" t="s">
        <v>2622</v>
      </c>
      <c r="E13063" t="s">
        <v>13</v>
      </c>
      <c r="F13063">
        <v>1019</v>
      </c>
      <c r="G13063" t="s">
        <v>2711</v>
      </c>
      <c r="H13063">
        <v>6.45043846017</v>
      </c>
      <c r="I13063">
        <v>52.340290184719002</v>
      </c>
      <c r="J13063" t="s">
        <v>68748</v>
      </c>
    </row>
    <row r="13064" spans="1:10" x14ac:dyDescent="0.25">
      <c r="A13064" t="s">
        <v>2704</v>
      </c>
      <c r="B13064" t="s">
        <v>2705</v>
      </c>
      <c r="C13064" t="s">
        <v>2706</v>
      </c>
      <c r="D13064" t="s">
        <v>2622</v>
      </c>
      <c r="E13064" t="s">
        <v>13</v>
      </c>
      <c r="F13064">
        <v>1018</v>
      </c>
      <c r="G13064" t="s">
        <v>2707</v>
      </c>
      <c r="H13064">
        <v>6.4348135123869996</v>
      </c>
      <c r="I13064">
        <v>52.392204253198003</v>
      </c>
      <c r="J13064" t="s">
        <v>68749</v>
      </c>
    </row>
    <row r="13065" spans="1:10" x14ac:dyDescent="0.25">
      <c r="A13065" t="s">
        <v>2700</v>
      </c>
      <c r="B13065" t="s">
        <v>2701</v>
      </c>
      <c r="C13065" t="s">
        <v>2702</v>
      </c>
      <c r="D13065" t="s">
        <v>2622</v>
      </c>
      <c r="E13065" t="s">
        <v>13</v>
      </c>
      <c r="F13065">
        <v>1017</v>
      </c>
      <c r="G13065" t="s">
        <v>2703</v>
      </c>
      <c r="H13065">
        <v>6.4796134477690002</v>
      </c>
      <c r="I13065">
        <v>52.349265499969</v>
      </c>
      <c r="J13065" t="s">
        <v>68750</v>
      </c>
    </row>
    <row r="13066" spans="1:10" x14ac:dyDescent="0.25">
      <c r="A13066" t="s">
        <v>2696</v>
      </c>
      <c r="B13066" t="s">
        <v>2697</v>
      </c>
      <c r="C13066" t="s">
        <v>2698</v>
      </c>
      <c r="D13066" t="s">
        <v>2622</v>
      </c>
      <c r="E13066" t="s">
        <v>13</v>
      </c>
      <c r="F13066">
        <v>1016</v>
      </c>
      <c r="G13066" t="s">
        <v>2699</v>
      </c>
      <c r="H13066">
        <v>6.5044963305829997</v>
      </c>
      <c r="I13066">
        <v>52.358419823044997</v>
      </c>
      <c r="J13066" t="s">
        <v>68751</v>
      </c>
    </row>
    <row r="13067" spans="1:10" x14ac:dyDescent="0.25">
      <c r="A13067" t="s">
        <v>2692</v>
      </c>
      <c r="B13067" t="s">
        <v>2693</v>
      </c>
      <c r="C13067" t="s">
        <v>2694</v>
      </c>
      <c r="D13067" t="s">
        <v>2622</v>
      </c>
      <c r="E13067" t="s">
        <v>13</v>
      </c>
      <c r="F13067">
        <v>1015</v>
      </c>
      <c r="G13067" t="s">
        <v>2695</v>
      </c>
      <c r="H13067">
        <v>6.4870053100150002</v>
      </c>
      <c r="I13067">
        <v>52.353806128193</v>
      </c>
      <c r="J13067" t="s">
        <v>68752</v>
      </c>
    </row>
    <row r="13068" spans="1:10" x14ac:dyDescent="0.25">
      <c r="A13068" t="s">
        <v>2688</v>
      </c>
      <c r="B13068" t="s">
        <v>2689</v>
      </c>
      <c r="C13068" t="s">
        <v>2690</v>
      </c>
      <c r="D13068" t="s">
        <v>2622</v>
      </c>
      <c r="E13068" t="s">
        <v>13</v>
      </c>
      <c r="F13068">
        <v>1014</v>
      </c>
      <c r="G13068" t="s">
        <v>2691</v>
      </c>
      <c r="H13068">
        <v>6.4728401792410004</v>
      </c>
      <c r="I13068">
        <v>52.355194776506004</v>
      </c>
      <c r="J13068" t="s">
        <v>68753</v>
      </c>
    </row>
    <row r="13069" spans="1:10" x14ac:dyDescent="0.25">
      <c r="A13069" t="s">
        <v>2684</v>
      </c>
      <c r="B13069" t="s">
        <v>2685</v>
      </c>
      <c r="C13069" t="s">
        <v>2686</v>
      </c>
      <c r="D13069" t="s">
        <v>2622</v>
      </c>
      <c r="E13069" t="s">
        <v>13</v>
      </c>
      <c r="F13069">
        <v>1013</v>
      </c>
      <c r="G13069" t="s">
        <v>2687</v>
      </c>
      <c r="H13069">
        <v>6.4895270422250002</v>
      </c>
      <c r="I13069">
        <v>52.362331093122002</v>
      </c>
      <c r="J13069" t="s">
        <v>68754</v>
      </c>
    </row>
    <row r="13070" spans="1:10" x14ac:dyDescent="0.25">
      <c r="A13070" t="s">
        <v>2680</v>
      </c>
      <c r="B13070" t="s">
        <v>2681</v>
      </c>
      <c r="C13070" t="s">
        <v>2682</v>
      </c>
      <c r="D13070" t="s">
        <v>2622</v>
      </c>
      <c r="E13070" t="s">
        <v>13</v>
      </c>
      <c r="F13070">
        <v>1012</v>
      </c>
      <c r="G13070" t="s">
        <v>2683</v>
      </c>
      <c r="H13070">
        <v>6.4817372660880004</v>
      </c>
      <c r="I13070">
        <v>52.361958260991997</v>
      </c>
      <c r="J13070" t="s">
        <v>68755</v>
      </c>
    </row>
    <row r="13071" spans="1:10" x14ac:dyDescent="0.25">
      <c r="A13071" t="s">
        <v>2676</v>
      </c>
      <c r="B13071" t="s">
        <v>2677</v>
      </c>
      <c r="C13071" t="s">
        <v>2678</v>
      </c>
      <c r="D13071" t="s">
        <v>2622</v>
      </c>
      <c r="E13071" t="s">
        <v>13</v>
      </c>
      <c r="F13071">
        <v>1011</v>
      </c>
      <c r="G13071" t="s">
        <v>2679</v>
      </c>
      <c r="H13071">
        <v>6.4762903602890001</v>
      </c>
      <c r="I13071">
        <v>52.361141325410998</v>
      </c>
      <c r="J13071" t="s">
        <v>68756</v>
      </c>
    </row>
    <row r="13072" spans="1:10" x14ac:dyDescent="0.25">
      <c r="A13072" t="s">
        <v>2672</v>
      </c>
      <c r="B13072" t="s">
        <v>2673</v>
      </c>
      <c r="C13072" t="s">
        <v>2674</v>
      </c>
      <c r="D13072" t="s">
        <v>2622</v>
      </c>
      <c r="E13072" t="s">
        <v>13</v>
      </c>
      <c r="F13072">
        <v>1010</v>
      </c>
      <c r="G13072" t="s">
        <v>2675</v>
      </c>
      <c r="H13072">
        <v>6.4705230043639999</v>
      </c>
      <c r="I13072">
        <v>52.360938582937997</v>
      </c>
      <c r="J13072" t="s">
        <v>68757</v>
      </c>
    </row>
    <row r="13073" spans="1:10" x14ac:dyDescent="0.25">
      <c r="A13073" t="s">
        <v>2668</v>
      </c>
      <c r="B13073" t="s">
        <v>2669</v>
      </c>
      <c r="C13073" t="s">
        <v>2670</v>
      </c>
      <c r="D13073" t="s">
        <v>2622</v>
      </c>
      <c r="E13073" t="s">
        <v>13</v>
      </c>
      <c r="F13073">
        <v>1009</v>
      </c>
      <c r="G13073" t="s">
        <v>2671</v>
      </c>
      <c r="H13073">
        <v>6.4612873773650001</v>
      </c>
      <c r="I13073">
        <v>52.353794049758001</v>
      </c>
      <c r="J13073" t="s">
        <v>68758</v>
      </c>
    </row>
    <row r="13074" spans="1:10" x14ac:dyDescent="0.25">
      <c r="A13074" t="s">
        <v>2664</v>
      </c>
      <c r="B13074" t="s">
        <v>2665</v>
      </c>
      <c r="C13074" t="s">
        <v>2666</v>
      </c>
      <c r="D13074" t="s">
        <v>2622</v>
      </c>
      <c r="E13074" t="s">
        <v>13</v>
      </c>
      <c r="F13074">
        <v>1008</v>
      </c>
      <c r="G13074" t="s">
        <v>2667</v>
      </c>
      <c r="H13074">
        <v>6.4546293724470001</v>
      </c>
      <c r="I13074">
        <v>52.361979647835</v>
      </c>
      <c r="J13074" t="s">
        <v>68759</v>
      </c>
    </row>
    <row r="13075" spans="1:10" x14ac:dyDescent="0.25">
      <c r="A13075" t="s">
        <v>2660</v>
      </c>
      <c r="B13075" t="s">
        <v>2661</v>
      </c>
      <c r="C13075" t="s">
        <v>2662</v>
      </c>
      <c r="D13075" t="s">
        <v>2622</v>
      </c>
      <c r="E13075" t="s">
        <v>13</v>
      </c>
      <c r="F13075">
        <v>1007</v>
      </c>
      <c r="G13075" t="s">
        <v>2663</v>
      </c>
      <c r="H13075">
        <v>6.4650456822390003</v>
      </c>
      <c r="I13075">
        <v>52.360060048226003</v>
      </c>
      <c r="J13075" t="s">
        <v>68760</v>
      </c>
    </row>
    <row r="13076" spans="1:10" x14ac:dyDescent="0.25">
      <c r="A13076" t="s">
        <v>2656</v>
      </c>
      <c r="B13076" t="s">
        <v>2657</v>
      </c>
      <c r="C13076" t="s">
        <v>2658</v>
      </c>
      <c r="D13076" t="s">
        <v>2622</v>
      </c>
      <c r="E13076" t="s">
        <v>13</v>
      </c>
      <c r="F13076">
        <v>1006</v>
      </c>
      <c r="G13076" t="s">
        <v>2659</v>
      </c>
      <c r="H13076">
        <v>6.4611937588539998</v>
      </c>
      <c r="I13076">
        <v>52.364446026867</v>
      </c>
      <c r="J13076" t="s">
        <v>68761</v>
      </c>
    </row>
    <row r="13077" spans="1:10" x14ac:dyDescent="0.25">
      <c r="A13077" t="s">
        <v>2652</v>
      </c>
      <c r="B13077" t="s">
        <v>2653</v>
      </c>
      <c r="C13077" t="s">
        <v>2654</v>
      </c>
      <c r="D13077" t="s">
        <v>2622</v>
      </c>
      <c r="E13077" t="s">
        <v>13</v>
      </c>
      <c r="F13077">
        <v>1005</v>
      </c>
      <c r="G13077" t="s">
        <v>2655</v>
      </c>
      <c r="H13077">
        <v>6.4630730463020001</v>
      </c>
      <c r="I13077">
        <v>52.370658748117997</v>
      </c>
      <c r="J13077" t="s">
        <v>68762</v>
      </c>
    </row>
    <row r="13078" spans="1:10" x14ac:dyDescent="0.25">
      <c r="A13078" t="s">
        <v>2648</v>
      </c>
      <c r="B13078" t="s">
        <v>2649</v>
      </c>
      <c r="C13078" t="s">
        <v>2650</v>
      </c>
      <c r="D13078" t="s">
        <v>2622</v>
      </c>
      <c r="E13078" t="s">
        <v>13</v>
      </c>
      <c r="F13078">
        <v>1004</v>
      </c>
      <c r="G13078" t="s">
        <v>2651</v>
      </c>
      <c r="H13078">
        <v>6.453964355858</v>
      </c>
      <c r="I13078">
        <v>52.371384866226997</v>
      </c>
      <c r="J13078" t="s">
        <v>68763</v>
      </c>
    </row>
    <row r="13079" spans="1:10" x14ac:dyDescent="0.25">
      <c r="A13079" t="s">
        <v>2644</v>
      </c>
      <c r="B13079" t="s">
        <v>2645</v>
      </c>
      <c r="C13079" t="s">
        <v>2646</v>
      </c>
      <c r="D13079" t="s">
        <v>2622</v>
      </c>
      <c r="E13079" t="s">
        <v>13</v>
      </c>
      <c r="F13079">
        <v>1003</v>
      </c>
      <c r="G13079" t="s">
        <v>2647</v>
      </c>
      <c r="H13079">
        <v>6.4480083566820001</v>
      </c>
      <c r="I13079">
        <v>52.370998638403996</v>
      </c>
      <c r="J13079" t="s">
        <v>68764</v>
      </c>
    </row>
    <row r="13080" spans="1:10" x14ac:dyDescent="0.25">
      <c r="A13080" t="s">
        <v>2640</v>
      </c>
      <c r="B13080" t="s">
        <v>2641</v>
      </c>
      <c r="C13080" t="s">
        <v>2642</v>
      </c>
      <c r="D13080" t="s">
        <v>2622</v>
      </c>
      <c r="E13080" t="s">
        <v>13</v>
      </c>
      <c r="F13080">
        <v>1002</v>
      </c>
      <c r="G13080" t="s">
        <v>2643</v>
      </c>
      <c r="H13080">
        <v>6.4464263247489999</v>
      </c>
      <c r="I13080">
        <v>52.391949276119</v>
      </c>
      <c r="J13080" t="s">
        <v>68765</v>
      </c>
    </row>
    <row r="13081" spans="1:10" x14ac:dyDescent="0.25">
      <c r="A13081" t="s">
        <v>2636</v>
      </c>
      <c r="B13081" t="s">
        <v>2637</v>
      </c>
      <c r="C13081" t="s">
        <v>2638</v>
      </c>
      <c r="D13081" t="s">
        <v>2622</v>
      </c>
      <c r="E13081" t="s">
        <v>13</v>
      </c>
      <c r="F13081">
        <v>1001</v>
      </c>
      <c r="G13081" t="s">
        <v>2639</v>
      </c>
      <c r="H13081">
        <v>6.448416832595</v>
      </c>
      <c r="I13081">
        <v>52.384795157980001</v>
      </c>
      <c r="J13081" t="s">
        <v>68766</v>
      </c>
    </row>
    <row r="13082" spans="1:10" x14ac:dyDescent="0.25">
      <c r="A13082" t="s">
        <v>2632</v>
      </c>
      <c r="B13082" t="s">
        <v>2633</v>
      </c>
      <c r="C13082" t="s">
        <v>2634</v>
      </c>
      <c r="D13082" t="s">
        <v>2622</v>
      </c>
      <c r="E13082" t="s">
        <v>13</v>
      </c>
      <c r="F13082">
        <v>1000</v>
      </c>
      <c r="G13082" t="s">
        <v>2635</v>
      </c>
      <c r="H13082">
        <v>6.4546332428930002</v>
      </c>
      <c r="I13082">
        <v>52.384212673318999</v>
      </c>
      <c r="J13082" t="s">
        <v>68767</v>
      </c>
    </row>
    <row r="13083" spans="1:10" x14ac:dyDescent="0.25">
      <c r="A13083" t="s">
        <v>2628</v>
      </c>
      <c r="B13083" t="s">
        <v>2629</v>
      </c>
      <c r="C13083" t="s">
        <v>2630</v>
      </c>
      <c r="D13083" t="s">
        <v>2622</v>
      </c>
      <c r="E13083" t="s">
        <v>13</v>
      </c>
      <c r="F13083">
        <v>999</v>
      </c>
      <c r="G13083" t="s">
        <v>2631</v>
      </c>
      <c r="H13083">
        <v>6.4553272131610004</v>
      </c>
      <c r="I13083">
        <v>52.390369417171001</v>
      </c>
      <c r="J13083" t="s">
        <v>68768</v>
      </c>
    </row>
    <row r="13084" spans="1:10" x14ac:dyDescent="0.25">
      <c r="A13084" t="s">
        <v>2624</v>
      </c>
      <c r="B13084" t="s">
        <v>2625</v>
      </c>
      <c r="C13084" t="s">
        <v>2626</v>
      </c>
      <c r="D13084" t="s">
        <v>2622</v>
      </c>
      <c r="E13084" t="s">
        <v>13</v>
      </c>
      <c r="F13084">
        <v>998</v>
      </c>
      <c r="G13084" t="s">
        <v>2627</v>
      </c>
      <c r="H13084">
        <v>6.4487087065870003</v>
      </c>
      <c r="I13084">
        <v>52.396192427438002</v>
      </c>
      <c r="J13084" t="s">
        <v>68769</v>
      </c>
    </row>
    <row r="13085" spans="1:10" x14ac:dyDescent="0.25">
      <c r="A13085" t="s">
        <v>2619</v>
      </c>
      <c r="B13085" t="s">
        <v>2620</v>
      </c>
      <c r="C13085" t="s">
        <v>2621</v>
      </c>
      <c r="D13085" t="s">
        <v>2622</v>
      </c>
      <c r="E13085" t="s">
        <v>13</v>
      </c>
      <c r="F13085">
        <v>997</v>
      </c>
      <c r="G13085" t="s">
        <v>2623</v>
      </c>
      <c r="H13085">
        <v>6.4504118983950001</v>
      </c>
      <c r="I13085">
        <v>52.389592052410997</v>
      </c>
      <c r="J13085" t="s">
        <v>68770</v>
      </c>
    </row>
    <row r="13086" spans="1:10" x14ac:dyDescent="0.25">
      <c r="A13086" t="s">
        <v>8739</v>
      </c>
      <c r="B13086" t="s">
        <v>8740</v>
      </c>
      <c r="C13086" t="s">
        <v>8741</v>
      </c>
      <c r="D13086" t="s">
        <v>8466</v>
      </c>
      <c r="E13086" t="s">
        <v>13</v>
      </c>
      <c r="F13086">
        <v>996</v>
      </c>
      <c r="G13086" t="s">
        <v>8742</v>
      </c>
      <c r="H13086">
        <v>6.6655225807890002</v>
      </c>
      <c r="I13086">
        <v>52.536472817010001</v>
      </c>
      <c r="J13086" t="s">
        <v>68771</v>
      </c>
    </row>
    <row r="13087" spans="1:10" x14ac:dyDescent="0.25">
      <c r="A13087" t="s">
        <v>8735</v>
      </c>
      <c r="B13087" t="s">
        <v>8736</v>
      </c>
      <c r="C13087" t="s">
        <v>8737</v>
      </c>
      <c r="D13087" t="s">
        <v>8466</v>
      </c>
      <c r="E13087" t="s">
        <v>13</v>
      </c>
      <c r="F13087">
        <v>995</v>
      </c>
      <c r="G13087" t="s">
        <v>8738</v>
      </c>
      <c r="H13087">
        <v>6.661608918083</v>
      </c>
      <c r="I13087">
        <v>52.531158312369001</v>
      </c>
      <c r="J13087" t="s">
        <v>68772</v>
      </c>
    </row>
    <row r="13088" spans="1:10" x14ac:dyDescent="0.25">
      <c r="A13088" t="s">
        <v>8731</v>
      </c>
      <c r="B13088" t="s">
        <v>8732</v>
      </c>
      <c r="C13088" t="s">
        <v>8733</v>
      </c>
      <c r="D13088" t="s">
        <v>8466</v>
      </c>
      <c r="E13088" t="s">
        <v>13</v>
      </c>
      <c r="F13088">
        <v>994</v>
      </c>
      <c r="G13088" t="s">
        <v>8734</v>
      </c>
      <c r="H13088">
        <v>6.6187660636889998</v>
      </c>
      <c r="I13088">
        <v>52.575743982154002</v>
      </c>
      <c r="J13088" t="s">
        <v>68773</v>
      </c>
    </row>
    <row r="13089" spans="1:10" x14ac:dyDescent="0.25">
      <c r="A13089" t="s">
        <v>8727</v>
      </c>
      <c r="B13089" t="s">
        <v>8728</v>
      </c>
      <c r="C13089" t="s">
        <v>8729</v>
      </c>
      <c r="D13089" t="s">
        <v>8466</v>
      </c>
      <c r="E13089" t="s">
        <v>13</v>
      </c>
      <c r="F13089">
        <v>993</v>
      </c>
      <c r="G13089" t="s">
        <v>8730</v>
      </c>
      <c r="H13089">
        <v>6.6032686644540002</v>
      </c>
      <c r="I13089">
        <v>52.579798106371001</v>
      </c>
      <c r="J13089" t="s">
        <v>68774</v>
      </c>
    </row>
    <row r="13090" spans="1:10" x14ac:dyDescent="0.25">
      <c r="A13090" t="s">
        <v>8723</v>
      </c>
      <c r="B13090" t="s">
        <v>8724</v>
      </c>
      <c r="C13090" t="s">
        <v>8725</v>
      </c>
      <c r="D13090" t="s">
        <v>8466</v>
      </c>
      <c r="E13090" t="s">
        <v>13</v>
      </c>
      <c r="F13090">
        <v>992</v>
      </c>
      <c r="G13090" t="s">
        <v>8726</v>
      </c>
      <c r="H13090">
        <v>6.644053111581</v>
      </c>
      <c r="I13090">
        <v>52.576486747438999</v>
      </c>
      <c r="J13090" t="s">
        <v>68775</v>
      </c>
    </row>
    <row r="13091" spans="1:10" x14ac:dyDescent="0.25">
      <c r="A13091" t="s">
        <v>8719</v>
      </c>
      <c r="B13091" t="s">
        <v>8720</v>
      </c>
      <c r="C13091" t="s">
        <v>8721</v>
      </c>
      <c r="D13091" t="s">
        <v>8466</v>
      </c>
      <c r="E13091" t="s">
        <v>13</v>
      </c>
      <c r="F13091">
        <v>991</v>
      </c>
      <c r="G13091" t="s">
        <v>8722</v>
      </c>
      <c r="H13091">
        <v>6.6404938149769999</v>
      </c>
      <c r="I13091">
        <v>52.586109468743999</v>
      </c>
      <c r="J13091" t="s">
        <v>68776</v>
      </c>
    </row>
    <row r="13092" spans="1:10" x14ac:dyDescent="0.25">
      <c r="A13092" t="s">
        <v>8715</v>
      </c>
      <c r="B13092" t="s">
        <v>8716</v>
      </c>
      <c r="C13092" t="s">
        <v>8717</v>
      </c>
      <c r="D13092" t="s">
        <v>8466</v>
      </c>
      <c r="E13092" t="s">
        <v>13</v>
      </c>
      <c r="F13092">
        <v>990</v>
      </c>
      <c r="G13092" t="s">
        <v>8718</v>
      </c>
      <c r="H13092">
        <v>6.5934528397449998</v>
      </c>
      <c r="I13092">
        <v>52.566900770216002</v>
      </c>
      <c r="J13092" t="s">
        <v>68777</v>
      </c>
    </row>
    <row r="13093" spans="1:10" x14ac:dyDescent="0.25">
      <c r="A13093" t="s">
        <v>8711</v>
      </c>
      <c r="B13093" t="s">
        <v>8712</v>
      </c>
      <c r="C13093" t="s">
        <v>8713</v>
      </c>
      <c r="D13093" t="s">
        <v>8466</v>
      </c>
      <c r="E13093" t="s">
        <v>13</v>
      </c>
      <c r="F13093">
        <v>989</v>
      </c>
      <c r="G13093" t="s">
        <v>8714</v>
      </c>
      <c r="H13093">
        <v>6.617722009185</v>
      </c>
      <c r="I13093">
        <v>52.579260705370999</v>
      </c>
      <c r="J13093" t="s">
        <v>68778</v>
      </c>
    </row>
    <row r="13094" spans="1:10" x14ac:dyDescent="0.25">
      <c r="A13094" t="s">
        <v>8707</v>
      </c>
      <c r="B13094" t="s">
        <v>8708</v>
      </c>
      <c r="C13094" t="s">
        <v>8709</v>
      </c>
      <c r="D13094" t="s">
        <v>8466</v>
      </c>
      <c r="E13094" t="s">
        <v>13</v>
      </c>
      <c r="F13094">
        <v>988</v>
      </c>
      <c r="G13094" t="s">
        <v>8710</v>
      </c>
      <c r="H13094">
        <v>6.6061026112489998</v>
      </c>
      <c r="I13094">
        <v>52.562334007000999</v>
      </c>
      <c r="J13094" t="s">
        <v>68779</v>
      </c>
    </row>
    <row r="13095" spans="1:10" x14ac:dyDescent="0.25">
      <c r="A13095" t="s">
        <v>8703</v>
      </c>
      <c r="B13095" t="s">
        <v>8704</v>
      </c>
      <c r="C13095" t="s">
        <v>8705</v>
      </c>
      <c r="D13095" t="s">
        <v>8466</v>
      </c>
      <c r="E13095" t="s">
        <v>13</v>
      </c>
      <c r="F13095">
        <v>987</v>
      </c>
      <c r="G13095" t="s">
        <v>8706</v>
      </c>
      <c r="H13095">
        <v>6.6352712070650002</v>
      </c>
      <c r="I13095">
        <v>52.559114072477001</v>
      </c>
      <c r="J13095" t="s">
        <v>68780</v>
      </c>
    </row>
    <row r="13096" spans="1:10" x14ac:dyDescent="0.25">
      <c r="A13096" t="s">
        <v>8699</v>
      </c>
      <c r="B13096" t="s">
        <v>8700</v>
      </c>
      <c r="C13096" t="s">
        <v>8701</v>
      </c>
      <c r="D13096" t="s">
        <v>8466</v>
      </c>
      <c r="E13096" t="s">
        <v>13</v>
      </c>
      <c r="F13096">
        <v>986</v>
      </c>
      <c r="G13096" t="s">
        <v>8702</v>
      </c>
      <c r="H13096">
        <v>6.6249910316619998</v>
      </c>
      <c r="I13096">
        <v>52.574633630230998</v>
      </c>
      <c r="J13096" t="s">
        <v>68781</v>
      </c>
    </row>
    <row r="13097" spans="1:10" x14ac:dyDescent="0.25">
      <c r="A13097" t="s">
        <v>8695</v>
      </c>
      <c r="B13097" t="s">
        <v>8696</v>
      </c>
      <c r="C13097" t="s">
        <v>8697</v>
      </c>
      <c r="D13097" t="s">
        <v>8466</v>
      </c>
      <c r="E13097" t="s">
        <v>13</v>
      </c>
      <c r="F13097">
        <v>985</v>
      </c>
      <c r="G13097" t="s">
        <v>8698</v>
      </c>
      <c r="H13097">
        <v>6.6759961020620002</v>
      </c>
      <c r="I13097">
        <v>52.557642024499003</v>
      </c>
      <c r="J13097" t="s">
        <v>68782</v>
      </c>
    </row>
    <row r="13098" spans="1:10" x14ac:dyDescent="0.25">
      <c r="A13098" t="s">
        <v>8691</v>
      </c>
      <c r="B13098" t="s">
        <v>8692</v>
      </c>
      <c r="C13098" t="s">
        <v>8693</v>
      </c>
      <c r="D13098" t="s">
        <v>8466</v>
      </c>
      <c r="E13098" t="s">
        <v>13</v>
      </c>
      <c r="F13098">
        <v>984</v>
      </c>
      <c r="G13098" t="s">
        <v>8694</v>
      </c>
      <c r="H13098">
        <v>6.5313174659350004</v>
      </c>
      <c r="I13098">
        <v>52.629432975409003</v>
      </c>
      <c r="J13098" t="s">
        <v>68783</v>
      </c>
    </row>
    <row r="13099" spans="1:10" x14ac:dyDescent="0.25">
      <c r="A13099" t="s">
        <v>8687</v>
      </c>
      <c r="B13099" t="s">
        <v>8688</v>
      </c>
      <c r="C13099" t="s">
        <v>8689</v>
      </c>
      <c r="D13099" t="s">
        <v>8466</v>
      </c>
      <c r="E13099" t="s">
        <v>13</v>
      </c>
      <c r="F13099">
        <v>983</v>
      </c>
      <c r="G13099" t="s">
        <v>8690</v>
      </c>
      <c r="H13099">
        <v>6.5696579880739998</v>
      </c>
      <c r="I13099">
        <v>52.632288939144999</v>
      </c>
      <c r="J13099" t="s">
        <v>68784</v>
      </c>
    </row>
    <row r="13100" spans="1:10" x14ac:dyDescent="0.25">
      <c r="A13100" t="s">
        <v>8683</v>
      </c>
      <c r="B13100" t="s">
        <v>8684</v>
      </c>
      <c r="C13100" t="s">
        <v>8685</v>
      </c>
      <c r="D13100" t="s">
        <v>8466</v>
      </c>
      <c r="E13100" t="s">
        <v>13</v>
      </c>
      <c r="F13100">
        <v>982</v>
      </c>
      <c r="G13100" t="s">
        <v>8686</v>
      </c>
      <c r="H13100">
        <v>6.5368786136620001</v>
      </c>
      <c r="I13100">
        <v>52.637503532242</v>
      </c>
      <c r="J13100" t="s">
        <v>68785</v>
      </c>
    </row>
    <row r="13101" spans="1:10" x14ac:dyDescent="0.25">
      <c r="A13101" t="s">
        <v>8679</v>
      </c>
      <c r="B13101" t="s">
        <v>8680</v>
      </c>
      <c r="C13101" t="s">
        <v>8681</v>
      </c>
      <c r="D13101" t="s">
        <v>8466</v>
      </c>
      <c r="E13101" t="s">
        <v>13</v>
      </c>
      <c r="F13101">
        <v>981</v>
      </c>
      <c r="G13101" t="s">
        <v>8682</v>
      </c>
      <c r="H13101">
        <v>6.5545402102160004</v>
      </c>
      <c r="I13101">
        <v>52.627558884743998</v>
      </c>
      <c r="J13101" t="s">
        <v>68786</v>
      </c>
    </row>
    <row r="13102" spans="1:10" x14ac:dyDescent="0.25">
      <c r="A13102" t="s">
        <v>8675</v>
      </c>
      <c r="B13102" t="s">
        <v>8676</v>
      </c>
      <c r="C13102" t="s">
        <v>8677</v>
      </c>
      <c r="D13102" t="s">
        <v>8466</v>
      </c>
      <c r="E13102" t="s">
        <v>13</v>
      </c>
      <c r="F13102">
        <v>980</v>
      </c>
      <c r="G13102" t="s">
        <v>8678</v>
      </c>
      <c r="H13102">
        <v>6.625716624931</v>
      </c>
      <c r="I13102">
        <v>52.487841920906</v>
      </c>
      <c r="J13102" t="s">
        <v>68787</v>
      </c>
    </row>
    <row r="13103" spans="1:10" x14ac:dyDescent="0.25">
      <c r="A13103" t="s">
        <v>8671</v>
      </c>
      <c r="B13103" t="s">
        <v>8672</v>
      </c>
      <c r="C13103" t="s">
        <v>8673</v>
      </c>
      <c r="D13103" t="s">
        <v>8466</v>
      </c>
      <c r="E13103" t="s">
        <v>13</v>
      </c>
      <c r="F13103">
        <v>979</v>
      </c>
      <c r="G13103" t="s">
        <v>8674</v>
      </c>
      <c r="H13103">
        <v>6.6381129624800002</v>
      </c>
      <c r="I13103">
        <v>52.483148258466002</v>
      </c>
      <c r="J13103" t="s">
        <v>68788</v>
      </c>
    </row>
    <row r="13104" spans="1:10" x14ac:dyDescent="0.25">
      <c r="A13104" t="s">
        <v>8667</v>
      </c>
      <c r="B13104" t="s">
        <v>8668</v>
      </c>
      <c r="C13104" t="s">
        <v>8669</v>
      </c>
      <c r="D13104" t="s">
        <v>8466</v>
      </c>
      <c r="E13104" t="s">
        <v>13</v>
      </c>
      <c r="F13104">
        <v>978</v>
      </c>
      <c r="G13104" t="s">
        <v>8670</v>
      </c>
      <c r="H13104">
        <v>6.5614150322120004</v>
      </c>
      <c r="I13104">
        <v>52.653657370220998</v>
      </c>
      <c r="J13104" t="s">
        <v>68789</v>
      </c>
    </row>
    <row r="13105" spans="1:10" x14ac:dyDescent="0.25">
      <c r="A13105" t="s">
        <v>8663</v>
      </c>
      <c r="B13105" t="s">
        <v>8664</v>
      </c>
      <c r="C13105" t="s">
        <v>8665</v>
      </c>
      <c r="D13105" t="s">
        <v>8466</v>
      </c>
      <c r="E13105" t="s">
        <v>13</v>
      </c>
      <c r="F13105">
        <v>977</v>
      </c>
      <c r="G13105" t="s">
        <v>8666</v>
      </c>
      <c r="H13105">
        <v>6.5501580623019997</v>
      </c>
      <c r="I13105">
        <v>52.643565256968003</v>
      </c>
      <c r="J13105" t="s">
        <v>68790</v>
      </c>
    </row>
    <row r="13106" spans="1:10" x14ac:dyDescent="0.25">
      <c r="A13106" t="s">
        <v>8659</v>
      </c>
      <c r="B13106" t="s">
        <v>8660</v>
      </c>
      <c r="C13106" t="s">
        <v>8661</v>
      </c>
      <c r="D13106" t="s">
        <v>8466</v>
      </c>
      <c r="E13106" t="s">
        <v>13</v>
      </c>
      <c r="F13106">
        <v>976</v>
      </c>
      <c r="G13106" t="s">
        <v>8662</v>
      </c>
      <c r="H13106">
        <v>6.5395641091490004</v>
      </c>
      <c r="I13106">
        <v>52.571207065240998</v>
      </c>
      <c r="J13106" t="s">
        <v>68791</v>
      </c>
    </row>
    <row r="13107" spans="1:10" x14ac:dyDescent="0.25">
      <c r="A13107" t="s">
        <v>8655</v>
      </c>
      <c r="B13107" t="s">
        <v>8656</v>
      </c>
      <c r="C13107" t="s">
        <v>8657</v>
      </c>
      <c r="D13107" t="s">
        <v>8466</v>
      </c>
      <c r="E13107" t="s">
        <v>13</v>
      </c>
      <c r="F13107">
        <v>975</v>
      </c>
      <c r="G13107" t="s">
        <v>8658</v>
      </c>
      <c r="H13107">
        <v>6.5760470803080002</v>
      </c>
      <c r="I13107">
        <v>52.549512265247003</v>
      </c>
      <c r="J13107" t="s">
        <v>68792</v>
      </c>
    </row>
    <row r="13108" spans="1:10" x14ac:dyDescent="0.25">
      <c r="A13108" t="s">
        <v>8651</v>
      </c>
      <c r="B13108" t="s">
        <v>8652</v>
      </c>
      <c r="C13108" t="s">
        <v>8653</v>
      </c>
      <c r="D13108" t="s">
        <v>8466</v>
      </c>
      <c r="E13108" t="s">
        <v>13</v>
      </c>
      <c r="F13108">
        <v>974</v>
      </c>
      <c r="G13108" t="s">
        <v>8654</v>
      </c>
      <c r="H13108">
        <v>6.7141273516839997</v>
      </c>
      <c r="I13108">
        <v>52.569392313172003</v>
      </c>
      <c r="J13108" t="s">
        <v>68793</v>
      </c>
    </row>
    <row r="13109" spans="1:10" x14ac:dyDescent="0.25">
      <c r="A13109" t="s">
        <v>8647</v>
      </c>
      <c r="B13109" t="s">
        <v>8648</v>
      </c>
      <c r="C13109" t="s">
        <v>8649</v>
      </c>
      <c r="D13109" t="s">
        <v>8466</v>
      </c>
      <c r="E13109" t="s">
        <v>13</v>
      </c>
      <c r="F13109">
        <v>973</v>
      </c>
      <c r="G13109" t="s">
        <v>8650</v>
      </c>
      <c r="H13109">
        <v>6.5819330088649997</v>
      </c>
      <c r="I13109">
        <v>52.510136760480997</v>
      </c>
      <c r="J13109" t="s">
        <v>68794</v>
      </c>
    </row>
    <row r="13110" spans="1:10" x14ac:dyDescent="0.25">
      <c r="A13110" t="s">
        <v>8643</v>
      </c>
      <c r="B13110" t="s">
        <v>8644</v>
      </c>
      <c r="C13110" t="s">
        <v>8645</v>
      </c>
      <c r="D13110" t="s">
        <v>8466</v>
      </c>
      <c r="E13110" t="s">
        <v>13</v>
      </c>
      <c r="F13110">
        <v>972</v>
      </c>
      <c r="G13110" t="s">
        <v>8646</v>
      </c>
      <c r="H13110">
        <v>6.5745684848210004</v>
      </c>
      <c r="I13110">
        <v>52.511638097841001</v>
      </c>
      <c r="J13110" t="s">
        <v>68795</v>
      </c>
    </row>
    <row r="13111" spans="1:10" x14ac:dyDescent="0.25">
      <c r="A13111" t="s">
        <v>8639</v>
      </c>
      <c r="B13111" t="s">
        <v>8640</v>
      </c>
      <c r="C13111" t="s">
        <v>8641</v>
      </c>
      <c r="D13111" t="s">
        <v>8466</v>
      </c>
      <c r="E13111" t="s">
        <v>13</v>
      </c>
      <c r="F13111">
        <v>971</v>
      </c>
      <c r="G13111" t="s">
        <v>8642</v>
      </c>
      <c r="H13111">
        <v>6.6002296875340001</v>
      </c>
      <c r="I13111">
        <v>52.624035763647001</v>
      </c>
      <c r="J13111" t="s">
        <v>68796</v>
      </c>
    </row>
    <row r="13112" spans="1:10" x14ac:dyDescent="0.25">
      <c r="A13112" t="s">
        <v>8635</v>
      </c>
      <c r="B13112" t="s">
        <v>8636</v>
      </c>
      <c r="C13112" t="s">
        <v>8637</v>
      </c>
      <c r="D13112" t="s">
        <v>8466</v>
      </c>
      <c r="E13112" t="s">
        <v>13</v>
      </c>
      <c r="F13112">
        <v>970</v>
      </c>
      <c r="G13112" t="s">
        <v>8638</v>
      </c>
      <c r="H13112">
        <v>6.5914199488060001</v>
      </c>
      <c r="I13112">
        <v>52.610565308010997</v>
      </c>
      <c r="J13112" t="s">
        <v>68797</v>
      </c>
    </row>
    <row r="13113" spans="1:10" x14ac:dyDescent="0.25">
      <c r="A13113" t="s">
        <v>8631</v>
      </c>
      <c r="B13113" t="s">
        <v>8632</v>
      </c>
      <c r="C13113" t="s">
        <v>8633</v>
      </c>
      <c r="D13113" t="s">
        <v>8466</v>
      </c>
      <c r="E13113" t="s">
        <v>13</v>
      </c>
      <c r="F13113">
        <v>969</v>
      </c>
      <c r="G13113" t="s">
        <v>8634</v>
      </c>
      <c r="H13113">
        <v>6.5502813786890002</v>
      </c>
      <c r="I13113">
        <v>52.610836597057997</v>
      </c>
      <c r="J13113" t="s">
        <v>68798</v>
      </c>
    </row>
    <row r="13114" spans="1:10" x14ac:dyDescent="0.25">
      <c r="A13114" t="s">
        <v>8627</v>
      </c>
      <c r="B13114" t="s">
        <v>8628</v>
      </c>
      <c r="C13114" t="s">
        <v>8629</v>
      </c>
      <c r="D13114" t="s">
        <v>8466</v>
      </c>
      <c r="E13114" t="s">
        <v>13</v>
      </c>
      <c r="F13114">
        <v>968</v>
      </c>
      <c r="G13114" t="s">
        <v>8630</v>
      </c>
      <c r="H13114">
        <v>6.5758687643110001</v>
      </c>
      <c r="I13114">
        <v>52.612053614750998</v>
      </c>
      <c r="J13114" t="s">
        <v>68799</v>
      </c>
    </row>
    <row r="13115" spans="1:10" x14ac:dyDescent="0.25">
      <c r="A13115" t="s">
        <v>8623</v>
      </c>
      <c r="B13115" t="s">
        <v>8624</v>
      </c>
      <c r="C13115" t="s">
        <v>8625</v>
      </c>
      <c r="D13115" t="s">
        <v>8466</v>
      </c>
      <c r="E13115" t="s">
        <v>13</v>
      </c>
      <c r="F13115">
        <v>967</v>
      </c>
      <c r="G13115" t="s">
        <v>8626</v>
      </c>
      <c r="H13115">
        <v>6.6713312195569996</v>
      </c>
      <c r="I13115">
        <v>52.588915667757</v>
      </c>
      <c r="J13115" t="s">
        <v>68800</v>
      </c>
    </row>
    <row r="13116" spans="1:10" x14ac:dyDescent="0.25">
      <c r="A13116" t="s">
        <v>8619</v>
      </c>
      <c r="B13116" t="s">
        <v>8620</v>
      </c>
      <c r="C13116" t="s">
        <v>8621</v>
      </c>
      <c r="D13116" t="s">
        <v>8466</v>
      </c>
      <c r="E13116" t="s">
        <v>13</v>
      </c>
      <c r="F13116">
        <v>966</v>
      </c>
      <c r="G13116" t="s">
        <v>8622</v>
      </c>
      <c r="H13116">
        <v>6.6845876225999996</v>
      </c>
      <c r="I13116">
        <v>52.508217120738998</v>
      </c>
      <c r="J13116" t="s">
        <v>68801</v>
      </c>
    </row>
    <row r="13117" spans="1:10" x14ac:dyDescent="0.25">
      <c r="A13117" t="s">
        <v>8615</v>
      </c>
      <c r="B13117" t="s">
        <v>8616</v>
      </c>
      <c r="C13117" t="s">
        <v>8617</v>
      </c>
      <c r="D13117" t="s">
        <v>8466</v>
      </c>
      <c r="E13117" t="s">
        <v>13</v>
      </c>
      <c r="F13117">
        <v>965</v>
      </c>
      <c r="G13117" t="s">
        <v>8618</v>
      </c>
      <c r="H13117">
        <v>6.6689116512449997</v>
      </c>
      <c r="I13117">
        <v>52.497122689119003</v>
      </c>
      <c r="J13117" t="s">
        <v>68802</v>
      </c>
    </row>
    <row r="13118" spans="1:10" x14ac:dyDescent="0.25">
      <c r="A13118" t="s">
        <v>8611</v>
      </c>
      <c r="B13118" t="s">
        <v>8612</v>
      </c>
      <c r="C13118" t="s">
        <v>8613</v>
      </c>
      <c r="D13118" t="s">
        <v>8466</v>
      </c>
      <c r="E13118" t="s">
        <v>13</v>
      </c>
      <c r="F13118">
        <v>964</v>
      </c>
      <c r="G13118" t="s">
        <v>8614</v>
      </c>
      <c r="H13118">
        <v>6.6599239001460004</v>
      </c>
      <c r="I13118">
        <v>52.568501082602999</v>
      </c>
      <c r="J13118" t="s">
        <v>68803</v>
      </c>
    </row>
    <row r="13119" spans="1:10" x14ac:dyDescent="0.25">
      <c r="A13119" t="s">
        <v>8607</v>
      </c>
      <c r="B13119" t="s">
        <v>8608</v>
      </c>
      <c r="C13119" t="s">
        <v>8609</v>
      </c>
      <c r="D13119" t="s">
        <v>8466</v>
      </c>
      <c r="E13119" t="s">
        <v>13</v>
      </c>
      <c r="F13119">
        <v>963</v>
      </c>
      <c r="G13119" t="s">
        <v>8610</v>
      </c>
      <c r="H13119">
        <v>6.6823132066150004</v>
      </c>
      <c r="I13119">
        <v>52.636148165423002</v>
      </c>
      <c r="J13119" t="s">
        <v>68804</v>
      </c>
    </row>
    <row r="13120" spans="1:10" x14ac:dyDescent="0.25">
      <c r="A13120" t="s">
        <v>8603</v>
      </c>
      <c r="B13120" t="s">
        <v>8604</v>
      </c>
      <c r="C13120" t="s">
        <v>8605</v>
      </c>
      <c r="D13120" t="s">
        <v>8466</v>
      </c>
      <c r="E13120" t="s">
        <v>13</v>
      </c>
      <c r="F13120">
        <v>962</v>
      </c>
      <c r="G13120" t="s">
        <v>8606</v>
      </c>
      <c r="H13120">
        <v>6.7089850647759999</v>
      </c>
      <c r="I13120">
        <v>52.612265026875001</v>
      </c>
      <c r="J13120" t="s">
        <v>68805</v>
      </c>
    </row>
    <row r="13121" spans="1:10" x14ac:dyDescent="0.25">
      <c r="A13121" t="s">
        <v>8599</v>
      </c>
      <c r="B13121" t="s">
        <v>8600</v>
      </c>
      <c r="C13121" t="s">
        <v>8601</v>
      </c>
      <c r="D13121" t="s">
        <v>8466</v>
      </c>
      <c r="E13121" t="s">
        <v>13</v>
      </c>
      <c r="F13121">
        <v>961</v>
      </c>
      <c r="G13121" t="s">
        <v>8602</v>
      </c>
      <c r="H13121">
        <v>6.5641150891490003</v>
      </c>
      <c r="I13121">
        <v>52.587572592511997</v>
      </c>
      <c r="J13121" t="s">
        <v>68806</v>
      </c>
    </row>
    <row r="13122" spans="1:10" x14ac:dyDescent="0.25">
      <c r="A13122" t="s">
        <v>8595</v>
      </c>
      <c r="B13122" t="s">
        <v>8596</v>
      </c>
      <c r="C13122" t="s">
        <v>8597</v>
      </c>
      <c r="D13122" t="s">
        <v>8466</v>
      </c>
      <c r="E13122" t="s">
        <v>13</v>
      </c>
      <c r="F13122">
        <v>960</v>
      </c>
      <c r="G13122" t="s">
        <v>8598</v>
      </c>
      <c r="H13122">
        <v>6.6679542476030003</v>
      </c>
      <c r="I13122">
        <v>52.604217409865001</v>
      </c>
      <c r="J13122" t="s">
        <v>68807</v>
      </c>
    </row>
    <row r="13123" spans="1:10" x14ac:dyDescent="0.25">
      <c r="A13123" t="s">
        <v>8591</v>
      </c>
      <c r="B13123" t="s">
        <v>8592</v>
      </c>
      <c r="C13123" t="s">
        <v>8593</v>
      </c>
      <c r="D13123" t="s">
        <v>8466</v>
      </c>
      <c r="E13123" t="s">
        <v>13</v>
      </c>
      <c r="F13123">
        <v>959</v>
      </c>
      <c r="G13123" t="s">
        <v>8594</v>
      </c>
      <c r="H13123">
        <v>6.6735486589050002</v>
      </c>
      <c r="I13123">
        <v>52.609491233428997</v>
      </c>
      <c r="J13123" t="s">
        <v>68808</v>
      </c>
    </row>
    <row r="13124" spans="1:10" x14ac:dyDescent="0.25">
      <c r="A13124" t="s">
        <v>8587</v>
      </c>
      <c r="B13124" t="s">
        <v>8588</v>
      </c>
      <c r="C13124" t="s">
        <v>8589</v>
      </c>
      <c r="D13124" t="s">
        <v>8466</v>
      </c>
      <c r="E13124" t="s">
        <v>13</v>
      </c>
      <c r="F13124">
        <v>958</v>
      </c>
      <c r="G13124" t="s">
        <v>8590</v>
      </c>
      <c r="H13124">
        <v>6.5499939354109999</v>
      </c>
      <c r="I13124">
        <v>52.535630476161003</v>
      </c>
      <c r="J13124" t="s">
        <v>68809</v>
      </c>
    </row>
    <row r="13125" spans="1:10" x14ac:dyDescent="0.25">
      <c r="A13125" t="s">
        <v>8583</v>
      </c>
      <c r="B13125" t="s">
        <v>8584</v>
      </c>
      <c r="C13125" t="s">
        <v>8585</v>
      </c>
      <c r="D13125" t="s">
        <v>8466</v>
      </c>
      <c r="E13125" t="s">
        <v>13</v>
      </c>
      <c r="F13125">
        <v>957</v>
      </c>
      <c r="G13125" t="s">
        <v>8586</v>
      </c>
      <c r="H13125">
        <v>6.7025467888680001</v>
      </c>
      <c r="I13125">
        <v>52.593985804939003</v>
      </c>
      <c r="J13125" t="s">
        <v>68810</v>
      </c>
    </row>
    <row r="13126" spans="1:10" x14ac:dyDescent="0.25">
      <c r="A13126" t="s">
        <v>8579</v>
      </c>
      <c r="B13126" t="s">
        <v>8580</v>
      </c>
      <c r="C13126" t="s">
        <v>8581</v>
      </c>
      <c r="D13126" t="s">
        <v>8466</v>
      </c>
      <c r="E13126" t="s">
        <v>13</v>
      </c>
      <c r="F13126">
        <v>956</v>
      </c>
      <c r="G13126" t="s">
        <v>8582</v>
      </c>
      <c r="H13126">
        <v>6.4656406184059998</v>
      </c>
      <c r="I13126">
        <v>52.61333874396</v>
      </c>
      <c r="J13126" t="s">
        <v>68811</v>
      </c>
    </row>
    <row r="13127" spans="1:10" x14ac:dyDescent="0.25">
      <c r="A13127" t="s">
        <v>8575</v>
      </c>
      <c r="B13127" t="s">
        <v>8576</v>
      </c>
      <c r="C13127" t="s">
        <v>8577</v>
      </c>
      <c r="D13127" t="s">
        <v>8466</v>
      </c>
      <c r="E13127" t="s">
        <v>13</v>
      </c>
      <c r="F13127">
        <v>955</v>
      </c>
      <c r="G13127" t="s">
        <v>8578</v>
      </c>
      <c r="H13127">
        <v>6.4350310474360004</v>
      </c>
      <c r="I13127">
        <v>52.588396678990001</v>
      </c>
      <c r="J13127" t="s">
        <v>68812</v>
      </c>
    </row>
    <row r="13128" spans="1:10" x14ac:dyDescent="0.25">
      <c r="A13128" t="s">
        <v>8571</v>
      </c>
      <c r="B13128" t="s">
        <v>8572</v>
      </c>
      <c r="C13128" t="s">
        <v>8573</v>
      </c>
      <c r="D13128" t="s">
        <v>8466</v>
      </c>
      <c r="E13128" t="s">
        <v>13</v>
      </c>
      <c r="F13128">
        <v>954</v>
      </c>
      <c r="G13128" t="s">
        <v>8574</v>
      </c>
      <c r="H13128">
        <v>6.4801591771510001</v>
      </c>
      <c r="I13128">
        <v>52.581957692071001</v>
      </c>
      <c r="J13128" t="s">
        <v>68813</v>
      </c>
    </row>
    <row r="13129" spans="1:10" x14ac:dyDescent="0.25">
      <c r="A13129" t="s">
        <v>8567</v>
      </c>
      <c r="B13129" t="s">
        <v>8568</v>
      </c>
      <c r="C13129" t="s">
        <v>8569</v>
      </c>
      <c r="D13129" t="s">
        <v>8466</v>
      </c>
      <c r="E13129" t="s">
        <v>13</v>
      </c>
      <c r="F13129">
        <v>953</v>
      </c>
      <c r="G13129" t="s">
        <v>8570</v>
      </c>
      <c r="H13129">
        <v>6.517427038948</v>
      </c>
      <c r="I13129">
        <v>52.596896573262001</v>
      </c>
      <c r="J13129" t="s">
        <v>68814</v>
      </c>
    </row>
    <row r="13130" spans="1:10" x14ac:dyDescent="0.25">
      <c r="A13130" t="s">
        <v>8563</v>
      </c>
      <c r="B13130" t="s">
        <v>8564</v>
      </c>
      <c r="C13130" t="s">
        <v>8565</v>
      </c>
      <c r="D13130" t="s">
        <v>8466</v>
      </c>
      <c r="E13130" t="s">
        <v>13</v>
      </c>
      <c r="F13130">
        <v>952</v>
      </c>
      <c r="G13130" t="s">
        <v>8566</v>
      </c>
      <c r="H13130">
        <v>6.4863053600859999</v>
      </c>
      <c r="I13130">
        <v>52.601953197336002</v>
      </c>
      <c r="J13130" t="s">
        <v>68815</v>
      </c>
    </row>
    <row r="13131" spans="1:10" x14ac:dyDescent="0.25">
      <c r="A13131" t="s">
        <v>8559</v>
      </c>
      <c r="B13131" t="s">
        <v>8560</v>
      </c>
      <c r="C13131" t="s">
        <v>8561</v>
      </c>
      <c r="D13131" t="s">
        <v>8466</v>
      </c>
      <c r="E13131" t="s">
        <v>13</v>
      </c>
      <c r="F13131">
        <v>951</v>
      </c>
      <c r="G13131" t="s">
        <v>8562</v>
      </c>
      <c r="H13131">
        <v>6.506340641744</v>
      </c>
      <c r="I13131">
        <v>52.609393558179001</v>
      </c>
      <c r="J13131" t="s">
        <v>68816</v>
      </c>
    </row>
    <row r="13132" spans="1:10" x14ac:dyDescent="0.25">
      <c r="A13132" t="s">
        <v>8555</v>
      </c>
      <c r="B13132" t="s">
        <v>8556</v>
      </c>
      <c r="C13132" t="s">
        <v>8557</v>
      </c>
      <c r="D13132" t="s">
        <v>8466</v>
      </c>
      <c r="E13132" t="s">
        <v>13</v>
      </c>
      <c r="F13132">
        <v>950</v>
      </c>
      <c r="G13132" t="s">
        <v>8558</v>
      </c>
      <c r="H13132">
        <v>6.4668993055300001</v>
      </c>
      <c r="I13132">
        <v>52.595051273442003</v>
      </c>
      <c r="J13132" t="s">
        <v>68817</v>
      </c>
    </row>
    <row r="13133" spans="1:10" x14ac:dyDescent="0.25">
      <c r="A13133" t="s">
        <v>8551</v>
      </c>
      <c r="B13133" t="s">
        <v>8552</v>
      </c>
      <c r="C13133" t="s">
        <v>8553</v>
      </c>
      <c r="D13133" t="s">
        <v>8466</v>
      </c>
      <c r="E13133" t="s">
        <v>13</v>
      </c>
      <c r="F13133">
        <v>949</v>
      </c>
      <c r="G13133" t="s">
        <v>8554</v>
      </c>
      <c r="H13133">
        <v>6.4531096703920001</v>
      </c>
      <c r="I13133">
        <v>52.592520220292002</v>
      </c>
      <c r="J13133" t="s">
        <v>68818</v>
      </c>
    </row>
    <row r="13134" spans="1:10" x14ac:dyDescent="0.25">
      <c r="A13134" t="s">
        <v>8547</v>
      </c>
      <c r="B13134" t="s">
        <v>8548</v>
      </c>
      <c r="C13134" t="s">
        <v>8549</v>
      </c>
      <c r="D13134" t="s">
        <v>8466</v>
      </c>
      <c r="E13134" t="s">
        <v>13</v>
      </c>
      <c r="F13134">
        <v>948</v>
      </c>
      <c r="G13134" t="s">
        <v>8550</v>
      </c>
      <c r="H13134">
        <v>6.4638831851100003</v>
      </c>
      <c r="I13134">
        <v>52.604496935290001</v>
      </c>
      <c r="J13134" t="s">
        <v>68819</v>
      </c>
    </row>
    <row r="13135" spans="1:10" x14ac:dyDescent="0.25">
      <c r="A13135" t="s">
        <v>8544</v>
      </c>
      <c r="B13135" t="s">
        <v>8545</v>
      </c>
      <c r="C13135" t="s">
        <v>7092</v>
      </c>
      <c r="D13135" t="s">
        <v>8466</v>
      </c>
      <c r="E13135" t="s">
        <v>13</v>
      </c>
      <c r="F13135">
        <v>947</v>
      </c>
      <c r="G13135" t="s">
        <v>8546</v>
      </c>
      <c r="H13135">
        <v>6.6129659991159997</v>
      </c>
      <c r="I13135">
        <v>52.663412301016997</v>
      </c>
      <c r="J13135" t="s">
        <v>68820</v>
      </c>
    </row>
    <row r="13136" spans="1:10" x14ac:dyDescent="0.25">
      <c r="A13136" t="s">
        <v>8540</v>
      </c>
      <c r="B13136" t="s">
        <v>8541</v>
      </c>
      <c r="C13136" t="s">
        <v>8542</v>
      </c>
      <c r="D13136" t="s">
        <v>8466</v>
      </c>
      <c r="E13136" t="s">
        <v>13</v>
      </c>
      <c r="F13136">
        <v>946</v>
      </c>
      <c r="G13136" t="s">
        <v>8543</v>
      </c>
      <c r="H13136">
        <v>6.6488361042279998</v>
      </c>
      <c r="I13136">
        <v>52.651661831261002</v>
      </c>
      <c r="J13136" t="s">
        <v>68821</v>
      </c>
    </row>
    <row r="13137" spans="1:10" x14ac:dyDescent="0.25">
      <c r="A13137" t="s">
        <v>8536</v>
      </c>
      <c r="B13137" t="s">
        <v>8537</v>
      </c>
      <c r="C13137" t="s">
        <v>8538</v>
      </c>
      <c r="D13137" t="s">
        <v>8466</v>
      </c>
      <c r="E13137" t="s">
        <v>13</v>
      </c>
      <c r="F13137">
        <v>945</v>
      </c>
      <c r="G13137" t="s">
        <v>8539</v>
      </c>
      <c r="H13137">
        <v>6.6208266537240004</v>
      </c>
      <c r="I13137">
        <v>52.646698087299001</v>
      </c>
      <c r="J13137" t="s">
        <v>68822</v>
      </c>
    </row>
    <row r="13138" spans="1:10" x14ac:dyDescent="0.25">
      <c r="A13138" t="s">
        <v>8532</v>
      </c>
      <c r="B13138" t="s">
        <v>8533</v>
      </c>
      <c r="C13138" t="s">
        <v>8534</v>
      </c>
      <c r="D13138" t="s">
        <v>8466</v>
      </c>
      <c r="E13138" t="s">
        <v>13</v>
      </c>
      <c r="F13138">
        <v>944</v>
      </c>
      <c r="G13138" t="s">
        <v>8535</v>
      </c>
      <c r="H13138">
        <v>6.6280217388939997</v>
      </c>
      <c r="I13138">
        <v>52.652251444158999</v>
      </c>
      <c r="J13138" t="s">
        <v>68823</v>
      </c>
    </row>
    <row r="13139" spans="1:10" x14ac:dyDescent="0.25">
      <c r="A13139" t="s">
        <v>8528</v>
      </c>
      <c r="B13139" t="s">
        <v>8529</v>
      </c>
      <c r="C13139" t="s">
        <v>8530</v>
      </c>
      <c r="D13139" t="s">
        <v>8466</v>
      </c>
      <c r="E13139" t="s">
        <v>13</v>
      </c>
      <c r="F13139">
        <v>943</v>
      </c>
      <c r="G13139" t="s">
        <v>8531</v>
      </c>
      <c r="H13139">
        <v>6.5957694107469997</v>
      </c>
      <c r="I13139">
        <v>52.642378193200997</v>
      </c>
      <c r="J13139" t="s">
        <v>68824</v>
      </c>
    </row>
    <row r="13140" spans="1:10" x14ac:dyDescent="0.25">
      <c r="A13140" t="s">
        <v>8524</v>
      </c>
      <c r="B13140" t="s">
        <v>8525</v>
      </c>
      <c r="C13140" t="s">
        <v>8526</v>
      </c>
      <c r="D13140" t="s">
        <v>8466</v>
      </c>
      <c r="E13140" t="s">
        <v>13</v>
      </c>
      <c r="F13140">
        <v>942</v>
      </c>
      <c r="G13140" t="s">
        <v>8527</v>
      </c>
      <c r="H13140">
        <v>6.5946490301500003</v>
      </c>
      <c r="I13140">
        <v>52.596291908919</v>
      </c>
      <c r="J13140" t="s">
        <v>68825</v>
      </c>
    </row>
    <row r="13141" spans="1:10" x14ac:dyDescent="0.25">
      <c r="A13141" t="s">
        <v>8520</v>
      </c>
      <c r="B13141" t="s">
        <v>8521</v>
      </c>
      <c r="C13141" t="s">
        <v>8522</v>
      </c>
      <c r="D13141" t="s">
        <v>8466</v>
      </c>
      <c r="E13141" t="s">
        <v>13</v>
      </c>
      <c r="F13141">
        <v>941</v>
      </c>
      <c r="G13141" t="s">
        <v>8523</v>
      </c>
      <c r="H13141">
        <v>6.6154384967290003</v>
      </c>
      <c r="I13141">
        <v>52.546615786518998</v>
      </c>
      <c r="J13141" t="s">
        <v>68826</v>
      </c>
    </row>
    <row r="13142" spans="1:10" x14ac:dyDescent="0.25">
      <c r="A13142" t="s">
        <v>8516</v>
      </c>
      <c r="B13142" t="s">
        <v>8517</v>
      </c>
      <c r="C13142" t="s">
        <v>8518</v>
      </c>
      <c r="D13142" t="s">
        <v>8466</v>
      </c>
      <c r="E13142" t="s">
        <v>13</v>
      </c>
      <c r="F13142">
        <v>940</v>
      </c>
      <c r="G13142" t="s">
        <v>8519</v>
      </c>
      <c r="H13142">
        <v>6.5943406223089998</v>
      </c>
      <c r="I13142">
        <v>52.526336039263001</v>
      </c>
      <c r="J13142" t="s">
        <v>68827</v>
      </c>
    </row>
    <row r="13143" spans="1:10" x14ac:dyDescent="0.25">
      <c r="A13143" t="s">
        <v>8512</v>
      </c>
      <c r="B13143" t="s">
        <v>8513</v>
      </c>
      <c r="C13143" t="s">
        <v>8514</v>
      </c>
      <c r="D13143" t="s">
        <v>8466</v>
      </c>
      <c r="E13143" t="s">
        <v>13</v>
      </c>
      <c r="F13143">
        <v>939</v>
      </c>
      <c r="G13143" t="s">
        <v>8515</v>
      </c>
      <c r="H13143">
        <v>6.63540742029</v>
      </c>
      <c r="I13143">
        <v>52.515015898710999</v>
      </c>
      <c r="J13143" t="s">
        <v>68828</v>
      </c>
    </row>
    <row r="13144" spans="1:10" x14ac:dyDescent="0.25">
      <c r="A13144" t="s">
        <v>8508</v>
      </c>
      <c r="B13144" t="s">
        <v>8509</v>
      </c>
      <c r="C13144" t="s">
        <v>8510</v>
      </c>
      <c r="D13144" t="s">
        <v>8466</v>
      </c>
      <c r="E13144" t="s">
        <v>13</v>
      </c>
      <c r="F13144">
        <v>938</v>
      </c>
      <c r="G13144" t="s">
        <v>8511</v>
      </c>
      <c r="H13144">
        <v>6.6160022785379997</v>
      </c>
      <c r="I13144">
        <v>52.526045587761999</v>
      </c>
      <c r="J13144" t="s">
        <v>68829</v>
      </c>
    </row>
    <row r="13145" spans="1:10" x14ac:dyDescent="0.25">
      <c r="A13145" t="s">
        <v>8504</v>
      </c>
      <c r="B13145" t="s">
        <v>8505</v>
      </c>
      <c r="C13145" t="s">
        <v>8506</v>
      </c>
      <c r="D13145" t="s">
        <v>8466</v>
      </c>
      <c r="E13145" t="s">
        <v>13</v>
      </c>
      <c r="F13145">
        <v>937</v>
      </c>
      <c r="G13145" t="s">
        <v>8507</v>
      </c>
      <c r="H13145">
        <v>6.3379195085119999</v>
      </c>
      <c r="I13145">
        <v>52.617862830953001</v>
      </c>
      <c r="J13145" t="s">
        <v>68830</v>
      </c>
    </row>
    <row r="13146" spans="1:10" x14ac:dyDescent="0.25">
      <c r="A13146" t="s">
        <v>8500</v>
      </c>
      <c r="B13146" t="s">
        <v>8501</v>
      </c>
      <c r="C13146" t="s">
        <v>8502</v>
      </c>
      <c r="D13146" t="s">
        <v>8466</v>
      </c>
      <c r="E13146" t="s">
        <v>13</v>
      </c>
      <c r="F13146">
        <v>936</v>
      </c>
      <c r="G13146" t="s">
        <v>8503</v>
      </c>
      <c r="H13146">
        <v>6.3867406133289997</v>
      </c>
      <c r="I13146">
        <v>52.624108569096002</v>
      </c>
      <c r="J13146" t="s">
        <v>68831</v>
      </c>
    </row>
    <row r="13147" spans="1:10" x14ac:dyDescent="0.25">
      <c r="A13147" t="s">
        <v>8496</v>
      </c>
      <c r="B13147" t="s">
        <v>8497</v>
      </c>
      <c r="C13147" t="s">
        <v>8498</v>
      </c>
      <c r="D13147" t="s">
        <v>8466</v>
      </c>
      <c r="E13147" t="s">
        <v>13</v>
      </c>
      <c r="F13147">
        <v>935</v>
      </c>
      <c r="G13147" t="s">
        <v>8499</v>
      </c>
      <c r="H13147">
        <v>6.4167747541709996</v>
      </c>
      <c r="I13147">
        <v>52.584859324956</v>
      </c>
      <c r="J13147" t="s">
        <v>68832</v>
      </c>
    </row>
    <row r="13148" spans="1:10" x14ac:dyDescent="0.25">
      <c r="A13148" t="s">
        <v>8492</v>
      </c>
      <c r="B13148" t="s">
        <v>8493</v>
      </c>
      <c r="C13148" t="s">
        <v>8494</v>
      </c>
      <c r="D13148" t="s">
        <v>8466</v>
      </c>
      <c r="E13148" t="s">
        <v>13</v>
      </c>
      <c r="F13148">
        <v>934</v>
      </c>
      <c r="G13148" t="s">
        <v>8495</v>
      </c>
      <c r="H13148">
        <v>6.3557700057000002</v>
      </c>
      <c r="I13148">
        <v>52.596210739237002</v>
      </c>
      <c r="J13148" t="s">
        <v>68833</v>
      </c>
    </row>
    <row r="13149" spans="1:10" x14ac:dyDescent="0.25">
      <c r="A13149" t="s">
        <v>8488</v>
      </c>
      <c r="B13149" t="s">
        <v>8489</v>
      </c>
      <c r="C13149" t="s">
        <v>8490</v>
      </c>
      <c r="D13149" t="s">
        <v>8466</v>
      </c>
      <c r="E13149" t="s">
        <v>13</v>
      </c>
      <c r="F13149">
        <v>933</v>
      </c>
      <c r="G13149" t="s">
        <v>8491</v>
      </c>
      <c r="H13149">
        <v>6.4003630546370003</v>
      </c>
      <c r="I13149">
        <v>52.596536337658002</v>
      </c>
      <c r="J13149" t="s">
        <v>68834</v>
      </c>
    </row>
    <row r="13150" spans="1:10" x14ac:dyDescent="0.25">
      <c r="A13150" t="s">
        <v>8484</v>
      </c>
      <c r="B13150" t="s">
        <v>8485</v>
      </c>
      <c r="C13150" t="s">
        <v>8486</v>
      </c>
      <c r="D13150" t="s">
        <v>8466</v>
      </c>
      <c r="E13150" t="s">
        <v>13</v>
      </c>
      <c r="F13150">
        <v>932</v>
      </c>
      <c r="G13150" t="s">
        <v>8487</v>
      </c>
      <c r="H13150">
        <v>6.3899480303659999</v>
      </c>
      <c r="I13150">
        <v>52.603428213740997</v>
      </c>
      <c r="J13150" t="s">
        <v>68835</v>
      </c>
    </row>
    <row r="13151" spans="1:10" x14ac:dyDescent="0.25">
      <c r="A13151" t="s">
        <v>8480</v>
      </c>
      <c r="B13151" t="s">
        <v>8481</v>
      </c>
      <c r="C13151" t="s">
        <v>8482</v>
      </c>
      <c r="D13151" t="s">
        <v>8466</v>
      </c>
      <c r="E13151" t="s">
        <v>13</v>
      </c>
      <c r="F13151">
        <v>931</v>
      </c>
      <c r="G13151" t="s">
        <v>8483</v>
      </c>
      <c r="H13151">
        <v>6.3833324239750002</v>
      </c>
      <c r="I13151">
        <v>52.595469523139997</v>
      </c>
      <c r="J13151" t="s">
        <v>68836</v>
      </c>
    </row>
    <row r="13152" spans="1:10" x14ac:dyDescent="0.25">
      <c r="A13152" t="s">
        <v>8476</v>
      </c>
      <c r="B13152" t="s">
        <v>8477</v>
      </c>
      <c r="C13152" t="s">
        <v>8478</v>
      </c>
      <c r="D13152" t="s">
        <v>8466</v>
      </c>
      <c r="E13152" t="s">
        <v>13</v>
      </c>
      <c r="F13152">
        <v>930</v>
      </c>
      <c r="G13152" t="s">
        <v>8479</v>
      </c>
      <c r="H13152">
        <v>6.6397969624320003</v>
      </c>
      <c r="I13152">
        <v>52.597080188596998</v>
      </c>
      <c r="J13152" t="s">
        <v>68837</v>
      </c>
    </row>
    <row r="13153" spans="1:10" x14ac:dyDescent="0.25">
      <c r="A13153" t="s">
        <v>8472</v>
      </c>
      <c r="B13153" t="s">
        <v>8473</v>
      </c>
      <c r="C13153" t="s">
        <v>8474</v>
      </c>
      <c r="D13153" t="s">
        <v>8466</v>
      </c>
      <c r="E13153" t="s">
        <v>13</v>
      </c>
      <c r="F13153">
        <v>929</v>
      </c>
      <c r="G13153" t="s">
        <v>8475</v>
      </c>
      <c r="H13153">
        <v>6.6521516788420003</v>
      </c>
      <c r="I13153">
        <v>52.632407402776003</v>
      </c>
      <c r="J13153" t="s">
        <v>68838</v>
      </c>
    </row>
    <row r="13154" spans="1:10" x14ac:dyDescent="0.25">
      <c r="A13154" t="s">
        <v>8468</v>
      </c>
      <c r="B13154" t="s">
        <v>8469</v>
      </c>
      <c r="C13154" t="s">
        <v>8470</v>
      </c>
      <c r="D13154" t="s">
        <v>8466</v>
      </c>
      <c r="E13154" t="s">
        <v>13</v>
      </c>
      <c r="F13154">
        <v>928</v>
      </c>
      <c r="G13154" t="s">
        <v>8471</v>
      </c>
      <c r="H13154">
        <v>6.6340364511749996</v>
      </c>
      <c r="I13154">
        <v>52.613174539593999</v>
      </c>
      <c r="J13154" t="s">
        <v>68839</v>
      </c>
    </row>
    <row r="13155" spans="1:10" x14ac:dyDescent="0.25">
      <c r="A13155" t="s">
        <v>8463</v>
      </c>
      <c r="B13155" t="s">
        <v>8464</v>
      </c>
      <c r="C13155" t="s">
        <v>8465</v>
      </c>
      <c r="D13155" t="s">
        <v>8466</v>
      </c>
      <c r="E13155" t="s">
        <v>13</v>
      </c>
      <c r="F13155">
        <v>927</v>
      </c>
      <c r="G13155" t="s">
        <v>8467</v>
      </c>
      <c r="H13155">
        <v>6.6486880126500001</v>
      </c>
      <c r="I13155">
        <v>52.614343651001001</v>
      </c>
      <c r="J13155" t="s">
        <v>68840</v>
      </c>
    </row>
    <row r="13156" spans="1:10" x14ac:dyDescent="0.25">
      <c r="A13156" t="s">
        <v>8459</v>
      </c>
      <c r="B13156" t="s">
        <v>8460</v>
      </c>
      <c r="C13156" t="s">
        <v>8461</v>
      </c>
      <c r="D13156" t="s">
        <v>8349</v>
      </c>
      <c r="E13156" t="s">
        <v>13</v>
      </c>
      <c r="F13156">
        <v>926</v>
      </c>
      <c r="G13156" t="s">
        <v>8462</v>
      </c>
      <c r="H13156">
        <v>6.7398097875229999</v>
      </c>
      <c r="I13156">
        <v>52.154667060922002</v>
      </c>
      <c r="J13156" t="s">
        <v>68841</v>
      </c>
    </row>
    <row r="13157" spans="1:10" x14ac:dyDescent="0.25">
      <c r="A13157" t="s">
        <v>8455</v>
      </c>
      <c r="B13157" t="s">
        <v>8456</v>
      </c>
      <c r="C13157" t="s">
        <v>8457</v>
      </c>
      <c r="D13157" t="s">
        <v>8349</v>
      </c>
      <c r="E13157" t="s">
        <v>13</v>
      </c>
      <c r="F13157">
        <v>925</v>
      </c>
      <c r="G13157" t="s">
        <v>8458</v>
      </c>
      <c r="H13157">
        <v>6.7308675593620002</v>
      </c>
      <c r="I13157">
        <v>52.195427583353997</v>
      </c>
      <c r="J13157" t="s">
        <v>68842</v>
      </c>
    </row>
    <row r="13158" spans="1:10" x14ac:dyDescent="0.25">
      <c r="A13158" t="s">
        <v>8451</v>
      </c>
      <c r="B13158" t="s">
        <v>8452</v>
      </c>
      <c r="C13158" t="s">
        <v>8453</v>
      </c>
      <c r="D13158" t="s">
        <v>8349</v>
      </c>
      <c r="E13158" t="s">
        <v>13</v>
      </c>
      <c r="F13158">
        <v>924</v>
      </c>
      <c r="G13158" t="s">
        <v>8454</v>
      </c>
      <c r="H13158">
        <v>6.6556985676420002</v>
      </c>
      <c r="I13158">
        <v>52.187532456325997</v>
      </c>
      <c r="J13158" t="s">
        <v>68843</v>
      </c>
    </row>
    <row r="13159" spans="1:10" x14ac:dyDescent="0.25">
      <c r="A13159" t="s">
        <v>8447</v>
      </c>
      <c r="B13159" t="s">
        <v>8448</v>
      </c>
      <c r="C13159" t="s">
        <v>8449</v>
      </c>
      <c r="D13159" t="s">
        <v>8349</v>
      </c>
      <c r="E13159" t="s">
        <v>13</v>
      </c>
      <c r="F13159">
        <v>923</v>
      </c>
      <c r="G13159" t="s">
        <v>8450</v>
      </c>
      <c r="H13159">
        <v>6.681604173228</v>
      </c>
      <c r="I13159">
        <v>52.148745757103001</v>
      </c>
      <c r="J13159" t="s">
        <v>68844</v>
      </c>
    </row>
    <row r="13160" spans="1:10" x14ac:dyDescent="0.25">
      <c r="A13160" t="s">
        <v>8443</v>
      </c>
      <c r="B13160" t="s">
        <v>8444</v>
      </c>
      <c r="C13160" t="s">
        <v>8445</v>
      </c>
      <c r="D13160" t="s">
        <v>8349</v>
      </c>
      <c r="E13160" t="s">
        <v>13</v>
      </c>
      <c r="F13160">
        <v>922</v>
      </c>
      <c r="G13160" t="s">
        <v>8446</v>
      </c>
      <c r="H13160">
        <v>6.8291901538130002</v>
      </c>
      <c r="I13160">
        <v>52.142227659915001</v>
      </c>
      <c r="J13160" t="s">
        <v>68845</v>
      </c>
    </row>
    <row r="13161" spans="1:10" x14ac:dyDescent="0.25">
      <c r="A13161" t="s">
        <v>8439</v>
      </c>
      <c r="B13161" t="s">
        <v>8440</v>
      </c>
      <c r="C13161" t="s">
        <v>8441</v>
      </c>
      <c r="D13161" t="s">
        <v>8349</v>
      </c>
      <c r="E13161" t="s">
        <v>13</v>
      </c>
      <c r="F13161">
        <v>921</v>
      </c>
      <c r="G13161" t="s">
        <v>8442</v>
      </c>
      <c r="H13161">
        <v>6.8311728440849997</v>
      </c>
      <c r="I13161">
        <v>52.145049610987002</v>
      </c>
      <c r="J13161" t="s">
        <v>68846</v>
      </c>
    </row>
    <row r="13162" spans="1:10" x14ac:dyDescent="0.25">
      <c r="A13162" t="s">
        <v>8435</v>
      </c>
      <c r="B13162" t="s">
        <v>8436</v>
      </c>
      <c r="C13162" t="s">
        <v>8437</v>
      </c>
      <c r="D13162" t="s">
        <v>8349</v>
      </c>
      <c r="E13162" t="s">
        <v>13</v>
      </c>
      <c r="F13162">
        <v>920</v>
      </c>
      <c r="G13162" t="s">
        <v>8438</v>
      </c>
      <c r="H13162">
        <v>6.6943887247199996</v>
      </c>
      <c r="I13162">
        <v>52.178350331615</v>
      </c>
      <c r="J13162" t="s">
        <v>68847</v>
      </c>
    </row>
    <row r="13163" spans="1:10" x14ac:dyDescent="0.25">
      <c r="A13163" t="s">
        <v>8431</v>
      </c>
      <c r="B13163" t="s">
        <v>8432</v>
      </c>
      <c r="C13163" t="s">
        <v>8433</v>
      </c>
      <c r="D13163" t="s">
        <v>8349</v>
      </c>
      <c r="E13163" t="s">
        <v>13</v>
      </c>
      <c r="F13163">
        <v>919</v>
      </c>
      <c r="G13163" t="s">
        <v>8434</v>
      </c>
      <c r="H13163">
        <v>6.7017877694349997</v>
      </c>
      <c r="I13163">
        <v>52.176578629906999</v>
      </c>
      <c r="J13163" t="s">
        <v>68848</v>
      </c>
    </row>
    <row r="13164" spans="1:10" x14ac:dyDescent="0.25">
      <c r="A13164" t="s">
        <v>8427</v>
      </c>
      <c r="B13164" t="s">
        <v>8428</v>
      </c>
      <c r="C13164" t="s">
        <v>8429</v>
      </c>
      <c r="D13164" t="s">
        <v>8349</v>
      </c>
      <c r="E13164" t="s">
        <v>13</v>
      </c>
      <c r="F13164">
        <v>918</v>
      </c>
      <c r="G13164" t="s">
        <v>8430</v>
      </c>
      <c r="H13164">
        <v>6.7474839312929999</v>
      </c>
      <c r="I13164">
        <v>52.179755600439996</v>
      </c>
      <c r="J13164" t="s">
        <v>68849</v>
      </c>
    </row>
    <row r="13165" spans="1:10" x14ac:dyDescent="0.25">
      <c r="A13165" t="s">
        <v>8423</v>
      </c>
      <c r="B13165" t="s">
        <v>8424</v>
      </c>
      <c r="C13165" t="s">
        <v>8425</v>
      </c>
      <c r="D13165" t="s">
        <v>8349</v>
      </c>
      <c r="E13165" t="s">
        <v>13</v>
      </c>
      <c r="F13165">
        <v>917</v>
      </c>
      <c r="G13165" t="s">
        <v>8426</v>
      </c>
      <c r="H13165">
        <v>6.7809739933669997</v>
      </c>
      <c r="I13165">
        <v>52.164864728086002</v>
      </c>
      <c r="J13165" t="s">
        <v>68850</v>
      </c>
    </row>
    <row r="13166" spans="1:10" x14ac:dyDescent="0.25">
      <c r="A13166" t="s">
        <v>8419</v>
      </c>
      <c r="B13166" t="s">
        <v>8420</v>
      </c>
      <c r="C13166" t="s">
        <v>8421</v>
      </c>
      <c r="D13166" t="s">
        <v>8349</v>
      </c>
      <c r="E13166" t="s">
        <v>13</v>
      </c>
      <c r="F13166">
        <v>916</v>
      </c>
      <c r="G13166" t="s">
        <v>8422</v>
      </c>
      <c r="H13166">
        <v>6.7354036246830002</v>
      </c>
      <c r="I13166">
        <v>52.135443508960002</v>
      </c>
      <c r="J13166" t="s">
        <v>68851</v>
      </c>
    </row>
    <row r="13167" spans="1:10" x14ac:dyDescent="0.25">
      <c r="A13167" t="s">
        <v>8415</v>
      </c>
      <c r="B13167" t="s">
        <v>8416</v>
      </c>
      <c r="C13167" t="s">
        <v>8417</v>
      </c>
      <c r="D13167" t="s">
        <v>8349</v>
      </c>
      <c r="E13167" t="s">
        <v>13</v>
      </c>
      <c r="F13167">
        <v>915</v>
      </c>
      <c r="G13167" t="s">
        <v>8418</v>
      </c>
      <c r="H13167">
        <v>6.7061793474669997</v>
      </c>
      <c r="I13167">
        <v>52.155453799674</v>
      </c>
      <c r="J13167" t="s">
        <v>68852</v>
      </c>
    </row>
    <row r="13168" spans="1:10" x14ac:dyDescent="0.25">
      <c r="A13168" t="s">
        <v>8411</v>
      </c>
      <c r="B13168" t="s">
        <v>8412</v>
      </c>
      <c r="C13168" t="s">
        <v>8413</v>
      </c>
      <c r="D13168" t="s">
        <v>8349</v>
      </c>
      <c r="E13168" t="s">
        <v>13</v>
      </c>
      <c r="F13168">
        <v>914</v>
      </c>
      <c r="G13168" t="s">
        <v>8414</v>
      </c>
      <c r="H13168">
        <v>6.7113486016720003</v>
      </c>
      <c r="I13168">
        <v>52.151907071423999</v>
      </c>
      <c r="J13168" t="s">
        <v>68853</v>
      </c>
    </row>
    <row r="13169" spans="1:10" x14ac:dyDescent="0.25">
      <c r="A13169" t="s">
        <v>8407</v>
      </c>
      <c r="B13169" t="s">
        <v>8408</v>
      </c>
      <c r="C13169" t="s">
        <v>8409</v>
      </c>
      <c r="D13169" t="s">
        <v>8349</v>
      </c>
      <c r="E13169" t="s">
        <v>13</v>
      </c>
      <c r="F13169">
        <v>913</v>
      </c>
      <c r="G13169" t="s">
        <v>8410</v>
      </c>
      <c r="H13169">
        <v>6.7210949605410004</v>
      </c>
      <c r="I13169">
        <v>52.154084254559997</v>
      </c>
      <c r="J13169" t="s">
        <v>68854</v>
      </c>
    </row>
    <row r="13170" spans="1:10" x14ac:dyDescent="0.25">
      <c r="A13170" t="s">
        <v>8403</v>
      </c>
      <c r="B13170" t="s">
        <v>8404</v>
      </c>
      <c r="C13170" t="s">
        <v>8405</v>
      </c>
      <c r="D13170" t="s">
        <v>8349</v>
      </c>
      <c r="E13170" t="s">
        <v>13</v>
      </c>
      <c r="F13170">
        <v>912</v>
      </c>
      <c r="G13170" t="s">
        <v>8406</v>
      </c>
      <c r="H13170">
        <v>6.7316312713409996</v>
      </c>
      <c r="I13170">
        <v>52.165904364892</v>
      </c>
      <c r="J13170" t="s">
        <v>68855</v>
      </c>
    </row>
    <row r="13171" spans="1:10" x14ac:dyDescent="0.25">
      <c r="A13171" t="s">
        <v>8399</v>
      </c>
      <c r="B13171" t="s">
        <v>8400</v>
      </c>
      <c r="C13171" t="s">
        <v>8401</v>
      </c>
      <c r="D13171" t="s">
        <v>8349</v>
      </c>
      <c r="E13171" t="s">
        <v>13</v>
      </c>
      <c r="F13171">
        <v>911</v>
      </c>
      <c r="G13171" t="s">
        <v>8402</v>
      </c>
      <c r="H13171">
        <v>6.7203154976199997</v>
      </c>
      <c r="I13171">
        <v>52.164057152445999</v>
      </c>
      <c r="J13171" t="s">
        <v>68856</v>
      </c>
    </row>
    <row r="13172" spans="1:10" x14ac:dyDescent="0.25">
      <c r="A13172" t="s">
        <v>8395</v>
      </c>
      <c r="B13172" t="s">
        <v>8396</v>
      </c>
      <c r="C13172" t="s">
        <v>8397</v>
      </c>
      <c r="D13172" t="s">
        <v>8349</v>
      </c>
      <c r="E13172" t="s">
        <v>13</v>
      </c>
      <c r="F13172">
        <v>910</v>
      </c>
      <c r="G13172" t="s">
        <v>8398</v>
      </c>
      <c r="H13172">
        <v>6.7175454792289999</v>
      </c>
      <c r="I13172">
        <v>52.160222777720001</v>
      </c>
      <c r="J13172" t="s">
        <v>68857</v>
      </c>
    </row>
    <row r="13173" spans="1:10" x14ac:dyDescent="0.25">
      <c r="A13173" t="s">
        <v>8391</v>
      </c>
      <c r="B13173" t="s">
        <v>8392</v>
      </c>
      <c r="C13173" t="s">
        <v>8393</v>
      </c>
      <c r="D13173" t="s">
        <v>8349</v>
      </c>
      <c r="E13173" t="s">
        <v>13</v>
      </c>
      <c r="F13173">
        <v>909</v>
      </c>
      <c r="G13173" t="s">
        <v>8394</v>
      </c>
      <c r="H13173">
        <v>6.7224069913009998</v>
      </c>
      <c r="I13173">
        <v>52.159065281661</v>
      </c>
      <c r="J13173" t="s">
        <v>68858</v>
      </c>
    </row>
    <row r="13174" spans="1:10" x14ac:dyDescent="0.25">
      <c r="A13174" t="s">
        <v>8387</v>
      </c>
      <c r="B13174" t="s">
        <v>8388</v>
      </c>
      <c r="C13174" t="s">
        <v>8389</v>
      </c>
      <c r="D13174" t="s">
        <v>8349</v>
      </c>
      <c r="E13174" t="s">
        <v>13</v>
      </c>
      <c r="F13174">
        <v>908</v>
      </c>
      <c r="G13174" t="s">
        <v>8390</v>
      </c>
      <c r="H13174">
        <v>6.7250099012159996</v>
      </c>
      <c r="I13174">
        <v>52.163382179995999</v>
      </c>
      <c r="J13174" t="s">
        <v>68859</v>
      </c>
    </row>
    <row r="13175" spans="1:10" x14ac:dyDescent="0.25">
      <c r="A13175" t="s">
        <v>8383</v>
      </c>
      <c r="B13175" t="s">
        <v>8384</v>
      </c>
      <c r="C13175" t="s">
        <v>8385</v>
      </c>
      <c r="D13175" t="s">
        <v>8349</v>
      </c>
      <c r="E13175" t="s">
        <v>13</v>
      </c>
      <c r="F13175">
        <v>907</v>
      </c>
      <c r="G13175" t="s">
        <v>8386</v>
      </c>
      <c r="H13175">
        <v>6.7454430022020002</v>
      </c>
      <c r="I13175">
        <v>52.165288085657998</v>
      </c>
      <c r="J13175" t="s">
        <v>68860</v>
      </c>
    </row>
    <row r="13176" spans="1:10" x14ac:dyDescent="0.25">
      <c r="A13176" t="s">
        <v>8379</v>
      </c>
      <c r="B13176" t="s">
        <v>8380</v>
      </c>
      <c r="C13176" t="s">
        <v>8381</v>
      </c>
      <c r="D13176" t="s">
        <v>8349</v>
      </c>
      <c r="E13176" t="s">
        <v>13</v>
      </c>
      <c r="F13176">
        <v>906</v>
      </c>
      <c r="G13176" t="s">
        <v>8382</v>
      </c>
      <c r="H13176">
        <v>6.7396624304520003</v>
      </c>
      <c r="I13176">
        <v>52.161316696042</v>
      </c>
      <c r="J13176" t="s">
        <v>68861</v>
      </c>
    </row>
    <row r="13177" spans="1:10" x14ac:dyDescent="0.25">
      <c r="A13177" t="s">
        <v>8375</v>
      </c>
      <c r="B13177" t="s">
        <v>8376</v>
      </c>
      <c r="C13177" t="s">
        <v>8377</v>
      </c>
      <c r="D13177" t="s">
        <v>8349</v>
      </c>
      <c r="E13177" t="s">
        <v>13</v>
      </c>
      <c r="F13177">
        <v>905</v>
      </c>
      <c r="G13177" t="s">
        <v>8378</v>
      </c>
      <c r="H13177">
        <v>6.7294310202679997</v>
      </c>
      <c r="I13177">
        <v>52.159658707597998</v>
      </c>
      <c r="J13177" t="s">
        <v>68862</v>
      </c>
    </row>
    <row r="13178" spans="1:10" x14ac:dyDescent="0.25">
      <c r="A13178" t="s">
        <v>8371</v>
      </c>
      <c r="B13178" t="s">
        <v>8372</v>
      </c>
      <c r="C13178" t="s">
        <v>8373</v>
      </c>
      <c r="D13178" t="s">
        <v>8349</v>
      </c>
      <c r="E13178" t="s">
        <v>13</v>
      </c>
      <c r="F13178">
        <v>904</v>
      </c>
      <c r="G13178" t="s">
        <v>8374</v>
      </c>
      <c r="H13178">
        <v>6.7566003181980001</v>
      </c>
      <c r="I13178">
        <v>52.155243841698997</v>
      </c>
      <c r="J13178" t="s">
        <v>68863</v>
      </c>
    </row>
    <row r="13179" spans="1:10" x14ac:dyDescent="0.25">
      <c r="A13179" t="s">
        <v>8367</v>
      </c>
      <c r="B13179" t="s">
        <v>8368</v>
      </c>
      <c r="C13179" t="s">
        <v>8369</v>
      </c>
      <c r="D13179" t="s">
        <v>8349</v>
      </c>
      <c r="E13179" t="s">
        <v>13</v>
      </c>
      <c r="F13179">
        <v>903</v>
      </c>
      <c r="G13179" t="s">
        <v>8370</v>
      </c>
      <c r="H13179">
        <v>6.7497457084669996</v>
      </c>
      <c r="I13179">
        <v>52.167802865435</v>
      </c>
      <c r="J13179" t="s">
        <v>68864</v>
      </c>
    </row>
    <row r="13180" spans="1:10" x14ac:dyDescent="0.25">
      <c r="A13180" t="s">
        <v>8363</v>
      </c>
      <c r="B13180" t="s">
        <v>8364</v>
      </c>
      <c r="C13180" t="s">
        <v>8365</v>
      </c>
      <c r="D13180" t="s">
        <v>8349</v>
      </c>
      <c r="E13180" t="s">
        <v>13</v>
      </c>
      <c r="F13180">
        <v>902</v>
      </c>
      <c r="G13180" t="s">
        <v>8366</v>
      </c>
      <c r="H13180">
        <v>6.7566433552609997</v>
      </c>
      <c r="I13180">
        <v>52.164007377243003</v>
      </c>
      <c r="J13180" t="s">
        <v>68865</v>
      </c>
    </row>
    <row r="13181" spans="1:10" x14ac:dyDescent="0.25">
      <c r="A13181" t="s">
        <v>8359</v>
      </c>
      <c r="B13181" t="s">
        <v>8360</v>
      </c>
      <c r="C13181" t="s">
        <v>8361</v>
      </c>
      <c r="D13181" t="s">
        <v>8349</v>
      </c>
      <c r="E13181" t="s">
        <v>13</v>
      </c>
      <c r="F13181">
        <v>901</v>
      </c>
      <c r="G13181" t="s">
        <v>8362</v>
      </c>
      <c r="H13181">
        <v>6.7307083327420001</v>
      </c>
      <c r="I13181">
        <v>52.153097172968998</v>
      </c>
      <c r="J13181" t="s">
        <v>68866</v>
      </c>
    </row>
    <row r="13182" spans="1:10" x14ac:dyDescent="0.25">
      <c r="A13182" t="s">
        <v>8355</v>
      </c>
      <c r="B13182" t="s">
        <v>8356</v>
      </c>
      <c r="C13182" t="s">
        <v>8357</v>
      </c>
      <c r="D13182" t="s">
        <v>8349</v>
      </c>
      <c r="E13182" t="s">
        <v>13</v>
      </c>
      <c r="F13182">
        <v>900</v>
      </c>
      <c r="G13182" t="s">
        <v>8358</v>
      </c>
      <c r="H13182">
        <v>6.7397802772339999</v>
      </c>
      <c r="I13182">
        <v>52.151385435968997</v>
      </c>
      <c r="J13182" t="s">
        <v>68867</v>
      </c>
    </row>
    <row r="13183" spans="1:10" x14ac:dyDescent="0.25">
      <c r="A13183" t="s">
        <v>8351</v>
      </c>
      <c r="B13183" t="s">
        <v>8352</v>
      </c>
      <c r="C13183" t="s">
        <v>8353</v>
      </c>
      <c r="D13183" t="s">
        <v>8349</v>
      </c>
      <c r="E13183" t="s">
        <v>13</v>
      </c>
      <c r="F13183">
        <v>899</v>
      </c>
      <c r="G13183" t="s">
        <v>8354</v>
      </c>
      <c r="H13183">
        <v>6.7484548663070001</v>
      </c>
      <c r="I13183">
        <v>52.154815459403999</v>
      </c>
      <c r="J13183" t="s">
        <v>68868</v>
      </c>
    </row>
    <row r="13184" spans="1:10" x14ac:dyDescent="0.25">
      <c r="A13184" t="s">
        <v>8346</v>
      </c>
      <c r="B13184" t="s">
        <v>8347</v>
      </c>
      <c r="C13184" t="s">
        <v>8348</v>
      </c>
      <c r="D13184" t="s">
        <v>8349</v>
      </c>
      <c r="E13184" t="s">
        <v>13</v>
      </c>
      <c r="F13184">
        <v>898</v>
      </c>
      <c r="G13184" t="s">
        <v>8350</v>
      </c>
      <c r="H13184">
        <v>6.7452157130819996</v>
      </c>
      <c r="I13184">
        <v>52.158732386826998</v>
      </c>
      <c r="J13184" t="s">
        <v>68869</v>
      </c>
    </row>
    <row r="13185" spans="1:10" x14ac:dyDescent="0.25">
      <c r="A13185" t="s">
        <v>8342</v>
      </c>
      <c r="B13185" t="s">
        <v>8343</v>
      </c>
      <c r="C13185" t="s">
        <v>8344</v>
      </c>
      <c r="D13185" t="s">
        <v>8068</v>
      </c>
      <c r="E13185" t="s">
        <v>13</v>
      </c>
      <c r="F13185">
        <v>897</v>
      </c>
      <c r="G13185" t="s">
        <v>8345</v>
      </c>
      <c r="H13185">
        <v>6.8090328015899999</v>
      </c>
      <c r="I13185">
        <v>52.227168169125001</v>
      </c>
      <c r="J13185" t="s">
        <v>68870</v>
      </c>
    </row>
    <row r="13186" spans="1:10" x14ac:dyDescent="0.25">
      <c r="A13186" t="s">
        <v>8338</v>
      </c>
      <c r="B13186" t="s">
        <v>8339</v>
      </c>
      <c r="C13186" t="s">
        <v>8340</v>
      </c>
      <c r="D13186" t="s">
        <v>8068</v>
      </c>
      <c r="E13186" t="s">
        <v>13</v>
      </c>
      <c r="F13186">
        <v>896</v>
      </c>
      <c r="G13186" t="s">
        <v>8341</v>
      </c>
      <c r="H13186">
        <v>6.7848060809039996</v>
      </c>
      <c r="I13186">
        <v>52.204086357175001</v>
      </c>
      <c r="J13186" t="s">
        <v>68871</v>
      </c>
    </row>
    <row r="13187" spans="1:10" x14ac:dyDescent="0.25">
      <c r="A13187" t="s">
        <v>8334</v>
      </c>
      <c r="B13187" t="s">
        <v>8335</v>
      </c>
      <c r="C13187" t="s">
        <v>8336</v>
      </c>
      <c r="D13187" t="s">
        <v>8068</v>
      </c>
      <c r="E13187" t="s">
        <v>13</v>
      </c>
      <c r="F13187">
        <v>895</v>
      </c>
      <c r="G13187" t="s">
        <v>8337</v>
      </c>
      <c r="H13187">
        <v>6.8305572174559996</v>
      </c>
      <c r="I13187">
        <v>52.204767429987001</v>
      </c>
      <c r="J13187" t="s">
        <v>68872</v>
      </c>
    </row>
    <row r="13188" spans="1:10" x14ac:dyDescent="0.25">
      <c r="A13188" t="s">
        <v>8330</v>
      </c>
      <c r="B13188" t="s">
        <v>8331</v>
      </c>
      <c r="C13188" t="s">
        <v>8332</v>
      </c>
      <c r="D13188" t="s">
        <v>8068</v>
      </c>
      <c r="E13188" t="s">
        <v>13</v>
      </c>
      <c r="F13188">
        <v>894</v>
      </c>
      <c r="G13188" t="s">
        <v>8333</v>
      </c>
      <c r="H13188">
        <v>6.874284431834</v>
      </c>
      <c r="I13188">
        <v>52.181733187054</v>
      </c>
      <c r="J13188" t="s">
        <v>68873</v>
      </c>
    </row>
    <row r="13189" spans="1:10" x14ac:dyDescent="0.25">
      <c r="A13189" t="s">
        <v>8326</v>
      </c>
      <c r="B13189" t="s">
        <v>8327</v>
      </c>
      <c r="C13189" t="s">
        <v>8328</v>
      </c>
      <c r="D13189" t="s">
        <v>8068</v>
      </c>
      <c r="E13189" t="s">
        <v>13</v>
      </c>
      <c r="F13189">
        <v>893</v>
      </c>
      <c r="G13189" t="s">
        <v>8329</v>
      </c>
      <c r="H13189">
        <v>6.9414615377260001</v>
      </c>
      <c r="I13189">
        <v>52.204670056757003</v>
      </c>
      <c r="J13189" t="s">
        <v>68874</v>
      </c>
    </row>
    <row r="13190" spans="1:10" x14ac:dyDescent="0.25">
      <c r="A13190" t="s">
        <v>8322</v>
      </c>
      <c r="B13190" t="s">
        <v>8323</v>
      </c>
      <c r="C13190" t="s">
        <v>8324</v>
      </c>
      <c r="D13190" t="s">
        <v>8068</v>
      </c>
      <c r="E13190" t="s">
        <v>13</v>
      </c>
      <c r="F13190">
        <v>892</v>
      </c>
      <c r="G13190" t="s">
        <v>8325</v>
      </c>
      <c r="H13190">
        <v>6.949031221616</v>
      </c>
      <c r="I13190">
        <v>52.240653261364997</v>
      </c>
      <c r="J13190" t="s">
        <v>68875</v>
      </c>
    </row>
    <row r="13191" spans="1:10" x14ac:dyDescent="0.25">
      <c r="A13191" t="s">
        <v>8318</v>
      </c>
      <c r="B13191" t="s">
        <v>8319</v>
      </c>
      <c r="C13191" t="s">
        <v>8320</v>
      </c>
      <c r="D13191" t="s">
        <v>8068</v>
      </c>
      <c r="E13191" t="s">
        <v>13</v>
      </c>
      <c r="F13191">
        <v>891</v>
      </c>
      <c r="G13191" t="s">
        <v>8321</v>
      </c>
      <c r="H13191">
        <v>6.9023759070440001</v>
      </c>
      <c r="I13191">
        <v>52.263745924927001</v>
      </c>
      <c r="J13191" t="s">
        <v>68876</v>
      </c>
    </row>
    <row r="13192" spans="1:10" x14ac:dyDescent="0.25">
      <c r="A13192" t="s">
        <v>8314</v>
      </c>
      <c r="B13192" t="s">
        <v>8315</v>
      </c>
      <c r="C13192" t="s">
        <v>8316</v>
      </c>
      <c r="D13192" t="s">
        <v>8068</v>
      </c>
      <c r="E13192" t="s">
        <v>13</v>
      </c>
      <c r="F13192">
        <v>890</v>
      </c>
      <c r="G13192" t="s">
        <v>8317</v>
      </c>
      <c r="H13192">
        <v>6.7992268387959998</v>
      </c>
      <c r="I13192">
        <v>52.205734151420998</v>
      </c>
      <c r="J13192" t="s">
        <v>68877</v>
      </c>
    </row>
    <row r="13193" spans="1:10" x14ac:dyDescent="0.25">
      <c r="A13193" t="s">
        <v>8310</v>
      </c>
      <c r="B13193" t="s">
        <v>8311</v>
      </c>
      <c r="C13193" t="s">
        <v>8312</v>
      </c>
      <c r="D13193" t="s">
        <v>8068</v>
      </c>
      <c r="E13193" t="s">
        <v>13</v>
      </c>
      <c r="F13193">
        <v>889</v>
      </c>
      <c r="G13193" t="s">
        <v>8313</v>
      </c>
      <c r="H13193">
        <v>6.9125308719999996</v>
      </c>
      <c r="I13193">
        <v>52.249381856816001</v>
      </c>
      <c r="J13193" t="s">
        <v>68878</v>
      </c>
    </row>
    <row r="13194" spans="1:10" x14ac:dyDescent="0.25">
      <c r="A13194" t="s">
        <v>8306</v>
      </c>
      <c r="B13194" t="s">
        <v>8307</v>
      </c>
      <c r="C13194" t="s">
        <v>8308</v>
      </c>
      <c r="D13194" t="s">
        <v>8068</v>
      </c>
      <c r="E13194" t="s">
        <v>13</v>
      </c>
      <c r="F13194">
        <v>888</v>
      </c>
      <c r="G13194" t="s">
        <v>8309</v>
      </c>
      <c r="H13194">
        <v>6.948873768036</v>
      </c>
      <c r="I13194">
        <v>52.214024873444998</v>
      </c>
      <c r="J13194" t="s">
        <v>68879</v>
      </c>
    </row>
    <row r="13195" spans="1:10" x14ac:dyDescent="0.25">
      <c r="A13195" t="s">
        <v>8302</v>
      </c>
      <c r="B13195" t="s">
        <v>8303</v>
      </c>
      <c r="C13195" t="s">
        <v>8304</v>
      </c>
      <c r="D13195" t="s">
        <v>8068</v>
      </c>
      <c r="E13195" t="s">
        <v>13</v>
      </c>
      <c r="F13195">
        <v>887</v>
      </c>
      <c r="G13195" t="s">
        <v>8305</v>
      </c>
      <c r="H13195">
        <v>6.947619205264</v>
      </c>
      <c r="I13195">
        <v>52.219276875566003</v>
      </c>
      <c r="J13195" t="s">
        <v>68880</v>
      </c>
    </row>
    <row r="13196" spans="1:10" x14ac:dyDescent="0.25">
      <c r="A13196" t="s">
        <v>8298</v>
      </c>
      <c r="B13196" t="s">
        <v>8299</v>
      </c>
      <c r="C13196" t="s">
        <v>8300</v>
      </c>
      <c r="D13196" t="s">
        <v>8068</v>
      </c>
      <c r="E13196" t="s">
        <v>13</v>
      </c>
      <c r="F13196">
        <v>886</v>
      </c>
      <c r="G13196" t="s">
        <v>8301</v>
      </c>
      <c r="H13196">
        <v>6.9499742747060003</v>
      </c>
      <c r="I13196">
        <v>52.224508538602002</v>
      </c>
      <c r="J13196" t="s">
        <v>68881</v>
      </c>
    </row>
    <row r="13197" spans="1:10" x14ac:dyDescent="0.25">
      <c r="A13197" t="s">
        <v>8294</v>
      </c>
      <c r="B13197" t="s">
        <v>8295</v>
      </c>
      <c r="C13197" t="s">
        <v>8296</v>
      </c>
      <c r="D13197" t="s">
        <v>8068</v>
      </c>
      <c r="E13197" t="s">
        <v>13</v>
      </c>
      <c r="F13197">
        <v>885</v>
      </c>
      <c r="G13197" t="s">
        <v>8297</v>
      </c>
      <c r="H13197">
        <v>6.9607901095719997</v>
      </c>
      <c r="I13197">
        <v>52.211137410471999</v>
      </c>
      <c r="J13197" t="s">
        <v>68882</v>
      </c>
    </row>
    <row r="13198" spans="1:10" x14ac:dyDescent="0.25">
      <c r="A13198" t="s">
        <v>8290</v>
      </c>
      <c r="B13198" t="s">
        <v>8291</v>
      </c>
      <c r="C13198" t="s">
        <v>8292</v>
      </c>
      <c r="D13198" t="s">
        <v>8068</v>
      </c>
      <c r="E13198" t="s">
        <v>13</v>
      </c>
      <c r="F13198">
        <v>884</v>
      </c>
      <c r="G13198" t="s">
        <v>8293</v>
      </c>
      <c r="H13198">
        <v>6.9674710118579997</v>
      </c>
      <c r="I13198">
        <v>52.205940939603003</v>
      </c>
      <c r="J13198" t="s">
        <v>68883</v>
      </c>
    </row>
    <row r="13199" spans="1:10" x14ac:dyDescent="0.25">
      <c r="A13199" t="s">
        <v>8286</v>
      </c>
      <c r="B13199" t="s">
        <v>8287</v>
      </c>
      <c r="C13199" t="s">
        <v>8288</v>
      </c>
      <c r="D13199" t="s">
        <v>8068</v>
      </c>
      <c r="E13199" t="s">
        <v>13</v>
      </c>
      <c r="F13199">
        <v>883</v>
      </c>
      <c r="G13199" t="s">
        <v>8289</v>
      </c>
      <c r="H13199">
        <v>6.9656059444049996</v>
      </c>
      <c r="I13199">
        <v>52.213647888914998</v>
      </c>
      <c r="J13199" t="s">
        <v>68884</v>
      </c>
    </row>
    <row r="13200" spans="1:10" x14ac:dyDescent="0.25">
      <c r="A13200" t="s">
        <v>8282</v>
      </c>
      <c r="B13200" t="s">
        <v>8283</v>
      </c>
      <c r="C13200" t="s">
        <v>8284</v>
      </c>
      <c r="D13200" t="s">
        <v>8068</v>
      </c>
      <c r="E13200" t="s">
        <v>13</v>
      </c>
      <c r="F13200">
        <v>882</v>
      </c>
      <c r="G13200" t="s">
        <v>8285</v>
      </c>
      <c r="H13200">
        <v>6.9727179121449998</v>
      </c>
      <c r="I13200">
        <v>52.211187935395998</v>
      </c>
      <c r="J13200" t="s">
        <v>68885</v>
      </c>
    </row>
    <row r="13201" spans="1:10" x14ac:dyDescent="0.25">
      <c r="A13201" t="s">
        <v>8278</v>
      </c>
      <c r="B13201" t="s">
        <v>8279</v>
      </c>
      <c r="C13201" t="s">
        <v>8280</v>
      </c>
      <c r="D13201" t="s">
        <v>8068</v>
      </c>
      <c r="E13201" t="s">
        <v>13</v>
      </c>
      <c r="F13201">
        <v>881</v>
      </c>
      <c r="G13201" t="s">
        <v>8281</v>
      </c>
      <c r="H13201">
        <v>6.9695826630609998</v>
      </c>
      <c r="I13201">
        <v>52.218347302951003</v>
      </c>
      <c r="J13201" t="s">
        <v>68886</v>
      </c>
    </row>
    <row r="13202" spans="1:10" x14ac:dyDescent="0.25">
      <c r="A13202" t="s">
        <v>8274</v>
      </c>
      <c r="B13202" t="s">
        <v>8275</v>
      </c>
      <c r="C13202" t="s">
        <v>8276</v>
      </c>
      <c r="D13202" t="s">
        <v>8068</v>
      </c>
      <c r="E13202" t="s">
        <v>13</v>
      </c>
      <c r="F13202">
        <v>880</v>
      </c>
      <c r="G13202" t="s">
        <v>8277</v>
      </c>
      <c r="H13202">
        <v>6.9664058222090004</v>
      </c>
      <c r="I13202">
        <v>52.22295935492</v>
      </c>
      <c r="J13202" t="s">
        <v>68887</v>
      </c>
    </row>
    <row r="13203" spans="1:10" x14ac:dyDescent="0.25">
      <c r="A13203" t="s">
        <v>8270</v>
      </c>
      <c r="B13203" t="s">
        <v>8271</v>
      </c>
      <c r="C13203" t="s">
        <v>8272</v>
      </c>
      <c r="D13203" t="s">
        <v>8068</v>
      </c>
      <c r="E13203" t="s">
        <v>13</v>
      </c>
      <c r="F13203">
        <v>879</v>
      </c>
      <c r="G13203" t="s">
        <v>8273</v>
      </c>
      <c r="H13203">
        <v>6.8367938510809996</v>
      </c>
      <c r="I13203">
        <v>52.239665700468002</v>
      </c>
      <c r="J13203" t="s">
        <v>68888</v>
      </c>
    </row>
    <row r="13204" spans="1:10" x14ac:dyDescent="0.25">
      <c r="A13204" t="s">
        <v>8266</v>
      </c>
      <c r="B13204" t="s">
        <v>8267</v>
      </c>
      <c r="C13204" t="s">
        <v>8268</v>
      </c>
      <c r="D13204" t="s">
        <v>8068</v>
      </c>
      <c r="E13204" t="s">
        <v>13</v>
      </c>
      <c r="F13204">
        <v>878</v>
      </c>
      <c r="G13204" t="s">
        <v>8269</v>
      </c>
      <c r="H13204">
        <v>6.8301243254840003</v>
      </c>
      <c r="I13204">
        <v>52.236029864480003</v>
      </c>
      <c r="J13204" t="s">
        <v>68889</v>
      </c>
    </row>
    <row r="13205" spans="1:10" x14ac:dyDescent="0.25">
      <c r="A13205" t="s">
        <v>8262</v>
      </c>
      <c r="B13205" t="s">
        <v>8263</v>
      </c>
      <c r="C13205" t="s">
        <v>8264</v>
      </c>
      <c r="D13205" t="s">
        <v>8068</v>
      </c>
      <c r="E13205" t="s">
        <v>13</v>
      </c>
      <c r="F13205">
        <v>877</v>
      </c>
      <c r="G13205" t="s">
        <v>8265</v>
      </c>
      <c r="H13205">
        <v>6.8211241941720004</v>
      </c>
      <c r="I13205">
        <v>52.213516780421998</v>
      </c>
      <c r="J13205" t="s">
        <v>68890</v>
      </c>
    </row>
    <row r="13206" spans="1:10" x14ac:dyDescent="0.25">
      <c r="A13206" t="s">
        <v>8258</v>
      </c>
      <c r="B13206" t="s">
        <v>8259</v>
      </c>
      <c r="C13206" t="s">
        <v>8260</v>
      </c>
      <c r="D13206" t="s">
        <v>8068</v>
      </c>
      <c r="E13206" t="s">
        <v>13</v>
      </c>
      <c r="F13206">
        <v>876</v>
      </c>
      <c r="G13206" t="s">
        <v>8261</v>
      </c>
      <c r="H13206">
        <v>6.8474702281170003</v>
      </c>
      <c r="I13206">
        <v>52.223492731816997</v>
      </c>
      <c r="J13206" t="s">
        <v>68891</v>
      </c>
    </row>
    <row r="13207" spans="1:10" x14ac:dyDescent="0.25">
      <c r="A13207" t="s">
        <v>8254</v>
      </c>
      <c r="B13207" t="s">
        <v>8255</v>
      </c>
      <c r="C13207" t="s">
        <v>8256</v>
      </c>
      <c r="D13207" t="s">
        <v>8068</v>
      </c>
      <c r="E13207" t="s">
        <v>13</v>
      </c>
      <c r="F13207">
        <v>875</v>
      </c>
      <c r="G13207" t="s">
        <v>8257</v>
      </c>
      <c r="H13207">
        <v>6.8749447696399999</v>
      </c>
      <c r="I13207">
        <v>52.183227498116999</v>
      </c>
      <c r="J13207" t="s">
        <v>68892</v>
      </c>
    </row>
    <row r="13208" spans="1:10" x14ac:dyDescent="0.25">
      <c r="A13208" t="s">
        <v>8250</v>
      </c>
      <c r="B13208" t="s">
        <v>8251</v>
      </c>
      <c r="C13208" t="s">
        <v>8252</v>
      </c>
      <c r="D13208" t="s">
        <v>8068</v>
      </c>
      <c r="E13208" t="s">
        <v>13</v>
      </c>
      <c r="F13208">
        <v>874</v>
      </c>
      <c r="G13208" t="s">
        <v>8253</v>
      </c>
      <c r="H13208">
        <v>6.8546786464789999</v>
      </c>
      <c r="I13208">
        <v>52.190309082271</v>
      </c>
      <c r="J13208" t="s">
        <v>68893</v>
      </c>
    </row>
    <row r="13209" spans="1:10" x14ac:dyDescent="0.25">
      <c r="A13209" t="s">
        <v>8246</v>
      </c>
      <c r="B13209" t="s">
        <v>8247</v>
      </c>
      <c r="C13209" t="s">
        <v>8248</v>
      </c>
      <c r="D13209" t="s">
        <v>8068</v>
      </c>
      <c r="E13209" t="s">
        <v>13</v>
      </c>
      <c r="F13209">
        <v>873</v>
      </c>
      <c r="G13209" t="s">
        <v>8249</v>
      </c>
      <c r="H13209">
        <v>6.8565701068960001</v>
      </c>
      <c r="I13209">
        <v>52.196922201470002</v>
      </c>
      <c r="J13209" t="s">
        <v>68894</v>
      </c>
    </row>
    <row r="13210" spans="1:10" x14ac:dyDescent="0.25">
      <c r="A13210" t="s">
        <v>8242</v>
      </c>
      <c r="B13210" t="s">
        <v>8243</v>
      </c>
      <c r="C13210" t="s">
        <v>8244</v>
      </c>
      <c r="D13210" t="s">
        <v>8068</v>
      </c>
      <c r="E13210" t="s">
        <v>13</v>
      </c>
      <c r="F13210">
        <v>872</v>
      </c>
      <c r="G13210" t="s">
        <v>8245</v>
      </c>
      <c r="H13210">
        <v>6.8709872930089997</v>
      </c>
      <c r="I13210">
        <v>52.196897798069003</v>
      </c>
      <c r="J13210" t="s">
        <v>68895</v>
      </c>
    </row>
    <row r="13211" spans="1:10" x14ac:dyDescent="0.25">
      <c r="A13211" t="s">
        <v>8238</v>
      </c>
      <c r="B13211" t="s">
        <v>8239</v>
      </c>
      <c r="C13211" t="s">
        <v>8240</v>
      </c>
      <c r="D13211" t="s">
        <v>8068</v>
      </c>
      <c r="E13211" t="s">
        <v>13</v>
      </c>
      <c r="F13211">
        <v>871</v>
      </c>
      <c r="G13211" t="s">
        <v>8241</v>
      </c>
      <c r="H13211">
        <v>6.8686716993100001</v>
      </c>
      <c r="I13211">
        <v>52.189002587413</v>
      </c>
      <c r="J13211" t="s">
        <v>68896</v>
      </c>
    </row>
    <row r="13212" spans="1:10" x14ac:dyDescent="0.25">
      <c r="A13212" t="s">
        <v>8234</v>
      </c>
      <c r="B13212" t="s">
        <v>8235</v>
      </c>
      <c r="C13212" t="s">
        <v>8236</v>
      </c>
      <c r="D13212" t="s">
        <v>8068</v>
      </c>
      <c r="E13212" t="s">
        <v>13</v>
      </c>
      <c r="F13212">
        <v>870</v>
      </c>
      <c r="G13212" t="s">
        <v>8237</v>
      </c>
      <c r="H13212">
        <v>6.8817475620000002</v>
      </c>
      <c r="I13212">
        <v>52.187241798518002</v>
      </c>
      <c r="J13212" t="s">
        <v>68897</v>
      </c>
    </row>
    <row r="13213" spans="1:10" x14ac:dyDescent="0.25">
      <c r="A13213" t="s">
        <v>8230</v>
      </c>
      <c r="B13213" t="s">
        <v>8231</v>
      </c>
      <c r="C13213" t="s">
        <v>8232</v>
      </c>
      <c r="D13213" t="s">
        <v>8068</v>
      </c>
      <c r="E13213" t="s">
        <v>13</v>
      </c>
      <c r="F13213">
        <v>869</v>
      </c>
      <c r="G13213" t="s">
        <v>8233</v>
      </c>
      <c r="H13213">
        <v>6.8845073369809997</v>
      </c>
      <c r="I13213">
        <v>52.195567144885999</v>
      </c>
      <c r="J13213" t="s">
        <v>68898</v>
      </c>
    </row>
    <row r="13214" spans="1:10" x14ac:dyDescent="0.25">
      <c r="A13214" t="s">
        <v>8226</v>
      </c>
      <c r="B13214" t="s">
        <v>8227</v>
      </c>
      <c r="C13214" t="s">
        <v>8228</v>
      </c>
      <c r="D13214" t="s">
        <v>8068</v>
      </c>
      <c r="E13214" t="s">
        <v>13</v>
      </c>
      <c r="F13214">
        <v>868</v>
      </c>
      <c r="G13214" t="s">
        <v>8229</v>
      </c>
      <c r="H13214">
        <v>6.8942071170550001</v>
      </c>
      <c r="I13214">
        <v>52.194520808283997</v>
      </c>
      <c r="J13214" t="s">
        <v>68899</v>
      </c>
    </row>
    <row r="13215" spans="1:10" x14ac:dyDescent="0.25">
      <c r="A13215" t="s">
        <v>8222</v>
      </c>
      <c r="B13215" t="s">
        <v>8223</v>
      </c>
      <c r="C13215" t="s">
        <v>8224</v>
      </c>
      <c r="D13215" t="s">
        <v>8068</v>
      </c>
      <c r="E13215" t="s">
        <v>13</v>
      </c>
      <c r="F13215">
        <v>867</v>
      </c>
      <c r="G13215" t="s">
        <v>8225</v>
      </c>
      <c r="H13215">
        <v>6.898866144966</v>
      </c>
      <c r="I13215">
        <v>52.189038489014997</v>
      </c>
      <c r="J13215" t="s">
        <v>68900</v>
      </c>
    </row>
    <row r="13216" spans="1:10" x14ac:dyDescent="0.25">
      <c r="A13216" t="s">
        <v>8218</v>
      </c>
      <c r="B13216" t="s">
        <v>8219</v>
      </c>
      <c r="C13216" t="s">
        <v>8220</v>
      </c>
      <c r="D13216" t="s">
        <v>8068</v>
      </c>
      <c r="E13216" t="s">
        <v>13</v>
      </c>
      <c r="F13216">
        <v>866</v>
      </c>
      <c r="G13216" t="s">
        <v>8221</v>
      </c>
      <c r="H13216">
        <v>6.9046618131450002</v>
      </c>
      <c r="I13216">
        <v>52.197928777172997</v>
      </c>
      <c r="J13216" t="s">
        <v>68901</v>
      </c>
    </row>
    <row r="13217" spans="1:10" x14ac:dyDescent="0.25">
      <c r="A13217" t="s">
        <v>8214</v>
      </c>
      <c r="B13217" t="s">
        <v>8215</v>
      </c>
      <c r="C13217" t="s">
        <v>8216</v>
      </c>
      <c r="D13217" t="s">
        <v>8068</v>
      </c>
      <c r="E13217" t="s">
        <v>13</v>
      </c>
      <c r="F13217">
        <v>865</v>
      </c>
      <c r="G13217" t="s">
        <v>8217</v>
      </c>
      <c r="H13217">
        <v>6.9193504931299996</v>
      </c>
      <c r="I13217">
        <v>52.236030301177998</v>
      </c>
      <c r="J13217" t="s">
        <v>68902</v>
      </c>
    </row>
    <row r="13218" spans="1:10" x14ac:dyDescent="0.25">
      <c r="A13218" t="s">
        <v>8210</v>
      </c>
      <c r="B13218" t="s">
        <v>8211</v>
      </c>
      <c r="C13218" t="s">
        <v>8212</v>
      </c>
      <c r="D13218" t="s">
        <v>8068</v>
      </c>
      <c r="E13218" t="s">
        <v>13</v>
      </c>
      <c r="F13218">
        <v>864</v>
      </c>
      <c r="G13218" t="s">
        <v>8213</v>
      </c>
      <c r="H13218">
        <v>6.9222099488469997</v>
      </c>
      <c r="I13218">
        <v>52.228130891821003</v>
      </c>
      <c r="J13218" t="s">
        <v>68903</v>
      </c>
    </row>
    <row r="13219" spans="1:10" x14ac:dyDescent="0.25">
      <c r="A13219" t="s">
        <v>8206</v>
      </c>
      <c r="B13219" t="s">
        <v>8207</v>
      </c>
      <c r="C13219" t="s">
        <v>8208</v>
      </c>
      <c r="D13219" t="s">
        <v>8068</v>
      </c>
      <c r="E13219" t="s">
        <v>13</v>
      </c>
      <c r="F13219">
        <v>863</v>
      </c>
      <c r="G13219" t="s">
        <v>8209</v>
      </c>
      <c r="H13219">
        <v>6.9134446925380004</v>
      </c>
      <c r="I13219">
        <v>52.227237187669999</v>
      </c>
      <c r="J13219" t="s">
        <v>68904</v>
      </c>
    </row>
    <row r="13220" spans="1:10" x14ac:dyDescent="0.25">
      <c r="A13220" t="s">
        <v>8202</v>
      </c>
      <c r="B13220" t="s">
        <v>8203</v>
      </c>
      <c r="C13220" t="s">
        <v>8204</v>
      </c>
      <c r="D13220" t="s">
        <v>8068</v>
      </c>
      <c r="E13220" t="s">
        <v>13</v>
      </c>
      <c r="F13220">
        <v>862</v>
      </c>
      <c r="G13220" t="s">
        <v>8205</v>
      </c>
      <c r="H13220">
        <v>6.9089566565969998</v>
      </c>
      <c r="I13220">
        <v>52.230809518793002</v>
      </c>
      <c r="J13220" t="s">
        <v>68905</v>
      </c>
    </row>
    <row r="13221" spans="1:10" x14ac:dyDescent="0.25">
      <c r="A13221" t="s">
        <v>8198</v>
      </c>
      <c r="B13221" t="s">
        <v>8199</v>
      </c>
      <c r="C13221" t="s">
        <v>8200</v>
      </c>
      <c r="D13221" t="s">
        <v>8068</v>
      </c>
      <c r="E13221" t="s">
        <v>13</v>
      </c>
      <c r="F13221">
        <v>861</v>
      </c>
      <c r="G13221" t="s">
        <v>8201</v>
      </c>
      <c r="H13221">
        <v>6.8477434323560002</v>
      </c>
      <c r="I13221">
        <v>52.244794024771998</v>
      </c>
      <c r="J13221" t="s">
        <v>68906</v>
      </c>
    </row>
    <row r="13222" spans="1:10" x14ac:dyDescent="0.25">
      <c r="A13222" t="s">
        <v>8194</v>
      </c>
      <c r="B13222" t="s">
        <v>8195</v>
      </c>
      <c r="C13222" t="s">
        <v>8196</v>
      </c>
      <c r="D13222" t="s">
        <v>8068</v>
      </c>
      <c r="E13222" t="s">
        <v>13</v>
      </c>
      <c r="F13222">
        <v>860</v>
      </c>
      <c r="G13222" t="s">
        <v>8197</v>
      </c>
      <c r="H13222">
        <v>6.9083835124339998</v>
      </c>
      <c r="I13222">
        <v>52.239744024282999</v>
      </c>
      <c r="J13222" t="s">
        <v>68907</v>
      </c>
    </row>
    <row r="13223" spans="1:10" x14ac:dyDescent="0.25">
      <c r="A13223" t="s">
        <v>8190</v>
      </c>
      <c r="B13223" t="s">
        <v>8191</v>
      </c>
      <c r="C13223" t="s">
        <v>8192</v>
      </c>
      <c r="D13223" t="s">
        <v>8068</v>
      </c>
      <c r="E13223" t="s">
        <v>13</v>
      </c>
      <c r="F13223">
        <v>859</v>
      </c>
      <c r="G13223" t="s">
        <v>8193</v>
      </c>
      <c r="H13223">
        <v>6.8934938146069999</v>
      </c>
      <c r="I13223">
        <v>52.240276221545997</v>
      </c>
      <c r="J13223" t="s">
        <v>68908</v>
      </c>
    </row>
    <row r="13224" spans="1:10" x14ac:dyDescent="0.25">
      <c r="A13224" t="s">
        <v>8186</v>
      </c>
      <c r="B13224" t="s">
        <v>8187</v>
      </c>
      <c r="C13224" t="s">
        <v>8188</v>
      </c>
      <c r="D13224" t="s">
        <v>8068</v>
      </c>
      <c r="E13224" t="s">
        <v>13</v>
      </c>
      <c r="F13224">
        <v>858</v>
      </c>
      <c r="G13224" t="s">
        <v>8189</v>
      </c>
      <c r="H13224">
        <v>6.8926036097610002</v>
      </c>
      <c r="I13224">
        <v>52.236079489787002</v>
      </c>
      <c r="J13224" t="s">
        <v>68909</v>
      </c>
    </row>
    <row r="13225" spans="1:10" x14ac:dyDescent="0.25">
      <c r="A13225" t="s">
        <v>8182</v>
      </c>
      <c r="B13225" t="s">
        <v>8183</v>
      </c>
      <c r="C13225" t="s">
        <v>8184</v>
      </c>
      <c r="D13225" t="s">
        <v>8068</v>
      </c>
      <c r="E13225" t="s">
        <v>13</v>
      </c>
      <c r="F13225">
        <v>857</v>
      </c>
      <c r="G13225" t="s">
        <v>8185</v>
      </c>
      <c r="H13225">
        <v>6.895759812873</v>
      </c>
      <c r="I13225">
        <v>52.231415624420002</v>
      </c>
      <c r="J13225" t="s">
        <v>68910</v>
      </c>
    </row>
    <row r="13226" spans="1:10" x14ac:dyDescent="0.25">
      <c r="A13226" t="s">
        <v>8178</v>
      </c>
      <c r="B13226" t="s">
        <v>8179</v>
      </c>
      <c r="C13226" t="s">
        <v>8180</v>
      </c>
      <c r="D13226" t="s">
        <v>8068</v>
      </c>
      <c r="E13226" t="s">
        <v>13</v>
      </c>
      <c r="F13226">
        <v>856</v>
      </c>
      <c r="G13226" t="s">
        <v>8181</v>
      </c>
      <c r="H13226">
        <v>6.8736941788279999</v>
      </c>
      <c r="I13226">
        <v>52.237232131005001</v>
      </c>
      <c r="J13226" t="s">
        <v>68911</v>
      </c>
    </row>
    <row r="13227" spans="1:10" x14ac:dyDescent="0.25">
      <c r="A13227" t="s">
        <v>8174</v>
      </c>
      <c r="B13227" t="s">
        <v>8175</v>
      </c>
      <c r="C13227" t="s">
        <v>8176</v>
      </c>
      <c r="D13227" t="s">
        <v>8068</v>
      </c>
      <c r="E13227" t="s">
        <v>13</v>
      </c>
      <c r="F13227">
        <v>855</v>
      </c>
      <c r="G13227" t="s">
        <v>8177</v>
      </c>
      <c r="H13227">
        <v>6.880292064142</v>
      </c>
      <c r="I13227">
        <v>52.230340632862003</v>
      </c>
      <c r="J13227" t="s">
        <v>68912</v>
      </c>
    </row>
    <row r="13228" spans="1:10" x14ac:dyDescent="0.25">
      <c r="A13228" t="s">
        <v>8170</v>
      </c>
      <c r="B13228" t="s">
        <v>8171</v>
      </c>
      <c r="C13228" t="s">
        <v>8172</v>
      </c>
      <c r="D13228" t="s">
        <v>8068</v>
      </c>
      <c r="E13228" t="s">
        <v>13</v>
      </c>
      <c r="F13228">
        <v>854</v>
      </c>
      <c r="G13228" t="s">
        <v>8173</v>
      </c>
      <c r="H13228">
        <v>6.8556102790780002</v>
      </c>
      <c r="I13228">
        <v>52.231456324507</v>
      </c>
      <c r="J13228" t="s">
        <v>68913</v>
      </c>
    </row>
    <row r="13229" spans="1:10" x14ac:dyDescent="0.25">
      <c r="A13229" t="s">
        <v>8166</v>
      </c>
      <c r="B13229" t="s">
        <v>8167</v>
      </c>
      <c r="C13229" t="s">
        <v>8168</v>
      </c>
      <c r="D13229" t="s">
        <v>8068</v>
      </c>
      <c r="E13229" t="s">
        <v>13</v>
      </c>
      <c r="F13229">
        <v>853</v>
      </c>
      <c r="G13229" t="s">
        <v>8169</v>
      </c>
      <c r="H13229">
        <v>6.8693933933559999</v>
      </c>
      <c r="I13229">
        <v>52.225700847492</v>
      </c>
      <c r="J13229" t="s">
        <v>68914</v>
      </c>
    </row>
    <row r="13230" spans="1:10" x14ac:dyDescent="0.25">
      <c r="A13230" t="s">
        <v>8162</v>
      </c>
      <c r="B13230" t="s">
        <v>8163</v>
      </c>
      <c r="C13230" t="s">
        <v>8164</v>
      </c>
      <c r="D13230" t="s">
        <v>8068</v>
      </c>
      <c r="E13230" t="s">
        <v>13</v>
      </c>
      <c r="F13230">
        <v>852</v>
      </c>
      <c r="G13230" t="s">
        <v>8165</v>
      </c>
      <c r="H13230">
        <v>6.8650803244610001</v>
      </c>
      <c r="I13230">
        <v>52.203795166909998</v>
      </c>
      <c r="J13230" t="s">
        <v>68915</v>
      </c>
    </row>
    <row r="13231" spans="1:10" x14ac:dyDescent="0.25">
      <c r="A13231" t="s">
        <v>8158</v>
      </c>
      <c r="B13231" t="s">
        <v>8159</v>
      </c>
      <c r="C13231" t="s">
        <v>8160</v>
      </c>
      <c r="D13231" t="s">
        <v>8068</v>
      </c>
      <c r="E13231" t="s">
        <v>13</v>
      </c>
      <c r="F13231">
        <v>851</v>
      </c>
      <c r="G13231" t="s">
        <v>8161</v>
      </c>
      <c r="H13231">
        <v>6.8533571986539998</v>
      </c>
      <c r="I13231">
        <v>52.210266660875</v>
      </c>
      <c r="J13231" t="s">
        <v>68916</v>
      </c>
    </row>
    <row r="13232" spans="1:10" x14ac:dyDescent="0.25">
      <c r="A13232" t="s">
        <v>8154</v>
      </c>
      <c r="B13232" t="s">
        <v>8155</v>
      </c>
      <c r="C13232" t="s">
        <v>8156</v>
      </c>
      <c r="D13232" t="s">
        <v>8068</v>
      </c>
      <c r="E13232" t="s">
        <v>13</v>
      </c>
      <c r="F13232">
        <v>850</v>
      </c>
      <c r="G13232" t="s">
        <v>8157</v>
      </c>
      <c r="H13232">
        <v>6.854800529027</v>
      </c>
      <c r="I13232">
        <v>52.215847824149002</v>
      </c>
      <c r="J13232" t="s">
        <v>68917</v>
      </c>
    </row>
    <row r="13233" spans="1:10" x14ac:dyDescent="0.25">
      <c r="A13233" t="s">
        <v>8150</v>
      </c>
      <c r="B13233" t="s">
        <v>8151</v>
      </c>
      <c r="C13233" t="s">
        <v>8152</v>
      </c>
      <c r="D13233" t="s">
        <v>8068</v>
      </c>
      <c r="E13233" t="s">
        <v>13</v>
      </c>
      <c r="F13233">
        <v>849</v>
      </c>
      <c r="G13233" t="s">
        <v>8153</v>
      </c>
      <c r="H13233">
        <v>6.866475980553</v>
      </c>
      <c r="I13233">
        <v>52.217604227484998</v>
      </c>
      <c r="J13233" t="s">
        <v>68918</v>
      </c>
    </row>
    <row r="13234" spans="1:10" x14ac:dyDescent="0.25">
      <c r="A13234" t="s">
        <v>8146</v>
      </c>
      <c r="B13234" t="s">
        <v>8147</v>
      </c>
      <c r="C13234" t="s">
        <v>8148</v>
      </c>
      <c r="D13234" t="s">
        <v>8068</v>
      </c>
      <c r="E13234" t="s">
        <v>13</v>
      </c>
      <c r="F13234">
        <v>848</v>
      </c>
      <c r="G13234" t="s">
        <v>8149</v>
      </c>
      <c r="H13234">
        <v>6.8610906876250004</v>
      </c>
      <c r="I13234">
        <v>52.209698984428002</v>
      </c>
      <c r="J13234" t="s">
        <v>68919</v>
      </c>
    </row>
    <row r="13235" spans="1:10" x14ac:dyDescent="0.25">
      <c r="A13235" t="s">
        <v>8142</v>
      </c>
      <c r="B13235" t="s">
        <v>8143</v>
      </c>
      <c r="C13235" t="s">
        <v>8144</v>
      </c>
      <c r="D13235" t="s">
        <v>8068</v>
      </c>
      <c r="E13235" t="s">
        <v>13</v>
      </c>
      <c r="F13235">
        <v>847</v>
      </c>
      <c r="G13235" t="s">
        <v>8145</v>
      </c>
      <c r="H13235">
        <v>6.8684202243139998</v>
      </c>
      <c r="I13235">
        <v>52.210932164584001</v>
      </c>
      <c r="J13235" t="s">
        <v>68920</v>
      </c>
    </row>
    <row r="13236" spans="1:10" x14ac:dyDescent="0.25">
      <c r="A13236" t="s">
        <v>8138</v>
      </c>
      <c r="B13236" t="s">
        <v>8139</v>
      </c>
      <c r="C13236" t="s">
        <v>8140</v>
      </c>
      <c r="D13236" t="s">
        <v>8068</v>
      </c>
      <c r="E13236" t="s">
        <v>13</v>
      </c>
      <c r="F13236">
        <v>846</v>
      </c>
      <c r="G13236" t="s">
        <v>8141</v>
      </c>
      <c r="H13236">
        <v>6.8751966860579996</v>
      </c>
      <c r="I13236">
        <v>52.213312724167999</v>
      </c>
      <c r="J13236" t="s">
        <v>68921</v>
      </c>
    </row>
    <row r="13237" spans="1:10" x14ac:dyDescent="0.25">
      <c r="A13237" t="s">
        <v>8134</v>
      </c>
      <c r="B13237" t="s">
        <v>8135</v>
      </c>
      <c r="C13237" t="s">
        <v>8136</v>
      </c>
      <c r="D13237" t="s">
        <v>8068</v>
      </c>
      <c r="E13237" t="s">
        <v>13</v>
      </c>
      <c r="F13237">
        <v>845</v>
      </c>
      <c r="G13237" t="s">
        <v>8137</v>
      </c>
      <c r="H13237">
        <v>6.8762621372000003</v>
      </c>
      <c r="I13237">
        <v>52.206062010038004</v>
      </c>
      <c r="J13237" t="s">
        <v>68922</v>
      </c>
    </row>
    <row r="13238" spans="1:10" x14ac:dyDescent="0.25">
      <c r="A13238" t="s">
        <v>8130</v>
      </c>
      <c r="B13238" t="s">
        <v>8131</v>
      </c>
      <c r="C13238" t="s">
        <v>8132</v>
      </c>
      <c r="D13238" t="s">
        <v>8068</v>
      </c>
      <c r="E13238" t="s">
        <v>13</v>
      </c>
      <c r="F13238">
        <v>844</v>
      </c>
      <c r="G13238" t="s">
        <v>8133</v>
      </c>
      <c r="H13238">
        <v>6.8853615912670003</v>
      </c>
      <c r="I13238">
        <v>52.205199313488002</v>
      </c>
      <c r="J13238" t="s">
        <v>68923</v>
      </c>
    </row>
    <row r="13239" spans="1:10" x14ac:dyDescent="0.25">
      <c r="A13239" t="s">
        <v>8126</v>
      </c>
      <c r="B13239" t="s">
        <v>8127</v>
      </c>
      <c r="C13239" t="s">
        <v>8128</v>
      </c>
      <c r="D13239" t="s">
        <v>8068</v>
      </c>
      <c r="E13239" t="s">
        <v>13</v>
      </c>
      <c r="F13239">
        <v>843</v>
      </c>
      <c r="G13239" t="s">
        <v>8129</v>
      </c>
      <c r="H13239">
        <v>6.9324214430789999</v>
      </c>
      <c r="I13239">
        <v>52.215944324372003</v>
      </c>
      <c r="J13239" t="s">
        <v>68924</v>
      </c>
    </row>
    <row r="13240" spans="1:10" x14ac:dyDescent="0.25">
      <c r="A13240" t="s">
        <v>8122</v>
      </c>
      <c r="B13240" t="s">
        <v>8123</v>
      </c>
      <c r="C13240" t="s">
        <v>8124</v>
      </c>
      <c r="D13240" t="s">
        <v>8068</v>
      </c>
      <c r="E13240" t="s">
        <v>13</v>
      </c>
      <c r="F13240">
        <v>842</v>
      </c>
      <c r="G13240" t="s">
        <v>8125</v>
      </c>
      <c r="H13240">
        <v>6.9339006399249996</v>
      </c>
      <c r="I13240">
        <v>52.225125136167001</v>
      </c>
      <c r="J13240" t="s">
        <v>68925</v>
      </c>
    </row>
    <row r="13241" spans="1:10" x14ac:dyDescent="0.25">
      <c r="A13241" t="s">
        <v>8118</v>
      </c>
      <c r="B13241" t="s">
        <v>8119</v>
      </c>
      <c r="C13241" t="s">
        <v>8120</v>
      </c>
      <c r="D13241" t="s">
        <v>8068</v>
      </c>
      <c r="E13241" t="s">
        <v>13</v>
      </c>
      <c r="F13241">
        <v>841</v>
      </c>
      <c r="G13241" t="s">
        <v>8121</v>
      </c>
      <c r="H13241">
        <v>6.9335065087969996</v>
      </c>
      <c r="I13241">
        <v>52.220530814195001</v>
      </c>
      <c r="J13241" t="s">
        <v>68926</v>
      </c>
    </row>
    <row r="13242" spans="1:10" x14ac:dyDescent="0.25">
      <c r="A13242" t="s">
        <v>8114</v>
      </c>
      <c r="B13242" t="s">
        <v>8115</v>
      </c>
      <c r="C13242" t="s">
        <v>8116</v>
      </c>
      <c r="D13242" t="s">
        <v>8068</v>
      </c>
      <c r="E13242" t="s">
        <v>13</v>
      </c>
      <c r="F13242">
        <v>840</v>
      </c>
      <c r="G13242" t="s">
        <v>8117</v>
      </c>
      <c r="H13242">
        <v>6.9006784452090004</v>
      </c>
      <c r="I13242">
        <v>52.206100644259998</v>
      </c>
      <c r="J13242" t="s">
        <v>68927</v>
      </c>
    </row>
    <row r="13243" spans="1:10" x14ac:dyDescent="0.25">
      <c r="A13243" t="s">
        <v>8110</v>
      </c>
      <c r="B13243" t="s">
        <v>8111</v>
      </c>
      <c r="C13243" t="s">
        <v>8112</v>
      </c>
      <c r="D13243" t="s">
        <v>8068</v>
      </c>
      <c r="E13243" t="s">
        <v>13</v>
      </c>
      <c r="F13243">
        <v>839</v>
      </c>
      <c r="G13243" t="s">
        <v>8113</v>
      </c>
      <c r="H13243">
        <v>6.9127178938610001</v>
      </c>
      <c r="I13243">
        <v>52.210902197415997</v>
      </c>
      <c r="J13243" t="s">
        <v>68928</v>
      </c>
    </row>
    <row r="13244" spans="1:10" x14ac:dyDescent="0.25">
      <c r="A13244" t="s">
        <v>8106</v>
      </c>
      <c r="B13244" t="s">
        <v>8107</v>
      </c>
      <c r="C13244" t="s">
        <v>8108</v>
      </c>
      <c r="D13244" t="s">
        <v>8068</v>
      </c>
      <c r="E13244" t="s">
        <v>13</v>
      </c>
      <c r="F13244">
        <v>838</v>
      </c>
      <c r="G13244" t="s">
        <v>8109</v>
      </c>
      <c r="H13244">
        <v>6.9195314560980004</v>
      </c>
      <c r="I13244">
        <v>52.21591792513</v>
      </c>
      <c r="J13244" t="s">
        <v>68929</v>
      </c>
    </row>
    <row r="13245" spans="1:10" x14ac:dyDescent="0.25">
      <c r="A13245" t="s">
        <v>8102</v>
      </c>
      <c r="B13245" t="s">
        <v>8103</v>
      </c>
      <c r="C13245" t="s">
        <v>8104</v>
      </c>
      <c r="D13245" t="s">
        <v>8068</v>
      </c>
      <c r="E13245" t="s">
        <v>13</v>
      </c>
      <c r="F13245">
        <v>837</v>
      </c>
      <c r="G13245" t="s">
        <v>8105</v>
      </c>
      <c r="H13245">
        <v>6.9190404058309998</v>
      </c>
      <c r="I13245">
        <v>52.221621593542999</v>
      </c>
      <c r="J13245" t="s">
        <v>68930</v>
      </c>
    </row>
    <row r="13246" spans="1:10" x14ac:dyDescent="0.25">
      <c r="A13246" t="s">
        <v>8098</v>
      </c>
      <c r="B13246" t="s">
        <v>8099</v>
      </c>
      <c r="C13246" t="s">
        <v>8100</v>
      </c>
      <c r="D13246" t="s">
        <v>8068</v>
      </c>
      <c r="E13246" t="s">
        <v>13</v>
      </c>
      <c r="F13246">
        <v>836</v>
      </c>
      <c r="G13246" t="s">
        <v>8101</v>
      </c>
      <c r="H13246">
        <v>6.8850205799979998</v>
      </c>
      <c r="I13246">
        <v>52.224685503636003</v>
      </c>
      <c r="J13246" t="s">
        <v>68931</v>
      </c>
    </row>
    <row r="13247" spans="1:10" x14ac:dyDescent="0.25">
      <c r="A13247" t="s">
        <v>8094</v>
      </c>
      <c r="B13247" t="s">
        <v>8095</v>
      </c>
      <c r="C13247" t="s">
        <v>8096</v>
      </c>
      <c r="D13247" t="s">
        <v>8068</v>
      </c>
      <c r="E13247" t="s">
        <v>13</v>
      </c>
      <c r="F13247">
        <v>835</v>
      </c>
      <c r="G13247" t="s">
        <v>8097</v>
      </c>
      <c r="H13247">
        <v>6.882396938636</v>
      </c>
      <c r="I13247">
        <v>52.218495239406003</v>
      </c>
      <c r="J13247" t="s">
        <v>68932</v>
      </c>
    </row>
    <row r="13248" spans="1:10" x14ac:dyDescent="0.25">
      <c r="A13248" t="s">
        <v>8090</v>
      </c>
      <c r="B13248" t="s">
        <v>8091</v>
      </c>
      <c r="C13248" t="s">
        <v>8092</v>
      </c>
      <c r="D13248" t="s">
        <v>8068</v>
      </c>
      <c r="E13248" t="s">
        <v>13</v>
      </c>
      <c r="F13248">
        <v>834</v>
      </c>
      <c r="G13248" t="s">
        <v>8093</v>
      </c>
      <c r="H13248">
        <v>6.8830224947219998</v>
      </c>
      <c r="I13248">
        <v>52.213017249141998</v>
      </c>
      <c r="J13248" t="s">
        <v>68933</v>
      </c>
    </row>
    <row r="13249" spans="1:10" x14ac:dyDescent="0.25">
      <c r="A13249" t="s">
        <v>8086</v>
      </c>
      <c r="B13249" t="s">
        <v>8087</v>
      </c>
      <c r="C13249" t="s">
        <v>8088</v>
      </c>
      <c r="D13249" t="s">
        <v>8068</v>
      </c>
      <c r="E13249" t="s">
        <v>13</v>
      </c>
      <c r="F13249">
        <v>833</v>
      </c>
      <c r="G13249" t="s">
        <v>8089</v>
      </c>
      <c r="H13249">
        <v>6.893950517105</v>
      </c>
      <c r="I13249">
        <v>52.213619402869</v>
      </c>
      <c r="J13249" t="s">
        <v>68934</v>
      </c>
    </row>
    <row r="13250" spans="1:10" x14ac:dyDescent="0.25">
      <c r="A13250" t="s">
        <v>8082</v>
      </c>
      <c r="B13250" t="s">
        <v>8083</v>
      </c>
      <c r="C13250" t="s">
        <v>8084</v>
      </c>
      <c r="D13250" t="s">
        <v>8068</v>
      </c>
      <c r="E13250" t="s">
        <v>13</v>
      </c>
      <c r="F13250">
        <v>832</v>
      </c>
      <c r="G13250" t="s">
        <v>8085</v>
      </c>
      <c r="H13250">
        <v>6.9042087439440003</v>
      </c>
      <c r="I13250">
        <v>52.214396033207002</v>
      </c>
      <c r="J13250" t="s">
        <v>68935</v>
      </c>
    </row>
    <row r="13251" spans="1:10" x14ac:dyDescent="0.25">
      <c r="A13251" t="s">
        <v>8078</v>
      </c>
      <c r="B13251" t="s">
        <v>8079</v>
      </c>
      <c r="C13251" t="s">
        <v>8080</v>
      </c>
      <c r="D13251" t="s">
        <v>8068</v>
      </c>
      <c r="E13251" t="s">
        <v>13</v>
      </c>
      <c r="F13251">
        <v>831</v>
      </c>
      <c r="G13251" t="s">
        <v>8081</v>
      </c>
      <c r="H13251">
        <v>6.9057761002840001</v>
      </c>
      <c r="I13251">
        <v>52.220335082098998</v>
      </c>
      <c r="J13251" t="s">
        <v>68936</v>
      </c>
    </row>
    <row r="13252" spans="1:10" x14ac:dyDescent="0.25">
      <c r="A13252" t="s">
        <v>8074</v>
      </c>
      <c r="B13252" t="s">
        <v>8075</v>
      </c>
      <c r="C13252" t="s">
        <v>8076</v>
      </c>
      <c r="D13252" t="s">
        <v>8068</v>
      </c>
      <c r="E13252" t="s">
        <v>13</v>
      </c>
      <c r="F13252">
        <v>830</v>
      </c>
      <c r="G13252" t="s">
        <v>8077</v>
      </c>
      <c r="H13252">
        <v>6.9042187523959999</v>
      </c>
      <c r="I13252">
        <v>52.225996309590997</v>
      </c>
      <c r="J13252" t="s">
        <v>68937</v>
      </c>
    </row>
    <row r="13253" spans="1:10" x14ac:dyDescent="0.25">
      <c r="A13253" t="s">
        <v>8070</v>
      </c>
      <c r="B13253" t="s">
        <v>8071</v>
      </c>
      <c r="C13253" t="s">
        <v>8072</v>
      </c>
      <c r="D13253" t="s">
        <v>8068</v>
      </c>
      <c r="E13253" t="s">
        <v>13</v>
      </c>
      <c r="F13253">
        <v>829</v>
      </c>
      <c r="G13253" t="s">
        <v>8073</v>
      </c>
      <c r="H13253">
        <v>6.8951322412250002</v>
      </c>
      <c r="I13253">
        <v>52.225746793006003</v>
      </c>
      <c r="J13253" t="s">
        <v>68938</v>
      </c>
    </row>
    <row r="13254" spans="1:10" x14ac:dyDescent="0.25">
      <c r="A13254" t="s">
        <v>8065</v>
      </c>
      <c r="B13254" t="s">
        <v>8066</v>
      </c>
      <c r="C13254" t="s">
        <v>8067</v>
      </c>
      <c r="D13254" t="s">
        <v>8068</v>
      </c>
      <c r="E13254" t="s">
        <v>13</v>
      </c>
      <c r="F13254">
        <v>828</v>
      </c>
      <c r="G13254" t="s">
        <v>8069</v>
      </c>
      <c r="H13254">
        <v>6.8943196476919999</v>
      </c>
      <c r="I13254">
        <v>52.220418142250999</v>
      </c>
      <c r="J13254" t="s">
        <v>68939</v>
      </c>
    </row>
    <row r="13255" spans="1:10" x14ac:dyDescent="0.25">
      <c r="A13255" t="s">
        <v>2615</v>
      </c>
      <c r="B13255" t="s">
        <v>2616</v>
      </c>
      <c r="C13255" t="s">
        <v>2617</v>
      </c>
      <c r="D13255" t="s">
        <v>2349</v>
      </c>
      <c r="E13255" t="s">
        <v>13</v>
      </c>
      <c r="F13255">
        <v>827</v>
      </c>
      <c r="G13255" t="s">
        <v>2618</v>
      </c>
      <c r="H13255">
        <v>6.2469373250910003</v>
      </c>
      <c r="I13255">
        <v>52.234663266089001</v>
      </c>
      <c r="J13255" t="s">
        <v>68940</v>
      </c>
    </row>
    <row r="13256" spans="1:10" x14ac:dyDescent="0.25">
      <c r="A13256" t="s">
        <v>2611</v>
      </c>
      <c r="B13256" t="s">
        <v>2612</v>
      </c>
      <c r="C13256" t="s">
        <v>2613</v>
      </c>
      <c r="D13256" t="s">
        <v>2349</v>
      </c>
      <c r="E13256" t="s">
        <v>13</v>
      </c>
      <c r="F13256">
        <v>826</v>
      </c>
      <c r="G13256" t="s">
        <v>2614</v>
      </c>
      <c r="H13256">
        <v>6.3245145513869998</v>
      </c>
      <c r="I13256">
        <v>52.236433444242998</v>
      </c>
      <c r="J13256" t="s">
        <v>68941</v>
      </c>
    </row>
    <row r="13257" spans="1:10" x14ac:dyDescent="0.25">
      <c r="A13257" t="s">
        <v>2607</v>
      </c>
      <c r="B13257" t="s">
        <v>2608</v>
      </c>
      <c r="C13257" t="s">
        <v>2609</v>
      </c>
      <c r="D13257" t="s">
        <v>2349</v>
      </c>
      <c r="E13257" t="s">
        <v>13</v>
      </c>
      <c r="F13257">
        <v>825</v>
      </c>
      <c r="G13257" t="s">
        <v>2610</v>
      </c>
      <c r="H13257">
        <v>6.2872690737359997</v>
      </c>
      <c r="I13257">
        <v>52.238523532507003</v>
      </c>
      <c r="J13257" t="s">
        <v>68942</v>
      </c>
    </row>
    <row r="13258" spans="1:10" x14ac:dyDescent="0.25">
      <c r="A13258" t="s">
        <v>2603</v>
      </c>
      <c r="B13258" t="s">
        <v>2604</v>
      </c>
      <c r="C13258" t="s">
        <v>2605</v>
      </c>
      <c r="D13258" t="s">
        <v>2349</v>
      </c>
      <c r="E13258" t="s">
        <v>13</v>
      </c>
      <c r="F13258">
        <v>824</v>
      </c>
      <c r="G13258" t="s">
        <v>2606</v>
      </c>
      <c r="H13258">
        <v>6.3408712663989997</v>
      </c>
      <c r="I13258">
        <v>52.257248372555999</v>
      </c>
      <c r="J13258" t="s">
        <v>68943</v>
      </c>
    </row>
    <row r="13259" spans="1:10" x14ac:dyDescent="0.25">
      <c r="A13259" t="s">
        <v>2599</v>
      </c>
      <c r="B13259" t="s">
        <v>2600</v>
      </c>
      <c r="C13259" t="s">
        <v>2601</v>
      </c>
      <c r="D13259" t="s">
        <v>2349</v>
      </c>
      <c r="E13259" t="s">
        <v>13</v>
      </c>
      <c r="F13259">
        <v>823</v>
      </c>
      <c r="G13259" t="s">
        <v>2602</v>
      </c>
      <c r="H13259">
        <v>6.2843033526629997</v>
      </c>
      <c r="I13259">
        <v>52.250844217176997</v>
      </c>
      <c r="J13259" t="s">
        <v>68944</v>
      </c>
    </row>
    <row r="13260" spans="1:10" x14ac:dyDescent="0.25">
      <c r="A13260" t="s">
        <v>2595</v>
      </c>
      <c r="B13260" t="s">
        <v>2596</v>
      </c>
      <c r="C13260" t="s">
        <v>2597</v>
      </c>
      <c r="D13260" t="s">
        <v>2349</v>
      </c>
      <c r="E13260" t="s">
        <v>13</v>
      </c>
      <c r="F13260">
        <v>822</v>
      </c>
      <c r="G13260" t="s">
        <v>2598</v>
      </c>
      <c r="H13260">
        <v>6.2774554814480004</v>
      </c>
      <c r="I13260">
        <v>52.279683811717</v>
      </c>
      <c r="J13260" t="s">
        <v>68945</v>
      </c>
    </row>
    <row r="13261" spans="1:10" x14ac:dyDescent="0.25">
      <c r="A13261" t="s">
        <v>2591</v>
      </c>
      <c r="B13261" t="s">
        <v>2592</v>
      </c>
      <c r="C13261" t="s">
        <v>2593</v>
      </c>
      <c r="D13261" t="s">
        <v>2349</v>
      </c>
      <c r="E13261" t="s">
        <v>13</v>
      </c>
      <c r="F13261">
        <v>821</v>
      </c>
      <c r="G13261" t="s">
        <v>2594</v>
      </c>
      <c r="H13261">
        <v>6.2839697050990004</v>
      </c>
      <c r="I13261">
        <v>52.260601582013003</v>
      </c>
      <c r="J13261" t="s">
        <v>68946</v>
      </c>
    </row>
    <row r="13262" spans="1:10" x14ac:dyDescent="0.25">
      <c r="A13262" t="s">
        <v>2587</v>
      </c>
      <c r="B13262" t="s">
        <v>2588</v>
      </c>
      <c r="C13262" t="s">
        <v>2589</v>
      </c>
      <c r="D13262" t="s">
        <v>2349</v>
      </c>
      <c r="E13262" t="s">
        <v>13</v>
      </c>
      <c r="F13262">
        <v>820</v>
      </c>
      <c r="G13262" t="s">
        <v>2590</v>
      </c>
      <c r="H13262">
        <v>6.2732519067080004</v>
      </c>
      <c r="I13262">
        <v>52.276887110564999</v>
      </c>
      <c r="J13262" t="s">
        <v>68947</v>
      </c>
    </row>
    <row r="13263" spans="1:10" x14ac:dyDescent="0.25">
      <c r="A13263" t="s">
        <v>2583</v>
      </c>
      <c r="B13263" t="s">
        <v>2584</v>
      </c>
      <c r="C13263" t="s">
        <v>2585</v>
      </c>
      <c r="D13263" t="s">
        <v>2349</v>
      </c>
      <c r="E13263" t="s">
        <v>13</v>
      </c>
      <c r="F13263">
        <v>819</v>
      </c>
      <c r="G13263" t="s">
        <v>2586</v>
      </c>
      <c r="H13263">
        <v>6.3198290737329996</v>
      </c>
      <c r="I13263">
        <v>52.296924747976</v>
      </c>
      <c r="J13263" t="s">
        <v>68948</v>
      </c>
    </row>
    <row r="13264" spans="1:10" x14ac:dyDescent="0.25">
      <c r="A13264" t="s">
        <v>2579</v>
      </c>
      <c r="B13264" t="s">
        <v>2580</v>
      </c>
      <c r="C13264" t="s">
        <v>2581</v>
      </c>
      <c r="D13264" t="s">
        <v>2349</v>
      </c>
      <c r="E13264" t="s">
        <v>13</v>
      </c>
      <c r="F13264">
        <v>818</v>
      </c>
      <c r="G13264" t="s">
        <v>2582</v>
      </c>
      <c r="H13264">
        <v>6.2175868085710002</v>
      </c>
      <c r="I13264">
        <v>52.296798891240996</v>
      </c>
      <c r="J13264" t="s">
        <v>68949</v>
      </c>
    </row>
    <row r="13265" spans="1:10" x14ac:dyDescent="0.25">
      <c r="A13265" t="s">
        <v>2575</v>
      </c>
      <c r="B13265" t="s">
        <v>2576</v>
      </c>
      <c r="C13265" t="s">
        <v>2577</v>
      </c>
      <c r="D13265" t="s">
        <v>2349</v>
      </c>
      <c r="E13265" t="s">
        <v>13</v>
      </c>
      <c r="F13265">
        <v>817</v>
      </c>
      <c r="G13265" t="s">
        <v>2578</v>
      </c>
      <c r="H13265">
        <v>6.1952219638879997</v>
      </c>
      <c r="I13265">
        <v>52.270904503579999</v>
      </c>
      <c r="J13265" t="s">
        <v>68950</v>
      </c>
    </row>
    <row r="13266" spans="1:10" x14ac:dyDescent="0.25">
      <c r="A13266" t="s">
        <v>2571</v>
      </c>
      <c r="B13266" t="s">
        <v>2572</v>
      </c>
      <c r="C13266" t="s">
        <v>2573</v>
      </c>
      <c r="D13266" t="s">
        <v>2349</v>
      </c>
      <c r="E13266" t="s">
        <v>13</v>
      </c>
      <c r="F13266">
        <v>816</v>
      </c>
      <c r="G13266" t="s">
        <v>2574</v>
      </c>
      <c r="H13266">
        <v>6.1805871765460001</v>
      </c>
      <c r="I13266">
        <v>52.298877836042998</v>
      </c>
      <c r="J13266" t="s">
        <v>68951</v>
      </c>
    </row>
    <row r="13267" spans="1:10" x14ac:dyDescent="0.25">
      <c r="A13267" t="s">
        <v>2567</v>
      </c>
      <c r="B13267" t="s">
        <v>2568</v>
      </c>
      <c r="C13267" t="s">
        <v>2569</v>
      </c>
      <c r="D13267" t="s">
        <v>2349</v>
      </c>
      <c r="E13267" t="s">
        <v>13</v>
      </c>
      <c r="F13267">
        <v>815</v>
      </c>
      <c r="G13267" t="s">
        <v>2570</v>
      </c>
      <c r="H13267">
        <v>6.1229183248219998</v>
      </c>
      <c r="I13267">
        <v>52.287647560239002</v>
      </c>
      <c r="J13267" t="s">
        <v>68952</v>
      </c>
    </row>
    <row r="13268" spans="1:10" x14ac:dyDescent="0.25">
      <c r="A13268" t="s">
        <v>2563</v>
      </c>
      <c r="B13268" t="s">
        <v>2564</v>
      </c>
      <c r="C13268" t="s">
        <v>2565</v>
      </c>
      <c r="D13268" t="s">
        <v>2349</v>
      </c>
      <c r="E13268" t="s">
        <v>13</v>
      </c>
      <c r="F13268">
        <v>814</v>
      </c>
      <c r="G13268" t="s">
        <v>2566</v>
      </c>
      <c r="H13268">
        <v>6.1484626258909998</v>
      </c>
      <c r="I13268">
        <v>52.293376430548001</v>
      </c>
      <c r="J13268" t="s">
        <v>68953</v>
      </c>
    </row>
    <row r="13269" spans="1:10" x14ac:dyDescent="0.25">
      <c r="A13269" t="s">
        <v>2559</v>
      </c>
      <c r="B13269" t="s">
        <v>2560</v>
      </c>
      <c r="C13269" t="s">
        <v>2561</v>
      </c>
      <c r="D13269" t="s">
        <v>2349</v>
      </c>
      <c r="E13269" t="s">
        <v>13</v>
      </c>
      <c r="F13269">
        <v>813</v>
      </c>
      <c r="G13269" t="s">
        <v>2562</v>
      </c>
      <c r="H13269">
        <v>6.2450308074969998</v>
      </c>
      <c r="I13269">
        <v>52.245499877248001</v>
      </c>
      <c r="J13269" t="s">
        <v>68954</v>
      </c>
    </row>
    <row r="13270" spans="1:10" x14ac:dyDescent="0.25">
      <c r="A13270" t="s">
        <v>2555</v>
      </c>
      <c r="B13270" t="s">
        <v>2556</v>
      </c>
      <c r="C13270" t="s">
        <v>2557</v>
      </c>
      <c r="D13270" t="s">
        <v>2349</v>
      </c>
      <c r="E13270" t="s">
        <v>13</v>
      </c>
      <c r="F13270">
        <v>812</v>
      </c>
      <c r="G13270" t="s">
        <v>2558</v>
      </c>
      <c r="H13270">
        <v>6.2172567542269999</v>
      </c>
      <c r="I13270">
        <v>52.239662762277</v>
      </c>
      <c r="J13270" t="s">
        <v>68955</v>
      </c>
    </row>
    <row r="13271" spans="1:10" x14ac:dyDescent="0.25">
      <c r="A13271" t="s">
        <v>2551</v>
      </c>
      <c r="B13271" t="s">
        <v>2552</v>
      </c>
      <c r="C13271" t="s">
        <v>2553</v>
      </c>
      <c r="D13271" t="s">
        <v>2349</v>
      </c>
      <c r="E13271" t="s">
        <v>13</v>
      </c>
      <c r="F13271">
        <v>811</v>
      </c>
      <c r="G13271" t="s">
        <v>2554</v>
      </c>
      <c r="H13271">
        <v>6.2270039448169996</v>
      </c>
      <c r="I13271">
        <v>52.241567518769997</v>
      </c>
      <c r="J13271" t="s">
        <v>68956</v>
      </c>
    </row>
    <row r="13272" spans="1:10" x14ac:dyDescent="0.25">
      <c r="A13272" t="s">
        <v>2547</v>
      </c>
      <c r="B13272" t="s">
        <v>2548</v>
      </c>
      <c r="C13272" t="s">
        <v>2549</v>
      </c>
      <c r="D13272" t="s">
        <v>2349</v>
      </c>
      <c r="E13272" t="s">
        <v>13</v>
      </c>
      <c r="F13272">
        <v>810</v>
      </c>
      <c r="G13272" t="s">
        <v>2550</v>
      </c>
      <c r="H13272">
        <v>6.2269061668349996</v>
      </c>
      <c r="I13272">
        <v>52.245788889735998</v>
      </c>
      <c r="J13272" t="s">
        <v>68957</v>
      </c>
    </row>
    <row r="13273" spans="1:10" x14ac:dyDescent="0.25">
      <c r="A13273" t="s">
        <v>2543</v>
      </c>
      <c r="B13273" t="s">
        <v>2544</v>
      </c>
      <c r="C13273" t="s">
        <v>2545</v>
      </c>
      <c r="D13273" t="s">
        <v>2349</v>
      </c>
      <c r="E13273" t="s">
        <v>13</v>
      </c>
      <c r="F13273">
        <v>809</v>
      </c>
      <c r="G13273" t="s">
        <v>2546</v>
      </c>
      <c r="H13273">
        <v>6.2107162248060002</v>
      </c>
      <c r="I13273">
        <v>52.242759372500998</v>
      </c>
      <c r="J13273" t="s">
        <v>68958</v>
      </c>
    </row>
    <row r="13274" spans="1:10" x14ac:dyDescent="0.25">
      <c r="A13274" t="s">
        <v>2539</v>
      </c>
      <c r="B13274" t="s">
        <v>2540</v>
      </c>
      <c r="C13274" t="s">
        <v>2541</v>
      </c>
      <c r="D13274" t="s">
        <v>2349</v>
      </c>
      <c r="E13274" t="s">
        <v>13</v>
      </c>
      <c r="F13274">
        <v>808</v>
      </c>
      <c r="G13274" t="s">
        <v>2542</v>
      </c>
      <c r="H13274">
        <v>6.218872093331</v>
      </c>
      <c r="I13274">
        <v>52.244602642619</v>
      </c>
      <c r="J13274" t="s">
        <v>68959</v>
      </c>
    </row>
    <row r="13275" spans="1:10" x14ac:dyDescent="0.25">
      <c r="A13275" t="s">
        <v>2535</v>
      </c>
      <c r="B13275" t="s">
        <v>2536</v>
      </c>
      <c r="C13275" t="s">
        <v>2537</v>
      </c>
      <c r="D13275" t="s">
        <v>2349</v>
      </c>
      <c r="E13275" t="s">
        <v>13</v>
      </c>
      <c r="F13275">
        <v>807</v>
      </c>
      <c r="G13275" t="s">
        <v>2538</v>
      </c>
      <c r="H13275">
        <v>6.209810078776</v>
      </c>
      <c r="I13275">
        <v>52.247131842477003</v>
      </c>
      <c r="J13275" t="s">
        <v>68960</v>
      </c>
    </row>
    <row r="13276" spans="1:10" x14ac:dyDescent="0.25">
      <c r="A13276" t="s">
        <v>2531</v>
      </c>
      <c r="B13276" t="s">
        <v>2532</v>
      </c>
      <c r="C13276" t="s">
        <v>2533</v>
      </c>
      <c r="D13276" t="s">
        <v>2349</v>
      </c>
      <c r="E13276" t="s">
        <v>13</v>
      </c>
      <c r="F13276">
        <v>806</v>
      </c>
      <c r="G13276" t="s">
        <v>2534</v>
      </c>
      <c r="H13276">
        <v>6.2066799210220003</v>
      </c>
      <c r="I13276">
        <v>52.249620927210998</v>
      </c>
      <c r="J13276" t="s">
        <v>68961</v>
      </c>
    </row>
    <row r="13277" spans="1:10" x14ac:dyDescent="0.25">
      <c r="A13277" t="s">
        <v>2527</v>
      </c>
      <c r="B13277" t="s">
        <v>2528</v>
      </c>
      <c r="C13277" t="s">
        <v>2529</v>
      </c>
      <c r="D13277" t="s">
        <v>2349</v>
      </c>
      <c r="E13277" t="s">
        <v>13</v>
      </c>
      <c r="F13277">
        <v>805</v>
      </c>
      <c r="G13277" t="s">
        <v>2530</v>
      </c>
      <c r="H13277">
        <v>6.222430203139</v>
      </c>
      <c r="I13277">
        <v>52.249555741058003</v>
      </c>
      <c r="J13277" t="s">
        <v>68962</v>
      </c>
    </row>
    <row r="13278" spans="1:10" x14ac:dyDescent="0.25">
      <c r="A13278" t="s">
        <v>2523</v>
      </c>
      <c r="B13278" t="s">
        <v>2524</v>
      </c>
      <c r="C13278" t="s">
        <v>2525</v>
      </c>
      <c r="D13278" t="s">
        <v>2349</v>
      </c>
      <c r="E13278" t="s">
        <v>13</v>
      </c>
      <c r="F13278">
        <v>804</v>
      </c>
      <c r="G13278" t="s">
        <v>2526</v>
      </c>
      <c r="H13278">
        <v>6.1948129195800004</v>
      </c>
      <c r="I13278">
        <v>52.248651921658997</v>
      </c>
      <c r="J13278" t="s">
        <v>68963</v>
      </c>
    </row>
    <row r="13279" spans="1:10" x14ac:dyDescent="0.25">
      <c r="A13279" t="s">
        <v>2519</v>
      </c>
      <c r="B13279" t="s">
        <v>2520</v>
      </c>
      <c r="C13279" t="s">
        <v>2521</v>
      </c>
      <c r="D13279" t="s">
        <v>2349</v>
      </c>
      <c r="E13279" t="s">
        <v>13</v>
      </c>
      <c r="F13279">
        <v>803</v>
      </c>
      <c r="G13279" t="s">
        <v>2522</v>
      </c>
      <c r="H13279">
        <v>6.2459881355010003</v>
      </c>
      <c r="I13279">
        <v>52.257045969495998</v>
      </c>
      <c r="J13279" t="s">
        <v>68964</v>
      </c>
    </row>
    <row r="13280" spans="1:10" x14ac:dyDescent="0.25">
      <c r="A13280" t="s">
        <v>2515</v>
      </c>
      <c r="B13280" t="s">
        <v>2516</v>
      </c>
      <c r="C13280" t="s">
        <v>2517</v>
      </c>
      <c r="D13280" t="s">
        <v>2349</v>
      </c>
      <c r="E13280" t="s">
        <v>13</v>
      </c>
      <c r="F13280">
        <v>802</v>
      </c>
      <c r="G13280" t="s">
        <v>2518</v>
      </c>
      <c r="H13280">
        <v>6.2314034645419998</v>
      </c>
      <c r="I13280">
        <v>52.264281540931997</v>
      </c>
      <c r="J13280" t="s">
        <v>68965</v>
      </c>
    </row>
    <row r="13281" spans="1:10" x14ac:dyDescent="0.25">
      <c r="A13281" t="s">
        <v>2511</v>
      </c>
      <c r="B13281" t="s">
        <v>2512</v>
      </c>
      <c r="C13281" t="s">
        <v>2513</v>
      </c>
      <c r="D13281" t="s">
        <v>2349</v>
      </c>
      <c r="E13281" t="s">
        <v>13</v>
      </c>
      <c r="F13281">
        <v>801</v>
      </c>
      <c r="G13281" t="s">
        <v>2514</v>
      </c>
      <c r="H13281">
        <v>6.2176964656729998</v>
      </c>
      <c r="I13281">
        <v>52.264764072109998</v>
      </c>
      <c r="J13281" t="s">
        <v>68966</v>
      </c>
    </row>
    <row r="13282" spans="1:10" x14ac:dyDescent="0.25">
      <c r="A13282" t="s">
        <v>2507</v>
      </c>
      <c r="B13282" t="s">
        <v>2508</v>
      </c>
      <c r="C13282" t="s">
        <v>2509</v>
      </c>
      <c r="D13282" t="s">
        <v>2349</v>
      </c>
      <c r="E13282" t="s">
        <v>13</v>
      </c>
      <c r="F13282">
        <v>800</v>
      </c>
      <c r="G13282" t="s">
        <v>2510</v>
      </c>
      <c r="H13282">
        <v>6.2158804979209998</v>
      </c>
      <c r="I13282">
        <v>52.260146018035002</v>
      </c>
      <c r="J13282" t="s">
        <v>68967</v>
      </c>
    </row>
    <row r="13283" spans="1:10" x14ac:dyDescent="0.25">
      <c r="A13283" t="s">
        <v>2503</v>
      </c>
      <c r="B13283" t="s">
        <v>2504</v>
      </c>
      <c r="C13283" t="s">
        <v>2505</v>
      </c>
      <c r="D13283" t="s">
        <v>2349</v>
      </c>
      <c r="E13283" t="s">
        <v>13</v>
      </c>
      <c r="F13283">
        <v>799</v>
      </c>
      <c r="G13283" t="s">
        <v>2506</v>
      </c>
      <c r="H13283">
        <v>6.2332854342020001</v>
      </c>
      <c r="I13283">
        <v>52.258153064525999</v>
      </c>
      <c r="J13283" t="s">
        <v>68968</v>
      </c>
    </row>
    <row r="13284" spans="1:10" x14ac:dyDescent="0.25">
      <c r="A13284" t="s">
        <v>2499</v>
      </c>
      <c r="B13284" t="s">
        <v>2500</v>
      </c>
      <c r="C13284" t="s">
        <v>2501</v>
      </c>
      <c r="D13284" t="s">
        <v>2349</v>
      </c>
      <c r="E13284" t="s">
        <v>13</v>
      </c>
      <c r="F13284">
        <v>798</v>
      </c>
      <c r="G13284" t="s">
        <v>2502</v>
      </c>
      <c r="H13284">
        <v>6.2243322694670002</v>
      </c>
      <c r="I13284">
        <v>52.261077513114998</v>
      </c>
      <c r="J13284" t="s">
        <v>68969</v>
      </c>
    </row>
    <row r="13285" spans="1:10" x14ac:dyDescent="0.25">
      <c r="A13285" t="s">
        <v>2495</v>
      </c>
      <c r="B13285" t="s">
        <v>2496</v>
      </c>
      <c r="C13285" t="s">
        <v>2497</v>
      </c>
      <c r="D13285" t="s">
        <v>2349</v>
      </c>
      <c r="E13285" t="s">
        <v>13</v>
      </c>
      <c r="F13285">
        <v>797</v>
      </c>
      <c r="G13285" t="s">
        <v>2498</v>
      </c>
      <c r="H13285">
        <v>6.2246592282639996</v>
      </c>
      <c r="I13285">
        <v>52.254979691670997</v>
      </c>
      <c r="J13285" t="s">
        <v>68970</v>
      </c>
    </row>
    <row r="13286" spans="1:10" x14ac:dyDescent="0.25">
      <c r="A13286" t="s">
        <v>2491</v>
      </c>
      <c r="B13286" t="s">
        <v>2492</v>
      </c>
      <c r="C13286" t="s">
        <v>2493</v>
      </c>
      <c r="D13286" t="s">
        <v>2349</v>
      </c>
      <c r="E13286" t="s">
        <v>13</v>
      </c>
      <c r="F13286">
        <v>796</v>
      </c>
      <c r="G13286" t="s">
        <v>2494</v>
      </c>
      <c r="H13286">
        <v>6.2013662962079996</v>
      </c>
      <c r="I13286">
        <v>52.252712228619004</v>
      </c>
      <c r="J13286" t="s">
        <v>68971</v>
      </c>
    </row>
    <row r="13287" spans="1:10" x14ac:dyDescent="0.25">
      <c r="A13287" t="s">
        <v>2487</v>
      </c>
      <c r="B13287" t="s">
        <v>2488</v>
      </c>
      <c r="C13287" t="s">
        <v>2489</v>
      </c>
      <c r="D13287" t="s">
        <v>2349</v>
      </c>
      <c r="E13287" t="s">
        <v>13</v>
      </c>
      <c r="F13287">
        <v>795</v>
      </c>
      <c r="G13287" t="s">
        <v>2490</v>
      </c>
      <c r="H13287">
        <v>6.2086611833919996</v>
      </c>
      <c r="I13287">
        <v>52.256324759306999</v>
      </c>
      <c r="J13287" t="s">
        <v>68972</v>
      </c>
    </row>
    <row r="13288" spans="1:10" x14ac:dyDescent="0.25">
      <c r="A13288" t="s">
        <v>2483</v>
      </c>
      <c r="B13288" t="s">
        <v>2484</v>
      </c>
      <c r="C13288" t="s">
        <v>2485</v>
      </c>
      <c r="D13288" t="s">
        <v>2349</v>
      </c>
      <c r="E13288" t="s">
        <v>13</v>
      </c>
      <c r="F13288">
        <v>794</v>
      </c>
      <c r="G13288" t="s">
        <v>2486</v>
      </c>
      <c r="H13288">
        <v>6.2108713317130002</v>
      </c>
      <c r="I13288">
        <v>52.251962086740001</v>
      </c>
      <c r="J13288" t="s">
        <v>68973</v>
      </c>
    </row>
    <row r="13289" spans="1:10" x14ac:dyDescent="0.25">
      <c r="A13289" t="s">
        <v>2479</v>
      </c>
      <c r="B13289" t="s">
        <v>2480</v>
      </c>
      <c r="C13289" t="s">
        <v>2481</v>
      </c>
      <c r="D13289" t="s">
        <v>2349</v>
      </c>
      <c r="E13289" t="s">
        <v>13</v>
      </c>
      <c r="F13289">
        <v>793</v>
      </c>
      <c r="G13289" t="s">
        <v>2482</v>
      </c>
      <c r="H13289">
        <v>6.1985906307149996</v>
      </c>
      <c r="I13289">
        <v>52.232449809418</v>
      </c>
      <c r="J13289" t="s">
        <v>68974</v>
      </c>
    </row>
    <row r="13290" spans="1:10" x14ac:dyDescent="0.25">
      <c r="A13290" t="s">
        <v>2475</v>
      </c>
      <c r="B13290" t="s">
        <v>2476</v>
      </c>
      <c r="C13290" t="s">
        <v>2477</v>
      </c>
      <c r="D13290" t="s">
        <v>2349</v>
      </c>
      <c r="E13290" t="s">
        <v>13</v>
      </c>
      <c r="F13290">
        <v>792</v>
      </c>
      <c r="G13290" t="s">
        <v>2478</v>
      </c>
      <c r="H13290">
        <v>6.1958995481350003</v>
      </c>
      <c r="I13290">
        <v>52.240123512674003</v>
      </c>
      <c r="J13290" t="s">
        <v>68975</v>
      </c>
    </row>
    <row r="13291" spans="1:10" x14ac:dyDescent="0.25">
      <c r="A13291" t="s">
        <v>2472</v>
      </c>
      <c r="B13291" t="s">
        <v>2473</v>
      </c>
      <c r="C13291" t="s">
        <v>1560</v>
      </c>
      <c r="D13291" t="s">
        <v>2349</v>
      </c>
      <c r="E13291" t="s">
        <v>13</v>
      </c>
      <c r="F13291">
        <v>791</v>
      </c>
      <c r="G13291" t="s">
        <v>2474</v>
      </c>
      <c r="H13291">
        <v>6.1752175551089996</v>
      </c>
      <c r="I13291">
        <v>52.243066210640002</v>
      </c>
      <c r="J13291" t="s">
        <v>68976</v>
      </c>
    </row>
    <row r="13292" spans="1:10" x14ac:dyDescent="0.25">
      <c r="A13292" t="s">
        <v>2468</v>
      </c>
      <c r="B13292" t="s">
        <v>2469</v>
      </c>
      <c r="C13292" t="s">
        <v>2470</v>
      </c>
      <c r="D13292" t="s">
        <v>2349</v>
      </c>
      <c r="E13292" t="s">
        <v>13</v>
      </c>
      <c r="F13292">
        <v>790</v>
      </c>
      <c r="G13292" t="s">
        <v>2471</v>
      </c>
      <c r="H13292">
        <v>6.1689240301370001</v>
      </c>
      <c r="I13292">
        <v>52.253822308958</v>
      </c>
      <c r="J13292" t="s">
        <v>68977</v>
      </c>
    </row>
    <row r="13293" spans="1:10" x14ac:dyDescent="0.25">
      <c r="A13293" t="s">
        <v>2464</v>
      </c>
      <c r="B13293" t="s">
        <v>2465</v>
      </c>
      <c r="C13293" t="s">
        <v>2466</v>
      </c>
      <c r="D13293" t="s">
        <v>2349</v>
      </c>
      <c r="E13293" t="s">
        <v>13</v>
      </c>
      <c r="F13293">
        <v>789</v>
      </c>
      <c r="G13293" t="s">
        <v>2467</v>
      </c>
      <c r="H13293">
        <v>6.1866323364960003</v>
      </c>
      <c r="I13293">
        <v>52.254420799724997</v>
      </c>
      <c r="J13293" t="s">
        <v>68978</v>
      </c>
    </row>
    <row r="13294" spans="1:10" x14ac:dyDescent="0.25">
      <c r="A13294" t="s">
        <v>2461</v>
      </c>
      <c r="B13294" t="s">
        <v>2462</v>
      </c>
      <c r="C13294" t="s">
        <v>49</v>
      </c>
      <c r="D13294" t="s">
        <v>2349</v>
      </c>
      <c r="E13294" t="s">
        <v>13</v>
      </c>
      <c r="F13294">
        <v>788</v>
      </c>
      <c r="G13294" t="s">
        <v>2463</v>
      </c>
      <c r="H13294">
        <v>6.1769478812519996</v>
      </c>
      <c r="I13294">
        <v>52.255284342743998</v>
      </c>
      <c r="J13294" t="s">
        <v>68979</v>
      </c>
    </row>
    <row r="13295" spans="1:10" x14ac:dyDescent="0.25">
      <c r="A13295" t="s">
        <v>2457</v>
      </c>
      <c r="B13295" t="s">
        <v>2458</v>
      </c>
      <c r="C13295" t="s">
        <v>2459</v>
      </c>
      <c r="D13295" t="s">
        <v>2349</v>
      </c>
      <c r="E13295" t="s">
        <v>13</v>
      </c>
      <c r="F13295">
        <v>787</v>
      </c>
      <c r="G13295" t="s">
        <v>2460</v>
      </c>
      <c r="H13295">
        <v>6.1699345100849996</v>
      </c>
      <c r="I13295">
        <v>52.277138071430002</v>
      </c>
      <c r="J13295" t="s">
        <v>68980</v>
      </c>
    </row>
    <row r="13296" spans="1:10" x14ac:dyDescent="0.25">
      <c r="A13296" t="s">
        <v>2453</v>
      </c>
      <c r="B13296" t="s">
        <v>2454</v>
      </c>
      <c r="C13296" t="s">
        <v>2455</v>
      </c>
      <c r="D13296" t="s">
        <v>2349</v>
      </c>
      <c r="E13296" t="s">
        <v>13</v>
      </c>
      <c r="F13296">
        <v>786</v>
      </c>
      <c r="G13296" t="s">
        <v>2456</v>
      </c>
      <c r="H13296">
        <v>6.1606580954129999</v>
      </c>
      <c r="I13296">
        <v>52.273795470907999</v>
      </c>
      <c r="J13296" t="s">
        <v>68981</v>
      </c>
    </row>
    <row r="13297" spans="1:10" x14ac:dyDescent="0.25">
      <c r="A13297" t="s">
        <v>2449</v>
      </c>
      <c r="B13297" t="s">
        <v>2450</v>
      </c>
      <c r="C13297" t="s">
        <v>2451</v>
      </c>
      <c r="D13297" t="s">
        <v>2349</v>
      </c>
      <c r="E13297" t="s">
        <v>13</v>
      </c>
      <c r="F13297">
        <v>785</v>
      </c>
      <c r="G13297" t="s">
        <v>2452</v>
      </c>
      <c r="H13297">
        <v>6.1709982838729998</v>
      </c>
      <c r="I13297">
        <v>52.269924388302002</v>
      </c>
      <c r="J13297" t="s">
        <v>68982</v>
      </c>
    </row>
    <row r="13298" spans="1:10" x14ac:dyDescent="0.25">
      <c r="A13298" t="s">
        <v>2445</v>
      </c>
      <c r="B13298" t="s">
        <v>2446</v>
      </c>
      <c r="C13298" t="s">
        <v>2447</v>
      </c>
      <c r="D13298" t="s">
        <v>2349</v>
      </c>
      <c r="E13298" t="s">
        <v>13</v>
      </c>
      <c r="F13298">
        <v>784</v>
      </c>
      <c r="G13298" t="s">
        <v>2448</v>
      </c>
      <c r="H13298">
        <v>6.171200033821</v>
      </c>
      <c r="I13298">
        <v>52.264144264772</v>
      </c>
      <c r="J13298" t="s">
        <v>68983</v>
      </c>
    </row>
    <row r="13299" spans="1:10" x14ac:dyDescent="0.25">
      <c r="A13299" t="s">
        <v>2441</v>
      </c>
      <c r="B13299" t="s">
        <v>2442</v>
      </c>
      <c r="C13299" t="s">
        <v>2443</v>
      </c>
      <c r="D13299" t="s">
        <v>2349</v>
      </c>
      <c r="E13299" t="s">
        <v>13</v>
      </c>
      <c r="F13299">
        <v>783</v>
      </c>
      <c r="G13299" t="s">
        <v>2444</v>
      </c>
      <c r="H13299">
        <v>6.1646491089089999</v>
      </c>
      <c r="I13299">
        <v>52.265783958044999</v>
      </c>
      <c r="J13299" t="s">
        <v>68984</v>
      </c>
    </row>
    <row r="13300" spans="1:10" x14ac:dyDescent="0.25">
      <c r="A13300" t="s">
        <v>2437</v>
      </c>
      <c r="B13300" t="s">
        <v>2438</v>
      </c>
      <c r="C13300" t="s">
        <v>2439</v>
      </c>
      <c r="D13300" t="s">
        <v>2349</v>
      </c>
      <c r="E13300" t="s">
        <v>13</v>
      </c>
      <c r="F13300">
        <v>782</v>
      </c>
      <c r="G13300" t="s">
        <v>2440</v>
      </c>
      <c r="H13300">
        <v>6.1594149403970002</v>
      </c>
      <c r="I13300">
        <v>52.268156596649</v>
      </c>
      <c r="J13300" t="s">
        <v>68985</v>
      </c>
    </row>
    <row r="13301" spans="1:10" x14ac:dyDescent="0.25">
      <c r="A13301" t="s">
        <v>2433</v>
      </c>
      <c r="B13301" t="s">
        <v>2434</v>
      </c>
      <c r="C13301" t="s">
        <v>2435</v>
      </c>
      <c r="D13301" t="s">
        <v>2349</v>
      </c>
      <c r="E13301" t="s">
        <v>13</v>
      </c>
      <c r="F13301">
        <v>781</v>
      </c>
      <c r="G13301" t="s">
        <v>2436</v>
      </c>
      <c r="H13301">
        <v>6.1325741058009999</v>
      </c>
      <c r="I13301">
        <v>52.274112421887999</v>
      </c>
      <c r="J13301" t="s">
        <v>68986</v>
      </c>
    </row>
    <row r="13302" spans="1:10" x14ac:dyDescent="0.25">
      <c r="A13302" t="s">
        <v>2429</v>
      </c>
      <c r="B13302" t="s">
        <v>2430</v>
      </c>
      <c r="C13302" t="s">
        <v>2431</v>
      </c>
      <c r="D13302" t="s">
        <v>2349</v>
      </c>
      <c r="E13302" t="s">
        <v>13</v>
      </c>
      <c r="F13302">
        <v>780</v>
      </c>
      <c r="G13302" t="s">
        <v>2432</v>
      </c>
      <c r="H13302">
        <v>6.1490541677500001</v>
      </c>
      <c r="I13302">
        <v>52.273806166016001</v>
      </c>
      <c r="J13302" t="s">
        <v>68987</v>
      </c>
    </row>
    <row r="13303" spans="1:10" x14ac:dyDescent="0.25">
      <c r="A13303" t="s">
        <v>2425</v>
      </c>
      <c r="B13303" t="s">
        <v>2426</v>
      </c>
      <c r="C13303" t="s">
        <v>2427</v>
      </c>
      <c r="D13303" t="s">
        <v>2349</v>
      </c>
      <c r="E13303" t="s">
        <v>13</v>
      </c>
      <c r="F13303">
        <v>779</v>
      </c>
      <c r="G13303" t="s">
        <v>2428</v>
      </c>
      <c r="H13303">
        <v>6.1836117891600004</v>
      </c>
      <c r="I13303">
        <v>52.263021950612</v>
      </c>
      <c r="J13303" t="s">
        <v>68988</v>
      </c>
    </row>
    <row r="13304" spans="1:10" x14ac:dyDescent="0.25">
      <c r="A13304" t="s">
        <v>2421</v>
      </c>
      <c r="B13304" t="s">
        <v>2422</v>
      </c>
      <c r="C13304" t="s">
        <v>2423</v>
      </c>
      <c r="D13304" t="s">
        <v>2349</v>
      </c>
      <c r="E13304" t="s">
        <v>13</v>
      </c>
      <c r="F13304">
        <v>778</v>
      </c>
      <c r="G13304" t="s">
        <v>2424</v>
      </c>
      <c r="H13304">
        <v>6.190001492515</v>
      </c>
      <c r="I13304">
        <v>52.258490603482997</v>
      </c>
      <c r="J13304" t="s">
        <v>68989</v>
      </c>
    </row>
    <row r="13305" spans="1:10" x14ac:dyDescent="0.25">
      <c r="A13305" t="s">
        <v>2417</v>
      </c>
      <c r="B13305" t="s">
        <v>2418</v>
      </c>
      <c r="C13305" t="s">
        <v>2419</v>
      </c>
      <c r="D13305" t="s">
        <v>2349</v>
      </c>
      <c r="E13305" t="s">
        <v>13</v>
      </c>
      <c r="F13305">
        <v>777</v>
      </c>
      <c r="G13305" t="s">
        <v>2420</v>
      </c>
      <c r="H13305">
        <v>6.1682895806450002</v>
      </c>
      <c r="I13305">
        <v>52.257418245948003</v>
      </c>
      <c r="J13305" t="s">
        <v>68990</v>
      </c>
    </row>
    <row r="13306" spans="1:10" x14ac:dyDescent="0.25">
      <c r="A13306" t="s">
        <v>2413</v>
      </c>
      <c r="B13306" t="s">
        <v>2414</v>
      </c>
      <c r="C13306" t="s">
        <v>2415</v>
      </c>
      <c r="D13306" t="s">
        <v>2349</v>
      </c>
      <c r="E13306" t="s">
        <v>13</v>
      </c>
      <c r="F13306">
        <v>776</v>
      </c>
      <c r="G13306" t="s">
        <v>2416</v>
      </c>
      <c r="H13306">
        <v>6.1621693231209997</v>
      </c>
      <c r="I13306">
        <v>52.258946551609</v>
      </c>
      <c r="J13306" t="s">
        <v>68991</v>
      </c>
    </row>
    <row r="13307" spans="1:10" x14ac:dyDescent="0.25">
      <c r="A13307" t="s">
        <v>2409</v>
      </c>
      <c r="B13307" t="s">
        <v>2410</v>
      </c>
      <c r="C13307" t="s">
        <v>2411</v>
      </c>
      <c r="D13307" t="s">
        <v>2349</v>
      </c>
      <c r="E13307" t="s">
        <v>13</v>
      </c>
      <c r="F13307">
        <v>775</v>
      </c>
      <c r="G13307" t="s">
        <v>2412</v>
      </c>
      <c r="H13307">
        <v>6.1644884555950004</v>
      </c>
      <c r="I13307">
        <v>52.261035924909002</v>
      </c>
      <c r="J13307" t="s">
        <v>68992</v>
      </c>
    </row>
    <row r="13308" spans="1:10" x14ac:dyDescent="0.25">
      <c r="A13308" t="s">
        <v>2405</v>
      </c>
      <c r="B13308" t="s">
        <v>2406</v>
      </c>
      <c r="C13308" t="s">
        <v>2407</v>
      </c>
      <c r="D13308" t="s">
        <v>2349</v>
      </c>
      <c r="E13308" t="s">
        <v>13</v>
      </c>
      <c r="F13308">
        <v>774</v>
      </c>
      <c r="G13308" t="s">
        <v>2408</v>
      </c>
      <c r="H13308">
        <v>6.1587784923119999</v>
      </c>
      <c r="I13308">
        <v>52.263299745641</v>
      </c>
      <c r="J13308" t="s">
        <v>68993</v>
      </c>
    </row>
    <row r="13309" spans="1:10" x14ac:dyDescent="0.25">
      <c r="A13309" t="s">
        <v>2401</v>
      </c>
      <c r="B13309" t="s">
        <v>2402</v>
      </c>
      <c r="C13309" t="s">
        <v>2403</v>
      </c>
      <c r="D13309" t="s">
        <v>2349</v>
      </c>
      <c r="E13309" t="s">
        <v>13</v>
      </c>
      <c r="F13309">
        <v>773</v>
      </c>
      <c r="G13309" t="s">
        <v>2404</v>
      </c>
      <c r="H13309">
        <v>6.152197300089</v>
      </c>
      <c r="I13309">
        <v>52.264039075924003</v>
      </c>
      <c r="J13309" t="s">
        <v>68994</v>
      </c>
    </row>
    <row r="13310" spans="1:10" x14ac:dyDescent="0.25">
      <c r="A13310" t="s">
        <v>2398</v>
      </c>
      <c r="B13310" t="s">
        <v>2399</v>
      </c>
      <c r="C13310" t="s">
        <v>89</v>
      </c>
      <c r="D13310" t="s">
        <v>2349</v>
      </c>
      <c r="E13310" t="s">
        <v>13</v>
      </c>
      <c r="F13310">
        <v>772</v>
      </c>
      <c r="G13310" t="s">
        <v>2400</v>
      </c>
      <c r="H13310">
        <v>6.1390906196159998</v>
      </c>
      <c r="I13310">
        <v>52.269804368213997</v>
      </c>
      <c r="J13310" t="s">
        <v>68995</v>
      </c>
    </row>
    <row r="13311" spans="1:10" x14ac:dyDescent="0.25">
      <c r="A13311" t="s">
        <v>2394</v>
      </c>
      <c r="B13311" t="s">
        <v>2395</v>
      </c>
      <c r="C13311" t="s">
        <v>2396</v>
      </c>
      <c r="D13311" t="s">
        <v>2349</v>
      </c>
      <c r="E13311" t="s">
        <v>13</v>
      </c>
      <c r="F13311">
        <v>771</v>
      </c>
      <c r="G13311" t="s">
        <v>2397</v>
      </c>
      <c r="H13311">
        <v>6.1305654553700002</v>
      </c>
      <c r="I13311">
        <v>52.265913197846999</v>
      </c>
      <c r="J13311" t="s">
        <v>68996</v>
      </c>
    </row>
    <row r="13312" spans="1:10" x14ac:dyDescent="0.25">
      <c r="A13312" t="s">
        <v>2390</v>
      </c>
      <c r="B13312" t="s">
        <v>2391</v>
      </c>
      <c r="C13312" t="s">
        <v>2392</v>
      </c>
      <c r="D13312" t="s">
        <v>2349</v>
      </c>
      <c r="E13312" t="s">
        <v>13</v>
      </c>
      <c r="F13312">
        <v>770</v>
      </c>
      <c r="G13312" t="s">
        <v>2393</v>
      </c>
      <c r="H13312">
        <v>6.1390653116170002</v>
      </c>
      <c r="I13312">
        <v>52.260889032013999</v>
      </c>
      <c r="J13312" t="s">
        <v>68997</v>
      </c>
    </row>
    <row r="13313" spans="1:10" x14ac:dyDescent="0.25">
      <c r="A13313" t="s">
        <v>2386</v>
      </c>
      <c r="B13313" t="s">
        <v>2387</v>
      </c>
      <c r="C13313" t="s">
        <v>2388</v>
      </c>
      <c r="D13313" t="s">
        <v>2349</v>
      </c>
      <c r="E13313" t="s">
        <v>13</v>
      </c>
      <c r="F13313">
        <v>769</v>
      </c>
      <c r="G13313" t="s">
        <v>2389</v>
      </c>
      <c r="H13313">
        <v>6.1458120917689998</v>
      </c>
      <c r="I13313">
        <v>52.258275037828</v>
      </c>
      <c r="J13313" t="s">
        <v>68998</v>
      </c>
    </row>
    <row r="13314" spans="1:10" x14ac:dyDescent="0.25">
      <c r="A13314" t="s">
        <v>2382</v>
      </c>
      <c r="B13314" t="s">
        <v>2383</v>
      </c>
      <c r="C13314" t="s">
        <v>2384</v>
      </c>
      <c r="D13314" t="s">
        <v>2349</v>
      </c>
      <c r="E13314" t="s">
        <v>13</v>
      </c>
      <c r="F13314">
        <v>768</v>
      </c>
      <c r="G13314" t="s">
        <v>2385</v>
      </c>
      <c r="H13314">
        <v>6.1446012654700004</v>
      </c>
      <c r="I13314">
        <v>52.263651559513001</v>
      </c>
      <c r="J13314" t="s">
        <v>68999</v>
      </c>
    </row>
    <row r="13315" spans="1:10" x14ac:dyDescent="0.25">
      <c r="A13315" t="s">
        <v>2378</v>
      </c>
      <c r="B13315" t="s">
        <v>2379</v>
      </c>
      <c r="C13315" t="s">
        <v>2380</v>
      </c>
      <c r="D13315" t="s">
        <v>2349</v>
      </c>
      <c r="E13315" t="s">
        <v>13</v>
      </c>
      <c r="F13315">
        <v>767</v>
      </c>
      <c r="G13315" t="s">
        <v>2381</v>
      </c>
      <c r="H13315">
        <v>6.150752649867</v>
      </c>
      <c r="I13315">
        <v>52.259834497941</v>
      </c>
      <c r="J13315" t="s">
        <v>69000</v>
      </c>
    </row>
    <row r="13316" spans="1:10" x14ac:dyDescent="0.25">
      <c r="A13316" t="s">
        <v>2375</v>
      </c>
      <c r="B13316" t="s">
        <v>2376</v>
      </c>
      <c r="C13316" t="s">
        <v>703</v>
      </c>
      <c r="D13316" t="s">
        <v>2349</v>
      </c>
      <c r="E13316" t="s">
        <v>13</v>
      </c>
      <c r="F13316">
        <v>766</v>
      </c>
      <c r="G13316" t="s">
        <v>2377</v>
      </c>
      <c r="H13316">
        <v>6.1486308963149998</v>
      </c>
      <c r="I13316">
        <v>52.242031597992998</v>
      </c>
      <c r="J13316" t="s">
        <v>69001</v>
      </c>
    </row>
    <row r="13317" spans="1:10" x14ac:dyDescent="0.25">
      <c r="A13317" t="s">
        <v>2371</v>
      </c>
      <c r="B13317" t="s">
        <v>2372</v>
      </c>
      <c r="C13317" t="s">
        <v>2373</v>
      </c>
      <c r="D13317" t="s">
        <v>2349</v>
      </c>
      <c r="E13317" t="s">
        <v>13</v>
      </c>
      <c r="F13317">
        <v>765</v>
      </c>
      <c r="G13317" t="s">
        <v>2374</v>
      </c>
      <c r="H13317">
        <v>6.1662136820570002</v>
      </c>
      <c r="I13317">
        <v>52.247920290301998</v>
      </c>
      <c r="J13317" t="s">
        <v>69002</v>
      </c>
    </row>
    <row r="13318" spans="1:10" x14ac:dyDescent="0.25">
      <c r="A13318" t="s">
        <v>2367</v>
      </c>
      <c r="B13318" t="s">
        <v>2368</v>
      </c>
      <c r="C13318" t="s">
        <v>2369</v>
      </c>
      <c r="D13318" t="s">
        <v>2349</v>
      </c>
      <c r="E13318" t="s">
        <v>13</v>
      </c>
      <c r="F13318">
        <v>764</v>
      </c>
      <c r="G13318" t="s">
        <v>2370</v>
      </c>
      <c r="H13318">
        <v>6.164466104782</v>
      </c>
      <c r="I13318">
        <v>52.250348928849</v>
      </c>
      <c r="J13318" t="s">
        <v>69003</v>
      </c>
    </row>
    <row r="13319" spans="1:10" x14ac:dyDescent="0.25">
      <c r="A13319" t="s">
        <v>2363</v>
      </c>
      <c r="B13319" t="s">
        <v>2364</v>
      </c>
      <c r="C13319" t="s">
        <v>2365</v>
      </c>
      <c r="D13319" t="s">
        <v>2349</v>
      </c>
      <c r="E13319" t="s">
        <v>13</v>
      </c>
      <c r="F13319">
        <v>763</v>
      </c>
      <c r="G13319" t="s">
        <v>2366</v>
      </c>
      <c r="H13319">
        <v>6.1581994842069996</v>
      </c>
      <c r="I13319">
        <v>52.256268324326001</v>
      </c>
      <c r="J13319" t="s">
        <v>69004</v>
      </c>
    </row>
    <row r="13320" spans="1:10" x14ac:dyDescent="0.25">
      <c r="A13320" t="s">
        <v>2359</v>
      </c>
      <c r="B13320" t="s">
        <v>2360</v>
      </c>
      <c r="C13320" t="s">
        <v>2361</v>
      </c>
      <c r="D13320" t="s">
        <v>2349</v>
      </c>
      <c r="E13320" t="s">
        <v>13</v>
      </c>
      <c r="F13320">
        <v>762</v>
      </c>
      <c r="G13320" t="s">
        <v>2362</v>
      </c>
      <c r="H13320">
        <v>6.1496587680259998</v>
      </c>
      <c r="I13320">
        <v>52.255207287997997</v>
      </c>
      <c r="J13320" t="s">
        <v>69005</v>
      </c>
    </row>
    <row r="13321" spans="1:10" x14ac:dyDescent="0.25">
      <c r="A13321" t="s">
        <v>2355</v>
      </c>
      <c r="B13321" t="s">
        <v>2356</v>
      </c>
      <c r="C13321" t="s">
        <v>2357</v>
      </c>
      <c r="D13321" t="s">
        <v>2349</v>
      </c>
      <c r="E13321" t="s">
        <v>13</v>
      </c>
      <c r="F13321">
        <v>761</v>
      </c>
      <c r="G13321" t="s">
        <v>2358</v>
      </c>
      <c r="H13321">
        <v>6.1528474154769999</v>
      </c>
      <c r="I13321">
        <v>52.253628243557003</v>
      </c>
      <c r="J13321" t="s">
        <v>69006</v>
      </c>
    </row>
    <row r="13322" spans="1:10" x14ac:dyDescent="0.25">
      <c r="A13322" t="s">
        <v>2351</v>
      </c>
      <c r="B13322" t="s">
        <v>2352</v>
      </c>
      <c r="C13322" t="s">
        <v>2353</v>
      </c>
      <c r="D13322" t="s">
        <v>2349</v>
      </c>
      <c r="E13322" t="s">
        <v>13</v>
      </c>
      <c r="F13322">
        <v>760</v>
      </c>
      <c r="G13322" t="s">
        <v>2354</v>
      </c>
      <c r="H13322">
        <v>6.1618795477320001</v>
      </c>
      <c r="I13322">
        <v>52.251662735480998</v>
      </c>
      <c r="J13322" t="s">
        <v>69007</v>
      </c>
    </row>
    <row r="13323" spans="1:10" x14ac:dyDescent="0.25">
      <c r="A13323" t="s">
        <v>2347</v>
      </c>
      <c r="B13323" t="s">
        <v>2348</v>
      </c>
      <c r="C13323" t="s">
        <v>129</v>
      </c>
      <c r="D13323" t="s">
        <v>2349</v>
      </c>
      <c r="E13323" t="s">
        <v>13</v>
      </c>
      <c r="F13323">
        <v>759</v>
      </c>
      <c r="G13323" t="s">
        <v>2350</v>
      </c>
      <c r="H13323">
        <v>6.1567593922070003</v>
      </c>
      <c r="I13323">
        <v>52.252533119197999</v>
      </c>
      <c r="J13323" t="s">
        <v>69008</v>
      </c>
    </row>
    <row r="13324" spans="1:10" x14ac:dyDescent="0.25">
      <c r="A13324" t="s">
        <v>2343</v>
      </c>
      <c r="B13324" t="s">
        <v>2344</v>
      </c>
      <c r="C13324" t="s">
        <v>2345</v>
      </c>
      <c r="D13324" t="s">
        <v>2305</v>
      </c>
      <c r="E13324" t="s">
        <v>13</v>
      </c>
      <c r="F13324">
        <v>758</v>
      </c>
      <c r="G13324" t="s">
        <v>2346</v>
      </c>
      <c r="H13324">
        <v>6.3604261185080002</v>
      </c>
      <c r="I13324">
        <v>52.440448145288002</v>
      </c>
      <c r="J13324" t="s">
        <v>69009</v>
      </c>
    </row>
    <row r="13325" spans="1:10" x14ac:dyDescent="0.25">
      <c r="A13325" t="s">
        <v>2339</v>
      </c>
      <c r="B13325" t="s">
        <v>2340</v>
      </c>
      <c r="C13325" t="s">
        <v>2341</v>
      </c>
      <c r="D13325" t="s">
        <v>2305</v>
      </c>
      <c r="E13325" t="s">
        <v>13</v>
      </c>
      <c r="F13325">
        <v>757</v>
      </c>
      <c r="G13325" t="s">
        <v>2342</v>
      </c>
      <c r="H13325">
        <v>6.3159844042369997</v>
      </c>
      <c r="I13325">
        <v>52.448681736643003</v>
      </c>
      <c r="J13325" t="s">
        <v>69010</v>
      </c>
    </row>
    <row r="13326" spans="1:10" x14ac:dyDescent="0.25">
      <c r="A13326" t="s">
        <v>2335</v>
      </c>
      <c r="B13326" t="s">
        <v>2336</v>
      </c>
      <c r="C13326" t="s">
        <v>2337</v>
      </c>
      <c r="D13326" t="s">
        <v>2305</v>
      </c>
      <c r="E13326" t="s">
        <v>13</v>
      </c>
      <c r="F13326">
        <v>756</v>
      </c>
      <c r="G13326" t="s">
        <v>2338</v>
      </c>
      <c r="H13326">
        <v>6.3359309133470001</v>
      </c>
      <c r="I13326">
        <v>52.439424190974002</v>
      </c>
      <c r="J13326" t="s">
        <v>69011</v>
      </c>
    </row>
    <row r="13327" spans="1:10" x14ac:dyDescent="0.25">
      <c r="A13327" t="s">
        <v>2331</v>
      </c>
      <c r="B13327" t="s">
        <v>2332</v>
      </c>
      <c r="C13327" t="s">
        <v>2333</v>
      </c>
      <c r="D13327" t="s">
        <v>2305</v>
      </c>
      <c r="E13327" t="s">
        <v>13</v>
      </c>
      <c r="F13327">
        <v>755</v>
      </c>
      <c r="G13327" t="s">
        <v>2334</v>
      </c>
      <c r="H13327">
        <v>6.3351902711610002</v>
      </c>
      <c r="I13327">
        <v>52.449062201893</v>
      </c>
      <c r="J13327" t="s">
        <v>69012</v>
      </c>
    </row>
    <row r="13328" spans="1:10" x14ac:dyDescent="0.25">
      <c r="A13328" t="s">
        <v>2327</v>
      </c>
      <c r="B13328" t="s">
        <v>2328</v>
      </c>
      <c r="C13328" t="s">
        <v>2329</v>
      </c>
      <c r="D13328" t="s">
        <v>2305</v>
      </c>
      <c r="E13328" t="s">
        <v>13</v>
      </c>
      <c r="F13328">
        <v>754</v>
      </c>
      <c r="G13328" t="s">
        <v>2330</v>
      </c>
      <c r="H13328">
        <v>6.3469988627119998</v>
      </c>
      <c r="I13328">
        <v>52.445709846082998</v>
      </c>
      <c r="J13328" t="s">
        <v>69013</v>
      </c>
    </row>
    <row r="13329" spans="1:10" x14ac:dyDescent="0.25">
      <c r="A13329" t="s">
        <v>2323</v>
      </c>
      <c r="B13329" t="s">
        <v>2324</v>
      </c>
      <c r="C13329" t="s">
        <v>2325</v>
      </c>
      <c r="D13329" t="s">
        <v>2305</v>
      </c>
      <c r="E13329" t="s">
        <v>13</v>
      </c>
      <c r="F13329">
        <v>753</v>
      </c>
      <c r="G13329" t="s">
        <v>2326</v>
      </c>
      <c r="H13329">
        <v>6.3341875689030003</v>
      </c>
      <c r="I13329">
        <v>52.445414308769998</v>
      </c>
      <c r="J13329" t="s">
        <v>69014</v>
      </c>
    </row>
    <row r="13330" spans="1:10" x14ac:dyDescent="0.25">
      <c r="A13330" t="s">
        <v>8061</v>
      </c>
      <c r="B13330" t="s">
        <v>8062</v>
      </c>
      <c r="C13330" t="s">
        <v>8063</v>
      </c>
      <c r="D13330" t="s">
        <v>2305</v>
      </c>
      <c r="E13330" t="s">
        <v>13</v>
      </c>
      <c r="F13330">
        <v>752</v>
      </c>
      <c r="G13330" t="s">
        <v>8064</v>
      </c>
      <c r="H13330">
        <v>6.3154101780890004</v>
      </c>
      <c r="I13330">
        <v>52.578939407744997</v>
      </c>
      <c r="J13330" t="s">
        <v>69015</v>
      </c>
    </row>
    <row r="13331" spans="1:10" x14ac:dyDescent="0.25">
      <c r="A13331" t="s">
        <v>8057</v>
      </c>
      <c r="B13331" t="s">
        <v>8058</v>
      </c>
      <c r="C13331" t="s">
        <v>8059</v>
      </c>
      <c r="D13331" t="s">
        <v>2305</v>
      </c>
      <c r="E13331" t="s">
        <v>13</v>
      </c>
      <c r="F13331">
        <v>751</v>
      </c>
      <c r="G13331" t="s">
        <v>8060</v>
      </c>
      <c r="H13331">
        <v>6.2419904487439997</v>
      </c>
      <c r="I13331">
        <v>52.566178044517002</v>
      </c>
      <c r="J13331" t="s">
        <v>69016</v>
      </c>
    </row>
    <row r="13332" spans="1:10" x14ac:dyDescent="0.25">
      <c r="A13332" t="s">
        <v>8053</v>
      </c>
      <c r="B13332" t="s">
        <v>8054</v>
      </c>
      <c r="C13332" t="s">
        <v>8055</v>
      </c>
      <c r="D13332" t="s">
        <v>2305</v>
      </c>
      <c r="E13332" t="s">
        <v>13</v>
      </c>
      <c r="F13332">
        <v>750</v>
      </c>
      <c r="G13332" t="s">
        <v>8056</v>
      </c>
      <c r="H13332">
        <v>6.3075335979659997</v>
      </c>
      <c r="I13332">
        <v>52.591273131474999</v>
      </c>
      <c r="J13332" t="s">
        <v>69017</v>
      </c>
    </row>
    <row r="13333" spans="1:10" x14ac:dyDescent="0.25">
      <c r="A13333" t="s">
        <v>8049</v>
      </c>
      <c r="B13333" t="s">
        <v>8050</v>
      </c>
      <c r="C13333" t="s">
        <v>8051</v>
      </c>
      <c r="D13333" t="s">
        <v>2305</v>
      </c>
      <c r="E13333" t="s">
        <v>13</v>
      </c>
      <c r="F13333">
        <v>749</v>
      </c>
      <c r="G13333" t="s">
        <v>8052</v>
      </c>
      <c r="H13333">
        <v>6.2340974900820001</v>
      </c>
      <c r="I13333">
        <v>52.581081925481001</v>
      </c>
      <c r="J13333" t="s">
        <v>69018</v>
      </c>
    </row>
    <row r="13334" spans="1:10" x14ac:dyDescent="0.25">
      <c r="A13334" t="s">
        <v>8045</v>
      </c>
      <c r="B13334" t="s">
        <v>8046</v>
      </c>
      <c r="C13334" t="s">
        <v>8047</v>
      </c>
      <c r="D13334" t="s">
        <v>2305</v>
      </c>
      <c r="E13334" t="s">
        <v>13</v>
      </c>
      <c r="F13334">
        <v>748</v>
      </c>
      <c r="G13334" t="s">
        <v>8048</v>
      </c>
      <c r="H13334">
        <v>6.2847922794739999</v>
      </c>
      <c r="I13334">
        <v>52.593819224297</v>
      </c>
      <c r="J13334" t="s">
        <v>69019</v>
      </c>
    </row>
    <row r="13335" spans="1:10" x14ac:dyDescent="0.25">
      <c r="A13335" t="s">
        <v>8041</v>
      </c>
      <c r="B13335" t="s">
        <v>8042</v>
      </c>
      <c r="C13335" t="s">
        <v>8043</v>
      </c>
      <c r="D13335" t="s">
        <v>2305</v>
      </c>
      <c r="E13335" t="s">
        <v>13</v>
      </c>
      <c r="F13335">
        <v>747</v>
      </c>
      <c r="G13335" t="s">
        <v>8044</v>
      </c>
      <c r="H13335">
        <v>6.2497093360019997</v>
      </c>
      <c r="I13335">
        <v>52.589471990603997</v>
      </c>
      <c r="J13335" t="s">
        <v>69020</v>
      </c>
    </row>
    <row r="13336" spans="1:10" x14ac:dyDescent="0.25">
      <c r="A13336" t="s">
        <v>8037</v>
      </c>
      <c r="B13336" t="s">
        <v>8038</v>
      </c>
      <c r="C13336" t="s">
        <v>8039</v>
      </c>
      <c r="D13336" t="s">
        <v>2305</v>
      </c>
      <c r="E13336" t="s">
        <v>13</v>
      </c>
      <c r="F13336">
        <v>746</v>
      </c>
      <c r="G13336" t="s">
        <v>8040</v>
      </c>
      <c r="H13336">
        <v>6.2749715013229999</v>
      </c>
      <c r="I13336">
        <v>52.578402829204997</v>
      </c>
      <c r="J13336" t="s">
        <v>69021</v>
      </c>
    </row>
    <row r="13337" spans="1:10" x14ac:dyDescent="0.25">
      <c r="A13337" t="s">
        <v>8033</v>
      </c>
      <c r="B13337" t="s">
        <v>8034</v>
      </c>
      <c r="C13337" t="s">
        <v>8035</v>
      </c>
      <c r="D13337" t="s">
        <v>2305</v>
      </c>
      <c r="E13337" t="s">
        <v>13</v>
      </c>
      <c r="F13337">
        <v>745</v>
      </c>
      <c r="G13337" t="s">
        <v>8036</v>
      </c>
      <c r="H13337">
        <v>6.2932666725509998</v>
      </c>
      <c r="I13337">
        <v>52.570837582284</v>
      </c>
      <c r="J13337" t="s">
        <v>69022</v>
      </c>
    </row>
    <row r="13338" spans="1:10" x14ac:dyDescent="0.25">
      <c r="A13338" t="s">
        <v>8029</v>
      </c>
      <c r="B13338" t="s">
        <v>8030</v>
      </c>
      <c r="C13338" t="s">
        <v>8031</v>
      </c>
      <c r="D13338" t="s">
        <v>2305</v>
      </c>
      <c r="E13338" t="s">
        <v>13</v>
      </c>
      <c r="F13338">
        <v>744</v>
      </c>
      <c r="G13338" t="s">
        <v>8032</v>
      </c>
      <c r="H13338">
        <v>6.2890109876200002</v>
      </c>
      <c r="I13338">
        <v>52.577512073617001</v>
      </c>
      <c r="J13338" t="s">
        <v>69023</v>
      </c>
    </row>
    <row r="13339" spans="1:10" x14ac:dyDescent="0.25">
      <c r="A13339" t="s">
        <v>8025</v>
      </c>
      <c r="B13339" t="s">
        <v>8026</v>
      </c>
      <c r="C13339" t="s">
        <v>8027</v>
      </c>
      <c r="D13339" t="s">
        <v>2305</v>
      </c>
      <c r="E13339" t="s">
        <v>13</v>
      </c>
      <c r="F13339">
        <v>743</v>
      </c>
      <c r="G13339" t="s">
        <v>8028</v>
      </c>
      <c r="H13339">
        <v>6.285935646155</v>
      </c>
      <c r="I13339">
        <v>52.583107405753999</v>
      </c>
      <c r="J13339" t="s">
        <v>69024</v>
      </c>
    </row>
    <row r="13340" spans="1:10" x14ac:dyDescent="0.25">
      <c r="A13340" t="s">
        <v>8021</v>
      </c>
      <c r="B13340" t="s">
        <v>8022</v>
      </c>
      <c r="C13340" t="s">
        <v>8023</v>
      </c>
      <c r="D13340" t="s">
        <v>2305</v>
      </c>
      <c r="E13340" t="s">
        <v>13</v>
      </c>
      <c r="F13340">
        <v>742</v>
      </c>
      <c r="G13340" t="s">
        <v>8024</v>
      </c>
      <c r="H13340">
        <v>6.2791703663499998</v>
      </c>
      <c r="I13340">
        <v>52.590310476421003</v>
      </c>
      <c r="J13340" t="s">
        <v>69025</v>
      </c>
    </row>
    <row r="13341" spans="1:10" x14ac:dyDescent="0.25">
      <c r="A13341" t="s">
        <v>8017</v>
      </c>
      <c r="B13341" t="s">
        <v>8018</v>
      </c>
      <c r="C13341" t="s">
        <v>8019</v>
      </c>
      <c r="D13341" t="s">
        <v>2305</v>
      </c>
      <c r="E13341" t="s">
        <v>13</v>
      </c>
      <c r="F13341">
        <v>741</v>
      </c>
      <c r="G13341" t="s">
        <v>8020</v>
      </c>
      <c r="H13341">
        <v>6.3180300123129998</v>
      </c>
      <c r="I13341">
        <v>52.545819143698999</v>
      </c>
      <c r="J13341" t="s">
        <v>69026</v>
      </c>
    </row>
    <row r="13342" spans="1:10" x14ac:dyDescent="0.25">
      <c r="A13342" t="s">
        <v>8013</v>
      </c>
      <c r="B13342" t="s">
        <v>8014</v>
      </c>
      <c r="C13342" t="s">
        <v>8015</v>
      </c>
      <c r="D13342" t="s">
        <v>2305</v>
      </c>
      <c r="E13342" t="s">
        <v>13</v>
      </c>
      <c r="F13342">
        <v>740</v>
      </c>
      <c r="G13342" t="s">
        <v>8016</v>
      </c>
      <c r="H13342">
        <v>6.3112637149550004</v>
      </c>
      <c r="I13342">
        <v>52.534374525650001</v>
      </c>
      <c r="J13342" t="s">
        <v>69027</v>
      </c>
    </row>
    <row r="13343" spans="1:10" x14ac:dyDescent="0.25">
      <c r="A13343" t="s">
        <v>2319</v>
      </c>
      <c r="B13343" t="s">
        <v>2320</v>
      </c>
      <c r="C13343" t="s">
        <v>2321</v>
      </c>
      <c r="D13343" t="s">
        <v>2305</v>
      </c>
      <c r="E13343" t="s">
        <v>13</v>
      </c>
      <c r="F13343">
        <v>739</v>
      </c>
      <c r="G13343" t="s">
        <v>2322</v>
      </c>
      <c r="H13343">
        <v>6.2134890309059996</v>
      </c>
      <c r="I13343">
        <v>52.477060686355998</v>
      </c>
      <c r="J13343" t="s">
        <v>69028</v>
      </c>
    </row>
    <row r="13344" spans="1:10" x14ac:dyDescent="0.25">
      <c r="A13344" t="s">
        <v>2315</v>
      </c>
      <c r="B13344" t="s">
        <v>2316</v>
      </c>
      <c r="C13344" t="s">
        <v>2317</v>
      </c>
      <c r="D13344" t="s">
        <v>2305</v>
      </c>
      <c r="E13344" t="s">
        <v>13</v>
      </c>
      <c r="F13344">
        <v>738</v>
      </c>
      <c r="G13344" t="s">
        <v>2318</v>
      </c>
      <c r="H13344">
        <v>6.2267762485159999</v>
      </c>
      <c r="I13344">
        <v>52.485906705818998</v>
      </c>
      <c r="J13344" t="s">
        <v>69029</v>
      </c>
    </row>
    <row r="13345" spans="1:10" x14ac:dyDescent="0.25">
      <c r="A13345" t="s">
        <v>8009</v>
      </c>
      <c r="B13345" t="s">
        <v>8010</v>
      </c>
      <c r="C13345" t="s">
        <v>8011</v>
      </c>
      <c r="D13345" t="s">
        <v>2305</v>
      </c>
      <c r="E13345" t="s">
        <v>13</v>
      </c>
      <c r="F13345">
        <v>737</v>
      </c>
      <c r="G13345" t="s">
        <v>8012</v>
      </c>
      <c r="H13345">
        <v>6.2113008162119998</v>
      </c>
      <c r="I13345">
        <v>52.505342387313</v>
      </c>
      <c r="J13345" t="s">
        <v>69030</v>
      </c>
    </row>
    <row r="13346" spans="1:10" x14ac:dyDescent="0.25">
      <c r="A13346" t="s">
        <v>2311</v>
      </c>
      <c r="B13346" t="s">
        <v>2312</v>
      </c>
      <c r="C13346" t="s">
        <v>2313</v>
      </c>
      <c r="D13346" t="s">
        <v>2305</v>
      </c>
      <c r="E13346" t="s">
        <v>13</v>
      </c>
      <c r="F13346">
        <v>736</v>
      </c>
      <c r="G13346" t="s">
        <v>2314</v>
      </c>
      <c r="H13346">
        <v>6.2703212227799998</v>
      </c>
      <c r="I13346">
        <v>52.483438095102997</v>
      </c>
      <c r="J13346" t="s">
        <v>69031</v>
      </c>
    </row>
    <row r="13347" spans="1:10" x14ac:dyDescent="0.25">
      <c r="A13347" t="s">
        <v>2307</v>
      </c>
      <c r="B13347" t="s">
        <v>2308</v>
      </c>
      <c r="C13347" t="s">
        <v>2309</v>
      </c>
      <c r="D13347" t="s">
        <v>2305</v>
      </c>
      <c r="E13347" t="s">
        <v>13</v>
      </c>
      <c r="F13347">
        <v>735</v>
      </c>
      <c r="G13347" t="s">
        <v>2310</v>
      </c>
      <c r="H13347">
        <v>6.3052407208429999</v>
      </c>
      <c r="I13347">
        <v>52.466458239970997</v>
      </c>
      <c r="J13347" t="s">
        <v>69032</v>
      </c>
    </row>
    <row r="13348" spans="1:10" x14ac:dyDescent="0.25">
      <c r="A13348" t="s">
        <v>2302</v>
      </c>
      <c r="B13348" t="s">
        <v>2303</v>
      </c>
      <c r="C13348" t="s">
        <v>2304</v>
      </c>
      <c r="D13348" t="s">
        <v>2305</v>
      </c>
      <c r="E13348" t="s">
        <v>13</v>
      </c>
      <c r="F13348">
        <v>734</v>
      </c>
      <c r="G13348" t="s">
        <v>2306</v>
      </c>
      <c r="H13348">
        <v>6.3155721838519998</v>
      </c>
      <c r="I13348">
        <v>52.498567728502003</v>
      </c>
      <c r="J13348" t="s">
        <v>69033</v>
      </c>
    </row>
    <row r="13349" spans="1:10" x14ac:dyDescent="0.25">
      <c r="A13349" t="s">
        <v>8005</v>
      </c>
      <c r="B13349" t="s">
        <v>8006</v>
      </c>
      <c r="C13349" t="s">
        <v>8007</v>
      </c>
      <c r="D13349" t="s">
        <v>2305</v>
      </c>
      <c r="E13349" t="s">
        <v>13</v>
      </c>
      <c r="F13349">
        <v>733</v>
      </c>
      <c r="G13349" t="s">
        <v>8008</v>
      </c>
      <c r="H13349">
        <v>6.2806574438849996</v>
      </c>
      <c r="I13349">
        <v>52.518312243186003</v>
      </c>
      <c r="J13349" t="s">
        <v>69034</v>
      </c>
    </row>
    <row r="13350" spans="1:10" x14ac:dyDescent="0.25">
      <c r="A13350" t="s">
        <v>8001</v>
      </c>
      <c r="B13350" t="s">
        <v>8002</v>
      </c>
      <c r="C13350" t="s">
        <v>8003</v>
      </c>
      <c r="D13350" t="s">
        <v>2305</v>
      </c>
      <c r="E13350" t="s">
        <v>13</v>
      </c>
      <c r="F13350">
        <v>732</v>
      </c>
      <c r="G13350" t="s">
        <v>8004</v>
      </c>
      <c r="H13350">
        <v>6.2471678099719998</v>
      </c>
      <c r="I13350">
        <v>52.544835437878</v>
      </c>
      <c r="J13350" t="s">
        <v>69035</v>
      </c>
    </row>
    <row r="13351" spans="1:10" x14ac:dyDescent="0.25">
      <c r="A13351" t="s">
        <v>7997</v>
      </c>
      <c r="B13351" t="s">
        <v>7998</v>
      </c>
      <c r="C13351" t="s">
        <v>7999</v>
      </c>
      <c r="D13351" t="s">
        <v>2305</v>
      </c>
      <c r="E13351" t="s">
        <v>13</v>
      </c>
      <c r="F13351">
        <v>731</v>
      </c>
      <c r="G13351" t="s">
        <v>8000</v>
      </c>
      <c r="H13351">
        <v>6.2256760220640004</v>
      </c>
      <c r="I13351">
        <v>52.524811405260003</v>
      </c>
      <c r="J13351" t="s">
        <v>69036</v>
      </c>
    </row>
    <row r="13352" spans="1:10" x14ac:dyDescent="0.25">
      <c r="A13352" t="s">
        <v>7993</v>
      </c>
      <c r="B13352" t="s">
        <v>7994</v>
      </c>
      <c r="C13352" t="s">
        <v>7995</v>
      </c>
      <c r="D13352" t="s">
        <v>2305</v>
      </c>
      <c r="E13352" t="s">
        <v>13</v>
      </c>
      <c r="F13352">
        <v>730</v>
      </c>
      <c r="G13352" t="s">
        <v>7996</v>
      </c>
      <c r="H13352">
        <v>6.2425467104059997</v>
      </c>
      <c r="I13352">
        <v>52.522414060395</v>
      </c>
      <c r="J13352" t="s">
        <v>69037</v>
      </c>
    </row>
    <row r="13353" spans="1:10" x14ac:dyDescent="0.25">
      <c r="A13353" t="s">
        <v>7989</v>
      </c>
      <c r="B13353" t="s">
        <v>7990</v>
      </c>
      <c r="C13353" t="s">
        <v>7991</v>
      </c>
      <c r="D13353" t="s">
        <v>2305</v>
      </c>
      <c r="E13353" t="s">
        <v>13</v>
      </c>
      <c r="F13353">
        <v>729</v>
      </c>
      <c r="G13353" t="s">
        <v>7992</v>
      </c>
      <c r="H13353">
        <v>6.2671621387740002</v>
      </c>
      <c r="I13353">
        <v>52.51085337424</v>
      </c>
      <c r="J13353" t="s">
        <v>69038</v>
      </c>
    </row>
    <row r="13354" spans="1:10" x14ac:dyDescent="0.25">
      <c r="A13354" t="s">
        <v>7985</v>
      </c>
      <c r="B13354" t="s">
        <v>7986</v>
      </c>
      <c r="C13354" t="s">
        <v>7987</v>
      </c>
      <c r="D13354" t="s">
        <v>2305</v>
      </c>
      <c r="E13354" t="s">
        <v>13</v>
      </c>
      <c r="F13354">
        <v>728</v>
      </c>
      <c r="G13354" t="s">
        <v>7988</v>
      </c>
      <c r="H13354">
        <v>6.2698512529480004</v>
      </c>
      <c r="I13354">
        <v>52.515075369572003</v>
      </c>
      <c r="J13354" t="s">
        <v>69039</v>
      </c>
    </row>
    <row r="13355" spans="1:10" x14ac:dyDescent="0.25">
      <c r="A13355" t="s">
        <v>7981</v>
      </c>
      <c r="B13355" t="s">
        <v>7982</v>
      </c>
      <c r="C13355" t="s">
        <v>7983</v>
      </c>
      <c r="D13355" t="s">
        <v>2305</v>
      </c>
      <c r="E13355" t="s">
        <v>13</v>
      </c>
      <c r="F13355">
        <v>727</v>
      </c>
      <c r="G13355" t="s">
        <v>7984</v>
      </c>
      <c r="H13355">
        <v>6.253630537636</v>
      </c>
      <c r="I13355">
        <v>52.518421401254002</v>
      </c>
      <c r="J13355" t="s">
        <v>69040</v>
      </c>
    </row>
    <row r="13356" spans="1:10" x14ac:dyDescent="0.25">
      <c r="A13356" t="s">
        <v>7977</v>
      </c>
      <c r="B13356" t="s">
        <v>7978</v>
      </c>
      <c r="C13356" t="s">
        <v>7979</v>
      </c>
      <c r="D13356" t="s">
        <v>2305</v>
      </c>
      <c r="E13356" t="s">
        <v>13</v>
      </c>
      <c r="F13356">
        <v>726</v>
      </c>
      <c r="G13356" t="s">
        <v>7980</v>
      </c>
      <c r="H13356">
        <v>6.2542469771110003</v>
      </c>
      <c r="I13356">
        <v>52.513281473324</v>
      </c>
      <c r="J13356" t="s">
        <v>69041</v>
      </c>
    </row>
    <row r="13357" spans="1:10" x14ac:dyDescent="0.25">
      <c r="A13357" t="s">
        <v>7973</v>
      </c>
      <c r="B13357" t="s">
        <v>7974</v>
      </c>
      <c r="C13357" t="s">
        <v>7975</v>
      </c>
      <c r="D13357" t="s">
        <v>2305</v>
      </c>
      <c r="E13357" t="s">
        <v>13</v>
      </c>
      <c r="F13357">
        <v>725</v>
      </c>
      <c r="G13357" t="s">
        <v>7976</v>
      </c>
      <c r="H13357">
        <v>6.2574332791809999</v>
      </c>
      <c r="I13357">
        <v>52.508719194672999</v>
      </c>
      <c r="J13357" t="s">
        <v>69042</v>
      </c>
    </row>
    <row r="13358" spans="1:10" x14ac:dyDescent="0.25">
      <c r="A13358" t="s">
        <v>7969</v>
      </c>
      <c r="B13358" t="s">
        <v>7970</v>
      </c>
      <c r="C13358" t="s">
        <v>7971</v>
      </c>
      <c r="D13358" t="s">
        <v>2305</v>
      </c>
      <c r="E13358" t="s">
        <v>13</v>
      </c>
      <c r="F13358">
        <v>724</v>
      </c>
      <c r="G13358" t="s">
        <v>7972</v>
      </c>
      <c r="H13358">
        <v>6.2498158547119997</v>
      </c>
      <c r="I13358">
        <v>52.506442375284003</v>
      </c>
      <c r="J13358" t="s">
        <v>69043</v>
      </c>
    </row>
    <row r="13359" spans="1:10" x14ac:dyDescent="0.25">
      <c r="A13359" t="s">
        <v>7965</v>
      </c>
      <c r="B13359" t="s">
        <v>7966</v>
      </c>
      <c r="C13359" t="s">
        <v>7967</v>
      </c>
      <c r="D13359" t="s">
        <v>2305</v>
      </c>
      <c r="E13359" t="s">
        <v>13</v>
      </c>
      <c r="F13359">
        <v>723</v>
      </c>
      <c r="G13359" t="s">
        <v>7968</v>
      </c>
      <c r="H13359">
        <v>6.2580443582739997</v>
      </c>
      <c r="I13359">
        <v>52.504150392169002</v>
      </c>
      <c r="J13359" t="s">
        <v>69044</v>
      </c>
    </row>
    <row r="13360" spans="1:10" x14ac:dyDescent="0.25">
      <c r="A13360" t="s">
        <v>7961</v>
      </c>
      <c r="B13360" t="s">
        <v>7962</v>
      </c>
      <c r="C13360" t="s">
        <v>7963</v>
      </c>
      <c r="D13360" t="s">
        <v>7907</v>
      </c>
      <c r="E13360" t="s">
        <v>13</v>
      </c>
      <c r="F13360">
        <v>722</v>
      </c>
      <c r="G13360" t="s">
        <v>7964</v>
      </c>
      <c r="H13360">
        <v>6.7679184191559996</v>
      </c>
      <c r="I13360">
        <v>52.318179663400997</v>
      </c>
      <c r="J13360" t="s">
        <v>69045</v>
      </c>
    </row>
    <row r="13361" spans="1:10" x14ac:dyDescent="0.25">
      <c r="A13361" t="s">
        <v>7957</v>
      </c>
      <c r="B13361" t="s">
        <v>7958</v>
      </c>
      <c r="C13361" t="s">
        <v>7959</v>
      </c>
      <c r="D13361" t="s">
        <v>7907</v>
      </c>
      <c r="E13361" t="s">
        <v>13</v>
      </c>
      <c r="F13361">
        <v>721</v>
      </c>
      <c r="G13361" t="s">
        <v>7960</v>
      </c>
      <c r="H13361">
        <v>6.7594417349229996</v>
      </c>
      <c r="I13361">
        <v>52.320094194909998</v>
      </c>
      <c r="J13361" t="s">
        <v>69046</v>
      </c>
    </row>
    <row r="13362" spans="1:10" x14ac:dyDescent="0.25">
      <c r="A13362" t="s">
        <v>7953</v>
      </c>
      <c r="B13362" t="s">
        <v>7954</v>
      </c>
      <c r="C13362" t="s">
        <v>7955</v>
      </c>
      <c r="D13362" t="s">
        <v>7907</v>
      </c>
      <c r="E13362" t="s">
        <v>13</v>
      </c>
      <c r="F13362">
        <v>720</v>
      </c>
      <c r="G13362" t="s">
        <v>7956</v>
      </c>
      <c r="H13362">
        <v>6.7261997364360004</v>
      </c>
      <c r="I13362">
        <v>52.323529338893003</v>
      </c>
      <c r="J13362" t="s">
        <v>69047</v>
      </c>
    </row>
    <row r="13363" spans="1:10" x14ac:dyDescent="0.25">
      <c r="A13363" t="s">
        <v>7949</v>
      </c>
      <c r="B13363" t="s">
        <v>7950</v>
      </c>
      <c r="C13363" t="s">
        <v>7951</v>
      </c>
      <c r="D13363" t="s">
        <v>7907</v>
      </c>
      <c r="E13363" t="s">
        <v>13</v>
      </c>
      <c r="F13363">
        <v>719</v>
      </c>
      <c r="G13363" t="s">
        <v>7952</v>
      </c>
      <c r="H13363">
        <v>6.7240814823740003</v>
      </c>
      <c r="I13363">
        <v>52.323516118446001</v>
      </c>
      <c r="J13363" t="s">
        <v>69048</v>
      </c>
    </row>
    <row r="13364" spans="1:10" x14ac:dyDescent="0.25">
      <c r="A13364" t="s">
        <v>7945</v>
      </c>
      <c r="B13364" t="s">
        <v>7946</v>
      </c>
      <c r="C13364" t="s">
        <v>7947</v>
      </c>
      <c r="D13364" t="s">
        <v>7907</v>
      </c>
      <c r="E13364" t="s">
        <v>13</v>
      </c>
      <c r="F13364">
        <v>718</v>
      </c>
      <c r="G13364" t="s">
        <v>7948</v>
      </c>
      <c r="H13364">
        <v>6.7855818923050002</v>
      </c>
      <c r="I13364">
        <v>52.305229725430003</v>
      </c>
      <c r="J13364" t="s">
        <v>69049</v>
      </c>
    </row>
    <row r="13365" spans="1:10" x14ac:dyDescent="0.25">
      <c r="A13365" t="s">
        <v>7941</v>
      </c>
      <c r="B13365" t="s">
        <v>7942</v>
      </c>
      <c r="C13365" t="s">
        <v>7943</v>
      </c>
      <c r="D13365" t="s">
        <v>7907</v>
      </c>
      <c r="E13365" t="s">
        <v>13</v>
      </c>
      <c r="F13365">
        <v>717</v>
      </c>
      <c r="G13365" t="s">
        <v>7944</v>
      </c>
      <c r="H13365">
        <v>6.7212263071500002</v>
      </c>
      <c r="I13365">
        <v>52.302169333555</v>
      </c>
      <c r="J13365" t="s">
        <v>69050</v>
      </c>
    </row>
    <row r="13366" spans="1:10" x14ac:dyDescent="0.25">
      <c r="A13366" t="s">
        <v>7937</v>
      </c>
      <c r="B13366" t="s">
        <v>7938</v>
      </c>
      <c r="C13366" t="s">
        <v>7939</v>
      </c>
      <c r="D13366" t="s">
        <v>7907</v>
      </c>
      <c r="E13366" t="s">
        <v>13</v>
      </c>
      <c r="F13366">
        <v>716</v>
      </c>
      <c r="G13366" t="s">
        <v>7940</v>
      </c>
      <c r="H13366">
        <v>6.7576557004640003</v>
      </c>
      <c r="I13366">
        <v>52.309338145647999</v>
      </c>
      <c r="J13366" t="s">
        <v>69051</v>
      </c>
    </row>
    <row r="13367" spans="1:10" x14ac:dyDescent="0.25">
      <c r="A13367" t="s">
        <v>7933</v>
      </c>
      <c r="B13367" t="s">
        <v>7934</v>
      </c>
      <c r="C13367" t="s">
        <v>7935</v>
      </c>
      <c r="D13367" t="s">
        <v>7907</v>
      </c>
      <c r="E13367" t="s">
        <v>13</v>
      </c>
      <c r="F13367">
        <v>715</v>
      </c>
      <c r="G13367" t="s">
        <v>7936</v>
      </c>
      <c r="H13367">
        <v>6.7499394603439997</v>
      </c>
      <c r="I13367">
        <v>52.292811086383999</v>
      </c>
      <c r="J13367" t="s">
        <v>69052</v>
      </c>
    </row>
    <row r="13368" spans="1:10" x14ac:dyDescent="0.25">
      <c r="A13368" t="s">
        <v>7929</v>
      </c>
      <c r="B13368" t="s">
        <v>7930</v>
      </c>
      <c r="C13368" t="s">
        <v>7931</v>
      </c>
      <c r="D13368" t="s">
        <v>7907</v>
      </c>
      <c r="E13368" t="s">
        <v>13</v>
      </c>
      <c r="F13368">
        <v>714</v>
      </c>
      <c r="G13368" t="s">
        <v>7932</v>
      </c>
      <c r="H13368">
        <v>6.7419574054520002</v>
      </c>
      <c r="I13368">
        <v>52.295872400199997</v>
      </c>
      <c r="J13368" t="s">
        <v>69053</v>
      </c>
    </row>
    <row r="13369" spans="1:10" x14ac:dyDescent="0.25">
      <c r="A13369" t="s">
        <v>7925</v>
      </c>
      <c r="B13369" t="s">
        <v>7926</v>
      </c>
      <c r="C13369" t="s">
        <v>7927</v>
      </c>
      <c r="D13369" t="s">
        <v>7907</v>
      </c>
      <c r="E13369" t="s">
        <v>13</v>
      </c>
      <c r="F13369">
        <v>713</v>
      </c>
      <c r="G13369" t="s">
        <v>7928</v>
      </c>
      <c r="H13369">
        <v>6.737174392859</v>
      </c>
      <c r="I13369">
        <v>52.302291014288002</v>
      </c>
      <c r="J13369" t="s">
        <v>69054</v>
      </c>
    </row>
    <row r="13370" spans="1:10" x14ac:dyDescent="0.25">
      <c r="A13370" t="s">
        <v>7921</v>
      </c>
      <c r="B13370" t="s">
        <v>7922</v>
      </c>
      <c r="C13370" t="s">
        <v>7923</v>
      </c>
      <c r="D13370" t="s">
        <v>7907</v>
      </c>
      <c r="E13370" t="s">
        <v>13</v>
      </c>
      <c r="F13370">
        <v>712</v>
      </c>
      <c r="G13370" t="s">
        <v>7924</v>
      </c>
      <c r="H13370">
        <v>6.7434347244539996</v>
      </c>
      <c r="I13370">
        <v>52.306772450341001</v>
      </c>
      <c r="J13370" t="s">
        <v>69055</v>
      </c>
    </row>
    <row r="13371" spans="1:10" x14ac:dyDescent="0.25">
      <c r="A13371" t="s">
        <v>7917</v>
      </c>
      <c r="B13371" t="s">
        <v>7918</v>
      </c>
      <c r="C13371" t="s">
        <v>7919</v>
      </c>
      <c r="D13371" t="s">
        <v>7907</v>
      </c>
      <c r="E13371" t="s">
        <v>13</v>
      </c>
      <c r="F13371">
        <v>711</v>
      </c>
      <c r="G13371" t="s">
        <v>7920</v>
      </c>
      <c r="H13371">
        <v>6.7603605248310004</v>
      </c>
      <c r="I13371">
        <v>52.292132459503001</v>
      </c>
      <c r="J13371" t="s">
        <v>69056</v>
      </c>
    </row>
    <row r="13372" spans="1:10" x14ac:dyDescent="0.25">
      <c r="A13372" t="s">
        <v>7913</v>
      </c>
      <c r="B13372" t="s">
        <v>7914</v>
      </c>
      <c r="C13372" t="s">
        <v>7915</v>
      </c>
      <c r="D13372" t="s">
        <v>7907</v>
      </c>
      <c r="E13372" t="s">
        <v>13</v>
      </c>
      <c r="F13372">
        <v>710</v>
      </c>
      <c r="G13372" t="s">
        <v>7916</v>
      </c>
      <c r="H13372">
        <v>6.7613071477229996</v>
      </c>
      <c r="I13372">
        <v>52.297110589854</v>
      </c>
      <c r="J13372" t="s">
        <v>69057</v>
      </c>
    </row>
    <row r="13373" spans="1:10" x14ac:dyDescent="0.25">
      <c r="A13373" t="s">
        <v>7909</v>
      </c>
      <c r="B13373" t="s">
        <v>7910</v>
      </c>
      <c r="C13373" t="s">
        <v>7911</v>
      </c>
      <c r="D13373" t="s">
        <v>7907</v>
      </c>
      <c r="E13373" t="s">
        <v>13</v>
      </c>
      <c r="F13373">
        <v>709</v>
      </c>
      <c r="G13373" t="s">
        <v>7912</v>
      </c>
      <c r="H13373">
        <v>6.7546366519349998</v>
      </c>
      <c r="I13373">
        <v>52.300516872902001</v>
      </c>
      <c r="J13373" t="s">
        <v>69058</v>
      </c>
    </row>
    <row r="13374" spans="1:10" x14ac:dyDescent="0.25">
      <c r="A13374" t="s">
        <v>7904</v>
      </c>
      <c r="B13374" t="s">
        <v>7905</v>
      </c>
      <c r="C13374" t="s">
        <v>7906</v>
      </c>
      <c r="D13374" t="s">
        <v>7907</v>
      </c>
      <c r="E13374" t="s">
        <v>13</v>
      </c>
      <c r="F13374">
        <v>708</v>
      </c>
      <c r="G13374" t="s">
        <v>7908</v>
      </c>
      <c r="H13374">
        <v>6.7705825090109997</v>
      </c>
      <c r="I13374">
        <v>52.300042094444002</v>
      </c>
      <c r="J13374" t="s">
        <v>69059</v>
      </c>
    </row>
    <row r="13375" spans="1:10" x14ac:dyDescent="0.25">
      <c r="A13375" t="s">
        <v>7900</v>
      </c>
      <c r="B13375" t="s">
        <v>7901</v>
      </c>
      <c r="C13375" t="s">
        <v>7902</v>
      </c>
      <c r="D13375" t="s">
        <v>7729</v>
      </c>
      <c r="E13375" t="s">
        <v>13</v>
      </c>
      <c r="F13375">
        <v>707</v>
      </c>
      <c r="G13375" t="s">
        <v>7903</v>
      </c>
      <c r="H13375">
        <v>6.2535020627359996</v>
      </c>
      <c r="I13375">
        <v>52.679024786187</v>
      </c>
      <c r="J13375" t="s">
        <v>69060</v>
      </c>
    </row>
    <row r="13376" spans="1:10" x14ac:dyDescent="0.25">
      <c r="A13376" t="s">
        <v>7896</v>
      </c>
      <c r="B13376" t="s">
        <v>7897</v>
      </c>
      <c r="C13376" t="s">
        <v>7898</v>
      </c>
      <c r="D13376" t="s">
        <v>7729</v>
      </c>
      <c r="E13376" t="s">
        <v>13</v>
      </c>
      <c r="F13376">
        <v>706</v>
      </c>
      <c r="G13376" t="s">
        <v>7899</v>
      </c>
      <c r="H13376">
        <v>6.2622269765679999</v>
      </c>
      <c r="I13376">
        <v>52.697533713681999</v>
      </c>
      <c r="J13376" t="s">
        <v>69061</v>
      </c>
    </row>
    <row r="13377" spans="1:10" x14ac:dyDescent="0.25">
      <c r="A13377" t="s">
        <v>7892</v>
      </c>
      <c r="B13377" t="s">
        <v>7893</v>
      </c>
      <c r="C13377" t="s">
        <v>7894</v>
      </c>
      <c r="D13377" t="s">
        <v>7729</v>
      </c>
      <c r="E13377" t="s">
        <v>13</v>
      </c>
      <c r="F13377">
        <v>705</v>
      </c>
      <c r="G13377" t="s">
        <v>7895</v>
      </c>
      <c r="H13377">
        <v>6.259125676639</v>
      </c>
      <c r="I13377">
        <v>52.687155486270001</v>
      </c>
      <c r="J13377" t="s">
        <v>69062</v>
      </c>
    </row>
    <row r="13378" spans="1:10" x14ac:dyDescent="0.25">
      <c r="A13378" t="s">
        <v>7888</v>
      </c>
      <c r="B13378" t="s">
        <v>7889</v>
      </c>
      <c r="C13378" t="s">
        <v>7890</v>
      </c>
      <c r="D13378" t="s">
        <v>7729</v>
      </c>
      <c r="E13378" t="s">
        <v>13</v>
      </c>
      <c r="F13378">
        <v>704</v>
      </c>
      <c r="G13378" t="s">
        <v>7891</v>
      </c>
      <c r="H13378">
        <v>6.1613794294700002</v>
      </c>
      <c r="I13378">
        <v>52.736672559026999</v>
      </c>
      <c r="J13378" t="s">
        <v>69063</v>
      </c>
    </row>
    <row r="13379" spans="1:10" x14ac:dyDescent="0.25">
      <c r="A13379" t="s">
        <v>7884</v>
      </c>
      <c r="B13379" t="s">
        <v>7885</v>
      </c>
      <c r="C13379" t="s">
        <v>7886</v>
      </c>
      <c r="D13379" t="s">
        <v>7729</v>
      </c>
      <c r="E13379" t="s">
        <v>13</v>
      </c>
      <c r="F13379">
        <v>703</v>
      </c>
      <c r="G13379" t="s">
        <v>7887</v>
      </c>
      <c r="H13379">
        <v>6.1715272835789996</v>
      </c>
      <c r="I13379">
        <v>52.749538731100003</v>
      </c>
      <c r="J13379" t="s">
        <v>69064</v>
      </c>
    </row>
    <row r="13380" spans="1:10" x14ac:dyDescent="0.25">
      <c r="A13380" t="s">
        <v>7880</v>
      </c>
      <c r="B13380" t="s">
        <v>7881</v>
      </c>
      <c r="C13380" t="s">
        <v>7882</v>
      </c>
      <c r="D13380" t="s">
        <v>7729</v>
      </c>
      <c r="E13380" t="s">
        <v>13</v>
      </c>
      <c r="F13380">
        <v>702</v>
      </c>
      <c r="G13380" t="s">
        <v>7883</v>
      </c>
      <c r="H13380">
        <v>6.1410273881700004</v>
      </c>
      <c r="I13380">
        <v>52.741235011766001</v>
      </c>
      <c r="J13380" t="s">
        <v>69065</v>
      </c>
    </row>
    <row r="13381" spans="1:10" x14ac:dyDescent="0.25">
      <c r="A13381" t="s">
        <v>7876</v>
      </c>
      <c r="B13381" t="s">
        <v>7877</v>
      </c>
      <c r="C13381" t="s">
        <v>7878</v>
      </c>
      <c r="D13381" t="s">
        <v>7729</v>
      </c>
      <c r="E13381" t="s">
        <v>13</v>
      </c>
      <c r="F13381">
        <v>701</v>
      </c>
      <c r="G13381" t="s">
        <v>7879</v>
      </c>
      <c r="H13381">
        <v>6.1526984941969998</v>
      </c>
      <c r="I13381">
        <v>52.722199493654003</v>
      </c>
      <c r="J13381" t="s">
        <v>69066</v>
      </c>
    </row>
    <row r="13382" spans="1:10" x14ac:dyDescent="0.25">
      <c r="A13382" t="s">
        <v>7872</v>
      </c>
      <c r="B13382" t="s">
        <v>7873</v>
      </c>
      <c r="C13382" t="s">
        <v>7874</v>
      </c>
      <c r="D13382" t="s">
        <v>7729</v>
      </c>
      <c r="E13382" t="s">
        <v>13</v>
      </c>
      <c r="F13382">
        <v>700</v>
      </c>
      <c r="G13382" t="s">
        <v>7875</v>
      </c>
      <c r="H13382">
        <v>6.1575708148980004</v>
      </c>
      <c r="I13382">
        <v>52.737294258184001</v>
      </c>
      <c r="J13382" t="s">
        <v>69067</v>
      </c>
    </row>
    <row r="13383" spans="1:10" x14ac:dyDescent="0.25">
      <c r="A13383" t="s">
        <v>7868</v>
      </c>
      <c r="B13383" t="s">
        <v>7869</v>
      </c>
      <c r="C13383" t="s">
        <v>7870</v>
      </c>
      <c r="D13383" t="s">
        <v>7729</v>
      </c>
      <c r="E13383" t="s">
        <v>13</v>
      </c>
      <c r="F13383">
        <v>699</v>
      </c>
      <c r="G13383" t="s">
        <v>7871</v>
      </c>
      <c r="H13383">
        <v>6.1606406633280004</v>
      </c>
      <c r="I13383">
        <v>52.733443718973</v>
      </c>
      <c r="J13383" t="s">
        <v>69068</v>
      </c>
    </row>
    <row r="13384" spans="1:10" x14ac:dyDescent="0.25">
      <c r="A13384" t="s">
        <v>7864</v>
      </c>
      <c r="B13384" t="s">
        <v>7865</v>
      </c>
      <c r="C13384" t="s">
        <v>7866</v>
      </c>
      <c r="D13384" t="s">
        <v>7729</v>
      </c>
      <c r="E13384" t="s">
        <v>13</v>
      </c>
      <c r="F13384">
        <v>698</v>
      </c>
      <c r="G13384" t="s">
        <v>7867</v>
      </c>
      <c r="H13384">
        <v>6.174719812697</v>
      </c>
      <c r="I13384">
        <v>52.734209697023999</v>
      </c>
      <c r="J13384" t="s">
        <v>69069</v>
      </c>
    </row>
    <row r="13385" spans="1:10" x14ac:dyDescent="0.25">
      <c r="A13385" t="s">
        <v>7861</v>
      </c>
      <c r="B13385" t="s">
        <v>7862</v>
      </c>
      <c r="C13385" t="s">
        <v>37</v>
      </c>
      <c r="D13385" t="s">
        <v>7729</v>
      </c>
      <c r="E13385" t="s">
        <v>13</v>
      </c>
      <c r="F13385">
        <v>697</v>
      </c>
      <c r="G13385" t="s">
        <v>7863</v>
      </c>
      <c r="H13385">
        <v>6.1655574639430002</v>
      </c>
      <c r="I13385">
        <v>52.734706337726998</v>
      </c>
      <c r="J13385" t="s">
        <v>69070</v>
      </c>
    </row>
    <row r="13386" spans="1:10" x14ac:dyDescent="0.25">
      <c r="A13386" t="s">
        <v>7857</v>
      </c>
      <c r="B13386" t="s">
        <v>7858</v>
      </c>
      <c r="C13386" t="s">
        <v>7859</v>
      </c>
      <c r="D13386" t="s">
        <v>7729</v>
      </c>
      <c r="E13386" t="s">
        <v>13</v>
      </c>
      <c r="F13386">
        <v>696</v>
      </c>
      <c r="G13386" t="s">
        <v>7860</v>
      </c>
      <c r="H13386">
        <v>6.1689228101289997</v>
      </c>
      <c r="I13386">
        <v>52.730725029383997</v>
      </c>
      <c r="J13386" t="s">
        <v>69071</v>
      </c>
    </row>
    <row r="13387" spans="1:10" x14ac:dyDescent="0.25">
      <c r="A13387" t="s">
        <v>7853</v>
      </c>
      <c r="B13387" t="s">
        <v>7854</v>
      </c>
      <c r="C13387" t="s">
        <v>7855</v>
      </c>
      <c r="D13387" t="s">
        <v>7729</v>
      </c>
      <c r="E13387" t="s">
        <v>13</v>
      </c>
      <c r="F13387">
        <v>695</v>
      </c>
      <c r="G13387" t="s">
        <v>7856</v>
      </c>
      <c r="H13387">
        <v>6.1855027818570001</v>
      </c>
      <c r="I13387">
        <v>52.738283230104003</v>
      </c>
      <c r="J13387" t="s">
        <v>69072</v>
      </c>
    </row>
    <row r="13388" spans="1:10" x14ac:dyDescent="0.25">
      <c r="A13388" t="s">
        <v>7849</v>
      </c>
      <c r="B13388" t="s">
        <v>7850</v>
      </c>
      <c r="C13388" t="s">
        <v>7851</v>
      </c>
      <c r="D13388" t="s">
        <v>7729</v>
      </c>
      <c r="E13388" t="s">
        <v>13</v>
      </c>
      <c r="F13388">
        <v>694</v>
      </c>
      <c r="G13388" t="s">
        <v>7852</v>
      </c>
      <c r="H13388">
        <v>6.2185886452270003</v>
      </c>
      <c r="I13388">
        <v>52.687272637790002</v>
      </c>
      <c r="J13388" t="s">
        <v>69073</v>
      </c>
    </row>
    <row r="13389" spans="1:10" x14ac:dyDescent="0.25">
      <c r="A13389" t="s">
        <v>7845</v>
      </c>
      <c r="B13389" t="s">
        <v>7846</v>
      </c>
      <c r="C13389" t="s">
        <v>7847</v>
      </c>
      <c r="D13389" t="s">
        <v>7729</v>
      </c>
      <c r="E13389" t="s">
        <v>13</v>
      </c>
      <c r="F13389">
        <v>693</v>
      </c>
      <c r="G13389" t="s">
        <v>7848</v>
      </c>
      <c r="H13389">
        <v>6.2355093536449999</v>
      </c>
      <c r="I13389">
        <v>52.697498588560997</v>
      </c>
      <c r="J13389" t="s">
        <v>69074</v>
      </c>
    </row>
    <row r="13390" spans="1:10" x14ac:dyDescent="0.25">
      <c r="A13390" t="s">
        <v>7841</v>
      </c>
      <c r="B13390" t="s">
        <v>7842</v>
      </c>
      <c r="C13390" t="s">
        <v>7843</v>
      </c>
      <c r="D13390" t="s">
        <v>7729</v>
      </c>
      <c r="E13390" t="s">
        <v>13</v>
      </c>
      <c r="F13390">
        <v>692</v>
      </c>
      <c r="G13390" t="s">
        <v>7844</v>
      </c>
      <c r="H13390">
        <v>6.2137389747849996</v>
      </c>
      <c r="I13390">
        <v>52.725226765984999</v>
      </c>
      <c r="J13390" t="s">
        <v>69075</v>
      </c>
    </row>
    <row r="13391" spans="1:10" x14ac:dyDescent="0.25">
      <c r="A13391" t="s">
        <v>7837</v>
      </c>
      <c r="B13391" t="s">
        <v>7838</v>
      </c>
      <c r="C13391" t="s">
        <v>7839</v>
      </c>
      <c r="D13391" t="s">
        <v>7729</v>
      </c>
      <c r="E13391" t="s">
        <v>13</v>
      </c>
      <c r="F13391">
        <v>691</v>
      </c>
      <c r="G13391" t="s">
        <v>7840</v>
      </c>
      <c r="H13391">
        <v>6.1756743797090001</v>
      </c>
      <c r="I13391">
        <v>52.701326892650002</v>
      </c>
      <c r="J13391" t="s">
        <v>69076</v>
      </c>
    </row>
    <row r="13392" spans="1:10" x14ac:dyDescent="0.25">
      <c r="A13392" t="s">
        <v>7833</v>
      </c>
      <c r="B13392" t="s">
        <v>7834</v>
      </c>
      <c r="C13392" t="s">
        <v>7835</v>
      </c>
      <c r="D13392" t="s">
        <v>7729</v>
      </c>
      <c r="E13392" t="s">
        <v>13</v>
      </c>
      <c r="F13392">
        <v>690</v>
      </c>
      <c r="G13392" t="s">
        <v>7836</v>
      </c>
      <c r="H13392">
        <v>6.166385820276</v>
      </c>
      <c r="I13392">
        <v>52.695476055958999</v>
      </c>
      <c r="J13392" t="s">
        <v>69077</v>
      </c>
    </row>
    <row r="13393" spans="1:10" x14ac:dyDescent="0.25">
      <c r="A13393" t="s">
        <v>7829</v>
      </c>
      <c r="B13393" t="s">
        <v>7830</v>
      </c>
      <c r="C13393" t="s">
        <v>7831</v>
      </c>
      <c r="D13393" t="s">
        <v>7729</v>
      </c>
      <c r="E13393" t="s">
        <v>13</v>
      </c>
      <c r="F13393">
        <v>689</v>
      </c>
      <c r="G13393" t="s">
        <v>7832</v>
      </c>
      <c r="H13393">
        <v>6.180058155827</v>
      </c>
      <c r="I13393">
        <v>52.698613674552</v>
      </c>
      <c r="J13393" t="s">
        <v>69078</v>
      </c>
    </row>
    <row r="13394" spans="1:10" x14ac:dyDescent="0.25">
      <c r="A13394" t="s">
        <v>7825</v>
      </c>
      <c r="B13394" t="s">
        <v>7826</v>
      </c>
      <c r="C13394" t="s">
        <v>7827</v>
      </c>
      <c r="D13394" t="s">
        <v>7729</v>
      </c>
      <c r="E13394" t="s">
        <v>13</v>
      </c>
      <c r="F13394">
        <v>688</v>
      </c>
      <c r="G13394" t="s">
        <v>7828</v>
      </c>
      <c r="H13394">
        <v>6.1693760808349998</v>
      </c>
      <c r="I13394">
        <v>52.690860420726999</v>
      </c>
      <c r="J13394" t="s">
        <v>69079</v>
      </c>
    </row>
    <row r="13395" spans="1:10" x14ac:dyDescent="0.25">
      <c r="A13395" t="s">
        <v>7821</v>
      </c>
      <c r="B13395" t="s">
        <v>7822</v>
      </c>
      <c r="C13395" t="s">
        <v>7823</v>
      </c>
      <c r="D13395" t="s">
        <v>7729</v>
      </c>
      <c r="E13395" t="s">
        <v>13</v>
      </c>
      <c r="F13395">
        <v>687</v>
      </c>
      <c r="G13395" t="s">
        <v>7824</v>
      </c>
      <c r="H13395">
        <v>6.1779610867899999</v>
      </c>
      <c r="I13395">
        <v>52.693123283025002</v>
      </c>
      <c r="J13395" t="s">
        <v>69080</v>
      </c>
    </row>
    <row r="13396" spans="1:10" x14ac:dyDescent="0.25">
      <c r="A13396" t="s">
        <v>7817</v>
      </c>
      <c r="B13396" t="s">
        <v>7818</v>
      </c>
      <c r="C13396" t="s">
        <v>7819</v>
      </c>
      <c r="D13396" t="s">
        <v>7729</v>
      </c>
      <c r="E13396" t="s">
        <v>13</v>
      </c>
      <c r="F13396">
        <v>686</v>
      </c>
      <c r="G13396" t="s">
        <v>7820</v>
      </c>
      <c r="H13396">
        <v>6.1960765220890002</v>
      </c>
      <c r="I13396">
        <v>52.716208800422002</v>
      </c>
      <c r="J13396" t="s">
        <v>69081</v>
      </c>
    </row>
    <row r="13397" spans="1:10" x14ac:dyDescent="0.25">
      <c r="A13397" t="s">
        <v>7813</v>
      </c>
      <c r="B13397" t="s">
        <v>7814</v>
      </c>
      <c r="C13397" t="s">
        <v>7815</v>
      </c>
      <c r="D13397" t="s">
        <v>7729</v>
      </c>
      <c r="E13397" t="s">
        <v>13</v>
      </c>
      <c r="F13397">
        <v>685</v>
      </c>
      <c r="G13397" t="s">
        <v>7816</v>
      </c>
      <c r="H13397">
        <v>6.1973769263780003</v>
      </c>
      <c r="I13397">
        <v>52.710390053582003</v>
      </c>
      <c r="J13397" t="s">
        <v>69082</v>
      </c>
    </row>
    <row r="13398" spans="1:10" x14ac:dyDescent="0.25">
      <c r="A13398" t="s">
        <v>7809</v>
      </c>
      <c r="B13398" t="s">
        <v>7810</v>
      </c>
      <c r="C13398" t="s">
        <v>7811</v>
      </c>
      <c r="D13398" t="s">
        <v>7729</v>
      </c>
      <c r="E13398" t="s">
        <v>13</v>
      </c>
      <c r="F13398">
        <v>684</v>
      </c>
      <c r="G13398" t="s">
        <v>7812</v>
      </c>
      <c r="H13398">
        <v>6.2045210755219999</v>
      </c>
      <c r="I13398">
        <v>52.696899094666001</v>
      </c>
      <c r="J13398" t="s">
        <v>69083</v>
      </c>
    </row>
    <row r="13399" spans="1:10" x14ac:dyDescent="0.25">
      <c r="A13399" t="s">
        <v>7805</v>
      </c>
      <c r="B13399" t="s">
        <v>7806</v>
      </c>
      <c r="C13399" t="s">
        <v>7807</v>
      </c>
      <c r="D13399" t="s">
        <v>7729</v>
      </c>
      <c r="E13399" t="s">
        <v>13</v>
      </c>
      <c r="F13399">
        <v>683</v>
      </c>
      <c r="G13399" t="s">
        <v>7808</v>
      </c>
      <c r="H13399">
        <v>6.1786609035689999</v>
      </c>
      <c r="I13399">
        <v>52.711838146765999</v>
      </c>
      <c r="J13399" t="s">
        <v>69084</v>
      </c>
    </row>
    <row r="13400" spans="1:10" x14ac:dyDescent="0.25">
      <c r="A13400" t="s">
        <v>7801</v>
      </c>
      <c r="B13400" t="s">
        <v>7802</v>
      </c>
      <c r="C13400" t="s">
        <v>7803</v>
      </c>
      <c r="D13400" t="s">
        <v>7729</v>
      </c>
      <c r="E13400" t="s">
        <v>13</v>
      </c>
      <c r="F13400">
        <v>682</v>
      </c>
      <c r="G13400" t="s">
        <v>7804</v>
      </c>
      <c r="H13400">
        <v>6.1755794671800004</v>
      </c>
      <c r="I13400">
        <v>52.706969771844001</v>
      </c>
      <c r="J13400" t="s">
        <v>69085</v>
      </c>
    </row>
    <row r="13401" spans="1:10" x14ac:dyDescent="0.25">
      <c r="A13401" t="s">
        <v>7797</v>
      </c>
      <c r="B13401" t="s">
        <v>7798</v>
      </c>
      <c r="C13401" t="s">
        <v>7799</v>
      </c>
      <c r="D13401" t="s">
        <v>7729</v>
      </c>
      <c r="E13401" t="s">
        <v>13</v>
      </c>
      <c r="F13401">
        <v>681</v>
      </c>
      <c r="G13401" t="s">
        <v>7800</v>
      </c>
      <c r="H13401">
        <v>6.2159600910390003</v>
      </c>
      <c r="I13401">
        <v>52.693426114540998</v>
      </c>
      <c r="J13401" t="s">
        <v>69086</v>
      </c>
    </row>
    <row r="13402" spans="1:10" x14ac:dyDescent="0.25">
      <c r="A13402" t="s">
        <v>7794</v>
      </c>
      <c r="B13402" t="s">
        <v>7795</v>
      </c>
      <c r="C13402" t="s">
        <v>37</v>
      </c>
      <c r="D13402" t="s">
        <v>7729</v>
      </c>
      <c r="E13402" t="s">
        <v>13</v>
      </c>
      <c r="F13402">
        <v>680</v>
      </c>
      <c r="G13402" t="s">
        <v>7796</v>
      </c>
      <c r="H13402">
        <v>6.2275813963419999</v>
      </c>
      <c r="I13402">
        <v>52.694275096411999</v>
      </c>
      <c r="J13402" t="s">
        <v>69087</v>
      </c>
    </row>
    <row r="13403" spans="1:10" x14ac:dyDescent="0.25">
      <c r="A13403" t="s">
        <v>7790</v>
      </c>
      <c r="B13403" t="s">
        <v>7791</v>
      </c>
      <c r="C13403" t="s">
        <v>7792</v>
      </c>
      <c r="D13403" t="s">
        <v>7729</v>
      </c>
      <c r="E13403" t="s">
        <v>13</v>
      </c>
      <c r="F13403">
        <v>679</v>
      </c>
      <c r="G13403" t="s">
        <v>7793</v>
      </c>
      <c r="H13403">
        <v>6.2305776510079998</v>
      </c>
      <c r="I13403">
        <v>52.699596322410997</v>
      </c>
      <c r="J13403" t="s">
        <v>69088</v>
      </c>
    </row>
    <row r="13404" spans="1:10" x14ac:dyDescent="0.25">
      <c r="A13404" t="s">
        <v>7786</v>
      </c>
      <c r="B13404" t="s">
        <v>7787</v>
      </c>
      <c r="C13404" t="s">
        <v>7788</v>
      </c>
      <c r="D13404" t="s">
        <v>7729</v>
      </c>
      <c r="E13404" t="s">
        <v>13</v>
      </c>
      <c r="F13404">
        <v>678</v>
      </c>
      <c r="G13404" t="s">
        <v>7789</v>
      </c>
      <c r="H13404">
        <v>6.2170432502240001</v>
      </c>
      <c r="I13404">
        <v>52.699070812751998</v>
      </c>
      <c r="J13404" t="s">
        <v>69089</v>
      </c>
    </row>
    <row r="13405" spans="1:10" x14ac:dyDescent="0.25">
      <c r="A13405" t="s">
        <v>7782</v>
      </c>
      <c r="B13405" t="s">
        <v>7783</v>
      </c>
      <c r="C13405" t="s">
        <v>7784</v>
      </c>
      <c r="D13405" t="s">
        <v>7729</v>
      </c>
      <c r="E13405" t="s">
        <v>13</v>
      </c>
      <c r="F13405">
        <v>677</v>
      </c>
      <c r="G13405" t="s">
        <v>7785</v>
      </c>
      <c r="H13405">
        <v>6.2017879689619999</v>
      </c>
      <c r="I13405">
        <v>52.689250157392998</v>
      </c>
      <c r="J13405" t="s">
        <v>69090</v>
      </c>
    </row>
    <row r="13406" spans="1:10" x14ac:dyDescent="0.25">
      <c r="A13406" t="s">
        <v>7779</v>
      </c>
      <c r="B13406" t="s">
        <v>7780</v>
      </c>
      <c r="C13406" t="s">
        <v>479</v>
      </c>
      <c r="D13406" t="s">
        <v>7729</v>
      </c>
      <c r="E13406" t="s">
        <v>13</v>
      </c>
      <c r="F13406">
        <v>676</v>
      </c>
      <c r="G13406" t="s">
        <v>7781</v>
      </c>
      <c r="H13406">
        <v>6.2011917343740004</v>
      </c>
      <c r="I13406">
        <v>52.692870488708003</v>
      </c>
      <c r="J13406" t="s">
        <v>69091</v>
      </c>
    </row>
    <row r="13407" spans="1:10" x14ac:dyDescent="0.25">
      <c r="A13407" t="s">
        <v>7775</v>
      </c>
      <c r="B13407" t="s">
        <v>7776</v>
      </c>
      <c r="C13407" t="s">
        <v>7777</v>
      </c>
      <c r="D13407" t="s">
        <v>7729</v>
      </c>
      <c r="E13407" t="s">
        <v>13</v>
      </c>
      <c r="F13407">
        <v>675</v>
      </c>
      <c r="G13407" t="s">
        <v>7778</v>
      </c>
      <c r="H13407">
        <v>6.1783534752579996</v>
      </c>
      <c r="I13407">
        <v>52.678259268784998</v>
      </c>
      <c r="J13407" t="s">
        <v>69092</v>
      </c>
    </row>
    <row r="13408" spans="1:10" x14ac:dyDescent="0.25">
      <c r="A13408" t="s">
        <v>7771</v>
      </c>
      <c r="B13408" t="s">
        <v>7772</v>
      </c>
      <c r="C13408" t="s">
        <v>7773</v>
      </c>
      <c r="D13408" t="s">
        <v>7729</v>
      </c>
      <c r="E13408" t="s">
        <v>13</v>
      </c>
      <c r="F13408">
        <v>674</v>
      </c>
      <c r="G13408" t="s">
        <v>7774</v>
      </c>
      <c r="H13408">
        <v>6.1709304967980003</v>
      </c>
      <c r="I13408">
        <v>52.681436458538002</v>
      </c>
      <c r="J13408" t="s">
        <v>69093</v>
      </c>
    </row>
    <row r="13409" spans="1:10" x14ac:dyDescent="0.25">
      <c r="A13409" t="s">
        <v>7768</v>
      </c>
      <c r="B13409" t="s">
        <v>7769</v>
      </c>
      <c r="C13409" t="s">
        <v>85</v>
      </c>
      <c r="D13409" t="s">
        <v>7729</v>
      </c>
      <c r="E13409" t="s">
        <v>13</v>
      </c>
      <c r="F13409">
        <v>673</v>
      </c>
      <c r="G13409" t="s">
        <v>7770</v>
      </c>
      <c r="H13409">
        <v>6.1840688436109996</v>
      </c>
      <c r="I13409">
        <v>52.683505320968997</v>
      </c>
      <c r="J13409" t="s">
        <v>69094</v>
      </c>
    </row>
    <row r="13410" spans="1:10" x14ac:dyDescent="0.25">
      <c r="A13410" t="s">
        <v>7764</v>
      </c>
      <c r="B13410" t="s">
        <v>7765</v>
      </c>
      <c r="C13410" t="s">
        <v>7766</v>
      </c>
      <c r="D13410" t="s">
        <v>7729</v>
      </c>
      <c r="E13410" t="s">
        <v>13</v>
      </c>
      <c r="F13410">
        <v>672</v>
      </c>
      <c r="G13410" t="s">
        <v>7767</v>
      </c>
      <c r="H13410">
        <v>6.1940978679900001</v>
      </c>
      <c r="I13410">
        <v>52.683668254449998</v>
      </c>
      <c r="J13410" t="s">
        <v>69095</v>
      </c>
    </row>
    <row r="13411" spans="1:10" x14ac:dyDescent="0.25">
      <c r="A13411" t="s">
        <v>7760</v>
      </c>
      <c r="B13411" t="s">
        <v>7761</v>
      </c>
      <c r="C13411" t="s">
        <v>7762</v>
      </c>
      <c r="D13411" t="s">
        <v>7729</v>
      </c>
      <c r="E13411" t="s">
        <v>13</v>
      </c>
      <c r="F13411">
        <v>671</v>
      </c>
      <c r="G13411" t="s">
        <v>7763</v>
      </c>
      <c r="H13411">
        <v>6.1853854731600002</v>
      </c>
      <c r="I13411">
        <v>52.688052104054997</v>
      </c>
      <c r="J13411" t="s">
        <v>69096</v>
      </c>
    </row>
    <row r="13412" spans="1:10" x14ac:dyDescent="0.25">
      <c r="A13412" t="s">
        <v>7756</v>
      </c>
      <c r="B13412" t="s">
        <v>7757</v>
      </c>
      <c r="C13412" t="s">
        <v>7758</v>
      </c>
      <c r="D13412" t="s">
        <v>7729</v>
      </c>
      <c r="E13412" t="s">
        <v>13</v>
      </c>
      <c r="F13412">
        <v>670</v>
      </c>
      <c r="G13412" t="s">
        <v>7759</v>
      </c>
      <c r="H13412">
        <v>6.1773795713919997</v>
      </c>
      <c r="I13412">
        <v>52.688388263706003</v>
      </c>
      <c r="J13412" t="s">
        <v>69097</v>
      </c>
    </row>
    <row r="13413" spans="1:10" x14ac:dyDescent="0.25">
      <c r="A13413" t="s">
        <v>7753</v>
      </c>
      <c r="B13413" t="s">
        <v>7754</v>
      </c>
      <c r="C13413" t="s">
        <v>1376</v>
      </c>
      <c r="D13413" t="s">
        <v>7729</v>
      </c>
      <c r="E13413" t="s">
        <v>13</v>
      </c>
      <c r="F13413">
        <v>669</v>
      </c>
      <c r="G13413" t="s">
        <v>7755</v>
      </c>
      <c r="H13413">
        <v>6.1976519264630001</v>
      </c>
      <c r="I13413">
        <v>52.700610768676</v>
      </c>
      <c r="J13413" t="s">
        <v>69098</v>
      </c>
    </row>
    <row r="13414" spans="1:10" x14ac:dyDescent="0.25">
      <c r="A13414" t="s">
        <v>7750</v>
      </c>
      <c r="B13414" t="s">
        <v>7751</v>
      </c>
      <c r="C13414" t="s">
        <v>81</v>
      </c>
      <c r="D13414" t="s">
        <v>7729</v>
      </c>
      <c r="E13414" t="s">
        <v>13</v>
      </c>
      <c r="F13414">
        <v>668</v>
      </c>
      <c r="G13414" t="s">
        <v>7752</v>
      </c>
      <c r="H13414">
        <v>6.1974156211010003</v>
      </c>
      <c r="I13414">
        <v>52.704878305470999</v>
      </c>
      <c r="J13414" t="s">
        <v>69099</v>
      </c>
    </row>
    <row r="13415" spans="1:10" x14ac:dyDescent="0.25">
      <c r="A13415" t="s">
        <v>7746</v>
      </c>
      <c r="B13415" t="s">
        <v>7747</v>
      </c>
      <c r="C13415" t="s">
        <v>7748</v>
      </c>
      <c r="D13415" t="s">
        <v>7729</v>
      </c>
      <c r="E13415" t="s">
        <v>13</v>
      </c>
      <c r="F13415">
        <v>667</v>
      </c>
      <c r="G13415" t="s">
        <v>7749</v>
      </c>
      <c r="H13415">
        <v>6.1909791593839998</v>
      </c>
      <c r="I13415">
        <v>52.705578033206997</v>
      </c>
      <c r="J13415" t="s">
        <v>69100</v>
      </c>
    </row>
    <row r="13416" spans="1:10" x14ac:dyDescent="0.25">
      <c r="A13416" t="s">
        <v>7742</v>
      </c>
      <c r="B13416" t="s">
        <v>7743</v>
      </c>
      <c r="C13416" t="s">
        <v>7744</v>
      </c>
      <c r="D13416" t="s">
        <v>7729</v>
      </c>
      <c r="E13416" t="s">
        <v>13</v>
      </c>
      <c r="F13416">
        <v>666</v>
      </c>
      <c r="G13416" t="s">
        <v>7745</v>
      </c>
      <c r="H13416">
        <v>6.1863790010219999</v>
      </c>
      <c r="I13416">
        <v>52.705524596743999</v>
      </c>
      <c r="J13416" t="s">
        <v>69101</v>
      </c>
    </row>
    <row r="13417" spans="1:10" x14ac:dyDescent="0.25">
      <c r="A13417" t="s">
        <v>7738</v>
      </c>
      <c r="B13417" t="s">
        <v>7739</v>
      </c>
      <c r="C13417" t="s">
        <v>7740</v>
      </c>
      <c r="D13417" t="s">
        <v>7729</v>
      </c>
      <c r="E13417" t="s">
        <v>13</v>
      </c>
      <c r="F13417">
        <v>665</v>
      </c>
      <c r="G13417" t="s">
        <v>7741</v>
      </c>
      <c r="H13417">
        <v>6.1824961979299999</v>
      </c>
      <c r="I13417">
        <v>52.703578871322001</v>
      </c>
      <c r="J13417" t="s">
        <v>69102</v>
      </c>
    </row>
    <row r="13418" spans="1:10" x14ac:dyDescent="0.25">
      <c r="A13418" t="s">
        <v>7734</v>
      </c>
      <c r="B13418" t="s">
        <v>7735</v>
      </c>
      <c r="C13418" t="s">
        <v>7736</v>
      </c>
      <c r="D13418" t="s">
        <v>7729</v>
      </c>
      <c r="E13418" t="s">
        <v>13</v>
      </c>
      <c r="F13418">
        <v>664</v>
      </c>
      <c r="G13418" t="s">
        <v>7737</v>
      </c>
      <c r="H13418">
        <v>6.1925385848519996</v>
      </c>
      <c r="I13418">
        <v>52.692252410982</v>
      </c>
      <c r="J13418" t="s">
        <v>69103</v>
      </c>
    </row>
    <row r="13419" spans="1:10" x14ac:dyDescent="0.25">
      <c r="A13419" t="s">
        <v>7731</v>
      </c>
      <c r="B13419" t="s">
        <v>7732</v>
      </c>
      <c r="C13419" t="s">
        <v>4787</v>
      </c>
      <c r="D13419" t="s">
        <v>7729</v>
      </c>
      <c r="E13419" t="s">
        <v>13</v>
      </c>
      <c r="F13419">
        <v>663</v>
      </c>
      <c r="G13419" t="s">
        <v>7733</v>
      </c>
      <c r="H13419">
        <v>6.1949239582590003</v>
      </c>
      <c r="I13419">
        <v>52.698279048511999</v>
      </c>
      <c r="J13419" t="s">
        <v>69104</v>
      </c>
    </row>
    <row r="13420" spans="1:10" x14ac:dyDescent="0.25">
      <c r="A13420" t="s">
        <v>7726</v>
      </c>
      <c r="B13420" t="s">
        <v>7727</v>
      </c>
      <c r="C13420" t="s">
        <v>7728</v>
      </c>
      <c r="D13420" t="s">
        <v>7729</v>
      </c>
      <c r="E13420" t="s">
        <v>13</v>
      </c>
      <c r="F13420">
        <v>662</v>
      </c>
      <c r="G13420" t="s">
        <v>7730</v>
      </c>
      <c r="H13420">
        <v>6.1879901933500001</v>
      </c>
      <c r="I13420">
        <v>52.697700205978002</v>
      </c>
      <c r="J13420" t="s">
        <v>69105</v>
      </c>
    </row>
    <row r="13421" spans="1:10" x14ac:dyDescent="0.25">
      <c r="A13421" t="s">
        <v>7722</v>
      </c>
      <c r="B13421" t="s">
        <v>7723</v>
      </c>
      <c r="C13421" t="s">
        <v>7724</v>
      </c>
      <c r="D13421" t="s">
        <v>7540</v>
      </c>
      <c r="E13421" t="s">
        <v>13</v>
      </c>
      <c r="F13421">
        <v>661</v>
      </c>
      <c r="G13421" t="s">
        <v>7725</v>
      </c>
      <c r="H13421">
        <v>6.4217669570579998</v>
      </c>
      <c r="I13421">
        <v>52.711799464979002</v>
      </c>
      <c r="J13421" t="s">
        <v>69106</v>
      </c>
    </row>
    <row r="13422" spans="1:10" x14ac:dyDescent="0.25">
      <c r="A13422" t="s">
        <v>7718</v>
      </c>
      <c r="B13422" t="s">
        <v>7719</v>
      </c>
      <c r="C13422" t="s">
        <v>7720</v>
      </c>
      <c r="D13422" t="s">
        <v>7540</v>
      </c>
      <c r="E13422" t="s">
        <v>13</v>
      </c>
      <c r="F13422">
        <v>660</v>
      </c>
      <c r="G13422" t="s">
        <v>7721</v>
      </c>
      <c r="H13422">
        <v>6.4731875073919998</v>
      </c>
      <c r="I13422">
        <v>52.702348262234999</v>
      </c>
      <c r="J13422" t="s">
        <v>69107</v>
      </c>
    </row>
    <row r="13423" spans="1:10" x14ac:dyDescent="0.25">
      <c r="A13423" t="s">
        <v>7714</v>
      </c>
      <c r="B13423" t="s">
        <v>7715</v>
      </c>
      <c r="C13423" t="s">
        <v>7716</v>
      </c>
      <c r="D13423" t="s">
        <v>7540</v>
      </c>
      <c r="E13423" t="s">
        <v>13</v>
      </c>
      <c r="F13423">
        <v>659</v>
      </c>
      <c r="G13423" t="s">
        <v>7717</v>
      </c>
      <c r="H13423">
        <v>6.5133134971729998</v>
      </c>
      <c r="I13423">
        <v>52.711522821293002</v>
      </c>
      <c r="J13423" t="s">
        <v>69108</v>
      </c>
    </row>
    <row r="13424" spans="1:10" x14ac:dyDescent="0.25">
      <c r="A13424" t="s">
        <v>7710</v>
      </c>
      <c r="B13424" t="s">
        <v>7711</v>
      </c>
      <c r="C13424" t="s">
        <v>7712</v>
      </c>
      <c r="D13424" t="s">
        <v>7540</v>
      </c>
      <c r="E13424" t="s">
        <v>13</v>
      </c>
      <c r="F13424">
        <v>658</v>
      </c>
      <c r="G13424" t="s">
        <v>7713</v>
      </c>
      <c r="H13424">
        <v>6.5177449203869999</v>
      </c>
      <c r="I13424">
        <v>52.732484853933002</v>
      </c>
      <c r="J13424" t="s">
        <v>69109</v>
      </c>
    </row>
    <row r="13425" spans="1:10" x14ac:dyDescent="0.25">
      <c r="A13425" t="s">
        <v>7706</v>
      </c>
      <c r="B13425" t="s">
        <v>7707</v>
      </c>
      <c r="C13425" t="s">
        <v>7708</v>
      </c>
      <c r="D13425" t="s">
        <v>7540</v>
      </c>
      <c r="E13425" t="s">
        <v>13</v>
      </c>
      <c r="F13425">
        <v>657</v>
      </c>
      <c r="G13425" t="s">
        <v>7709</v>
      </c>
      <c r="H13425">
        <v>6.4913106053450003</v>
      </c>
      <c r="I13425">
        <v>52.733600465023997</v>
      </c>
      <c r="J13425" t="s">
        <v>69110</v>
      </c>
    </row>
    <row r="13426" spans="1:10" x14ac:dyDescent="0.25">
      <c r="A13426" t="s">
        <v>7702</v>
      </c>
      <c r="B13426" t="s">
        <v>7703</v>
      </c>
      <c r="C13426" t="s">
        <v>7704</v>
      </c>
      <c r="D13426" t="s">
        <v>7540</v>
      </c>
      <c r="E13426" t="s">
        <v>13</v>
      </c>
      <c r="F13426">
        <v>656</v>
      </c>
      <c r="G13426" t="s">
        <v>7705</v>
      </c>
      <c r="H13426">
        <v>6.4706223516629997</v>
      </c>
      <c r="I13426">
        <v>52.735991099863</v>
      </c>
      <c r="J13426" t="s">
        <v>69111</v>
      </c>
    </row>
    <row r="13427" spans="1:10" x14ac:dyDescent="0.25">
      <c r="A13427" t="s">
        <v>7698</v>
      </c>
      <c r="B13427" t="s">
        <v>7699</v>
      </c>
      <c r="C13427" t="s">
        <v>7700</v>
      </c>
      <c r="D13427" t="s">
        <v>7540</v>
      </c>
      <c r="E13427" t="s">
        <v>13</v>
      </c>
      <c r="F13427">
        <v>655</v>
      </c>
      <c r="G13427" t="s">
        <v>7701</v>
      </c>
      <c r="H13427">
        <v>6.5363863103090001</v>
      </c>
      <c r="I13427">
        <v>52.674183741343001</v>
      </c>
      <c r="J13427" t="s">
        <v>69112</v>
      </c>
    </row>
    <row r="13428" spans="1:10" x14ac:dyDescent="0.25">
      <c r="A13428" t="s">
        <v>7694</v>
      </c>
      <c r="B13428" t="s">
        <v>7695</v>
      </c>
      <c r="C13428" t="s">
        <v>7696</v>
      </c>
      <c r="D13428" t="s">
        <v>7540</v>
      </c>
      <c r="E13428" t="s">
        <v>13</v>
      </c>
      <c r="F13428">
        <v>654</v>
      </c>
      <c r="G13428" t="s">
        <v>7697</v>
      </c>
      <c r="H13428">
        <v>6.4721065235959996</v>
      </c>
      <c r="I13428">
        <v>52.749880902961998</v>
      </c>
      <c r="J13428" t="s">
        <v>69113</v>
      </c>
    </row>
    <row r="13429" spans="1:10" x14ac:dyDescent="0.25">
      <c r="A13429" t="s">
        <v>7690</v>
      </c>
      <c r="B13429" t="s">
        <v>7691</v>
      </c>
      <c r="C13429" t="s">
        <v>7692</v>
      </c>
      <c r="D13429" t="s">
        <v>7540</v>
      </c>
      <c r="E13429" t="s">
        <v>13</v>
      </c>
      <c r="F13429">
        <v>653</v>
      </c>
      <c r="G13429" t="s">
        <v>7693</v>
      </c>
      <c r="H13429">
        <v>6.4342084472880003</v>
      </c>
      <c r="I13429">
        <v>52.760050112381997</v>
      </c>
      <c r="J13429" t="s">
        <v>69114</v>
      </c>
    </row>
    <row r="13430" spans="1:10" x14ac:dyDescent="0.25">
      <c r="A13430" t="s">
        <v>7686</v>
      </c>
      <c r="B13430" t="s">
        <v>7687</v>
      </c>
      <c r="C13430" t="s">
        <v>7688</v>
      </c>
      <c r="D13430" t="s">
        <v>7540</v>
      </c>
      <c r="E13430" t="s">
        <v>13</v>
      </c>
      <c r="F13430">
        <v>652</v>
      </c>
      <c r="G13430" t="s">
        <v>7689</v>
      </c>
      <c r="H13430">
        <v>6.4706506647379998</v>
      </c>
      <c r="I13430">
        <v>52.778509722107998</v>
      </c>
      <c r="J13430" t="s">
        <v>69115</v>
      </c>
    </row>
    <row r="13431" spans="1:10" x14ac:dyDescent="0.25">
      <c r="A13431" t="s">
        <v>7682</v>
      </c>
      <c r="B13431" t="s">
        <v>7683</v>
      </c>
      <c r="C13431" t="s">
        <v>7684</v>
      </c>
      <c r="D13431" t="s">
        <v>7540</v>
      </c>
      <c r="E13431" t="s">
        <v>13</v>
      </c>
      <c r="F13431">
        <v>651</v>
      </c>
      <c r="G13431" t="s">
        <v>7685</v>
      </c>
      <c r="H13431">
        <v>6.4527570591719998</v>
      </c>
      <c r="I13431">
        <v>52.771684440118001</v>
      </c>
      <c r="J13431" t="s">
        <v>69116</v>
      </c>
    </row>
    <row r="13432" spans="1:10" x14ac:dyDescent="0.25">
      <c r="A13432" t="s">
        <v>7678</v>
      </c>
      <c r="B13432" t="s">
        <v>7679</v>
      </c>
      <c r="C13432" t="s">
        <v>7680</v>
      </c>
      <c r="D13432" t="s">
        <v>7540</v>
      </c>
      <c r="E13432" t="s">
        <v>13</v>
      </c>
      <c r="F13432">
        <v>650</v>
      </c>
      <c r="G13432" t="s">
        <v>7681</v>
      </c>
      <c r="H13432">
        <v>6.5013188442679999</v>
      </c>
      <c r="I13432">
        <v>52.751921822565997</v>
      </c>
      <c r="J13432" t="s">
        <v>69117</v>
      </c>
    </row>
    <row r="13433" spans="1:10" x14ac:dyDescent="0.25">
      <c r="A13433" t="s">
        <v>7674</v>
      </c>
      <c r="B13433" t="s">
        <v>7675</v>
      </c>
      <c r="C13433" t="s">
        <v>7676</v>
      </c>
      <c r="D13433" t="s">
        <v>7540</v>
      </c>
      <c r="E13433" t="s">
        <v>13</v>
      </c>
      <c r="F13433">
        <v>649</v>
      </c>
      <c r="G13433" t="s">
        <v>7677</v>
      </c>
      <c r="H13433">
        <v>6.5016244592000003</v>
      </c>
      <c r="I13433">
        <v>52.749030384534997</v>
      </c>
      <c r="J13433" t="s">
        <v>69118</v>
      </c>
    </row>
    <row r="13434" spans="1:10" x14ac:dyDescent="0.25">
      <c r="A13434" t="s">
        <v>7670</v>
      </c>
      <c r="B13434" t="s">
        <v>7671</v>
      </c>
      <c r="C13434" t="s">
        <v>7672</v>
      </c>
      <c r="D13434" t="s">
        <v>7540</v>
      </c>
      <c r="E13434" t="s">
        <v>13</v>
      </c>
      <c r="F13434">
        <v>648</v>
      </c>
      <c r="G13434" t="s">
        <v>7673</v>
      </c>
      <c r="H13434">
        <v>6.5404106821800001</v>
      </c>
      <c r="I13434">
        <v>52.753618250035998</v>
      </c>
      <c r="J13434" t="s">
        <v>69119</v>
      </c>
    </row>
    <row r="13435" spans="1:10" x14ac:dyDescent="0.25">
      <c r="A13435" t="s">
        <v>7666</v>
      </c>
      <c r="B13435" t="s">
        <v>7667</v>
      </c>
      <c r="C13435" t="s">
        <v>7668</v>
      </c>
      <c r="D13435" t="s">
        <v>7540</v>
      </c>
      <c r="E13435" t="s">
        <v>13</v>
      </c>
      <c r="F13435">
        <v>647</v>
      </c>
      <c r="G13435" t="s">
        <v>7669</v>
      </c>
      <c r="H13435">
        <v>6.5431901156489998</v>
      </c>
      <c r="I13435">
        <v>52.74660572634</v>
      </c>
      <c r="J13435" t="s">
        <v>69120</v>
      </c>
    </row>
    <row r="13436" spans="1:10" x14ac:dyDescent="0.25">
      <c r="A13436" t="s">
        <v>7662</v>
      </c>
      <c r="B13436" t="s">
        <v>7663</v>
      </c>
      <c r="C13436" t="s">
        <v>7664</v>
      </c>
      <c r="D13436" t="s">
        <v>7540</v>
      </c>
      <c r="E13436" t="s">
        <v>13</v>
      </c>
      <c r="F13436">
        <v>646</v>
      </c>
      <c r="G13436" t="s">
        <v>7665</v>
      </c>
      <c r="H13436">
        <v>6.5695930590240001</v>
      </c>
      <c r="I13436">
        <v>52.725946436252002</v>
      </c>
      <c r="J13436" t="s">
        <v>69121</v>
      </c>
    </row>
    <row r="13437" spans="1:10" x14ac:dyDescent="0.25">
      <c r="A13437" t="s">
        <v>7658</v>
      </c>
      <c r="B13437" t="s">
        <v>7659</v>
      </c>
      <c r="C13437" t="s">
        <v>7660</v>
      </c>
      <c r="D13437" t="s">
        <v>7540</v>
      </c>
      <c r="E13437" t="s">
        <v>13</v>
      </c>
      <c r="F13437">
        <v>645</v>
      </c>
      <c r="G13437" t="s">
        <v>7661</v>
      </c>
      <c r="H13437">
        <v>6.5684322159509998</v>
      </c>
      <c r="I13437">
        <v>52.730613880621</v>
      </c>
      <c r="J13437" t="s">
        <v>69122</v>
      </c>
    </row>
    <row r="13438" spans="1:10" x14ac:dyDescent="0.25">
      <c r="A13438" t="s">
        <v>7655</v>
      </c>
      <c r="B13438" t="s">
        <v>7656</v>
      </c>
      <c r="C13438" t="s">
        <v>7092</v>
      </c>
      <c r="D13438" t="s">
        <v>7540</v>
      </c>
      <c r="E13438" t="s">
        <v>13</v>
      </c>
      <c r="F13438">
        <v>644</v>
      </c>
      <c r="G13438" t="s">
        <v>7657</v>
      </c>
      <c r="H13438">
        <v>6.6213060865640001</v>
      </c>
      <c r="I13438">
        <v>52.692793570870997</v>
      </c>
      <c r="J13438" t="s">
        <v>69123</v>
      </c>
    </row>
    <row r="13439" spans="1:10" x14ac:dyDescent="0.25">
      <c r="A13439" t="s">
        <v>7651</v>
      </c>
      <c r="B13439" t="s">
        <v>7652</v>
      </c>
      <c r="C13439" t="s">
        <v>7653</v>
      </c>
      <c r="D13439" t="s">
        <v>7540</v>
      </c>
      <c r="E13439" t="s">
        <v>13</v>
      </c>
      <c r="F13439">
        <v>643</v>
      </c>
      <c r="G13439" t="s">
        <v>7654</v>
      </c>
      <c r="H13439">
        <v>6.609967928833</v>
      </c>
      <c r="I13439">
        <v>52.688534413657003</v>
      </c>
      <c r="J13439" t="s">
        <v>69124</v>
      </c>
    </row>
    <row r="13440" spans="1:10" x14ac:dyDescent="0.25">
      <c r="A13440" t="s">
        <v>7647</v>
      </c>
      <c r="B13440" t="s">
        <v>7648</v>
      </c>
      <c r="C13440" t="s">
        <v>7649</v>
      </c>
      <c r="D13440" t="s">
        <v>7540</v>
      </c>
      <c r="E13440" t="s">
        <v>13</v>
      </c>
      <c r="F13440">
        <v>642</v>
      </c>
      <c r="G13440" t="s">
        <v>7650</v>
      </c>
      <c r="H13440">
        <v>6.5354793013999997</v>
      </c>
      <c r="I13440">
        <v>52.727446644411003</v>
      </c>
      <c r="J13440" t="s">
        <v>69125</v>
      </c>
    </row>
    <row r="13441" spans="1:10" x14ac:dyDescent="0.25">
      <c r="A13441" t="s">
        <v>7643</v>
      </c>
      <c r="B13441" t="s">
        <v>7644</v>
      </c>
      <c r="C13441" t="s">
        <v>7645</v>
      </c>
      <c r="D13441" t="s">
        <v>7540</v>
      </c>
      <c r="E13441" t="s">
        <v>13</v>
      </c>
      <c r="F13441">
        <v>641</v>
      </c>
      <c r="G13441" t="s">
        <v>7646</v>
      </c>
      <c r="H13441">
        <v>6.5344123963129999</v>
      </c>
      <c r="I13441">
        <v>52.724254435840002</v>
      </c>
      <c r="J13441" t="s">
        <v>69126</v>
      </c>
    </row>
    <row r="13442" spans="1:10" x14ac:dyDescent="0.25">
      <c r="A13442" t="s">
        <v>7639</v>
      </c>
      <c r="B13442" t="s">
        <v>7640</v>
      </c>
      <c r="C13442" t="s">
        <v>7641</v>
      </c>
      <c r="D13442" t="s">
        <v>7540</v>
      </c>
      <c r="E13442" t="s">
        <v>13</v>
      </c>
      <c r="F13442">
        <v>640</v>
      </c>
      <c r="G13442" t="s">
        <v>7642</v>
      </c>
      <c r="H13442">
        <v>6.5721981912140004</v>
      </c>
      <c r="I13442">
        <v>52.705011180482998</v>
      </c>
      <c r="J13442" t="s">
        <v>69127</v>
      </c>
    </row>
    <row r="13443" spans="1:10" x14ac:dyDescent="0.25">
      <c r="A13443" t="s">
        <v>7635</v>
      </c>
      <c r="B13443" t="s">
        <v>7636</v>
      </c>
      <c r="C13443" t="s">
        <v>7637</v>
      </c>
      <c r="D13443" t="s">
        <v>7540</v>
      </c>
      <c r="E13443" t="s">
        <v>13</v>
      </c>
      <c r="F13443">
        <v>639</v>
      </c>
      <c r="G13443" t="s">
        <v>7638</v>
      </c>
      <c r="H13443">
        <v>6.5125473819949997</v>
      </c>
      <c r="I13443">
        <v>52.689229989836001</v>
      </c>
      <c r="J13443" t="s">
        <v>69128</v>
      </c>
    </row>
    <row r="13444" spans="1:10" x14ac:dyDescent="0.25">
      <c r="A13444" t="s">
        <v>7631</v>
      </c>
      <c r="B13444" t="s">
        <v>7632</v>
      </c>
      <c r="C13444" t="s">
        <v>7633</v>
      </c>
      <c r="D13444" t="s">
        <v>7540</v>
      </c>
      <c r="E13444" t="s">
        <v>13</v>
      </c>
      <c r="F13444">
        <v>638</v>
      </c>
      <c r="G13444" t="s">
        <v>7634</v>
      </c>
      <c r="H13444">
        <v>6.5358721532419999</v>
      </c>
      <c r="I13444">
        <v>52.705385175955001</v>
      </c>
      <c r="J13444" t="s">
        <v>69129</v>
      </c>
    </row>
    <row r="13445" spans="1:10" x14ac:dyDescent="0.25">
      <c r="A13445" t="s">
        <v>7627</v>
      </c>
      <c r="B13445" t="s">
        <v>7628</v>
      </c>
      <c r="C13445" t="s">
        <v>7629</v>
      </c>
      <c r="D13445" t="s">
        <v>7540</v>
      </c>
      <c r="E13445" t="s">
        <v>13</v>
      </c>
      <c r="F13445">
        <v>637</v>
      </c>
      <c r="G13445" t="s">
        <v>7630</v>
      </c>
      <c r="H13445">
        <v>6.5663149463890003</v>
      </c>
      <c r="I13445">
        <v>52.675066756760998</v>
      </c>
      <c r="J13445" t="s">
        <v>69130</v>
      </c>
    </row>
    <row r="13446" spans="1:10" x14ac:dyDescent="0.25">
      <c r="A13446" t="s">
        <v>7623</v>
      </c>
      <c r="B13446" t="s">
        <v>7624</v>
      </c>
      <c r="C13446" t="s">
        <v>7625</v>
      </c>
      <c r="D13446" t="s">
        <v>7540</v>
      </c>
      <c r="E13446" t="s">
        <v>13</v>
      </c>
      <c r="F13446">
        <v>636</v>
      </c>
      <c r="G13446" t="s">
        <v>7626</v>
      </c>
      <c r="H13446">
        <v>6.5720206630769997</v>
      </c>
      <c r="I13446">
        <v>52.689364451138999</v>
      </c>
      <c r="J13446" t="s">
        <v>69131</v>
      </c>
    </row>
    <row r="13447" spans="1:10" x14ac:dyDescent="0.25">
      <c r="A13447" t="s">
        <v>7619</v>
      </c>
      <c r="B13447" t="s">
        <v>7620</v>
      </c>
      <c r="C13447" t="s">
        <v>7621</v>
      </c>
      <c r="D13447" t="s">
        <v>7540</v>
      </c>
      <c r="E13447" t="s">
        <v>13</v>
      </c>
      <c r="F13447">
        <v>635</v>
      </c>
      <c r="G13447" t="s">
        <v>7622</v>
      </c>
      <c r="H13447">
        <v>6.5805094879129999</v>
      </c>
      <c r="I13447">
        <v>52.681204460661</v>
      </c>
      <c r="J13447" t="s">
        <v>69132</v>
      </c>
    </row>
    <row r="13448" spans="1:10" x14ac:dyDescent="0.25">
      <c r="A13448" t="s">
        <v>7615</v>
      </c>
      <c r="B13448" t="s">
        <v>7616</v>
      </c>
      <c r="C13448" t="s">
        <v>7617</v>
      </c>
      <c r="D13448" t="s">
        <v>7540</v>
      </c>
      <c r="E13448" t="s">
        <v>13</v>
      </c>
      <c r="F13448">
        <v>634</v>
      </c>
      <c r="G13448" t="s">
        <v>7618</v>
      </c>
      <c r="H13448">
        <v>6.4376920473580004</v>
      </c>
      <c r="I13448">
        <v>52.736321644100997</v>
      </c>
      <c r="J13448" t="s">
        <v>69133</v>
      </c>
    </row>
    <row r="13449" spans="1:10" x14ac:dyDescent="0.25">
      <c r="A13449" t="s">
        <v>7611</v>
      </c>
      <c r="B13449" t="s">
        <v>7612</v>
      </c>
      <c r="C13449" t="s">
        <v>7613</v>
      </c>
      <c r="D13449" t="s">
        <v>7540</v>
      </c>
      <c r="E13449" t="s">
        <v>13</v>
      </c>
      <c r="F13449">
        <v>633</v>
      </c>
      <c r="G13449" t="s">
        <v>7614</v>
      </c>
      <c r="H13449">
        <v>6.4531352207249997</v>
      </c>
      <c r="I13449">
        <v>52.735740238870001</v>
      </c>
      <c r="J13449" t="s">
        <v>69134</v>
      </c>
    </row>
    <row r="13450" spans="1:10" x14ac:dyDescent="0.25">
      <c r="A13450" t="s">
        <v>7607</v>
      </c>
      <c r="B13450" t="s">
        <v>7608</v>
      </c>
      <c r="C13450" t="s">
        <v>7609</v>
      </c>
      <c r="D13450" t="s">
        <v>7540</v>
      </c>
      <c r="E13450" t="s">
        <v>13</v>
      </c>
      <c r="F13450">
        <v>632</v>
      </c>
      <c r="G13450" t="s">
        <v>7610</v>
      </c>
      <c r="H13450">
        <v>6.4459628957349997</v>
      </c>
      <c r="I13450">
        <v>52.709863419672999</v>
      </c>
      <c r="J13450" t="s">
        <v>69135</v>
      </c>
    </row>
    <row r="13451" spans="1:10" x14ac:dyDescent="0.25">
      <c r="A13451" t="s">
        <v>7603</v>
      </c>
      <c r="B13451" t="s">
        <v>7604</v>
      </c>
      <c r="C13451" t="s">
        <v>7605</v>
      </c>
      <c r="D13451" t="s">
        <v>7540</v>
      </c>
      <c r="E13451" t="s">
        <v>13</v>
      </c>
      <c r="F13451">
        <v>631</v>
      </c>
      <c r="G13451" t="s">
        <v>7606</v>
      </c>
      <c r="H13451">
        <v>6.4403150965030003</v>
      </c>
      <c r="I13451">
        <v>52.718615250695002</v>
      </c>
      <c r="J13451" t="s">
        <v>69136</v>
      </c>
    </row>
    <row r="13452" spans="1:10" x14ac:dyDescent="0.25">
      <c r="A13452" t="s">
        <v>7599</v>
      </c>
      <c r="B13452" t="s">
        <v>7600</v>
      </c>
      <c r="C13452" t="s">
        <v>7601</v>
      </c>
      <c r="D13452" t="s">
        <v>7540</v>
      </c>
      <c r="E13452" t="s">
        <v>13</v>
      </c>
      <c r="F13452">
        <v>630</v>
      </c>
      <c r="G13452" t="s">
        <v>7602</v>
      </c>
      <c r="H13452">
        <v>6.4435672349580004</v>
      </c>
      <c r="I13452">
        <v>52.714654915579999</v>
      </c>
      <c r="J13452" t="s">
        <v>69137</v>
      </c>
    </row>
    <row r="13453" spans="1:10" x14ac:dyDescent="0.25">
      <c r="A13453" t="s">
        <v>7595</v>
      </c>
      <c r="B13453" t="s">
        <v>7596</v>
      </c>
      <c r="C13453" t="s">
        <v>7597</v>
      </c>
      <c r="D13453" t="s">
        <v>7540</v>
      </c>
      <c r="E13453" t="s">
        <v>13</v>
      </c>
      <c r="F13453">
        <v>629</v>
      </c>
      <c r="G13453" t="s">
        <v>7598</v>
      </c>
      <c r="H13453">
        <v>6.4515519911480004</v>
      </c>
      <c r="I13453">
        <v>52.715012758453</v>
      </c>
      <c r="J13453" t="s">
        <v>69138</v>
      </c>
    </row>
    <row r="13454" spans="1:10" x14ac:dyDescent="0.25">
      <c r="A13454" t="s">
        <v>7591</v>
      </c>
      <c r="B13454" t="s">
        <v>7592</v>
      </c>
      <c r="C13454" t="s">
        <v>7593</v>
      </c>
      <c r="D13454" t="s">
        <v>7540</v>
      </c>
      <c r="E13454" t="s">
        <v>13</v>
      </c>
      <c r="F13454">
        <v>628</v>
      </c>
      <c r="G13454" t="s">
        <v>7594</v>
      </c>
      <c r="H13454">
        <v>6.4593817598190002</v>
      </c>
      <c r="I13454">
        <v>52.71557686949</v>
      </c>
      <c r="J13454" t="s">
        <v>69139</v>
      </c>
    </row>
    <row r="13455" spans="1:10" x14ac:dyDescent="0.25">
      <c r="A13455" t="s">
        <v>7587</v>
      </c>
      <c r="B13455" t="s">
        <v>7588</v>
      </c>
      <c r="C13455" t="s">
        <v>7589</v>
      </c>
      <c r="D13455" t="s">
        <v>7540</v>
      </c>
      <c r="E13455" t="s">
        <v>13</v>
      </c>
      <c r="F13455">
        <v>627</v>
      </c>
      <c r="G13455" t="s">
        <v>7590</v>
      </c>
      <c r="H13455">
        <v>6.4614385240100001</v>
      </c>
      <c r="I13455">
        <v>52.722230845943002</v>
      </c>
      <c r="J13455" t="s">
        <v>69140</v>
      </c>
    </row>
    <row r="13456" spans="1:10" x14ac:dyDescent="0.25">
      <c r="A13456" t="s">
        <v>7583</v>
      </c>
      <c r="B13456" t="s">
        <v>7584</v>
      </c>
      <c r="C13456" t="s">
        <v>7585</v>
      </c>
      <c r="D13456" t="s">
        <v>7540</v>
      </c>
      <c r="E13456" t="s">
        <v>13</v>
      </c>
      <c r="F13456">
        <v>626</v>
      </c>
      <c r="G13456" t="s">
        <v>7586</v>
      </c>
      <c r="H13456">
        <v>6.4556433719540003</v>
      </c>
      <c r="I13456">
        <v>52.721676427197998</v>
      </c>
      <c r="J13456" t="s">
        <v>69141</v>
      </c>
    </row>
    <row r="13457" spans="1:10" x14ac:dyDescent="0.25">
      <c r="A13457" t="s">
        <v>7579</v>
      </c>
      <c r="B13457" t="s">
        <v>7580</v>
      </c>
      <c r="C13457" t="s">
        <v>7581</v>
      </c>
      <c r="D13457" t="s">
        <v>7540</v>
      </c>
      <c r="E13457" t="s">
        <v>13</v>
      </c>
      <c r="F13457">
        <v>625</v>
      </c>
      <c r="G13457" t="s">
        <v>7582</v>
      </c>
      <c r="H13457">
        <v>6.4585064383680004</v>
      </c>
      <c r="I13457">
        <v>52.726819567147999</v>
      </c>
      <c r="J13457" t="s">
        <v>69142</v>
      </c>
    </row>
    <row r="13458" spans="1:10" x14ac:dyDescent="0.25">
      <c r="A13458" t="s">
        <v>7575</v>
      </c>
      <c r="B13458" t="s">
        <v>7576</v>
      </c>
      <c r="C13458" t="s">
        <v>7577</v>
      </c>
      <c r="D13458" t="s">
        <v>7540</v>
      </c>
      <c r="E13458" t="s">
        <v>13</v>
      </c>
      <c r="F13458">
        <v>624</v>
      </c>
      <c r="G13458" t="s">
        <v>7578</v>
      </c>
      <c r="H13458">
        <v>6.44032831112</v>
      </c>
      <c r="I13458">
        <v>52.723174435444001</v>
      </c>
      <c r="J13458" t="s">
        <v>69143</v>
      </c>
    </row>
    <row r="13459" spans="1:10" x14ac:dyDescent="0.25">
      <c r="A13459" t="s">
        <v>7571</v>
      </c>
      <c r="B13459" t="s">
        <v>7572</v>
      </c>
      <c r="C13459" t="s">
        <v>7573</v>
      </c>
      <c r="D13459" t="s">
        <v>7540</v>
      </c>
      <c r="E13459" t="s">
        <v>13</v>
      </c>
      <c r="F13459">
        <v>623</v>
      </c>
      <c r="G13459" t="s">
        <v>7574</v>
      </c>
      <c r="H13459">
        <v>6.449117612257</v>
      </c>
      <c r="I13459">
        <v>52.720653214137002</v>
      </c>
      <c r="J13459" t="s">
        <v>69144</v>
      </c>
    </row>
    <row r="13460" spans="1:10" x14ac:dyDescent="0.25">
      <c r="A13460" t="s">
        <v>7568</v>
      </c>
      <c r="B13460" t="s">
        <v>7569</v>
      </c>
      <c r="C13460" t="s">
        <v>982</v>
      </c>
      <c r="D13460" t="s">
        <v>7540</v>
      </c>
      <c r="E13460" t="s">
        <v>13</v>
      </c>
      <c r="F13460">
        <v>622</v>
      </c>
      <c r="G13460" t="s">
        <v>7570</v>
      </c>
      <c r="H13460">
        <v>6.4857139017329999</v>
      </c>
      <c r="I13460">
        <v>52.724968804564</v>
      </c>
      <c r="J13460" t="s">
        <v>69145</v>
      </c>
    </row>
    <row r="13461" spans="1:10" x14ac:dyDescent="0.25">
      <c r="A13461" t="s">
        <v>7565</v>
      </c>
      <c r="B13461" t="s">
        <v>7566</v>
      </c>
      <c r="C13461" t="s">
        <v>978</v>
      </c>
      <c r="D13461" t="s">
        <v>7540</v>
      </c>
      <c r="E13461" t="s">
        <v>13</v>
      </c>
      <c r="F13461">
        <v>621</v>
      </c>
      <c r="G13461" t="s">
        <v>7567</v>
      </c>
      <c r="H13461">
        <v>6.470274775169</v>
      </c>
      <c r="I13461">
        <v>52.724660309107001</v>
      </c>
      <c r="J13461" t="s">
        <v>69146</v>
      </c>
    </row>
    <row r="13462" spans="1:10" x14ac:dyDescent="0.25">
      <c r="A13462" t="s">
        <v>7561</v>
      </c>
      <c r="B13462" t="s">
        <v>7562</v>
      </c>
      <c r="C13462" t="s">
        <v>7563</v>
      </c>
      <c r="D13462" t="s">
        <v>7540</v>
      </c>
      <c r="E13462" t="s">
        <v>13</v>
      </c>
      <c r="F13462">
        <v>620</v>
      </c>
      <c r="G13462" t="s">
        <v>7564</v>
      </c>
      <c r="H13462">
        <v>6.4706458337030002</v>
      </c>
      <c r="I13462">
        <v>52.715462403701999</v>
      </c>
      <c r="J13462" t="s">
        <v>69147</v>
      </c>
    </row>
    <row r="13463" spans="1:10" x14ac:dyDescent="0.25">
      <c r="A13463" t="s">
        <v>7557</v>
      </c>
      <c r="B13463" t="s">
        <v>7558</v>
      </c>
      <c r="C13463" t="s">
        <v>7559</v>
      </c>
      <c r="D13463" t="s">
        <v>7540</v>
      </c>
      <c r="E13463" t="s">
        <v>13</v>
      </c>
      <c r="F13463">
        <v>619</v>
      </c>
      <c r="G13463" t="s">
        <v>7560</v>
      </c>
      <c r="H13463">
        <v>6.4855466379609998</v>
      </c>
      <c r="I13463">
        <v>52.715260694251</v>
      </c>
      <c r="J13463" t="s">
        <v>69148</v>
      </c>
    </row>
    <row r="13464" spans="1:10" x14ac:dyDescent="0.25">
      <c r="A13464" t="s">
        <v>7553</v>
      </c>
      <c r="B13464" t="s">
        <v>7554</v>
      </c>
      <c r="C13464" t="s">
        <v>7555</v>
      </c>
      <c r="D13464" t="s">
        <v>7540</v>
      </c>
      <c r="E13464" t="s">
        <v>13</v>
      </c>
      <c r="F13464">
        <v>618</v>
      </c>
      <c r="G13464" t="s">
        <v>7556</v>
      </c>
      <c r="H13464">
        <v>6.5015143327829996</v>
      </c>
      <c r="I13464">
        <v>52.717710535312001</v>
      </c>
      <c r="J13464" t="s">
        <v>69149</v>
      </c>
    </row>
    <row r="13465" spans="1:10" x14ac:dyDescent="0.25">
      <c r="A13465" t="s">
        <v>7549</v>
      </c>
      <c r="B13465" t="s">
        <v>7550</v>
      </c>
      <c r="C13465" t="s">
        <v>7551</v>
      </c>
      <c r="D13465" t="s">
        <v>7540</v>
      </c>
      <c r="E13465" t="s">
        <v>13</v>
      </c>
      <c r="F13465">
        <v>617</v>
      </c>
      <c r="G13465" t="s">
        <v>7552</v>
      </c>
      <c r="H13465">
        <v>6.5109061874069996</v>
      </c>
      <c r="I13465">
        <v>52.724064794996998</v>
      </c>
      <c r="J13465" t="s">
        <v>69150</v>
      </c>
    </row>
    <row r="13466" spans="1:10" x14ac:dyDescent="0.25">
      <c r="A13466" t="s">
        <v>7545</v>
      </c>
      <c r="B13466" t="s">
        <v>7546</v>
      </c>
      <c r="C13466" t="s">
        <v>7547</v>
      </c>
      <c r="D13466" t="s">
        <v>7540</v>
      </c>
      <c r="E13466" t="s">
        <v>13</v>
      </c>
      <c r="F13466">
        <v>616</v>
      </c>
      <c r="G13466" t="s">
        <v>7548</v>
      </c>
      <c r="H13466">
        <v>6.4965052471230003</v>
      </c>
      <c r="I13466">
        <v>52.724598114145003</v>
      </c>
      <c r="J13466" t="s">
        <v>69151</v>
      </c>
    </row>
    <row r="13467" spans="1:10" x14ac:dyDescent="0.25">
      <c r="A13467" t="s">
        <v>7542</v>
      </c>
      <c r="B13467" t="s">
        <v>7543</v>
      </c>
      <c r="C13467" t="s">
        <v>4740</v>
      </c>
      <c r="D13467" t="s">
        <v>7540</v>
      </c>
      <c r="E13467" t="s">
        <v>13</v>
      </c>
      <c r="F13467">
        <v>615</v>
      </c>
      <c r="G13467" t="s">
        <v>7544</v>
      </c>
      <c r="H13467">
        <v>6.4757984971890004</v>
      </c>
      <c r="I13467">
        <v>52.731876668961</v>
      </c>
      <c r="J13467" t="s">
        <v>69152</v>
      </c>
    </row>
    <row r="13468" spans="1:10" x14ac:dyDescent="0.25">
      <c r="A13468" t="s">
        <v>7538</v>
      </c>
      <c r="B13468" t="s">
        <v>7539</v>
      </c>
      <c r="C13468" t="s">
        <v>129</v>
      </c>
      <c r="D13468" t="s">
        <v>7540</v>
      </c>
      <c r="E13468" t="s">
        <v>13</v>
      </c>
      <c r="F13468">
        <v>614</v>
      </c>
      <c r="G13468" t="s">
        <v>7541</v>
      </c>
      <c r="H13468">
        <v>6.4787629818520003</v>
      </c>
      <c r="I13468">
        <v>52.724484848899003</v>
      </c>
      <c r="J13468" t="s">
        <v>69153</v>
      </c>
    </row>
    <row r="13469" spans="1:10" x14ac:dyDescent="0.25">
      <c r="A13469" t="s">
        <v>7534</v>
      </c>
      <c r="B13469" t="s">
        <v>7535</v>
      </c>
      <c r="C13469" t="s">
        <v>7536</v>
      </c>
      <c r="D13469" t="s">
        <v>7209</v>
      </c>
      <c r="E13469" t="s">
        <v>13</v>
      </c>
      <c r="F13469">
        <v>613</v>
      </c>
      <c r="G13469" t="s">
        <v>7537</v>
      </c>
      <c r="H13469">
        <v>6.9617689600919999</v>
      </c>
      <c r="I13469">
        <v>52.738971437021</v>
      </c>
      <c r="J13469" t="s">
        <v>69154</v>
      </c>
    </row>
    <row r="13470" spans="1:10" x14ac:dyDescent="0.25">
      <c r="A13470" t="s">
        <v>7530</v>
      </c>
      <c r="B13470" t="s">
        <v>7531</v>
      </c>
      <c r="C13470" t="s">
        <v>7532</v>
      </c>
      <c r="D13470" t="s">
        <v>7209</v>
      </c>
      <c r="E13470" t="s">
        <v>13</v>
      </c>
      <c r="F13470">
        <v>612</v>
      </c>
      <c r="G13470" t="s">
        <v>7533</v>
      </c>
      <c r="H13470">
        <v>6.9233037350100002</v>
      </c>
      <c r="I13470">
        <v>52.761560954838998</v>
      </c>
      <c r="J13470" t="s">
        <v>69155</v>
      </c>
    </row>
    <row r="13471" spans="1:10" x14ac:dyDescent="0.25">
      <c r="A13471" t="s">
        <v>7526</v>
      </c>
      <c r="B13471" t="s">
        <v>7527</v>
      </c>
      <c r="C13471" t="s">
        <v>7528</v>
      </c>
      <c r="D13471" t="s">
        <v>7209</v>
      </c>
      <c r="E13471" t="s">
        <v>13</v>
      </c>
      <c r="F13471">
        <v>611</v>
      </c>
      <c r="G13471" t="s">
        <v>7529</v>
      </c>
      <c r="H13471">
        <v>6.9027998408639997</v>
      </c>
      <c r="I13471">
        <v>52.753430035621001</v>
      </c>
      <c r="J13471" t="s">
        <v>69156</v>
      </c>
    </row>
    <row r="13472" spans="1:10" x14ac:dyDescent="0.25">
      <c r="A13472" t="s">
        <v>7522</v>
      </c>
      <c r="B13472" t="s">
        <v>7523</v>
      </c>
      <c r="C13472" t="s">
        <v>7524</v>
      </c>
      <c r="D13472" t="s">
        <v>7209</v>
      </c>
      <c r="E13472" t="s">
        <v>13</v>
      </c>
      <c r="F13472">
        <v>610</v>
      </c>
      <c r="G13472" t="s">
        <v>7525</v>
      </c>
      <c r="H13472">
        <v>6.8843273437130001</v>
      </c>
      <c r="I13472">
        <v>52.773702276614998</v>
      </c>
      <c r="J13472" t="s">
        <v>69157</v>
      </c>
    </row>
    <row r="13473" spans="1:10" x14ac:dyDescent="0.25">
      <c r="A13473" t="s">
        <v>7518</v>
      </c>
      <c r="B13473" t="s">
        <v>7519</v>
      </c>
      <c r="C13473" t="s">
        <v>7520</v>
      </c>
      <c r="D13473" t="s">
        <v>7209</v>
      </c>
      <c r="E13473" t="s">
        <v>13</v>
      </c>
      <c r="F13473">
        <v>609</v>
      </c>
      <c r="G13473" t="s">
        <v>7521</v>
      </c>
      <c r="H13473">
        <v>6.8928735662770002</v>
      </c>
      <c r="I13473">
        <v>52.787151356381003</v>
      </c>
      <c r="J13473" t="s">
        <v>69158</v>
      </c>
    </row>
    <row r="13474" spans="1:10" x14ac:dyDescent="0.25">
      <c r="A13474" t="s">
        <v>7514</v>
      </c>
      <c r="B13474" t="s">
        <v>7515</v>
      </c>
      <c r="C13474" t="s">
        <v>7516</v>
      </c>
      <c r="D13474" t="s">
        <v>7209</v>
      </c>
      <c r="E13474" t="s">
        <v>13</v>
      </c>
      <c r="F13474">
        <v>608</v>
      </c>
      <c r="G13474" t="s">
        <v>7517</v>
      </c>
      <c r="H13474">
        <v>6.8723803053339996</v>
      </c>
      <c r="I13474">
        <v>52.785732592625003</v>
      </c>
      <c r="J13474" t="s">
        <v>69159</v>
      </c>
    </row>
    <row r="13475" spans="1:10" x14ac:dyDescent="0.25">
      <c r="A13475" t="s">
        <v>7510</v>
      </c>
      <c r="B13475" t="s">
        <v>7511</v>
      </c>
      <c r="C13475" t="s">
        <v>7512</v>
      </c>
      <c r="D13475" t="s">
        <v>7209</v>
      </c>
      <c r="E13475" t="s">
        <v>13</v>
      </c>
      <c r="F13475">
        <v>607</v>
      </c>
      <c r="G13475" t="s">
        <v>7513</v>
      </c>
      <c r="H13475">
        <v>6.9164258144520003</v>
      </c>
      <c r="I13475">
        <v>52.819463433849997</v>
      </c>
      <c r="J13475" t="s">
        <v>69160</v>
      </c>
    </row>
    <row r="13476" spans="1:10" x14ac:dyDescent="0.25">
      <c r="A13476" t="s">
        <v>7506</v>
      </c>
      <c r="B13476" t="s">
        <v>7507</v>
      </c>
      <c r="C13476" t="s">
        <v>7508</v>
      </c>
      <c r="D13476" t="s">
        <v>7209</v>
      </c>
      <c r="E13476" t="s">
        <v>13</v>
      </c>
      <c r="F13476">
        <v>606</v>
      </c>
      <c r="G13476" t="s">
        <v>7509</v>
      </c>
      <c r="H13476">
        <v>6.9583089844580002</v>
      </c>
      <c r="I13476">
        <v>52.771725144624</v>
      </c>
      <c r="J13476" t="s">
        <v>69161</v>
      </c>
    </row>
    <row r="13477" spans="1:10" x14ac:dyDescent="0.25">
      <c r="A13477" t="s">
        <v>7502</v>
      </c>
      <c r="B13477" t="s">
        <v>7503</v>
      </c>
      <c r="C13477" t="s">
        <v>7504</v>
      </c>
      <c r="D13477" t="s">
        <v>7209</v>
      </c>
      <c r="E13477" t="s">
        <v>13</v>
      </c>
      <c r="F13477">
        <v>605</v>
      </c>
      <c r="G13477" t="s">
        <v>7505</v>
      </c>
      <c r="H13477">
        <v>6.8615476433709999</v>
      </c>
      <c r="I13477">
        <v>52.753267862864</v>
      </c>
      <c r="J13477" t="s">
        <v>69162</v>
      </c>
    </row>
    <row r="13478" spans="1:10" x14ac:dyDescent="0.25">
      <c r="A13478" t="s">
        <v>7498</v>
      </c>
      <c r="B13478" t="s">
        <v>7499</v>
      </c>
      <c r="C13478" t="s">
        <v>7500</v>
      </c>
      <c r="D13478" t="s">
        <v>7209</v>
      </c>
      <c r="E13478" t="s">
        <v>13</v>
      </c>
      <c r="F13478">
        <v>604</v>
      </c>
      <c r="G13478" t="s">
        <v>7501</v>
      </c>
      <c r="H13478">
        <v>6.9037825330639997</v>
      </c>
      <c r="I13478">
        <v>52.735052736212999</v>
      </c>
      <c r="J13478" t="s">
        <v>69163</v>
      </c>
    </row>
    <row r="13479" spans="1:10" x14ac:dyDescent="0.25">
      <c r="A13479" t="s">
        <v>7494</v>
      </c>
      <c r="B13479" t="s">
        <v>7495</v>
      </c>
      <c r="C13479" t="s">
        <v>7496</v>
      </c>
      <c r="D13479" t="s">
        <v>7209</v>
      </c>
      <c r="E13479" t="s">
        <v>13</v>
      </c>
      <c r="F13479">
        <v>603</v>
      </c>
      <c r="G13479" t="s">
        <v>7497</v>
      </c>
      <c r="H13479">
        <v>6.8890704318929998</v>
      </c>
      <c r="I13479">
        <v>52.746939809421001</v>
      </c>
      <c r="J13479" t="s">
        <v>69164</v>
      </c>
    </row>
    <row r="13480" spans="1:10" x14ac:dyDescent="0.25">
      <c r="A13480" t="s">
        <v>7490</v>
      </c>
      <c r="B13480" t="s">
        <v>7491</v>
      </c>
      <c r="C13480" t="s">
        <v>7492</v>
      </c>
      <c r="D13480" t="s">
        <v>7209</v>
      </c>
      <c r="E13480" t="s">
        <v>13</v>
      </c>
      <c r="F13480">
        <v>602</v>
      </c>
      <c r="G13480" t="s">
        <v>7493</v>
      </c>
      <c r="H13480">
        <v>6.8845724747550001</v>
      </c>
      <c r="I13480">
        <v>52.762532958626998</v>
      </c>
      <c r="J13480" t="s">
        <v>69165</v>
      </c>
    </row>
    <row r="13481" spans="1:10" x14ac:dyDescent="0.25">
      <c r="A13481" t="s">
        <v>7486</v>
      </c>
      <c r="B13481" t="s">
        <v>7487</v>
      </c>
      <c r="C13481" t="s">
        <v>7488</v>
      </c>
      <c r="D13481" t="s">
        <v>7209</v>
      </c>
      <c r="E13481" t="s">
        <v>13</v>
      </c>
      <c r="F13481">
        <v>601</v>
      </c>
      <c r="G13481" t="s">
        <v>7489</v>
      </c>
      <c r="H13481">
        <v>6.9372715717710003</v>
      </c>
      <c r="I13481">
        <v>52.799876888183</v>
      </c>
      <c r="J13481" t="s">
        <v>69166</v>
      </c>
    </row>
    <row r="13482" spans="1:10" x14ac:dyDescent="0.25">
      <c r="A13482" t="s">
        <v>7482</v>
      </c>
      <c r="B13482" t="s">
        <v>7483</v>
      </c>
      <c r="C13482" t="s">
        <v>7484</v>
      </c>
      <c r="D13482" t="s">
        <v>7209</v>
      </c>
      <c r="E13482" t="s">
        <v>13</v>
      </c>
      <c r="F13482">
        <v>600</v>
      </c>
      <c r="G13482" t="s">
        <v>7485</v>
      </c>
      <c r="H13482">
        <v>6.9377922737000004</v>
      </c>
      <c r="I13482">
        <v>52.791382680818998</v>
      </c>
      <c r="J13482" t="s">
        <v>69167</v>
      </c>
    </row>
    <row r="13483" spans="1:10" x14ac:dyDescent="0.25">
      <c r="A13483" t="s">
        <v>7478</v>
      </c>
      <c r="B13483" t="s">
        <v>7479</v>
      </c>
      <c r="C13483" t="s">
        <v>7480</v>
      </c>
      <c r="D13483" t="s">
        <v>7209</v>
      </c>
      <c r="E13483" t="s">
        <v>13</v>
      </c>
      <c r="F13483">
        <v>599</v>
      </c>
      <c r="G13483" t="s">
        <v>7481</v>
      </c>
      <c r="H13483">
        <v>6.9307585203100004</v>
      </c>
      <c r="I13483">
        <v>52.779716017858</v>
      </c>
      <c r="J13483" t="s">
        <v>69168</v>
      </c>
    </row>
    <row r="13484" spans="1:10" x14ac:dyDescent="0.25">
      <c r="A13484" t="s">
        <v>7474</v>
      </c>
      <c r="B13484" t="s">
        <v>7475</v>
      </c>
      <c r="C13484" t="s">
        <v>7476</v>
      </c>
      <c r="D13484" t="s">
        <v>7209</v>
      </c>
      <c r="E13484" t="s">
        <v>13</v>
      </c>
      <c r="F13484">
        <v>598</v>
      </c>
      <c r="G13484" t="s">
        <v>7477</v>
      </c>
      <c r="H13484">
        <v>6.8932000248970002</v>
      </c>
      <c r="I13484">
        <v>52.798506833753002</v>
      </c>
      <c r="J13484" t="s">
        <v>69169</v>
      </c>
    </row>
    <row r="13485" spans="1:10" x14ac:dyDescent="0.25">
      <c r="A13485" t="s">
        <v>7470</v>
      </c>
      <c r="B13485" t="s">
        <v>7471</v>
      </c>
      <c r="C13485" t="s">
        <v>7472</v>
      </c>
      <c r="D13485" t="s">
        <v>7209</v>
      </c>
      <c r="E13485" t="s">
        <v>13</v>
      </c>
      <c r="F13485">
        <v>597</v>
      </c>
      <c r="G13485" t="s">
        <v>7473</v>
      </c>
      <c r="H13485">
        <v>6.9077413088900004</v>
      </c>
      <c r="I13485">
        <v>52.783391996212998</v>
      </c>
      <c r="J13485" t="s">
        <v>69170</v>
      </c>
    </row>
    <row r="13486" spans="1:10" x14ac:dyDescent="0.25">
      <c r="A13486" t="s">
        <v>7466</v>
      </c>
      <c r="B13486" t="s">
        <v>7467</v>
      </c>
      <c r="C13486" t="s">
        <v>7468</v>
      </c>
      <c r="D13486" t="s">
        <v>7209</v>
      </c>
      <c r="E13486" t="s">
        <v>13</v>
      </c>
      <c r="F13486">
        <v>596</v>
      </c>
      <c r="G13486" t="s">
        <v>7469</v>
      </c>
      <c r="H13486">
        <v>6.9055234532150003</v>
      </c>
      <c r="I13486">
        <v>52.796874230747001</v>
      </c>
      <c r="J13486" t="s">
        <v>69171</v>
      </c>
    </row>
    <row r="13487" spans="1:10" x14ac:dyDescent="0.25">
      <c r="A13487" t="s">
        <v>7462</v>
      </c>
      <c r="B13487" t="s">
        <v>7463</v>
      </c>
      <c r="C13487" t="s">
        <v>7464</v>
      </c>
      <c r="D13487" t="s">
        <v>7209</v>
      </c>
      <c r="E13487" t="s">
        <v>13</v>
      </c>
      <c r="F13487">
        <v>595</v>
      </c>
      <c r="G13487" t="s">
        <v>7465</v>
      </c>
      <c r="H13487">
        <v>6.8949680754509997</v>
      </c>
      <c r="I13487">
        <v>52.784049447335001</v>
      </c>
      <c r="J13487" t="s">
        <v>69172</v>
      </c>
    </row>
    <row r="13488" spans="1:10" x14ac:dyDescent="0.25">
      <c r="A13488" t="s">
        <v>7458</v>
      </c>
      <c r="B13488" t="s">
        <v>7459</v>
      </c>
      <c r="C13488" t="s">
        <v>7460</v>
      </c>
      <c r="D13488" t="s">
        <v>7209</v>
      </c>
      <c r="E13488" t="s">
        <v>13</v>
      </c>
      <c r="F13488">
        <v>594</v>
      </c>
      <c r="G13488" t="s">
        <v>7461</v>
      </c>
      <c r="H13488">
        <v>7.0069554136820003</v>
      </c>
      <c r="I13488">
        <v>52.667481862315</v>
      </c>
      <c r="J13488" t="s">
        <v>69173</v>
      </c>
    </row>
    <row r="13489" spans="1:10" x14ac:dyDescent="0.25">
      <c r="A13489" t="s">
        <v>7454</v>
      </c>
      <c r="B13489" t="s">
        <v>7455</v>
      </c>
      <c r="C13489" t="s">
        <v>7456</v>
      </c>
      <c r="D13489" t="s">
        <v>7209</v>
      </c>
      <c r="E13489" t="s">
        <v>13</v>
      </c>
      <c r="F13489">
        <v>593</v>
      </c>
      <c r="G13489" t="s">
        <v>7457</v>
      </c>
      <c r="H13489">
        <v>7.0000580188669996</v>
      </c>
      <c r="I13489">
        <v>52.67045310124</v>
      </c>
      <c r="J13489" t="s">
        <v>69174</v>
      </c>
    </row>
    <row r="13490" spans="1:10" x14ac:dyDescent="0.25">
      <c r="A13490" t="s">
        <v>7450</v>
      </c>
      <c r="B13490" t="s">
        <v>7451</v>
      </c>
      <c r="C13490" t="s">
        <v>7452</v>
      </c>
      <c r="D13490" t="s">
        <v>7209</v>
      </c>
      <c r="E13490" t="s">
        <v>13</v>
      </c>
      <c r="F13490">
        <v>592</v>
      </c>
      <c r="G13490" t="s">
        <v>7453</v>
      </c>
      <c r="H13490">
        <v>6.988647485564</v>
      </c>
      <c r="I13490">
        <v>52.672440779892</v>
      </c>
      <c r="J13490" t="s">
        <v>69175</v>
      </c>
    </row>
    <row r="13491" spans="1:10" x14ac:dyDescent="0.25">
      <c r="A13491" t="s">
        <v>7446</v>
      </c>
      <c r="B13491" t="s">
        <v>7447</v>
      </c>
      <c r="C13491" t="s">
        <v>7448</v>
      </c>
      <c r="D13491" t="s">
        <v>7209</v>
      </c>
      <c r="E13491" t="s">
        <v>13</v>
      </c>
      <c r="F13491">
        <v>591</v>
      </c>
      <c r="G13491" t="s">
        <v>7449</v>
      </c>
      <c r="H13491">
        <v>6.9914185103220001</v>
      </c>
      <c r="I13491">
        <v>52.648655650686003</v>
      </c>
      <c r="J13491" t="s">
        <v>69176</v>
      </c>
    </row>
    <row r="13492" spans="1:10" x14ac:dyDescent="0.25">
      <c r="A13492" t="s">
        <v>7442</v>
      </c>
      <c r="B13492" t="s">
        <v>7443</v>
      </c>
      <c r="C13492" t="s">
        <v>7444</v>
      </c>
      <c r="D13492" t="s">
        <v>7209</v>
      </c>
      <c r="E13492" t="s">
        <v>13</v>
      </c>
      <c r="F13492">
        <v>590</v>
      </c>
      <c r="G13492" t="s">
        <v>7445</v>
      </c>
      <c r="H13492">
        <v>7.0264863633679999</v>
      </c>
      <c r="I13492">
        <v>52.642457882475</v>
      </c>
      <c r="J13492" t="s">
        <v>69177</v>
      </c>
    </row>
    <row r="13493" spans="1:10" x14ac:dyDescent="0.25">
      <c r="A13493" t="s">
        <v>7438</v>
      </c>
      <c r="B13493" t="s">
        <v>7439</v>
      </c>
      <c r="C13493" t="s">
        <v>7440</v>
      </c>
      <c r="D13493" t="s">
        <v>7209</v>
      </c>
      <c r="E13493" t="s">
        <v>13</v>
      </c>
      <c r="F13493">
        <v>589</v>
      </c>
      <c r="G13493" t="s">
        <v>7441</v>
      </c>
      <c r="H13493">
        <v>6.9570998298670004</v>
      </c>
      <c r="I13493">
        <v>52.649141290064001</v>
      </c>
      <c r="J13493" t="s">
        <v>69178</v>
      </c>
    </row>
    <row r="13494" spans="1:10" x14ac:dyDescent="0.25">
      <c r="A13494" t="s">
        <v>7434</v>
      </c>
      <c r="B13494" t="s">
        <v>7435</v>
      </c>
      <c r="C13494" t="s">
        <v>7436</v>
      </c>
      <c r="D13494" t="s">
        <v>7209</v>
      </c>
      <c r="E13494" t="s">
        <v>13</v>
      </c>
      <c r="F13494">
        <v>588</v>
      </c>
      <c r="G13494" t="s">
        <v>7437</v>
      </c>
      <c r="H13494">
        <v>6.987152690746</v>
      </c>
      <c r="I13494">
        <v>52.648425809808003</v>
      </c>
      <c r="J13494" t="s">
        <v>69179</v>
      </c>
    </row>
    <row r="13495" spans="1:10" x14ac:dyDescent="0.25">
      <c r="A13495" t="s">
        <v>7431</v>
      </c>
      <c r="B13495" t="s">
        <v>7432</v>
      </c>
      <c r="C13495" t="s">
        <v>7144</v>
      </c>
      <c r="D13495" t="s">
        <v>7209</v>
      </c>
      <c r="E13495" t="s">
        <v>13</v>
      </c>
      <c r="F13495">
        <v>587</v>
      </c>
      <c r="G13495" t="s">
        <v>7433</v>
      </c>
      <c r="H13495">
        <v>6.8373073837689997</v>
      </c>
      <c r="I13495">
        <v>52.720327231519001</v>
      </c>
      <c r="J13495" t="s">
        <v>69180</v>
      </c>
    </row>
    <row r="13496" spans="1:10" x14ac:dyDescent="0.25">
      <c r="A13496" t="s">
        <v>7427</v>
      </c>
      <c r="B13496" t="s">
        <v>7428</v>
      </c>
      <c r="C13496" t="s">
        <v>7429</v>
      </c>
      <c r="D13496" t="s">
        <v>7209</v>
      </c>
      <c r="E13496" t="s">
        <v>13</v>
      </c>
      <c r="F13496">
        <v>586</v>
      </c>
      <c r="G13496" t="s">
        <v>7430</v>
      </c>
      <c r="H13496">
        <v>6.8402838619980004</v>
      </c>
      <c r="I13496">
        <v>52.734086022292999</v>
      </c>
      <c r="J13496" t="s">
        <v>69181</v>
      </c>
    </row>
    <row r="13497" spans="1:10" x14ac:dyDescent="0.25">
      <c r="A13497" t="s">
        <v>7423</v>
      </c>
      <c r="B13497" t="s">
        <v>7424</v>
      </c>
      <c r="C13497" t="s">
        <v>7425</v>
      </c>
      <c r="D13497" t="s">
        <v>7209</v>
      </c>
      <c r="E13497" t="s">
        <v>13</v>
      </c>
      <c r="F13497">
        <v>585</v>
      </c>
      <c r="G13497" t="s">
        <v>7426</v>
      </c>
      <c r="H13497">
        <v>6.8454461931869997</v>
      </c>
      <c r="I13497">
        <v>52.713071693735998</v>
      </c>
      <c r="J13497" t="s">
        <v>69182</v>
      </c>
    </row>
    <row r="13498" spans="1:10" x14ac:dyDescent="0.25">
      <c r="A13498" t="s">
        <v>7419</v>
      </c>
      <c r="B13498" t="s">
        <v>7420</v>
      </c>
      <c r="C13498" t="s">
        <v>7421</v>
      </c>
      <c r="D13498" t="s">
        <v>7209</v>
      </c>
      <c r="E13498" t="s">
        <v>13</v>
      </c>
      <c r="F13498">
        <v>584</v>
      </c>
      <c r="G13498" t="s">
        <v>7422</v>
      </c>
      <c r="H13498">
        <v>6.9060811597839997</v>
      </c>
      <c r="I13498">
        <v>52.669475342856998</v>
      </c>
      <c r="J13498" t="s">
        <v>69183</v>
      </c>
    </row>
    <row r="13499" spans="1:10" x14ac:dyDescent="0.25">
      <c r="A13499" t="s">
        <v>7415</v>
      </c>
      <c r="B13499" t="s">
        <v>7416</v>
      </c>
      <c r="C13499" t="s">
        <v>7417</v>
      </c>
      <c r="D13499" t="s">
        <v>7209</v>
      </c>
      <c r="E13499" t="s">
        <v>13</v>
      </c>
      <c r="F13499">
        <v>583</v>
      </c>
      <c r="G13499" t="s">
        <v>7418</v>
      </c>
      <c r="H13499">
        <v>6.8682619910240001</v>
      </c>
      <c r="I13499">
        <v>52.685661397841997</v>
      </c>
      <c r="J13499" t="s">
        <v>69184</v>
      </c>
    </row>
    <row r="13500" spans="1:10" x14ac:dyDescent="0.25">
      <c r="A13500" t="s">
        <v>7411</v>
      </c>
      <c r="B13500" t="s">
        <v>7412</v>
      </c>
      <c r="C13500" t="s">
        <v>7413</v>
      </c>
      <c r="D13500" t="s">
        <v>7209</v>
      </c>
      <c r="E13500" t="s">
        <v>13</v>
      </c>
      <c r="F13500">
        <v>582</v>
      </c>
      <c r="G13500" t="s">
        <v>7414</v>
      </c>
      <c r="H13500">
        <v>6.8624054970769999</v>
      </c>
      <c r="I13500">
        <v>52.691917130642999</v>
      </c>
      <c r="J13500" t="s">
        <v>69185</v>
      </c>
    </row>
    <row r="13501" spans="1:10" x14ac:dyDescent="0.25">
      <c r="A13501" t="s">
        <v>7407</v>
      </c>
      <c r="B13501" t="s">
        <v>7408</v>
      </c>
      <c r="C13501" t="s">
        <v>7409</v>
      </c>
      <c r="D13501" t="s">
        <v>7209</v>
      </c>
      <c r="E13501" t="s">
        <v>13</v>
      </c>
      <c r="F13501">
        <v>581</v>
      </c>
      <c r="G13501" t="s">
        <v>7410</v>
      </c>
      <c r="H13501">
        <v>6.8645937773689996</v>
      </c>
      <c r="I13501">
        <v>52.667703722764998</v>
      </c>
      <c r="J13501" t="s">
        <v>69186</v>
      </c>
    </row>
    <row r="13502" spans="1:10" x14ac:dyDescent="0.25">
      <c r="A13502" t="s">
        <v>7403</v>
      </c>
      <c r="B13502" t="s">
        <v>7404</v>
      </c>
      <c r="C13502" t="s">
        <v>7405</v>
      </c>
      <c r="D13502" t="s">
        <v>7209</v>
      </c>
      <c r="E13502" t="s">
        <v>13</v>
      </c>
      <c r="F13502">
        <v>580</v>
      </c>
      <c r="G13502" t="s">
        <v>7406</v>
      </c>
      <c r="H13502">
        <v>6.9080671990009996</v>
      </c>
      <c r="I13502">
        <v>52.657624536828003</v>
      </c>
      <c r="J13502" t="s">
        <v>69187</v>
      </c>
    </row>
    <row r="13503" spans="1:10" x14ac:dyDescent="0.25">
      <c r="A13503" t="s">
        <v>7399</v>
      </c>
      <c r="B13503" t="s">
        <v>7400</v>
      </c>
      <c r="C13503" t="s">
        <v>7401</v>
      </c>
      <c r="D13503" t="s">
        <v>7209</v>
      </c>
      <c r="E13503" t="s">
        <v>13</v>
      </c>
      <c r="F13503">
        <v>579</v>
      </c>
      <c r="G13503" t="s">
        <v>7402</v>
      </c>
      <c r="H13503">
        <v>6.8824595269150004</v>
      </c>
      <c r="I13503">
        <v>52.664034991572997</v>
      </c>
      <c r="J13503" t="s">
        <v>69188</v>
      </c>
    </row>
    <row r="13504" spans="1:10" x14ac:dyDescent="0.25">
      <c r="A13504" t="s">
        <v>7395</v>
      </c>
      <c r="B13504" t="s">
        <v>7396</v>
      </c>
      <c r="C13504" t="s">
        <v>7397</v>
      </c>
      <c r="D13504" t="s">
        <v>7209</v>
      </c>
      <c r="E13504" t="s">
        <v>13</v>
      </c>
      <c r="F13504">
        <v>578</v>
      </c>
      <c r="G13504" t="s">
        <v>7398</v>
      </c>
      <c r="H13504">
        <v>7.0391132922360002</v>
      </c>
      <c r="I13504">
        <v>52.696977820603003</v>
      </c>
      <c r="J13504" t="s">
        <v>69189</v>
      </c>
    </row>
    <row r="13505" spans="1:10" x14ac:dyDescent="0.25">
      <c r="A13505" t="s">
        <v>7391</v>
      </c>
      <c r="B13505" t="s">
        <v>7392</v>
      </c>
      <c r="C13505" t="s">
        <v>7393</v>
      </c>
      <c r="D13505" t="s">
        <v>7209</v>
      </c>
      <c r="E13505" t="s">
        <v>13</v>
      </c>
      <c r="F13505">
        <v>577</v>
      </c>
      <c r="G13505" t="s">
        <v>7394</v>
      </c>
      <c r="H13505">
        <v>7.0446005066359998</v>
      </c>
      <c r="I13505">
        <v>52.707335142082002</v>
      </c>
      <c r="J13505" t="s">
        <v>69190</v>
      </c>
    </row>
    <row r="13506" spans="1:10" x14ac:dyDescent="0.25">
      <c r="A13506" t="s">
        <v>7387</v>
      </c>
      <c r="B13506" t="s">
        <v>7388</v>
      </c>
      <c r="C13506" t="s">
        <v>7389</v>
      </c>
      <c r="D13506" t="s">
        <v>7209</v>
      </c>
      <c r="E13506" t="s">
        <v>13</v>
      </c>
      <c r="F13506">
        <v>576</v>
      </c>
      <c r="G13506" t="s">
        <v>7390</v>
      </c>
      <c r="H13506">
        <v>7.0429280331469997</v>
      </c>
      <c r="I13506">
        <v>52.722065495157999</v>
      </c>
      <c r="J13506" t="s">
        <v>69191</v>
      </c>
    </row>
    <row r="13507" spans="1:10" x14ac:dyDescent="0.25">
      <c r="A13507" t="s">
        <v>7383</v>
      </c>
      <c r="B13507" t="s">
        <v>7384</v>
      </c>
      <c r="C13507" t="s">
        <v>7385</v>
      </c>
      <c r="D13507" t="s">
        <v>7209</v>
      </c>
      <c r="E13507" t="s">
        <v>13</v>
      </c>
      <c r="F13507">
        <v>575</v>
      </c>
      <c r="G13507" t="s">
        <v>7386</v>
      </c>
      <c r="H13507">
        <v>6.993900444556</v>
      </c>
      <c r="I13507">
        <v>52.702685739963002</v>
      </c>
      <c r="J13507" t="s">
        <v>69192</v>
      </c>
    </row>
    <row r="13508" spans="1:10" x14ac:dyDescent="0.25">
      <c r="A13508" t="s">
        <v>7379</v>
      </c>
      <c r="B13508" t="s">
        <v>7380</v>
      </c>
      <c r="C13508" t="s">
        <v>7381</v>
      </c>
      <c r="D13508" t="s">
        <v>7209</v>
      </c>
      <c r="E13508" t="s">
        <v>13</v>
      </c>
      <c r="F13508">
        <v>574</v>
      </c>
      <c r="G13508" t="s">
        <v>7382</v>
      </c>
      <c r="H13508">
        <v>7.0111125501679998</v>
      </c>
      <c r="I13508">
        <v>52.744039254648001</v>
      </c>
      <c r="J13508" t="s">
        <v>69193</v>
      </c>
    </row>
    <row r="13509" spans="1:10" x14ac:dyDescent="0.25">
      <c r="A13509" t="s">
        <v>7375</v>
      </c>
      <c r="B13509" t="s">
        <v>7376</v>
      </c>
      <c r="C13509" t="s">
        <v>7377</v>
      </c>
      <c r="D13509" t="s">
        <v>7209</v>
      </c>
      <c r="E13509" t="s">
        <v>13</v>
      </c>
      <c r="F13509">
        <v>573</v>
      </c>
      <c r="G13509" t="s">
        <v>7378</v>
      </c>
      <c r="H13509">
        <v>6.9683873667759997</v>
      </c>
      <c r="I13509">
        <v>52.710009956679002</v>
      </c>
      <c r="J13509" t="s">
        <v>69194</v>
      </c>
    </row>
    <row r="13510" spans="1:10" x14ac:dyDescent="0.25">
      <c r="A13510" t="s">
        <v>7371</v>
      </c>
      <c r="B13510" t="s">
        <v>7372</v>
      </c>
      <c r="C13510" t="s">
        <v>7373</v>
      </c>
      <c r="D13510" t="s">
        <v>7209</v>
      </c>
      <c r="E13510" t="s">
        <v>13</v>
      </c>
      <c r="F13510">
        <v>572</v>
      </c>
      <c r="G13510" t="s">
        <v>7374</v>
      </c>
      <c r="H13510">
        <v>6.9838624647450001</v>
      </c>
      <c r="I13510">
        <v>52.711447358938003</v>
      </c>
      <c r="J13510" t="s">
        <v>69195</v>
      </c>
    </row>
    <row r="13511" spans="1:10" x14ac:dyDescent="0.25">
      <c r="A13511" t="s">
        <v>7367</v>
      </c>
      <c r="B13511" t="s">
        <v>7368</v>
      </c>
      <c r="C13511" t="s">
        <v>7369</v>
      </c>
      <c r="D13511" t="s">
        <v>7209</v>
      </c>
      <c r="E13511" t="s">
        <v>13</v>
      </c>
      <c r="F13511">
        <v>571</v>
      </c>
      <c r="G13511" t="s">
        <v>7370</v>
      </c>
      <c r="H13511">
        <v>7.0038284717749999</v>
      </c>
      <c r="I13511">
        <v>52.711753145762003</v>
      </c>
      <c r="J13511" t="s">
        <v>69196</v>
      </c>
    </row>
    <row r="13512" spans="1:10" x14ac:dyDescent="0.25">
      <c r="A13512" t="s">
        <v>7363</v>
      </c>
      <c r="B13512" t="s">
        <v>7364</v>
      </c>
      <c r="C13512" t="s">
        <v>7365</v>
      </c>
      <c r="D13512" t="s">
        <v>7209</v>
      </c>
      <c r="E13512" t="s">
        <v>13</v>
      </c>
      <c r="F13512">
        <v>570</v>
      </c>
      <c r="G13512" t="s">
        <v>7366</v>
      </c>
      <c r="H13512">
        <v>6.9790400880270003</v>
      </c>
      <c r="I13512">
        <v>52.702312466361001</v>
      </c>
      <c r="J13512" t="s">
        <v>69197</v>
      </c>
    </row>
    <row r="13513" spans="1:10" x14ac:dyDescent="0.25">
      <c r="A13513" t="s">
        <v>7359</v>
      </c>
      <c r="B13513" t="s">
        <v>7360</v>
      </c>
      <c r="C13513" t="s">
        <v>7361</v>
      </c>
      <c r="D13513" t="s">
        <v>7209</v>
      </c>
      <c r="E13513" t="s">
        <v>13</v>
      </c>
      <c r="F13513">
        <v>569</v>
      </c>
      <c r="G13513" t="s">
        <v>7362</v>
      </c>
      <c r="H13513">
        <v>6.9944252461170002</v>
      </c>
      <c r="I13513">
        <v>52.720813015487003</v>
      </c>
      <c r="J13513" t="s">
        <v>69198</v>
      </c>
    </row>
    <row r="13514" spans="1:10" x14ac:dyDescent="0.25">
      <c r="A13514" t="s">
        <v>7355</v>
      </c>
      <c r="B13514" t="s">
        <v>7356</v>
      </c>
      <c r="C13514" t="s">
        <v>7357</v>
      </c>
      <c r="D13514" t="s">
        <v>7209</v>
      </c>
      <c r="E13514" t="s">
        <v>13</v>
      </c>
      <c r="F13514">
        <v>568</v>
      </c>
      <c r="G13514" t="s">
        <v>7358</v>
      </c>
      <c r="H13514">
        <v>6.9831528510999998</v>
      </c>
      <c r="I13514">
        <v>52.729154745038997</v>
      </c>
      <c r="J13514" t="s">
        <v>69199</v>
      </c>
    </row>
    <row r="13515" spans="1:10" x14ac:dyDescent="0.25">
      <c r="A13515" t="s">
        <v>7351</v>
      </c>
      <c r="B13515" t="s">
        <v>7352</v>
      </c>
      <c r="C13515" t="s">
        <v>7353</v>
      </c>
      <c r="D13515" t="s">
        <v>7209</v>
      </c>
      <c r="E13515" t="s">
        <v>13</v>
      </c>
      <c r="F13515">
        <v>567</v>
      </c>
      <c r="G13515" t="s">
        <v>7354</v>
      </c>
      <c r="H13515">
        <v>6.9349516602480001</v>
      </c>
      <c r="I13515">
        <v>52.709411017428998</v>
      </c>
      <c r="J13515" t="s">
        <v>69200</v>
      </c>
    </row>
    <row r="13516" spans="1:10" x14ac:dyDescent="0.25">
      <c r="A13516" t="s">
        <v>7347</v>
      </c>
      <c r="B13516" t="s">
        <v>7348</v>
      </c>
      <c r="C13516" t="s">
        <v>7349</v>
      </c>
      <c r="D13516" t="s">
        <v>7209</v>
      </c>
      <c r="E13516" t="s">
        <v>13</v>
      </c>
      <c r="F13516">
        <v>566</v>
      </c>
      <c r="G13516" t="s">
        <v>7350</v>
      </c>
      <c r="H13516">
        <v>6.9211465909739998</v>
      </c>
      <c r="I13516">
        <v>52.731033124889002</v>
      </c>
      <c r="J13516" t="s">
        <v>69201</v>
      </c>
    </row>
    <row r="13517" spans="1:10" x14ac:dyDescent="0.25">
      <c r="A13517" t="s">
        <v>7343</v>
      </c>
      <c r="B13517" t="s">
        <v>7344</v>
      </c>
      <c r="C13517" t="s">
        <v>7345</v>
      </c>
      <c r="D13517" t="s">
        <v>7209</v>
      </c>
      <c r="E13517" t="s">
        <v>13</v>
      </c>
      <c r="F13517">
        <v>565</v>
      </c>
      <c r="G13517" t="s">
        <v>7346</v>
      </c>
      <c r="H13517">
        <v>6.911027920894</v>
      </c>
      <c r="I13517">
        <v>52.711412024822998</v>
      </c>
      <c r="J13517" t="s">
        <v>69202</v>
      </c>
    </row>
    <row r="13518" spans="1:10" x14ac:dyDescent="0.25">
      <c r="A13518" t="s">
        <v>7339</v>
      </c>
      <c r="B13518" t="s">
        <v>7340</v>
      </c>
      <c r="C13518" t="s">
        <v>7341</v>
      </c>
      <c r="D13518" t="s">
        <v>7209</v>
      </c>
      <c r="E13518" t="s">
        <v>13</v>
      </c>
      <c r="F13518">
        <v>564</v>
      </c>
      <c r="G13518" t="s">
        <v>7342</v>
      </c>
      <c r="H13518">
        <v>6.8995782370930003</v>
      </c>
      <c r="I13518">
        <v>52.701094299552999</v>
      </c>
      <c r="J13518" t="s">
        <v>69203</v>
      </c>
    </row>
    <row r="13519" spans="1:10" x14ac:dyDescent="0.25">
      <c r="A13519" t="s">
        <v>7335</v>
      </c>
      <c r="B13519" t="s">
        <v>7336</v>
      </c>
      <c r="C13519" t="s">
        <v>7337</v>
      </c>
      <c r="D13519" t="s">
        <v>7209</v>
      </c>
      <c r="E13519" t="s">
        <v>13</v>
      </c>
      <c r="F13519">
        <v>563</v>
      </c>
      <c r="G13519" t="s">
        <v>7338</v>
      </c>
      <c r="H13519">
        <v>6.9180203149089996</v>
      </c>
      <c r="I13519">
        <v>52.690079736078999</v>
      </c>
      <c r="J13519" t="s">
        <v>69204</v>
      </c>
    </row>
    <row r="13520" spans="1:10" x14ac:dyDescent="0.25">
      <c r="A13520" t="s">
        <v>7331</v>
      </c>
      <c r="B13520" t="s">
        <v>7332</v>
      </c>
      <c r="C13520" t="s">
        <v>7333</v>
      </c>
      <c r="D13520" t="s">
        <v>7209</v>
      </c>
      <c r="E13520" t="s">
        <v>13</v>
      </c>
      <c r="F13520">
        <v>562</v>
      </c>
      <c r="G13520" t="s">
        <v>7334</v>
      </c>
      <c r="H13520">
        <v>6.9290391714709996</v>
      </c>
      <c r="I13520">
        <v>52.712757863908998</v>
      </c>
      <c r="J13520" t="s">
        <v>69205</v>
      </c>
    </row>
    <row r="13521" spans="1:10" x14ac:dyDescent="0.25">
      <c r="A13521" t="s">
        <v>7327</v>
      </c>
      <c r="B13521" t="s">
        <v>7328</v>
      </c>
      <c r="C13521" t="s">
        <v>7329</v>
      </c>
      <c r="D13521" t="s">
        <v>7209</v>
      </c>
      <c r="E13521" t="s">
        <v>13</v>
      </c>
      <c r="F13521">
        <v>561</v>
      </c>
      <c r="G13521" t="s">
        <v>7330</v>
      </c>
      <c r="H13521">
        <v>6.8777384608469996</v>
      </c>
      <c r="I13521">
        <v>52.717509494452997</v>
      </c>
      <c r="J13521" t="s">
        <v>69206</v>
      </c>
    </row>
    <row r="13522" spans="1:10" x14ac:dyDescent="0.25">
      <c r="A13522" t="s">
        <v>7323</v>
      </c>
      <c r="B13522" t="s">
        <v>7324</v>
      </c>
      <c r="C13522" t="s">
        <v>7325</v>
      </c>
      <c r="D13522" t="s">
        <v>7209</v>
      </c>
      <c r="E13522" t="s">
        <v>13</v>
      </c>
      <c r="F13522">
        <v>560</v>
      </c>
      <c r="G13522" t="s">
        <v>7326</v>
      </c>
      <c r="H13522">
        <v>6.8844488108249999</v>
      </c>
      <c r="I13522">
        <v>52.713293978865003</v>
      </c>
      <c r="J13522" t="s">
        <v>69207</v>
      </c>
    </row>
    <row r="13523" spans="1:10" x14ac:dyDescent="0.25">
      <c r="A13523" t="s">
        <v>7319</v>
      </c>
      <c r="B13523" t="s">
        <v>7320</v>
      </c>
      <c r="C13523" t="s">
        <v>7321</v>
      </c>
      <c r="D13523" t="s">
        <v>7209</v>
      </c>
      <c r="E13523" t="s">
        <v>13</v>
      </c>
      <c r="F13523">
        <v>559</v>
      </c>
      <c r="G13523" t="s">
        <v>7322</v>
      </c>
      <c r="H13523">
        <v>6.859072027361</v>
      </c>
      <c r="I13523">
        <v>52.727832687384002</v>
      </c>
      <c r="J13523" t="s">
        <v>69208</v>
      </c>
    </row>
    <row r="13524" spans="1:10" x14ac:dyDescent="0.25">
      <c r="A13524" t="s">
        <v>7315</v>
      </c>
      <c r="B13524" t="s">
        <v>7316</v>
      </c>
      <c r="C13524" t="s">
        <v>7317</v>
      </c>
      <c r="D13524" t="s">
        <v>7209</v>
      </c>
      <c r="E13524" t="s">
        <v>13</v>
      </c>
      <c r="F13524">
        <v>558</v>
      </c>
      <c r="G13524" t="s">
        <v>7318</v>
      </c>
      <c r="H13524">
        <v>6.8598497702429997</v>
      </c>
      <c r="I13524">
        <v>52.709071611973002</v>
      </c>
      <c r="J13524" t="s">
        <v>69209</v>
      </c>
    </row>
    <row r="13525" spans="1:10" x14ac:dyDescent="0.25">
      <c r="A13525" t="s">
        <v>7311</v>
      </c>
      <c r="B13525" t="s">
        <v>7312</v>
      </c>
      <c r="C13525" t="s">
        <v>7313</v>
      </c>
      <c r="D13525" t="s">
        <v>7209</v>
      </c>
      <c r="E13525" t="s">
        <v>13</v>
      </c>
      <c r="F13525">
        <v>557</v>
      </c>
      <c r="G13525" t="s">
        <v>7314</v>
      </c>
      <c r="H13525">
        <v>6.9636554639539998</v>
      </c>
      <c r="I13525">
        <v>52.742510247665003</v>
      </c>
      <c r="J13525" t="s">
        <v>69210</v>
      </c>
    </row>
    <row r="13526" spans="1:10" x14ac:dyDescent="0.25">
      <c r="A13526" t="s">
        <v>7307</v>
      </c>
      <c r="B13526" t="s">
        <v>7308</v>
      </c>
      <c r="C13526" t="s">
        <v>7309</v>
      </c>
      <c r="D13526" t="s">
        <v>7209</v>
      </c>
      <c r="E13526" t="s">
        <v>13</v>
      </c>
      <c r="F13526">
        <v>556</v>
      </c>
      <c r="G13526" t="s">
        <v>7310</v>
      </c>
      <c r="H13526">
        <v>6.9814722821300004</v>
      </c>
      <c r="I13526">
        <v>52.75361278634</v>
      </c>
      <c r="J13526" t="s">
        <v>69211</v>
      </c>
    </row>
    <row r="13527" spans="1:10" x14ac:dyDescent="0.25">
      <c r="A13527" t="s">
        <v>7303</v>
      </c>
      <c r="B13527" t="s">
        <v>7304</v>
      </c>
      <c r="C13527" t="s">
        <v>7305</v>
      </c>
      <c r="D13527" t="s">
        <v>7209</v>
      </c>
      <c r="E13527" t="s">
        <v>13</v>
      </c>
      <c r="F13527">
        <v>555</v>
      </c>
      <c r="G13527" t="s">
        <v>7306</v>
      </c>
      <c r="H13527">
        <v>6.9786465492580003</v>
      </c>
      <c r="I13527">
        <v>52.740665220075002</v>
      </c>
      <c r="J13527" t="s">
        <v>69212</v>
      </c>
    </row>
    <row r="13528" spans="1:10" x14ac:dyDescent="0.25">
      <c r="A13528" t="s">
        <v>7299</v>
      </c>
      <c r="B13528" t="s">
        <v>7300</v>
      </c>
      <c r="C13528" t="s">
        <v>7301</v>
      </c>
      <c r="D13528" t="s">
        <v>7209</v>
      </c>
      <c r="E13528" t="s">
        <v>13</v>
      </c>
      <c r="F13528">
        <v>554</v>
      </c>
      <c r="G13528" t="s">
        <v>7302</v>
      </c>
      <c r="H13528">
        <v>6.9452000117569996</v>
      </c>
      <c r="I13528">
        <v>52.740356098489002</v>
      </c>
      <c r="J13528" t="s">
        <v>69213</v>
      </c>
    </row>
    <row r="13529" spans="1:10" x14ac:dyDescent="0.25">
      <c r="A13529" t="s">
        <v>7295</v>
      </c>
      <c r="B13529" t="s">
        <v>7296</v>
      </c>
      <c r="C13529" t="s">
        <v>7297</v>
      </c>
      <c r="D13529" t="s">
        <v>7209</v>
      </c>
      <c r="E13529" t="s">
        <v>13</v>
      </c>
      <c r="F13529">
        <v>553</v>
      </c>
      <c r="G13529" t="s">
        <v>7298</v>
      </c>
      <c r="H13529">
        <v>6.9656666220599996</v>
      </c>
      <c r="I13529">
        <v>52.750588565667996</v>
      </c>
      <c r="J13529" t="s">
        <v>69214</v>
      </c>
    </row>
    <row r="13530" spans="1:10" x14ac:dyDescent="0.25">
      <c r="A13530" t="s">
        <v>7291</v>
      </c>
      <c r="B13530" t="s">
        <v>7292</v>
      </c>
      <c r="C13530" t="s">
        <v>7293</v>
      </c>
      <c r="D13530" t="s">
        <v>7209</v>
      </c>
      <c r="E13530" t="s">
        <v>13</v>
      </c>
      <c r="F13530">
        <v>552</v>
      </c>
      <c r="G13530" t="s">
        <v>7294</v>
      </c>
      <c r="H13530">
        <v>7.0296804273770004</v>
      </c>
      <c r="I13530">
        <v>52.757599977569001</v>
      </c>
      <c r="J13530" t="s">
        <v>69215</v>
      </c>
    </row>
    <row r="13531" spans="1:10" x14ac:dyDescent="0.25">
      <c r="A13531" t="s">
        <v>7287</v>
      </c>
      <c r="B13531" t="s">
        <v>7288</v>
      </c>
      <c r="C13531" t="s">
        <v>7289</v>
      </c>
      <c r="D13531" t="s">
        <v>7209</v>
      </c>
      <c r="E13531" t="s">
        <v>13</v>
      </c>
      <c r="F13531">
        <v>551</v>
      </c>
      <c r="G13531" t="s">
        <v>7290</v>
      </c>
      <c r="H13531">
        <v>7.0548426677840004</v>
      </c>
      <c r="I13531">
        <v>52.754723937149997</v>
      </c>
      <c r="J13531" t="s">
        <v>69216</v>
      </c>
    </row>
    <row r="13532" spans="1:10" x14ac:dyDescent="0.25">
      <c r="A13532" t="s">
        <v>7283</v>
      </c>
      <c r="B13532" t="s">
        <v>7284</v>
      </c>
      <c r="C13532" t="s">
        <v>7285</v>
      </c>
      <c r="D13532" t="s">
        <v>7209</v>
      </c>
      <c r="E13532" t="s">
        <v>13</v>
      </c>
      <c r="F13532">
        <v>550</v>
      </c>
      <c r="G13532" t="s">
        <v>7286</v>
      </c>
      <c r="H13532">
        <v>7.0419240790600002</v>
      </c>
      <c r="I13532">
        <v>52.754865163597998</v>
      </c>
      <c r="J13532" t="s">
        <v>69217</v>
      </c>
    </row>
    <row r="13533" spans="1:10" x14ac:dyDescent="0.25">
      <c r="A13533" t="s">
        <v>7279</v>
      </c>
      <c r="B13533" t="s">
        <v>7280</v>
      </c>
      <c r="C13533" t="s">
        <v>7281</v>
      </c>
      <c r="D13533" t="s">
        <v>7209</v>
      </c>
      <c r="E13533" t="s">
        <v>13</v>
      </c>
      <c r="F13533">
        <v>549</v>
      </c>
      <c r="G13533" t="s">
        <v>7282</v>
      </c>
      <c r="H13533">
        <v>7.0009796567690001</v>
      </c>
      <c r="I13533">
        <v>52.762578560648002</v>
      </c>
      <c r="J13533" t="s">
        <v>69218</v>
      </c>
    </row>
    <row r="13534" spans="1:10" x14ac:dyDescent="0.25">
      <c r="A13534" t="s">
        <v>7275</v>
      </c>
      <c r="B13534" t="s">
        <v>7276</v>
      </c>
      <c r="C13534" t="s">
        <v>7277</v>
      </c>
      <c r="D13534" t="s">
        <v>7209</v>
      </c>
      <c r="E13534" t="s">
        <v>13</v>
      </c>
      <c r="F13534">
        <v>548</v>
      </c>
      <c r="G13534" t="s">
        <v>7278</v>
      </c>
      <c r="H13534">
        <v>7.0416897647130003</v>
      </c>
      <c r="I13534">
        <v>52.755709645764</v>
      </c>
      <c r="J13534" t="s">
        <v>69219</v>
      </c>
    </row>
    <row r="13535" spans="1:10" x14ac:dyDescent="0.25">
      <c r="A13535" t="s">
        <v>7271</v>
      </c>
      <c r="B13535" t="s">
        <v>7272</v>
      </c>
      <c r="C13535" t="s">
        <v>7273</v>
      </c>
      <c r="D13535" t="s">
        <v>7209</v>
      </c>
      <c r="E13535" t="s">
        <v>13</v>
      </c>
      <c r="F13535">
        <v>547</v>
      </c>
      <c r="G13535" t="s">
        <v>7274</v>
      </c>
      <c r="H13535">
        <v>7.0200245889300001</v>
      </c>
      <c r="I13535">
        <v>52.801625393414</v>
      </c>
      <c r="J13535" t="s">
        <v>69220</v>
      </c>
    </row>
    <row r="13536" spans="1:10" x14ac:dyDescent="0.25">
      <c r="A13536" t="s">
        <v>7267</v>
      </c>
      <c r="B13536" t="s">
        <v>7268</v>
      </c>
      <c r="C13536" t="s">
        <v>7269</v>
      </c>
      <c r="D13536" t="s">
        <v>7209</v>
      </c>
      <c r="E13536" t="s">
        <v>13</v>
      </c>
      <c r="F13536">
        <v>546</v>
      </c>
      <c r="G13536" t="s">
        <v>7270</v>
      </c>
      <c r="H13536">
        <v>7.0706302000810002</v>
      </c>
      <c r="I13536">
        <v>52.827895959544001</v>
      </c>
      <c r="J13536" t="s">
        <v>69221</v>
      </c>
    </row>
    <row r="13537" spans="1:10" x14ac:dyDescent="0.25">
      <c r="A13537" t="s">
        <v>7263</v>
      </c>
      <c r="B13537" t="s">
        <v>7264</v>
      </c>
      <c r="C13537" t="s">
        <v>7265</v>
      </c>
      <c r="D13537" t="s">
        <v>7209</v>
      </c>
      <c r="E13537" t="s">
        <v>13</v>
      </c>
      <c r="F13537">
        <v>545</v>
      </c>
      <c r="G13537" t="s">
        <v>7266</v>
      </c>
      <c r="H13537">
        <v>7.0409402825849998</v>
      </c>
      <c r="I13537">
        <v>52.790908334767003</v>
      </c>
      <c r="J13537" t="s">
        <v>69222</v>
      </c>
    </row>
    <row r="13538" spans="1:10" x14ac:dyDescent="0.25">
      <c r="A13538" t="s">
        <v>7259</v>
      </c>
      <c r="B13538" t="s">
        <v>7260</v>
      </c>
      <c r="C13538" t="s">
        <v>7261</v>
      </c>
      <c r="D13538" t="s">
        <v>7209</v>
      </c>
      <c r="E13538" t="s">
        <v>13</v>
      </c>
      <c r="F13538">
        <v>544</v>
      </c>
      <c r="G13538" t="s">
        <v>7262</v>
      </c>
      <c r="H13538">
        <v>7.0176267321559997</v>
      </c>
      <c r="I13538">
        <v>52.793120667856002</v>
      </c>
      <c r="J13538" t="s">
        <v>69223</v>
      </c>
    </row>
    <row r="13539" spans="1:10" x14ac:dyDescent="0.25">
      <c r="A13539" t="s">
        <v>7255</v>
      </c>
      <c r="B13539" t="s">
        <v>7256</v>
      </c>
      <c r="C13539" t="s">
        <v>7257</v>
      </c>
      <c r="D13539" t="s">
        <v>7209</v>
      </c>
      <c r="E13539" t="s">
        <v>13</v>
      </c>
      <c r="F13539">
        <v>543</v>
      </c>
      <c r="G13539" t="s">
        <v>7258</v>
      </c>
      <c r="H13539">
        <v>6.9969712761769998</v>
      </c>
      <c r="I13539">
        <v>52.806949948377003</v>
      </c>
      <c r="J13539" t="s">
        <v>69224</v>
      </c>
    </row>
    <row r="13540" spans="1:10" x14ac:dyDescent="0.25">
      <c r="A13540" t="s">
        <v>7251</v>
      </c>
      <c r="B13540" t="s">
        <v>7252</v>
      </c>
      <c r="C13540" t="s">
        <v>7253</v>
      </c>
      <c r="D13540" t="s">
        <v>7209</v>
      </c>
      <c r="E13540" t="s">
        <v>13</v>
      </c>
      <c r="F13540">
        <v>542</v>
      </c>
      <c r="G13540" t="s">
        <v>7254</v>
      </c>
      <c r="H13540">
        <v>7.0472059097799997</v>
      </c>
      <c r="I13540">
        <v>52.811091929230003</v>
      </c>
      <c r="J13540" t="s">
        <v>69225</v>
      </c>
    </row>
    <row r="13541" spans="1:10" x14ac:dyDescent="0.25">
      <c r="A13541" t="s">
        <v>7247</v>
      </c>
      <c r="B13541" t="s">
        <v>7248</v>
      </c>
      <c r="C13541" t="s">
        <v>7249</v>
      </c>
      <c r="D13541" t="s">
        <v>7209</v>
      </c>
      <c r="E13541" t="s">
        <v>13</v>
      </c>
      <c r="F13541">
        <v>541</v>
      </c>
      <c r="G13541" t="s">
        <v>7250</v>
      </c>
      <c r="H13541">
        <v>7.0248593702650002</v>
      </c>
      <c r="I13541">
        <v>52.839020294788</v>
      </c>
      <c r="J13541" t="s">
        <v>69226</v>
      </c>
    </row>
    <row r="13542" spans="1:10" x14ac:dyDescent="0.25">
      <c r="A13542" t="s">
        <v>7243</v>
      </c>
      <c r="B13542" t="s">
        <v>7244</v>
      </c>
      <c r="C13542" t="s">
        <v>7245</v>
      </c>
      <c r="D13542" t="s">
        <v>7209</v>
      </c>
      <c r="E13542" t="s">
        <v>13</v>
      </c>
      <c r="F13542">
        <v>540</v>
      </c>
      <c r="G13542" t="s">
        <v>7246</v>
      </c>
      <c r="H13542">
        <v>7.036570688396</v>
      </c>
      <c r="I13542">
        <v>52.840174170285998</v>
      </c>
      <c r="J13542" t="s">
        <v>69227</v>
      </c>
    </row>
    <row r="13543" spans="1:10" x14ac:dyDescent="0.25">
      <c r="A13543" t="s">
        <v>7239</v>
      </c>
      <c r="B13543" t="s">
        <v>7240</v>
      </c>
      <c r="C13543" t="s">
        <v>7241</v>
      </c>
      <c r="D13543" t="s">
        <v>7209</v>
      </c>
      <c r="E13543" t="s">
        <v>13</v>
      </c>
      <c r="F13543">
        <v>539</v>
      </c>
      <c r="G13543" t="s">
        <v>7242</v>
      </c>
      <c r="H13543">
        <v>7.0186525507870003</v>
      </c>
      <c r="I13543">
        <v>52.837332929032002</v>
      </c>
      <c r="J13543" t="s">
        <v>69228</v>
      </c>
    </row>
    <row r="13544" spans="1:10" x14ac:dyDescent="0.25">
      <c r="A13544" t="s">
        <v>7235</v>
      </c>
      <c r="B13544" t="s">
        <v>7236</v>
      </c>
      <c r="C13544" t="s">
        <v>7237</v>
      </c>
      <c r="D13544" t="s">
        <v>7209</v>
      </c>
      <c r="E13544" t="s">
        <v>13</v>
      </c>
      <c r="F13544">
        <v>538</v>
      </c>
      <c r="G13544" t="s">
        <v>7238</v>
      </c>
      <c r="H13544">
        <v>7.0402907692990002</v>
      </c>
      <c r="I13544">
        <v>52.837379906510002</v>
      </c>
      <c r="J13544" t="s">
        <v>69229</v>
      </c>
    </row>
    <row r="13545" spans="1:10" x14ac:dyDescent="0.25">
      <c r="A13545" t="s">
        <v>7231</v>
      </c>
      <c r="B13545" t="s">
        <v>7232</v>
      </c>
      <c r="C13545" t="s">
        <v>7233</v>
      </c>
      <c r="D13545" t="s">
        <v>7209</v>
      </c>
      <c r="E13545" t="s">
        <v>13</v>
      </c>
      <c r="F13545">
        <v>537</v>
      </c>
      <c r="G13545" t="s">
        <v>7234</v>
      </c>
      <c r="H13545">
        <v>6.975198644552</v>
      </c>
      <c r="I13545">
        <v>52.844587912636001</v>
      </c>
      <c r="J13545" t="s">
        <v>69230</v>
      </c>
    </row>
    <row r="13546" spans="1:10" x14ac:dyDescent="0.25">
      <c r="A13546" t="s">
        <v>7227</v>
      </c>
      <c r="B13546" t="s">
        <v>7228</v>
      </c>
      <c r="C13546" t="s">
        <v>7229</v>
      </c>
      <c r="D13546" t="s">
        <v>7209</v>
      </c>
      <c r="E13546" t="s">
        <v>13</v>
      </c>
      <c r="F13546">
        <v>536</v>
      </c>
      <c r="G13546" t="s">
        <v>7230</v>
      </c>
      <c r="H13546">
        <v>6.9671005446679999</v>
      </c>
      <c r="I13546">
        <v>52.835670143568002</v>
      </c>
      <c r="J13546" t="s">
        <v>69231</v>
      </c>
    </row>
    <row r="13547" spans="1:10" x14ac:dyDescent="0.25">
      <c r="A13547" t="s">
        <v>7223</v>
      </c>
      <c r="B13547" t="s">
        <v>7224</v>
      </c>
      <c r="C13547" t="s">
        <v>7225</v>
      </c>
      <c r="D13547" t="s">
        <v>7209</v>
      </c>
      <c r="E13547" t="s">
        <v>13</v>
      </c>
      <c r="F13547">
        <v>535</v>
      </c>
      <c r="G13547" t="s">
        <v>7226</v>
      </c>
      <c r="H13547">
        <v>7.0063941480440004</v>
      </c>
      <c r="I13547">
        <v>52.867245071747</v>
      </c>
      <c r="J13547" t="s">
        <v>69232</v>
      </c>
    </row>
    <row r="13548" spans="1:10" x14ac:dyDescent="0.25">
      <c r="A13548" t="s">
        <v>7219</v>
      </c>
      <c r="B13548" t="s">
        <v>7220</v>
      </c>
      <c r="C13548" t="s">
        <v>7221</v>
      </c>
      <c r="D13548" t="s">
        <v>7209</v>
      </c>
      <c r="E13548" t="s">
        <v>13</v>
      </c>
      <c r="F13548">
        <v>534</v>
      </c>
      <c r="G13548" t="s">
        <v>7222</v>
      </c>
      <c r="H13548">
        <v>6.9700887678559997</v>
      </c>
      <c r="I13548">
        <v>52.850813024224998</v>
      </c>
      <c r="J13548" t="s">
        <v>69233</v>
      </c>
    </row>
    <row r="13549" spans="1:10" x14ac:dyDescent="0.25">
      <c r="A13549" t="s">
        <v>7215</v>
      </c>
      <c r="B13549" t="s">
        <v>7216</v>
      </c>
      <c r="C13549" t="s">
        <v>7217</v>
      </c>
      <c r="D13549" t="s">
        <v>7209</v>
      </c>
      <c r="E13549" t="s">
        <v>13</v>
      </c>
      <c r="F13549">
        <v>533</v>
      </c>
      <c r="G13549" t="s">
        <v>7218</v>
      </c>
      <c r="H13549">
        <v>6.9423835222959998</v>
      </c>
      <c r="I13549">
        <v>52.834336171426003</v>
      </c>
      <c r="J13549" t="s">
        <v>69234</v>
      </c>
    </row>
    <row r="13550" spans="1:10" x14ac:dyDescent="0.25">
      <c r="A13550" t="s">
        <v>7211</v>
      </c>
      <c r="B13550" t="s">
        <v>7212</v>
      </c>
      <c r="C13550" t="s">
        <v>7213</v>
      </c>
      <c r="D13550" t="s">
        <v>7209</v>
      </c>
      <c r="E13550" t="s">
        <v>13</v>
      </c>
      <c r="F13550">
        <v>532</v>
      </c>
      <c r="G13550" t="s">
        <v>7214</v>
      </c>
      <c r="H13550">
        <v>6.9900148008949996</v>
      </c>
      <c r="I13550">
        <v>52.856537714562997</v>
      </c>
      <c r="J13550" t="s">
        <v>69235</v>
      </c>
    </row>
    <row r="13551" spans="1:10" x14ac:dyDescent="0.25">
      <c r="A13551" t="s">
        <v>7206</v>
      </c>
      <c r="B13551" t="s">
        <v>7207</v>
      </c>
      <c r="C13551" t="s">
        <v>7208</v>
      </c>
      <c r="D13551" t="s">
        <v>7209</v>
      </c>
      <c r="E13551" t="s">
        <v>13</v>
      </c>
      <c r="F13551">
        <v>531</v>
      </c>
      <c r="G13551" t="s">
        <v>7210</v>
      </c>
      <c r="H13551">
        <v>6.9528671223989997</v>
      </c>
      <c r="I13551">
        <v>52.845580018892001</v>
      </c>
      <c r="J13551" t="s">
        <v>69236</v>
      </c>
    </row>
    <row r="13552" spans="1:10" x14ac:dyDescent="0.25">
      <c r="A13552" t="s">
        <v>7202</v>
      </c>
      <c r="B13552" t="s">
        <v>7203</v>
      </c>
      <c r="C13552" t="s">
        <v>7204</v>
      </c>
      <c r="D13552" t="s">
        <v>6936</v>
      </c>
      <c r="E13552" t="s">
        <v>13</v>
      </c>
      <c r="F13552">
        <v>530</v>
      </c>
      <c r="G13552" t="s">
        <v>7205</v>
      </c>
      <c r="H13552">
        <v>6.7223112748720002</v>
      </c>
      <c r="I13552">
        <v>52.826989436239003</v>
      </c>
      <c r="J13552" t="s">
        <v>69237</v>
      </c>
    </row>
    <row r="13553" spans="1:10" x14ac:dyDescent="0.25">
      <c r="A13553" t="s">
        <v>7198</v>
      </c>
      <c r="B13553" t="s">
        <v>7199</v>
      </c>
      <c r="C13553" t="s">
        <v>7200</v>
      </c>
      <c r="D13553" t="s">
        <v>6936</v>
      </c>
      <c r="E13553" t="s">
        <v>13</v>
      </c>
      <c r="F13553">
        <v>529</v>
      </c>
      <c r="G13553" t="s">
        <v>7201</v>
      </c>
      <c r="H13553">
        <v>6.751867125645</v>
      </c>
      <c r="I13553">
        <v>52.776200337128003</v>
      </c>
      <c r="J13553" t="s">
        <v>69238</v>
      </c>
    </row>
    <row r="13554" spans="1:10" x14ac:dyDescent="0.25">
      <c r="A13554" t="s">
        <v>7194</v>
      </c>
      <c r="B13554" t="s">
        <v>7195</v>
      </c>
      <c r="C13554" t="s">
        <v>7196</v>
      </c>
      <c r="D13554" t="s">
        <v>6936</v>
      </c>
      <c r="E13554" t="s">
        <v>13</v>
      </c>
      <c r="F13554">
        <v>528</v>
      </c>
      <c r="G13554" t="s">
        <v>7197</v>
      </c>
      <c r="H13554">
        <v>6.746736380352</v>
      </c>
      <c r="I13554">
        <v>52.775945288858999</v>
      </c>
      <c r="J13554" t="s">
        <v>69239</v>
      </c>
    </row>
    <row r="13555" spans="1:10" x14ac:dyDescent="0.25">
      <c r="A13555" t="s">
        <v>7190</v>
      </c>
      <c r="B13555" t="s">
        <v>7191</v>
      </c>
      <c r="C13555" t="s">
        <v>7192</v>
      </c>
      <c r="D13555" t="s">
        <v>6936</v>
      </c>
      <c r="E13555" t="s">
        <v>13</v>
      </c>
      <c r="F13555">
        <v>527</v>
      </c>
      <c r="G13555" t="s">
        <v>7193</v>
      </c>
      <c r="H13555">
        <v>6.7179321916169998</v>
      </c>
      <c r="I13555">
        <v>52.838973465557999</v>
      </c>
      <c r="J13555" t="s">
        <v>69240</v>
      </c>
    </row>
    <row r="13556" spans="1:10" x14ac:dyDescent="0.25">
      <c r="A13556" t="s">
        <v>7186</v>
      </c>
      <c r="B13556" t="s">
        <v>7187</v>
      </c>
      <c r="C13556" t="s">
        <v>7188</v>
      </c>
      <c r="D13556" t="s">
        <v>6936</v>
      </c>
      <c r="E13556" t="s">
        <v>13</v>
      </c>
      <c r="F13556">
        <v>526</v>
      </c>
      <c r="G13556" t="s">
        <v>7189</v>
      </c>
      <c r="H13556">
        <v>6.7184898335750001</v>
      </c>
      <c r="I13556">
        <v>52.814847541035</v>
      </c>
      <c r="J13556" t="s">
        <v>69241</v>
      </c>
    </row>
    <row r="13557" spans="1:10" x14ac:dyDescent="0.25">
      <c r="A13557" t="s">
        <v>7182</v>
      </c>
      <c r="B13557" t="s">
        <v>7183</v>
      </c>
      <c r="C13557" t="s">
        <v>7184</v>
      </c>
      <c r="D13557" t="s">
        <v>6936</v>
      </c>
      <c r="E13557" t="s">
        <v>13</v>
      </c>
      <c r="F13557">
        <v>525</v>
      </c>
      <c r="G13557" t="s">
        <v>7185</v>
      </c>
      <c r="H13557">
        <v>6.666538332969</v>
      </c>
      <c r="I13557">
        <v>52.777493089186002</v>
      </c>
      <c r="J13557" t="s">
        <v>69242</v>
      </c>
    </row>
    <row r="13558" spans="1:10" x14ac:dyDescent="0.25">
      <c r="A13558" t="s">
        <v>7178</v>
      </c>
      <c r="B13558" t="s">
        <v>7179</v>
      </c>
      <c r="C13558" t="s">
        <v>7180</v>
      </c>
      <c r="D13558" t="s">
        <v>6936</v>
      </c>
      <c r="E13558" t="s">
        <v>13</v>
      </c>
      <c r="F13558">
        <v>524</v>
      </c>
      <c r="G13558" t="s">
        <v>7181</v>
      </c>
      <c r="H13558">
        <v>6.6947291579410004</v>
      </c>
      <c r="I13558">
        <v>52.782012110578002</v>
      </c>
      <c r="J13558" t="s">
        <v>69243</v>
      </c>
    </row>
    <row r="13559" spans="1:10" x14ac:dyDescent="0.25">
      <c r="A13559" t="s">
        <v>7174</v>
      </c>
      <c r="B13559" t="s">
        <v>7175</v>
      </c>
      <c r="C13559" t="s">
        <v>7176</v>
      </c>
      <c r="D13559" t="s">
        <v>6936</v>
      </c>
      <c r="E13559" t="s">
        <v>13</v>
      </c>
      <c r="F13559">
        <v>523</v>
      </c>
      <c r="G13559" t="s">
        <v>7177</v>
      </c>
      <c r="H13559">
        <v>6.7299470364760001</v>
      </c>
      <c r="I13559">
        <v>52.800687511493997</v>
      </c>
      <c r="J13559" t="s">
        <v>69244</v>
      </c>
    </row>
    <row r="13560" spans="1:10" x14ac:dyDescent="0.25">
      <c r="A13560" t="s">
        <v>7170</v>
      </c>
      <c r="B13560" t="s">
        <v>7171</v>
      </c>
      <c r="C13560" t="s">
        <v>7172</v>
      </c>
      <c r="D13560" t="s">
        <v>6936</v>
      </c>
      <c r="E13560" t="s">
        <v>13</v>
      </c>
      <c r="F13560">
        <v>522</v>
      </c>
      <c r="G13560" t="s">
        <v>7173</v>
      </c>
      <c r="H13560">
        <v>6.7166770082739999</v>
      </c>
      <c r="I13560">
        <v>52.790752470424003</v>
      </c>
      <c r="J13560" t="s">
        <v>69245</v>
      </c>
    </row>
    <row r="13561" spans="1:10" x14ac:dyDescent="0.25">
      <c r="A13561" t="s">
        <v>7166</v>
      </c>
      <c r="B13561" t="s">
        <v>7167</v>
      </c>
      <c r="C13561" t="s">
        <v>7168</v>
      </c>
      <c r="D13561" t="s">
        <v>6936</v>
      </c>
      <c r="E13561" t="s">
        <v>13</v>
      </c>
      <c r="F13561">
        <v>521</v>
      </c>
      <c r="G13561" t="s">
        <v>7169</v>
      </c>
      <c r="H13561">
        <v>6.7303859160609996</v>
      </c>
      <c r="I13561">
        <v>52.795860380217</v>
      </c>
      <c r="J13561" t="s">
        <v>69246</v>
      </c>
    </row>
    <row r="13562" spans="1:10" x14ac:dyDescent="0.25">
      <c r="A13562" t="s">
        <v>7162</v>
      </c>
      <c r="B13562" t="s">
        <v>7163</v>
      </c>
      <c r="C13562" t="s">
        <v>7164</v>
      </c>
      <c r="D13562" t="s">
        <v>6936</v>
      </c>
      <c r="E13562" t="s">
        <v>13</v>
      </c>
      <c r="F13562">
        <v>520</v>
      </c>
      <c r="G13562" t="s">
        <v>7165</v>
      </c>
      <c r="H13562">
        <v>6.8111798953709997</v>
      </c>
      <c r="I13562">
        <v>52.746498651296001</v>
      </c>
      <c r="J13562" t="s">
        <v>69247</v>
      </c>
    </row>
    <row r="13563" spans="1:10" x14ac:dyDescent="0.25">
      <c r="A13563" t="s">
        <v>7158</v>
      </c>
      <c r="B13563" t="s">
        <v>7159</v>
      </c>
      <c r="C13563" t="s">
        <v>7160</v>
      </c>
      <c r="D13563" t="s">
        <v>6936</v>
      </c>
      <c r="E13563" t="s">
        <v>13</v>
      </c>
      <c r="F13563">
        <v>519</v>
      </c>
      <c r="G13563" t="s">
        <v>7161</v>
      </c>
      <c r="H13563">
        <v>6.7975170672480001</v>
      </c>
      <c r="I13563">
        <v>52.720320177597998</v>
      </c>
      <c r="J13563" t="s">
        <v>69248</v>
      </c>
    </row>
    <row r="13564" spans="1:10" x14ac:dyDescent="0.25">
      <c r="A13564" t="s">
        <v>7154</v>
      </c>
      <c r="B13564" t="s">
        <v>7155</v>
      </c>
      <c r="C13564" t="s">
        <v>7156</v>
      </c>
      <c r="D13564" t="s">
        <v>6936</v>
      </c>
      <c r="E13564" t="s">
        <v>13</v>
      </c>
      <c r="F13564">
        <v>518</v>
      </c>
      <c r="G13564" t="s">
        <v>7157</v>
      </c>
      <c r="H13564">
        <v>6.7983744036860001</v>
      </c>
      <c r="I13564">
        <v>52.730872294778003</v>
      </c>
      <c r="J13564" t="s">
        <v>69249</v>
      </c>
    </row>
    <row r="13565" spans="1:10" x14ac:dyDescent="0.25">
      <c r="A13565" t="s">
        <v>7150</v>
      </c>
      <c r="B13565" t="s">
        <v>7151</v>
      </c>
      <c r="C13565" t="s">
        <v>7152</v>
      </c>
      <c r="D13565" t="s">
        <v>6936</v>
      </c>
      <c r="E13565" t="s">
        <v>13</v>
      </c>
      <c r="F13565">
        <v>517</v>
      </c>
      <c r="G13565" t="s">
        <v>7153</v>
      </c>
      <c r="H13565">
        <v>6.8231911410909998</v>
      </c>
      <c r="I13565">
        <v>52.744118154425003</v>
      </c>
      <c r="J13565" t="s">
        <v>69250</v>
      </c>
    </row>
    <row r="13566" spans="1:10" x14ac:dyDescent="0.25">
      <c r="A13566" t="s">
        <v>7146</v>
      </c>
      <c r="B13566" t="s">
        <v>7147</v>
      </c>
      <c r="C13566" t="s">
        <v>7148</v>
      </c>
      <c r="D13566" t="s">
        <v>6936</v>
      </c>
      <c r="E13566" t="s">
        <v>13</v>
      </c>
      <c r="F13566">
        <v>516</v>
      </c>
      <c r="G13566" t="s">
        <v>7149</v>
      </c>
      <c r="H13566">
        <v>6.8182547200970003</v>
      </c>
      <c r="I13566">
        <v>52.753904744891003</v>
      </c>
      <c r="J13566" t="s">
        <v>69251</v>
      </c>
    </row>
    <row r="13567" spans="1:10" x14ac:dyDescent="0.25">
      <c r="A13567" t="s">
        <v>7142</v>
      </c>
      <c r="B13567" t="s">
        <v>7143</v>
      </c>
      <c r="C13567" t="s">
        <v>7144</v>
      </c>
      <c r="D13567" t="s">
        <v>6936</v>
      </c>
      <c r="E13567" t="s">
        <v>13</v>
      </c>
      <c r="F13567">
        <v>515</v>
      </c>
      <c r="G13567" t="s">
        <v>7145</v>
      </c>
      <c r="H13567">
        <v>6.8256271714489998</v>
      </c>
      <c r="I13567">
        <v>52.714152213138</v>
      </c>
      <c r="J13567" t="s">
        <v>69252</v>
      </c>
    </row>
    <row r="13568" spans="1:10" x14ac:dyDescent="0.25">
      <c r="A13568" t="s">
        <v>7138</v>
      </c>
      <c r="B13568" t="s">
        <v>7139</v>
      </c>
      <c r="C13568" t="s">
        <v>7140</v>
      </c>
      <c r="D13568" t="s">
        <v>6936</v>
      </c>
      <c r="E13568" t="s">
        <v>13</v>
      </c>
      <c r="F13568">
        <v>514</v>
      </c>
      <c r="G13568" t="s">
        <v>7141</v>
      </c>
      <c r="H13568">
        <v>6.7728710723359997</v>
      </c>
      <c r="I13568">
        <v>52.832764402251001</v>
      </c>
      <c r="J13568" t="s">
        <v>69253</v>
      </c>
    </row>
    <row r="13569" spans="1:10" x14ac:dyDescent="0.25">
      <c r="A13569" t="s">
        <v>7134</v>
      </c>
      <c r="B13569" t="s">
        <v>7135</v>
      </c>
      <c r="C13569" t="s">
        <v>7136</v>
      </c>
      <c r="D13569" t="s">
        <v>6936</v>
      </c>
      <c r="E13569" t="s">
        <v>13</v>
      </c>
      <c r="F13569">
        <v>513</v>
      </c>
      <c r="G13569" t="s">
        <v>7137</v>
      </c>
      <c r="H13569">
        <v>6.804676758227</v>
      </c>
      <c r="I13569">
        <v>52.819040732752001</v>
      </c>
      <c r="J13569" t="s">
        <v>69254</v>
      </c>
    </row>
    <row r="13570" spans="1:10" x14ac:dyDescent="0.25">
      <c r="A13570" t="s">
        <v>7130</v>
      </c>
      <c r="B13570" t="s">
        <v>7131</v>
      </c>
      <c r="C13570" t="s">
        <v>7132</v>
      </c>
      <c r="D13570" t="s">
        <v>6936</v>
      </c>
      <c r="E13570" t="s">
        <v>13</v>
      </c>
      <c r="F13570">
        <v>512</v>
      </c>
      <c r="G13570" t="s">
        <v>7133</v>
      </c>
      <c r="H13570">
        <v>6.7333176876319998</v>
      </c>
      <c r="I13570">
        <v>52.864912418957999</v>
      </c>
      <c r="J13570" t="s">
        <v>69255</v>
      </c>
    </row>
    <row r="13571" spans="1:10" x14ac:dyDescent="0.25">
      <c r="A13571" t="s">
        <v>7126</v>
      </c>
      <c r="B13571" t="s">
        <v>7127</v>
      </c>
      <c r="C13571" t="s">
        <v>7128</v>
      </c>
      <c r="D13571" t="s">
        <v>6936</v>
      </c>
      <c r="E13571" t="s">
        <v>13</v>
      </c>
      <c r="F13571">
        <v>511</v>
      </c>
      <c r="G13571" t="s">
        <v>7129</v>
      </c>
      <c r="H13571">
        <v>6.7467012134419999</v>
      </c>
      <c r="I13571">
        <v>52.860689509088999</v>
      </c>
      <c r="J13571" t="s">
        <v>69256</v>
      </c>
    </row>
    <row r="13572" spans="1:10" x14ac:dyDescent="0.25">
      <c r="A13572" t="s">
        <v>7122</v>
      </c>
      <c r="B13572" t="s">
        <v>7123</v>
      </c>
      <c r="C13572" t="s">
        <v>7124</v>
      </c>
      <c r="D13572" t="s">
        <v>6936</v>
      </c>
      <c r="E13572" t="s">
        <v>13</v>
      </c>
      <c r="F13572">
        <v>510</v>
      </c>
      <c r="G13572" t="s">
        <v>7125</v>
      </c>
      <c r="H13572">
        <v>6.7546129312319998</v>
      </c>
      <c r="I13572">
        <v>52.846802001786997</v>
      </c>
      <c r="J13572" t="s">
        <v>69257</v>
      </c>
    </row>
    <row r="13573" spans="1:10" x14ac:dyDescent="0.25">
      <c r="A13573" t="s">
        <v>7118</v>
      </c>
      <c r="B13573" t="s">
        <v>7119</v>
      </c>
      <c r="C13573" t="s">
        <v>7120</v>
      </c>
      <c r="D13573" t="s">
        <v>6936</v>
      </c>
      <c r="E13573" t="s">
        <v>13</v>
      </c>
      <c r="F13573">
        <v>509</v>
      </c>
      <c r="G13573" t="s">
        <v>7121</v>
      </c>
      <c r="H13573">
        <v>6.8032392608940002</v>
      </c>
      <c r="I13573">
        <v>52.794777625264999</v>
      </c>
      <c r="J13573" t="s">
        <v>69258</v>
      </c>
    </row>
    <row r="13574" spans="1:10" x14ac:dyDescent="0.25">
      <c r="A13574" t="s">
        <v>7114</v>
      </c>
      <c r="B13574" t="s">
        <v>7115</v>
      </c>
      <c r="C13574" t="s">
        <v>7116</v>
      </c>
      <c r="D13574" t="s">
        <v>6936</v>
      </c>
      <c r="E13574" t="s">
        <v>13</v>
      </c>
      <c r="F13574">
        <v>508</v>
      </c>
      <c r="G13574" t="s">
        <v>7117</v>
      </c>
      <c r="H13574">
        <v>6.8219715128020004</v>
      </c>
      <c r="I13574">
        <v>52.808288633861999</v>
      </c>
      <c r="J13574" t="s">
        <v>69259</v>
      </c>
    </row>
    <row r="13575" spans="1:10" x14ac:dyDescent="0.25">
      <c r="A13575" t="s">
        <v>7110</v>
      </c>
      <c r="B13575" t="s">
        <v>7111</v>
      </c>
      <c r="C13575" t="s">
        <v>7112</v>
      </c>
      <c r="D13575" t="s">
        <v>6936</v>
      </c>
      <c r="E13575" t="s">
        <v>13</v>
      </c>
      <c r="F13575">
        <v>507</v>
      </c>
      <c r="G13575" t="s">
        <v>7113</v>
      </c>
      <c r="H13575">
        <v>6.8190554284180003</v>
      </c>
      <c r="I13575">
        <v>52.812539761380002</v>
      </c>
      <c r="J13575" t="s">
        <v>69260</v>
      </c>
    </row>
    <row r="13576" spans="1:10" x14ac:dyDescent="0.25">
      <c r="A13576" t="s">
        <v>7106</v>
      </c>
      <c r="B13576" t="s">
        <v>7107</v>
      </c>
      <c r="C13576" t="s">
        <v>7108</v>
      </c>
      <c r="D13576" t="s">
        <v>6936</v>
      </c>
      <c r="E13576" t="s">
        <v>13</v>
      </c>
      <c r="F13576">
        <v>506</v>
      </c>
      <c r="G13576" t="s">
        <v>7109</v>
      </c>
      <c r="H13576">
        <v>6.7983132350169999</v>
      </c>
      <c r="I13576">
        <v>52.792732586368999</v>
      </c>
      <c r="J13576" t="s">
        <v>69261</v>
      </c>
    </row>
    <row r="13577" spans="1:10" x14ac:dyDescent="0.25">
      <c r="A13577" t="s">
        <v>7102</v>
      </c>
      <c r="B13577" t="s">
        <v>7103</v>
      </c>
      <c r="C13577" t="s">
        <v>7104</v>
      </c>
      <c r="D13577" t="s">
        <v>6936</v>
      </c>
      <c r="E13577" t="s">
        <v>13</v>
      </c>
      <c r="F13577">
        <v>505</v>
      </c>
      <c r="G13577" t="s">
        <v>7105</v>
      </c>
      <c r="H13577">
        <v>6.7922078622709998</v>
      </c>
      <c r="I13577">
        <v>52.770082607196002</v>
      </c>
      <c r="J13577" t="s">
        <v>69262</v>
      </c>
    </row>
    <row r="13578" spans="1:10" x14ac:dyDescent="0.25">
      <c r="A13578" t="s">
        <v>7098</v>
      </c>
      <c r="B13578" t="s">
        <v>7099</v>
      </c>
      <c r="C13578" t="s">
        <v>7100</v>
      </c>
      <c r="D13578" t="s">
        <v>6936</v>
      </c>
      <c r="E13578" t="s">
        <v>13</v>
      </c>
      <c r="F13578">
        <v>504</v>
      </c>
      <c r="G13578" t="s">
        <v>7101</v>
      </c>
      <c r="H13578">
        <v>6.8169175517019998</v>
      </c>
      <c r="I13578">
        <v>52.769836139261997</v>
      </c>
      <c r="J13578" t="s">
        <v>69263</v>
      </c>
    </row>
    <row r="13579" spans="1:10" x14ac:dyDescent="0.25">
      <c r="A13579" t="s">
        <v>7094</v>
      </c>
      <c r="B13579" t="s">
        <v>7095</v>
      </c>
      <c r="C13579" t="s">
        <v>7096</v>
      </c>
      <c r="D13579" t="s">
        <v>6936</v>
      </c>
      <c r="E13579" t="s">
        <v>13</v>
      </c>
      <c r="F13579">
        <v>503</v>
      </c>
      <c r="G13579" t="s">
        <v>7097</v>
      </c>
      <c r="H13579">
        <v>6.7998746859530002</v>
      </c>
      <c r="I13579">
        <v>52.770023831461003</v>
      </c>
      <c r="J13579" t="s">
        <v>69264</v>
      </c>
    </row>
    <row r="13580" spans="1:10" x14ac:dyDescent="0.25">
      <c r="A13580" t="s">
        <v>7090</v>
      </c>
      <c r="B13580" t="s">
        <v>7091</v>
      </c>
      <c r="C13580" t="s">
        <v>7092</v>
      </c>
      <c r="D13580" t="s">
        <v>6936</v>
      </c>
      <c r="E13580" t="s">
        <v>13</v>
      </c>
      <c r="F13580">
        <v>502</v>
      </c>
      <c r="G13580" t="s">
        <v>7093</v>
      </c>
      <c r="H13580">
        <v>6.64340378112</v>
      </c>
      <c r="I13580">
        <v>52.701901300486</v>
      </c>
      <c r="J13580" t="s">
        <v>69265</v>
      </c>
    </row>
    <row r="13581" spans="1:10" x14ac:dyDescent="0.25">
      <c r="A13581" t="s">
        <v>7086</v>
      </c>
      <c r="B13581" t="s">
        <v>7087</v>
      </c>
      <c r="C13581" t="s">
        <v>7088</v>
      </c>
      <c r="D13581" t="s">
        <v>6936</v>
      </c>
      <c r="E13581" t="s">
        <v>13</v>
      </c>
      <c r="F13581">
        <v>501</v>
      </c>
      <c r="G13581" t="s">
        <v>7089</v>
      </c>
      <c r="H13581">
        <v>6.6197568413300001</v>
      </c>
      <c r="I13581">
        <v>52.737207149409002</v>
      </c>
      <c r="J13581" t="s">
        <v>69266</v>
      </c>
    </row>
    <row r="13582" spans="1:10" x14ac:dyDescent="0.25">
      <c r="A13582" t="s">
        <v>7082</v>
      </c>
      <c r="B13582" t="s">
        <v>7083</v>
      </c>
      <c r="C13582" t="s">
        <v>7084</v>
      </c>
      <c r="D13582" t="s">
        <v>6936</v>
      </c>
      <c r="E13582" t="s">
        <v>13</v>
      </c>
      <c r="F13582">
        <v>500</v>
      </c>
      <c r="G13582" t="s">
        <v>7085</v>
      </c>
      <c r="H13582">
        <v>6.6336139940069998</v>
      </c>
      <c r="I13582">
        <v>52.727471845107999</v>
      </c>
      <c r="J13582" t="s">
        <v>69267</v>
      </c>
    </row>
    <row r="13583" spans="1:10" x14ac:dyDescent="0.25">
      <c r="A13583" t="s">
        <v>7078</v>
      </c>
      <c r="B13583" t="s">
        <v>7079</v>
      </c>
      <c r="C13583" t="s">
        <v>7080</v>
      </c>
      <c r="D13583" t="s">
        <v>6936</v>
      </c>
      <c r="E13583" t="s">
        <v>13</v>
      </c>
      <c r="F13583">
        <v>499</v>
      </c>
      <c r="G13583" t="s">
        <v>7081</v>
      </c>
      <c r="H13583">
        <v>6.6730912036510004</v>
      </c>
      <c r="I13583">
        <v>52.718209384962002</v>
      </c>
      <c r="J13583" t="s">
        <v>69268</v>
      </c>
    </row>
    <row r="13584" spans="1:10" x14ac:dyDescent="0.25">
      <c r="A13584" t="s">
        <v>7074</v>
      </c>
      <c r="B13584" t="s">
        <v>7075</v>
      </c>
      <c r="C13584" t="s">
        <v>7076</v>
      </c>
      <c r="D13584" t="s">
        <v>6936</v>
      </c>
      <c r="E13584" t="s">
        <v>13</v>
      </c>
      <c r="F13584">
        <v>498</v>
      </c>
      <c r="G13584" t="s">
        <v>7077</v>
      </c>
      <c r="H13584">
        <v>6.6769386568259996</v>
      </c>
      <c r="I13584">
        <v>52.726702923041003</v>
      </c>
      <c r="J13584" t="s">
        <v>69269</v>
      </c>
    </row>
    <row r="13585" spans="1:10" x14ac:dyDescent="0.25">
      <c r="A13585" t="s">
        <v>7070</v>
      </c>
      <c r="B13585" t="s">
        <v>7071</v>
      </c>
      <c r="C13585" t="s">
        <v>7072</v>
      </c>
      <c r="D13585" t="s">
        <v>6936</v>
      </c>
      <c r="E13585" t="s">
        <v>13</v>
      </c>
      <c r="F13585">
        <v>497</v>
      </c>
      <c r="G13585" t="s">
        <v>7073</v>
      </c>
      <c r="H13585">
        <v>6.6799127206759996</v>
      </c>
      <c r="I13585">
        <v>52.745405870243999</v>
      </c>
      <c r="J13585" t="s">
        <v>69270</v>
      </c>
    </row>
    <row r="13586" spans="1:10" x14ac:dyDescent="0.25">
      <c r="A13586" t="s">
        <v>7066</v>
      </c>
      <c r="B13586" t="s">
        <v>7067</v>
      </c>
      <c r="C13586" t="s">
        <v>7068</v>
      </c>
      <c r="D13586" t="s">
        <v>6936</v>
      </c>
      <c r="E13586" t="s">
        <v>13</v>
      </c>
      <c r="F13586">
        <v>496</v>
      </c>
      <c r="G13586" t="s">
        <v>7069</v>
      </c>
      <c r="H13586">
        <v>6.6897220361659997</v>
      </c>
      <c r="I13586">
        <v>52.748119083116002</v>
      </c>
      <c r="J13586" t="s">
        <v>69271</v>
      </c>
    </row>
    <row r="13587" spans="1:10" x14ac:dyDescent="0.25">
      <c r="A13587" t="s">
        <v>7062</v>
      </c>
      <c r="B13587" t="s">
        <v>7063</v>
      </c>
      <c r="C13587" t="s">
        <v>7064</v>
      </c>
      <c r="D13587" t="s">
        <v>6936</v>
      </c>
      <c r="E13587" t="s">
        <v>13</v>
      </c>
      <c r="F13587">
        <v>495</v>
      </c>
      <c r="G13587" t="s">
        <v>7065</v>
      </c>
      <c r="H13587">
        <v>6.7313800349430002</v>
      </c>
      <c r="I13587">
        <v>52.752861646950997</v>
      </c>
      <c r="J13587" t="s">
        <v>69272</v>
      </c>
    </row>
    <row r="13588" spans="1:10" x14ac:dyDescent="0.25">
      <c r="A13588" t="s">
        <v>7058</v>
      </c>
      <c r="B13588" t="s">
        <v>7059</v>
      </c>
      <c r="C13588" t="s">
        <v>7060</v>
      </c>
      <c r="D13588" t="s">
        <v>6936</v>
      </c>
      <c r="E13588" t="s">
        <v>13</v>
      </c>
      <c r="F13588">
        <v>494</v>
      </c>
      <c r="G13588" t="s">
        <v>7061</v>
      </c>
      <c r="H13588">
        <v>6.7189606829540001</v>
      </c>
      <c r="I13588">
        <v>52.756193949594</v>
      </c>
      <c r="J13588" t="s">
        <v>69273</v>
      </c>
    </row>
    <row r="13589" spans="1:10" x14ac:dyDescent="0.25">
      <c r="A13589" t="s">
        <v>7054</v>
      </c>
      <c r="B13589" t="s">
        <v>7055</v>
      </c>
      <c r="C13589" t="s">
        <v>7056</v>
      </c>
      <c r="D13589" t="s">
        <v>6936</v>
      </c>
      <c r="E13589" t="s">
        <v>13</v>
      </c>
      <c r="F13589">
        <v>493</v>
      </c>
      <c r="G13589" t="s">
        <v>7057</v>
      </c>
      <c r="H13589">
        <v>6.8027410138609996</v>
      </c>
      <c r="I13589">
        <v>52.67030248428</v>
      </c>
      <c r="J13589" t="s">
        <v>69274</v>
      </c>
    </row>
    <row r="13590" spans="1:10" x14ac:dyDescent="0.25">
      <c r="A13590" t="s">
        <v>7050</v>
      </c>
      <c r="B13590" t="s">
        <v>7051</v>
      </c>
      <c r="C13590" t="s">
        <v>7052</v>
      </c>
      <c r="D13590" t="s">
        <v>6936</v>
      </c>
      <c r="E13590" t="s">
        <v>13</v>
      </c>
      <c r="F13590">
        <v>492</v>
      </c>
      <c r="G13590" t="s">
        <v>7053</v>
      </c>
      <c r="H13590">
        <v>6.8272134067210004</v>
      </c>
      <c r="I13590">
        <v>52.677615082834997</v>
      </c>
      <c r="J13590" t="s">
        <v>69275</v>
      </c>
    </row>
    <row r="13591" spans="1:10" x14ac:dyDescent="0.25">
      <c r="A13591" t="s">
        <v>7046</v>
      </c>
      <c r="B13591" t="s">
        <v>7047</v>
      </c>
      <c r="C13591" t="s">
        <v>7048</v>
      </c>
      <c r="D13591" t="s">
        <v>6936</v>
      </c>
      <c r="E13591" t="s">
        <v>13</v>
      </c>
      <c r="F13591">
        <v>491</v>
      </c>
      <c r="G13591" t="s">
        <v>7049</v>
      </c>
      <c r="H13591">
        <v>6.8165248787510002</v>
      </c>
      <c r="I13591">
        <v>52.687931598966003</v>
      </c>
      <c r="J13591" t="s">
        <v>69276</v>
      </c>
    </row>
    <row r="13592" spans="1:10" x14ac:dyDescent="0.25">
      <c r="A13592" t="s">
        <v>7042</v>
      </c>
      <c r="B13592" t="s">
        <v>7043</v>
      </c>
      <c r="C13592" t="s">
        <v>7044</v>
      </c>
      <c r="D13592" t="s">
        <v>6936</v>
      </c>
      <c r="E13592" t="s">
        <v>13</v>
      </c>
      <c r="F13592">
        <v>490</v>
      </c>
      <c r="G13592" t="s">
        <v>7045</v>
      </c>
      <c r="H13592">
        <v>6.8105512240710002</v>
      </c>
      <c r="I13592">
        <v>52.694585318408997</v>
      </c>
      <c r="J13592" t="s">
        <v>69277</v>
      </c>
    </row>
    <row r="13593" spans="1:10" x14ac:dyDescent="0.25">
      <c r="A13593" t="s">
        <v>7038</v>
      </c>
      <c r="B13593" t="s">
        <v>7039</v>
      </c>
      <c r="C13593" t="s">
        <v>7040</v>
      </c>
      <c r="D13593" t="s">
        <v>6936</v>
      </c>
      <c r="E13593" t="s">
        <v>13</v>
      </c>
      <c r="F13593">
        <v>489</v>
      </c>
      <c r="G13593" t="s">
        <v>7041</v>
      </c>
      <c r="H13593">
        <v>6.6851250341900004</v>
      </c>
      <c r="I13593">
        <v>52.688088725236</v>
      </c>
      <c r="J13593" t="s">
        <v>69278</v>
      </c>
    </row>
    <row r="13594" spans="1:10" x14ac:dyDescent="0.25">
      <c r="A13594" t="s">
        <v>7034</v>
      </c>
      <c r="B13594" t="s">
        <v>7035</v>
      </c>
      <c r="C13594" t="s">
        <v>7036</v>
      </c>
      <c r="D13594" t="s">
        <v>6936</v>
      </c>
      <c r="E13594" t="s">
        <v>13</v>
      </c>
      <c r="F13594">
        <v>488</v>
      </c>
      <c r="G13594" t="s">
        <v>7037</v>
      </c>
      <c r="H13594">
        <v>6.6553996088860004</v>
      </c>
      <c r="I13594">
        <v>52.681842323287</v>
      </c>
      <c r="J13594" t="s">
        <v>69279</v>
      </c>
    </row>
    <row r="13595" spans="1:10" x14ac:dyDescent="0.25">
      <c r="A13595" t="s">
        <v>7030</v>
      </c>
      <c r="B13595" t="s">
        <v>7031</v>
      </c>
      <c r="C13595" t="s">
        <v>7032</v>
      </c>
      <c r="D13595" t="s">
        <v>6936</v>
      </c>
      <c r="E13595" t="s">
        <v>13</v>
      </c>
      <c r="F13595">
        <v>487</v>
      </c>
      <c r="G13595" t="s">
        <v>7033</v>
      </c>
      <c r="H13595">
        <v>6.7453060414559998</v>
      </c>
      <c r="I13595">
        <v>52.726530930951</v>
      </c>
      <c r="J13595" t="s">
        <v>69280</v>
      </c>
    </row>
    <row r="13596" spans="1:10" x14ac:dyDescent="0.25">
      <c r="A13596" t="s">
        <v>7026</v>
      </c>
      <c r="B13596" t="s">
        <v>7027</v>
      </c>
      <c r="C13596" t="s">
        <v>7028</v>
      </c>
      <c r="D13596" t="s">
        <v>6936</v>
      </c>
      <c r="E13596" t="s">
        <v>13</v>
      </c>
      <c r="F13596">
        <v>486</v>
      </c>
      <c r="G13596" t="s">
        <v>7029</v>
      </c>
      <c r="H13596">
        <v>6.7510321117269996</v>
      </c>
      <c r="I13596">
        <v>52.723810980151001</v>
      </c>
      <c r="J13596" t="s">
        <v>69281</v>
      </c>
    </row>
    <row r="13597" spans="1:10" x14ac:dyDescent="0.25">
      <c r="A13597" t="s">
        <v>7022</v>
      </c>
      <c r="B13597" t="s">
        <v>7023</v>
      </c>
      <c r="C13597" t="s">
        <v>7024</v>
      </c>
      <c r="D13597" t="s">
        <v>6936</v>
      </c>
      <c r="E13597" t="s">
        <v>13</v>
      </c>
      <c r="F13597">
        <v>485</v>
      </c>
      <c r="G13597" t="s">
        <v>7025</v>
      </c>
      <c r="H13597">
        <v>6.7542111667400002</v>
      </c>
      <c r="I13597">
        <v>52.696158676143</v>
      </c>
      <c r="J13597" t="s">
        <v>69282</v>
      </c>
    </row>
    <row r="13598" spans="1:10" x14ac:dyDescent="0.25">
      <c r="A13598" t="s">
        <v>7018</v>
      </c>
      <c r="B13598" t="s">
        <v>7019</v>
      </c>
      <c r="C13598" t="s">
        <v>7020</v>
      </c>
      <c r="D13598" t="s">
        <v>6936</v>
      </c>
      <c r="E13598" t="s">
        <v>13</v>
      </c>
      <c r="F13598">
        <v>484</v>
      </c>
      <c r="G13598" t="s">
        <v>7021</v>
      </c>
      <c r="H13598">
        <v>6.7558336427850003</v>
      </c>
      <c r="I13598">
        <v>52.699259102896001</v>
      </c>
      <c r="J13598" t="s">
        <v>69283</v>
      </c>
    </row>
    <row r="13599" spans="1:10" x14ac:dyDescent="0.25">
      <c r="A13599" t="s">
        <v>7014</v>
      </c>
      <c r="B13599" t="s">
        <v>7015</v>
      </c>
      <c r="C13599" t="s">
        <v>7016</v>
      </c>
      <c r="D13599" t="s">
        <v>6936</v>
      </c>
      <c r="E13599" t="s">
        <v>13</v>
      </c>
      <c r="F13599">
        <v>483</v>
      </c>
      <c r="G13599" t="s">
        <v>7017</v>
      </c>
      <c r="H13599">
        <v>6.8404601335880004</v>
      </c>
      <c r="I13599">
        <v>52.661280596638001</v>
      </c>
      <c r="J13599" t="s">
        <v>69284</v>
      </c>
    </row>
    <row r="13600" spans="1:10" x14ac:dyDescent="0.25">
      <c r="A13600" t="s">
        <v>7010</v>
      </c>
      <c r="B13600" t="s">
        <v>7011</v>
      </c>
      <c r="C13600" t="s">
        <v>7012</v>
      </c>
      <c r="D13600" t="s">
        <v>6936</v>
      </c>
      <c r="E13600" t="s">
        <v>13</v>
      </c>
      <c r="F13600">
        <v>482</v>
      </c>
      <c r="G13600" t="s">
        <v>7013</v>
      </c>
      <c r="H13600">
        <v>6.8039794700740002</v>
      </c>
      <c r="I13600">
        <v>52.657049026895002</v>
      </c>
      <c r="J13600" t="s">
        <v>69285</v>
      </c>
    </row>
    <row r="13601" spans="1:10" x14ac:dyDescent="0.25">
      <c r="A13601" t="s">
        <v>7006</v>
      </c>
      <c r="B13601" t="s">
        <v>7007</v>
      </c>
      <c r="C13601" t="s">
        <v>7008</v>
      </c>
      <c r="D13601" t="s">
        <v>6936</v>
      </c>
      <c r="E13601" t="s">
        <v>13</v>
      </c>
      <c r="F13601">
        <v>481</v>
      </c>
      <c r="G13601" t="s">
        <v>7009</v>
      </c>
      <c r="H13601">
        <v>6.6494170569140003</v>
      </c>
      <c r="I13601">
        <v>52.672314805630997</v>
      </c>
      <c r="J13601" t="s">
        <v>69286</v>
      </c>
    </row>
    <row r="13602" spans="1:10" x14ac:dyDescent="0.25">
      <c r="A13602" t="s">
        <v>7002</v>
      </c>
      <c r="B13602" t="s">
        <v>7003</v>
      </c>
      <c r="C13602" t="s">
        <v>7004</v>
      </c>
      <c r="D13602" t="s">
        <v>6936</v>
      </c>
      <c r="E13602" t="s">
        <v>13</v>
      </c>
      <c r="F13602">
        <v>480</v>
      </c>
      <c r="G13602" t="s">
        <v>7005</v>
      </c>
      <c r="H13602">
        <v>6.6540392812229996</v>
      </c>
      <c r="I13602">
        <v>52.671417024729003</v>
      </c>
      <c r="J13602" t="s">
        <v>69287</v>
      </c>
    </row>
    <row r="13603" spans="1:10" x14ac:dyDescent="0.25">
      <c r="A13603" t="s">
        <v>6998</v>
      </c>
      <c r="B13603" t="s">
        <v>6999</v>
      </c>
      <c r="C13603" t="s">
        <v>7000</v>
      </c>
      <c r="D13603" t="s">
        <v>6936</v>
      </c>
      <c r="E13603" t="s">
        <v>13</v>
      </c>
      <c r="F13603">
        <v>479</v>
      </c>
      <c r="G13603" t="s">
        <v>7001</v>
      </c>
      <c r="H13603">
        <v>6.6931165746590002</v>
      </c>
      <c r="I13603">
        <v>52.665807806749001</v>
      </c>
      <c r="J13603" t="s">
        <v>69288</v>
      </c>
    </row>
    <row r="13604" spans="1:10" x14ac:dyDescent="0.25">
      <c r="A13604" t="s">
        <v>6994</v>
      </c>
      <c r="B13604" t="s">
        <v>6995</v>
      </c>
      <c r="C13604" t="s">
        <v>6996</v>
      </c>
      <c r="D13604" t="s">
        <v>6936</v>
      </c>
      <c r="E13604" t="s">
        <v>13</v>
      </c>
      <c r="F13604">
        <v>478</v>
      </c>
      <c r="G13604" t="s">
        <v>6997</v>
      </c>
      <c r="H13604">
        <v>6.6928788248549997</v>
      </c>
      <c r="I13604">
        <v>52.667479194687999</v>
      </c>
      <c r="J13604" t="s">
        <v>69289</v>
      </c>
    </row>
    <row r="13605" spans="1:10" x14ac:dyDescent="0.25">
      <c r="A13605" t="s">
        <v>6990</v>
      </c>
      <c r="B13605" t="s">
        <v>6991</v>
      </c>
      <c r="C13605" t="s">
        <v>6992</v>
      </c>
      <c r="D13605" t="s">
        <v>6936</v>
      </c>
      <c r="E13605" t="s">
        <v>13</v>
      </c>
      <c r="F13605">
        <v>477</v>
      </c>
      <c r="G13605" t="s">
        <v>6993</v>
      </c>
      <c r="H13605">
        <v>6.7646093520430002</v>
      </c>
      <c r="I13605">
        <v>52.660592939887998</v>
      </c>
      <c r="J13605" t="s">
        <v>69290</v>
      </c>
    </row>
    <row r="13606" spans="1:10" x14ac:dyDescent="0.25">
      <c r="A13606" t="s">
        <v>6986</v>
      </c>
      <c r="B13606" t="s">
        <v>6987</v>
      </c>
      <c r="C13606" t="s">
        <v>6988</v>
      </c>
      <c r="D13606" t="s">
        <v>6936</v>
      </c>
      <c r="E13606" t="s">
        <v>13</v>
      </c>
      <c r="F13606">
        <v>476</v>
      </c>
      <c r="G13606" t="s">
        <v>6989</v>
      </c>
      <c r="H13606">
        <v>6.7657252645570001</v>
      </c>
      <c r="I13606">
        <v>52.654277508084</v>
      </c>
      <c r="J13606" t="s">
        <v>69291</v>
      </c>
    </row>
    <row r="13607" spans="1:10" x14ac:dyDescent="0.25">
      <c r="A13607" t="s">
        <v>6982</v>
      </c>
      <c r="B13607" t="s">
        <v>6983</v>
      </c>
      <c r="C13607" t="s">
        <v>6984</v>
      </c>
      <c r="D13607" t="s">
        <v>6936</v>
      </c>
      <c r="E13607" t="s">
        <v>13</v>
      </c>
      <c r="F13607">
        <v>475</v>
      </c>
      <c r="G13607" t="s">
        <v>6985</v>
      </c>
      <c r="H13607">
        <v>6.7363118453070001</v>
      </c>
      <c r="I13607">
        <v>52.645492982245003</v>
      </c>
      <c r="J13607" t="s">
        <v>69292</v>
      </c>
    </row>
    <row r="13608" spans="1:10" x14ac:dyDescent="0.25">
      <c r="A13608" t="s">
        <v>6978</v>
      </c>
      <c r="B13608" t="s">
        <v>6979</v>
      </c>
      <c r="C13608" t="s">
        <v>6980</v>
      </c>
      <c r="D13608" t="s">
        <v>6936</v>
      </c>
      <c r="E13608" t="s">
        <v>13</v>
      </c>
      <c r="F13608">
        <v>474</v>
      </c>
      <c r="G13608" t="s">
        <v>6981</v>
      </c>
      <c r="H13608">
        <v>6.7299845216409997</v>
      </c>
      <c r="I13608">
        <v>52.654904744249997</v>
      </c>
      <c r="J13608" t="s">
        <v>69293</v>
      </c>
    </row>
    <row r="13609" spans="1:10" x14ac:dyDescent="0.25">
      <c r="A13609" t="s">
        <v>6974</v>
      </c>
      <c r="B13609" t="s">
        <v>6975</v>
      </c>
      <c r="C13609" t="s">
        <v>6976</v>
      </c>
      <c r="D13609" t="s">
        <v>6936</v>
      </c>
      <c r="E13609" t="s">
        <v>13</v>
      </c>
      <c r="F13609">
        <v>473</v>
      </c>
      <c r="G13609" t="s">
        <v>6977</v>
      </c>
      <c r="H13609">
        <v>6.7241069014140002</v>
      </c>
      <c r="I13609">
        <v>52.662819799426003</v>
      </c>
      <c r="J13609" t="s">
        <v>69294</v>
      </c>
    </row>
    <row r="13610" spans="1:10" x14ac:dyDescent="0.25">
      <c r="A13610" t="s">
        <v>6970</v>
      </c>
      <c r="B13610" t="s">
        <v>6971</v>
      </c>
      <c r="C13610" t="s">
        <v>6972</v>
      </c>
      <c r="D13610" t="s">
        <v>6936</v>
      </c>
      <c r="E13610" t="s">
        <v>13</v>
      </c>
      <c r="F13610">
        <v>472</v>
      </c>
      <c r="G13610" t="s">
        <v>6973</v>
      </c>
      <c r="H13610">
        <v>6.7322140613529999</v>
      </c>
      <c r="I13610">
        <v>52.665110158692997</v>
      </c>
      <c r="J13610" t="s">
        <v>69295</v>
      </c>
    </row>
    <row r="13611" spans="1:10" x14ac:dyDescent="0.25">
      <c r="A13611" t="s">
        <v>6966</v>
      </c>
      <c r="B13611" t="s">
        <v>6967</v>
      </c>
      <c r="C13611" t="s">
        <v>6968</v>
      </c>
      <c r="D13611" t="s">
        <v>6936</v>
      </c>
      <c r="E13611" t="s">
        <v>13</v>
      </c>
      <c r="F13611">
        <v>471</v>
      </c>
      <c r="G13611" t="s">
        <v>6969</v>
      </c>
      <c r="H13611">
        <v>6.7353694149100001</v>
      </c>
      <c r="I13611">
        <v>52.645554475967998</v>
      </c>
      <c r="J13611" t="s">
        <v>69296</v>
      </c>
    </row>
    <row r="13612" spans="1:10" x14ac:dyDescent="0.25">
      <c r="A13612" t="s">
        <v>6962</v>
      </c>
      <c r="B13612" t="s">
        <v>6963</v>
      </c>
      <c r="C13612" t="s">
        <v>6964</v>
      </c>
      <c r="D13612" t="s">
        <v>6936</v>
      </c>
      <c r="E13612" t="s">
        <v>13</v>
      </c>
      <c r="F13612">
        <v>470</v>
      </c>
      <c r="G13612" t="s">
        <v>6965</v>
      </c>
      <c r="H13612">
        <v>6.7404716666670002</v>
      </c>
      <c r="I13612">
        <v>52.673741258816001</v>
      </c>
      <c r="J13612" t="s">
        <v>69297</v>
      </c>
    </row>
    <row r="13613" spans="1:10" x14ac:dyDescent="0.25">
      <c r="A13613" t="s">
        <v>6958</v>
      </c>
      <c r="B13613" t="s">
        <v>6959</v>
      </c>
      <c r="C13613" t="s">
        <v>6960</v>
      </c>
      <c r="D13613" t="s">
        <v>6936</v>
      </c>
      <c r="E13613" t="s">
        <v>13</v>
      </c>
      <c r="F13613">
        <v>469</v>
      </c>
      <c r="G13613" t="s">
        <v>6961</v>
      </c>
      <c r="H13613">
        <v>6.7311440299310004</v>
      </c>
      <c r="I13613">
        <v>52.672031412312002</v>
      </c>
      <c r="J13613" t="s">
        <v>69298</v>
      </c>
    </row>
    <row r="13614" spans="1:10" x14ac:dyDescent="0.25">
      <c r="A13614" t="s">
        <v>6954</v>
      </c>
      <c r="B13614" t="s">
        <v>6955</v>
      </c>
      <c r="C13614" t="s">
        <v>6956</v>
      </c>
      <c r="D13614" t="s">
        <v>6936</v>
      </c>
      <c r="E13614" t="s">
        <v>13</v>
      </c>
      <c r="F13614">
        <v>468</v>
      </c>
      <c r="G13614" t="s">
        <v>6957</v>
      </c>
      <c r="H13614">
        <v>6.7138001676809997</v>
      </c>
      <c r="I13614">
        <v>52.653917923800002</v>
      </c>
      <c r="J13614" t="s">
        <v>69299</v>
      </c>
    </row>
    <row r="13615" spans="1:10" x14ac:dyDescent="0.25">
      <c r="A13615" t="s">
        <v>6950</v>
      </c>
      <c r="B13615" t="s">
        <v>6951</v>
      </c>
      <c r="C13615" t="s">
        <v>6952</v>
      </c>
      <c r="D13615" t="s">
        <v>6936</v>
      </c>
      <c r="E13615" t="s">
        <v>13</v>
      </c>
      <c r="F13615">
        <v>467</v>
      </c>
      <c r="G13615" t="s">
        <v>6953</v>
      </c>
      <c r="H13615">
        <v>6.7454910571609998</v>
      </c>
      <c r="I13615">
        <v>52.654173174953002</v>
      </c>
      <c r="J13615" t="s">
        <v>69300</v>
      </c>
    </row>
    <row r="13616" spans="1:10" x14ac:dyDescent="0.25">
      <c r="A13616" t="s">
        <v>6946</v>
      </c>
      <c r="B13616" t="s">
        <v>6947</v>
      </c>
      <c r="C13616" t="s">
        <v>6948</v>
      </c>
      <c r="D13616" t="s">
        <v>6936</v>
      </c>
      <c r="E13616" t="s">
        <v>13</v>
      </c>
      <c r="F13616">
        <v>466</v>
      </c>
      <c r="G13616" t="s">
        <v>6949</v>
      </c>
      <c r="H13616">
        <v>6.7538286953929996</v>
      </c>
      <c r="I13616">
        <v>52.661307732372002</v>
      </c>
      <c r="J13616" t="s">
        <v>69301</v>
      </c>
    </row>
    <row r="13617" spans="1:10" x14ac:dyDescent="0.25">
      <c r="A13617" t="s">
        <v>6942</v>
      </c>
      <c r="B13617" t="s">
        <v>6943</v>
      </c>
      <c r="C13617" t="s">
        <v>6944</v>
      </c>
      <c r="D13617" t="s">
        <v>6936</v>
      </c>
      <c r="E13617" t="s">
        <v>13</v>
      </c>
      <c r="F13617">
        <v>465</v>
      </c>
      <c r="G13617" t="s">
        <v>6945</v>
      </c>
      <c r="H13617">
        <v>6.7513190502810003</v>
      </c>
      <c r="I13617">
        <v>52.667477411507001</v>
      </c>
      <c r="J13617" t="s">
        <v>69302</v>
      </c>
    </row>
    <row r="13618" spans="1:10" x14ac:dyDescent="0.25">
      <c r="A13618" t="s">
        <v>6938</v>
      </c>
      <c r="B13618" t="s">
        <v>6939</v>
      </c>
      <c r="C13618" t="s">
        <v>6940</v>
      </c>
      <c r="D13618" t="s">
        <v>6936</v>
      </c>
      <c r="E13618" t="s">
        <v>13</v>
      </c>
      <c r="F13618">
        <v>464</v>
      </c>
      <c r="G13618" t="s">
        <v>6941</v>
      </c>
      <c r="H13618">
        <v>6.7458641620169999</v>
      </c>
      <c r="I13618">
        <v>52.670608782256998</v>
      </c>
      <c r="J13618" t="s">
        <v>69303</v>
      </c>
    </row>
    <row r="13619" spans="1:10" x14ac:dyDescent="0.25">
      <c r="A13619" t="s">
        <v>6933</v>
      </c>
      <c r="B13619" t="s">
        <v>6934</v>
      </c>
      <c r="C13619" t="s">
        <v>6935</v>
      </c>
      <c r="D13619" t="s">
        <v>6936</v>
      </c>
      <c r="E13619" t="s">
        <v>13</v>
      </c>
      <c r="F13619">
        <v>463</v>
      </c>
      <c r="G13619" t="s">
        <v>6937</v>
      </c>
      <c r="H13619">
        <v>6.7408734922760001</v>
      </c>
      <c r="I13619">
        <v>52.662153462428002</v>
      </c>
      <c r="J13619" t="s">
        <v>69304</v>
      </c>
    </row>
    <row r="13620" spans="1:10" x14ac:dyDescent="0.25">
      <c r="A13620" t="s">
        <v>6929</v>
      </c>
      <c r="B13620" t="s">
        <v>6930</v>
      </c>
      <c r="C13620" t="s">
        <v>6931</v>
      </c>
      <c r="D13620" t="s">
        <v>6506</v>
      </c>
      <c r="E13620" t="s">
        <v>13</v>
      </c>
      <c r="F13620">
        <v>462</v>
      </c>
      <c r="G13620" t="s">
        <v>6932</v>
      </c>
      <c r="H13620">
        <v>6.6000069683350002</v>
      </c>
      <c r="I13620">
        <v>52.996044115712998</v>
      </c>
      <c r="J13620" t="s">
        <v>69305</v>
      </c>
    </row>
    <row r="13621" spans="1:10" x14ac:dyDescent="0.25">
      <c r="A13621" t="s">
        <v>6925</v>
      </c>
      <c r="B13621" t="s">
        <v>6926</v>
      </c>
      <c r="C13621" t="s">
        <v>6927</v>
      </c>
      <c r="D13621" t="s">
        <v>6506</v>
      </c>
      <c r="E13621" t="s">
        <v>13</v>
      </c>
      <c r="F13621">
        <v>461</v>
      </c>
      <c r="G13621" t="s">
        <v>6928</v>
      </c>
      <c r="H13621">
        <v>6.5933123861869998</v>
      </c>
      <c r="I13621">
        <v>52.984594742322003</v>
      </c>
      <c r="J13621" t="s">
        <v>69306</v>
      </c>
    </row>
    <row r="13622" spans="1:10" x14ac:dyDescent="0.25">
      <c r="A13622" t="s">
        <v>6921</v>
      </c>
      <c r="B13622" t="s">
        <v>6922</v>
      </c>
      <c r="C13622" t="s">
        <v>6923</v>
      </c>
      <c r="D13622" t="s">
        <v>6506</v>
      </c>
      <c r="E13622" t="s">
        <v>13</v>
      </c>
      <c r="F13622">
        <v>460</v>
      </c>
      <c r="G13622" t="s">
        <v>6924</v>
      </c>
      <c r="H13622">
        <v>6.5871315815070002</v>
      </c>
      <c r="I13622">
        <v>52.977714019121997</v>
      </c>
      <c r="J13622" t="s">
        <v>69307</v>
      </c>
    </row>
    <row r="13623" spans="1:10" x14ac:dyDescent="0.25">
      <c r="A13623" t="s">
        <v>6917</v>
      </c>
      <c r="B13623" t="s">
        <v>6918</v>
      </c>
      <c r="C13623" t="s">
        <v>6919</v>
      </c>
      <c r="D13623" t="s">
        <v>6506</v>
      </c>
      <c r="E13623" t="s">
        <v>13</v>
      </c>
      <c r="F13623">
        <v>459</v>
      </c>
      <c r="G13623" t="s">
        <v>6920</v>
      </c>
      <c r="H13623">
        <v>6.5739903209639996</v>
      </c>
      <c r="I13623">
        <v>52.964879066816003</v>
      </c>
      <c r="J13623" t="s">
        <v>69308</v>
      </c>
    </row>
    <row r="13624" spans="1:10" x14ac:dyDescent="0.25">
      <c r="A13624" t="s">
        <v>6913</v>
      </c>
      <c r="B13624" t="s">
        <v>6914</v>
      </c>
      <c r="C13624" t="s">
        <v>6915</v>
      </c>
      <c r="D13624" t="s">
        <v>6506</v>
      </c>
      <c r="E13624" t="s">
        <v>13</v>
      </c>
      <c r="F13624">
        <v>458</v>
      </c>
      <c r="G13624" t="s">
        <v>6916</v>
      </c>
      <c r="H13624">
        <v>6.5540708921339998</v>
      </c>
      <c r="I13624">
        <v>52.961094539084002</v>
      </c>
      <c r="J13624" t="s">
        <v>69309</v>
      </c>
    </row>
    <row r="13625" spans="1:10" x14ac:dyDescent="0.25">
      <c r="A13625" t="s">
        <v>6909</v>
      </c>
      <c r="B13625" t="s">
        <v>6910</v>
      </c>
      <c r="C13625" t="s">
        <v>6911</v>
      </c>
      <c r="D13625" t="s">
        <v>6506</v>
      </c>
      <c r="E13625" t="s">
        <v>13</v>
      </c>
      <c r="F13625">
        <v>457</v>
      </c>
      <c r="G13625" t="s">
        <v>6912</v>
      </c>
      <c r="H13625">
        <v>6.517493975481</v>
      </c>
      <c r="I13625">
        <v>52.980060526834997</v>
      </c>
      <c r="J13625" t="s">
        <v>69310</v>
      </c>
    </row>
    <row r="13626" spans="1:10" x14ac:dyDescent="0.25">
      <c r="A13626" t="s">
        <v>6905</v>
      </c>
      <c r="B13626" t="s">
        <v>6906</v>
      </c>
      <c r="C13626" t="s">
        <v>6907</v>
      </c>
      <c r="D13626" t="s">
        <v>6506</v>
      </c>
      <c r="E13626" t="s">
        <v>13</v>
      </c>
      <c r="F13626">
        <v>456</v>
      </c>
      <c r="G13626" t="s">
        <v>6908</v>
      </c>
      <c r="H13626">
        <v>6.517124393245</v>
      </c>
      <c r="I13626">
        <v>52.964395235676001</v>
      </c>
      <c r="J13626" t="s">
        <v>69311</v>
      </c>
    </row>
    <row r="13627" spans="1:10" x14ac:dyDescent="0.25">
      <c r="A13627" t="s">
        <v>6901</v>
      </c>
      <c r="B13627" t="s">
        <v>6902</v>
      </c>
      <c r="C13627" t="s">
        <v>6903</v>
      </c>
      <c r="D13627" t="s">
        <v>6506</v>
      </c>
      <c r="E13627" t="s">
        <v>13</v>
      </c>
      <c r="F13627">
        <v>455</v>
      </c>
      <c r="G13627" t="s">
        <v>6904</v>
      </c>
      <c r="H13627">
        <v>6.5269396754919997</v>
      </c>
      <c r="I13627">
        <v>53.017345032855999</v>
      </c>
      <c r="J13627" t="s">
        <v>69312</v>
      </c>
    </row>
    <row r="13628" spans="1:10" x14ac:dyDescent="0.25">
      <c r="A13628" t="s">
        <v>6897</v>
      </c>
      <c r="B13628" t="s">
        <v>6898</v>
      </c>
      <c r="C13628" t="s">
        <v>6899</v>
      </c>
      <c r="D13628" t="s">
        <v>6506</v>
      </c>
      <c r="E13628" t="s">
        <v>13</v>
      </c>
      <c r="F13628">
        <v>454</v>
      </c>
      <c r="G13628" t="s">
        <v>6900</v>
      </c>
      <c r="H13628">
        <v>6.5156085728319999</v>
      </c>
      <c r="I13628">
        <v>53.032460252913999</v>
      </c>
      <c r="J13628" t="s">
        <v>69313</v>
      </c>
    </row>
    <row r="13629" spans="1:10" x14ac:dyDescent="0.25">
      <c r="A13629" t="s">
        <v>6893</v>
      </c>
      <c r="B13629" t="s">
        <v>6894</v>
      </c>
      <c r="C13629" t="s">
        <v>6895</v>
      </c>
      <c r="D13629" t="s">
        <v>6506</v>
      </c>
      <c r="E13629" t="s">
        <v>13</v>
      </c>
      <c r="F13629">
        <v>453</v>
      </c>
      <c r="G13629" t="s">
        <v>6896</v>
      </c>
      <c r="H13629">
        <v>6.5459450043749996</v>
      </c>
      <c r="I13629">
        <v>53.023664720801001</v>
      </c>
      <c r="J13629" t="s">
        <v>69314</v>
      </c>
    </row>
    <row r="13630" spans="1:10" x14ac:dyDescent="0.25">
      <c r="A13630" t="s">
        <v>6889</v>
      </c>
      <c r="B13630" t="s">
        <v>6890</v>
      </c>
      <c r="C13630" t="s">
        <v>6891</v>
      </c>
      <c r="D13630" t="s">
        <v>6506</v>
      </c>
      <c r="E13630" t="s">
        <v>13</v>
      </c>
      <c r="F13630">
        <v>452</v>
      </c>
      <c r="G13630" t="s">
        <v>6892</v>
      </c>
      <c r="H13630">
        <v>6.5460221457410004</v>
      </c>
      <c r="I13630">
        <v>53.027955856439</v>
      </c>
      <c r="J13630" t="s">
        <v>69315</v>
      </c>
    </row>
    <row r="13631" spans="1:10" x14ac:dyDescent="0.25">
      <c r="A13631" t="s">
        <v>6885</v>
      </c>
      <c r="B13631" t="s">
        <v>6886</v>
      </c>
      <c r="C13631" t="s">
        <v>6887</v>
      </c>
      <c r="D13631" t="s">
        <v>6506</v>
      </c>
      <c r="E13631" t="s">
        <v>13</v>
      </c>
      <c r="F13631">
        <v>451</v>
      </c>
      <c r="G13631" t="s">
        <v>6888</v>
      </c>
      <c r="H13631">
        <v>6.5647600415599996</v>
      </c>
      <c r="I13631">
        <v>53.034737831854997</v>
      </c>
      <c r="J13631" t="s">
        <v>69316</v>
      </c>
    </row>
    <row r="13632" spans="1:10" x14ac:dyDescent="0.25">
      <c r="A13632" t="s">
        <v>6881</v>
      </c>
      <c r="B13632" t="s">
        <v>6882</v>
      </c>
      <c r="C13632" t="s">
        <v>6883</v>
      </c>
      <c r="D13632" t="s">
        <v>6506</v>
      </c>
      <c r="E13632" t="s">
        <v>13</v>
      </c>
      <c r="F13632">
        <v>450</v>
      </c>
      <c r="G13632" t="s">
        <v>6884</v>
      </c>
      <c r="H13632">
        <v>6.5620244108770001</v>
      </c>
      <c r="I13632">
        <v>53.049251066281002</v>
      </c>
      <c r="J13632" t="s">
        <v>69317</v>
      </c>
    </row>
    <row r="13633" spans="1:10" x14ac:dyDescent="0.25">
      <c r="A13633" t="s">
        <v>6877</v>
      </c>
      <c r="B13633" t="s">
        <v>6878</v>
      </c>
      <c r="C13633" t="s">
        <v>6879</v>
      </c>
      <c r="D13633" t="s">
        <v>6506</v>
      </c>
      <c r="E13633" t="s">
        <v>13</v>
      </c>
      <c r="F13633">
        <v>449</v>
      </c>
      <c r="G13633" t="s">
        <v>6880</v>
      </c>
      <c r="H13633">
        <v>6.572607801797</v>
      </c>
      <c r="I13633">
        <v>53.046741239573002</v>
      </c>
      <c r="J13633" t="s">
        <v>69318</v>
      </c>
    </row>
    <row r="13634" spans="1:10" x14ac:dyDescent="0.25">
      <c r="A13634" t="s">
        <v>6873</v>
      </c>
      <c r="B13634" t="s">
        <v>6874</v>
      </c>
      <c r="C13634" t="s">
        <v>6875</v>
      </c>
      <c r="D13634" t="s">
        <v>6506</v>
      </c>
      <c r="E13634" t="s">
        <v>13</v>
      </c>
      <c r="F13634">
        <v>448</v>
      </c>
      <c r="G13634" t="s">
        <v>6876</v>
      </c>
      <c r="H13634">
        <v>6.589000633795</v>
      </c>
      <c r="I13634">
        <v>53.050341761683001</v>
      </c>
      <c r="J13634" t="s">
        <v>69319</v>
      </c>
    </row>
    <row r="13635" spans="1:10" x14ac:dyDescent="0.25">
      <c r="A13635" t="s">
        <v>6869</v>
      </c>
      <c r="B13635" t="s">
        <v>6870</v>
      </c>
      <c r="C13635" t="s">
        <v>6871</v>
      </c>
      <c r="D13635" t="s">
        <v>6506</v>
      </c>
      <c r="E13635" t="s">
        <v>13</v>
      </c>
      <c r="F13635">
        <v>447</v>
      </c>
      <c r="G13635" t="s">
        <v>6872</v>
      </c>
      <c r="H13635">
        <v>6.594024966728</v>
      </c>
      <c r="I13635">
        <v>53.036327717593998</v>
      </c>
      <c r="J13635" t="s">
        <v>69320</v>
      </c>
    </row>
    <row r="13636" spans="1:10" x14ac:dyDescent="0.25">
      <c r="A13636" t="s">
        <v>6865</v>
      </c>
      <c r="B13636" t="s">
        <v>6866</v>
      </c>
      <c r="C13636" t="s">
        <v>6867</v>
      </c>
      <c r="D13636" t="s">
        <v>6506</v>
      </c>
      <c r="E13636" t="s">
        <v>13</v>
      </c>
      <c r="F13636">
        <v>446</v>
      </c>
      <c r="G13636" t="s">
        <v>6868</v>
      </c>
      <c r="H13636">
        <v>6.6142236359200002</v>
      </c>
      <c r="I13636">
        <v>53.018998120760003</v>
      </c>
      <c r="J13636" t="s">
        <v>69321</v>
      </c>
    </row>
    <row r="13637" spans="1:10" x14ac:dyDescent="0.25">
      <c r="A13637" t="s">
        <v>6861</v>
      </c>
      <c r="B13637" t="s">
        <v>6862</v>
      </c>
      <c r="C13637" t="s">
        <v>6863</v>
      </c>
      <c r="D13637" t="s">
        <v>6506</v>
      </c>
      <c r="E13637" t="s">
        <v>13</v>
      </c>
      <c r="F13637">
        <v>445</v>
      </c>
      <c r="G13637" t="s">
        <v>6864</v>
      </c>
      <c r="H13637">
        <v>6.6127116344930004</v>
      </c>
      <c r="I13637">
        <v>53.012345407685999</v>
      </c>
      <c r="J13637" t="s">
        <v>69322</v>
      </c>
    </row>
    <row r="13638" spans="1:10" x14ac:dyDescent="0.25">
      <c r="A13638" t="s">
        <v>6857</v>
      </c>
      <c r="B13638" t="s">
        <v>6858</v>
      </c>
      <c r="C13638" t="s">
        <v>6859</v>
      </c>
      <c r="D13638" t="s">
        <v>6506</v>
      </c>
      <c r="E13638" t="s">
        <v>13</v>
      </c>
      <c r="F13638">
        <v>444</v>
      </c>
      <c r="G13638" t="s">
        <v>6860</v>
      </c>
      <c r="H13638">
        <v>6.4979757803389999</v>
      </c>
      <c r="I13638">
        <v>52.999723830112998</v>
      </c>
      <c r="J13638" t="s">
        <v>69323</v>
      </c>
    </row>
    <row r="13639" spans="1:10" x14ac:dyDescent="0.25">
      <c r="A13639" t="s">
        <v>6853</v>
      </c>
      <c r="B13639" t="s">
        <v>6854</v>
      </c>
      <c r="C13639" t="s">
        <v>6855</v>
      </c>
      <c r="D13639" t="s">
        <v>6506</v>
      </c>
      <c r="E13639" t="s">
        <v>13</v>
      </c>
      <c r="F13639">
        <v>443</v>
      </c>
      <c r="G13639" t="s">
        <v>6856</v>
      </c>
      <c r="H13639">
        <v>6.5098461835229999</v>
      </c>
      <c r="I13639">
        <v>53.008715372079003</v>
      </c>
      <c r="J13639" t="s">
        <v>69324</v>
      </c>
    </row>
    <row r="13640" spans="1:10" x14ac:dyDescent="0.25">
      <c r="A13640" t="s">
        <v>6849</v>
      </c>
      <c r="B13640" t="s">
        <v>6850</v>
      </c>
      <c r="C13640" t="s">
        <v>6851</v>
      </c>
      <c r="D13640" t="s">
        <v>6506</v>
      </c>
      <c r="E13640" t="s">
        <v>13</v>
      </c>
      <c r="F13640">
        <v>442</v>
      </c>
      <c r="G13640" t="s">
        <v>6852</v>
      </c>
      <c r="H13640">
        <v>6.5178440681990004</v>
      </c>
      <c r="I13640">
        <v>53.007309636686998</v>
      </c>
      <c r="J13640" t="s">
        <v>69325</v>
      </c>
    </row>
    <row r="13641" spans="1:10" x14ac:dyDescent="0.25">
      <c r="A13641" t="s">
        <v>6845</v>
      </c>
      <c r="B13641" t="s">
        <v>6846</v>
      </c>
      <c r="C13641" t="s">
        <v>6847</v>
      </c>
      <c r="D13641" t="s">
        <v>6506</v>
      </c>
      <c r="E13641" t="s">
        <v>13</v>
      </c>
      <c r="F13641">
        <v>441</v>
      </c>
      <c r="G13641" t="s">
        <v>6848</v>
      </c>
      <c r="H13641">
        <v>6.5279141016209996</v>
      </c>
      <c r="I13641">
        <v>53.007680192496998</v>
      </c>
      <c r="J13641" t="s">
        <v>69326</v>
      </c>
    </row>
    <row r="13642" spans="1:10" x14ac:dyDescent="0.25">
      <c r="A13642" t="s">
        <v>6841</v>
      </c>
      <c r="B13642" t="s">
        <v>6842</v>
      </c>
      <c r="C13642" t="s">
        <v>6843</v>
      </c>
      <c r="D13642" t="s">
        <v>6506</v>
      </c>
      <c r="E13642" t="s">
        <v>13</v>
      </c>
      <c r="F13642">
        <v>440</v>
      </c>
      <c r="G13642" t="s">
        <v>6844</v>
      </c>
      <c r="H13642">
        <v>6.535474993027</v>
      </c>
      <c r="I13642">
        <v>53.006619742140003</v>
      </c>
      <c r="J13642" t="s">
        <v>69327</v>
      </c>
    </row>
    <row r="13643" spans="1:10" x14ac:dyDescent="0.25">
      <c r="A13643" t="s">
        <v>6837</v>
      </c>
      <c r="B13643" t="s">
        <v>6838</v>
      </c>
      <c r="C13643" t="s">
        <v>6839</v>
      </c>
      <c r="D13643" t="s">
        <v>6506</v>
      </c>
      <c r="E13643" t="s">
        <v>13</v>
      </c>
      <c r="F13643">
        <v>439</v>
      </c>
      <c r="G13643" t="s">
        <v>6840</v>
      </c>
      <c r="H13643">
        <v>6.5237625431139996</v>
      </c>
      <c r="I13643">
        <v>52.999436482771998</v>
      </c>
      <c r="J13643" t="s">
        <v>69328</v>
      </c>
    </row>
    <row r="13644" spans="1:10" x14ac:dyDescent="0.25">
      <c r="A13644" t="s">
        <v>6833</v>
      </c>
      <c r="B13644" t="s">
        <v>6834</v>
      </c>
      <c r="C13644" t="s">
        <v>6835</v>
      </c>
      <c r="D13644" t="s">
        <v>6506</v>
      </c>
      <c r="E13644" t="s">
        <v>13</v>
      </c>
      <c r="F13644">
        <v>438</v>
      </c>
      <c r="G13644" t="s">
        <v>6836</v>
      </c>
      <c r="H13644">
        <v>6.5223058830219998</v>
      </c>
      <c r="I13644">
        <v>52.99374749962</v>
      </c>
      <c r="J13644" t="s">
        <v>69329</v>
      </c>
    </row>
    <row r="13645" spans="1:10" x14ac:dyDescent="0.25">
      <c r="A13645" t="s">
        <v>6830</v>
      </c>
      <c r="B13645" t="s">
        <v>6831</v>
      </c>
      <c r="C13645" t="s">
        <v>1264</v>
      </c>
      <c r="D13645" t="s">
        <v>6506</v>
      </c>
      <c r="E13645" t="s">
        <v>13</v>
      </c>
      <c r="F13645">
        <v>437</v>
      </c>
      <c r="G13645" t="s">
        <v>6832</v>
      </c>
      <c r="H13645">
        <v>6.5150444968699999</v>
      </c>
      <c r="I13645">
        <v>52.994087400943997</v>
      </c>
      <c r="J13645" t="s">
        <v>69330</v>
      </c>
    </row>
    <row r="13646" spans="1:10" x14ac:dyDescent="0.25">
      <c r="A13646" t="s">
        <v>6827</v>
      </c>
      <c r="B13646" t="s">
        <v>6828</v>
      </c>
      <c r="C13646" t="s">
        <v>1260</v>
      </c>
      <c r="D13646" t="s">
        <v>6506</v>
      </c>
      <c r="E13646" t="s">
        <v>13</v>
      </c>
      <c r="F13646">
        <v>436</v>
      </c>
      <c r="G13646" t="s">
        <v>6829</v>
      </c>
      <c r="H13646">
        <v>6.5089939167280004</v>
      </c>
      <c r="I13646">
        <v>52.993245728483998</v>
      </c>
      <c r="J13646" t="s">
        <v>69331</v>
      </c>
    </row>
    <row r="13647" spans="1:10" x14ac:dyDescent="0.25">
      <c r="A13647" t="s">
        <v>6823</v>
      </c>
      <c r="B13647" t="s">
        <v>6824</v>
      </c>
      <c r="C13647" t="s">
        <v>6825</v>
      </c>
      <c r="D13647" t="s">
        <v>6506</v>
      </c>
      <c r="E13647" t="s">
        <v>13</v>
      </c>
      <c r="F13647">
        <v>435</v>
      </c>
      <c r="G13647" t="s">
        <v>6826</v>
      </c>
      <c r="H13647">
        <v>6.5075434113649999</v>
      </c>
      <c r="I13647">
        <v>52.996336716046997</v>
      </c>
      <c r="J13647" t="s">
        <v>69332</v>
      </c>
    </row>
    <row r="13648" spans="1:10" x14ac:dyDescent="0.25">
      <c r="A13648" t="s">
        <v>6819</v>
      </c>
      <c r="B13648" t="s">
        <v>6820</v>
      </c>
      <c r="C13648" t="s">
        <v>6821</v>
      </c>
      <c r="D13648" t="s">
        <v>6506</v>
      </c>
      <c r="E13648" t="s">
        <v>13</v>
      </c>
      <c r="F13648">
        <v>434</v>
      </c>
      <c r="G13648" t="s">
        <v>6822</v>
      </c>
      <c r="H13648">
        <v>6.5051242458429996</v>
      </c>
      <c r="I13648">
        <v>53.000055787473997</v>
      </c>
      <c r="J13648" t="s">
        <v>69333</v>
      </c>
    </row>
    <row r="13649" spans="1:10" x14ac:dyDescent="0.25">
      <c r="A13649" t="s">
        <v>6815</v>
      </c>
      <c r="B13649" t="s">
        <v>6816</v>
      </c>
      <c r="C13649" t="s">
        <v>6817</v>
      </c>
      <c r="D13649" t="s">
        <v>6506</v>
      </c>
      <c r="E13649" t="s">
        <v>13</v>
      </c>
      <c r="F13649">
        <v>433</v>
      </c>
      <c r="G13649" t="s">
        <v>6818</v>
      </c>
      <c r="H13649">
        <v>6.5047076151379999</v>
      </c>
      <c r="I13649">
        <v>53.004374306382999</v>
      </c>
      <c r="J13649" t="s">
        <v>69334</v>
      </c>
    </row>
    <row r="13650" spans="1:10" x14ac:dyDescent="0.25">
      <c r="A13650" t="s">
        <v>6811</v>
      </c>
      <c r="B13650" t="s">
        <v>6812</v>
      </c>
      <c r="C13650" t="s">
        <v>6813</v>
      </c>
      <c r="D13650" t="s">
        <v>6506</v>
      </c>
      <c r="E13650" t="s">
        <v>13</v>
      </c>
      <c r="F13650">
        <v>432</v>
      </c>
      <c r="G13650" t="s">
        <v>6814</v>
      </c>
      <c r="H13650">
        <v>6.5110405943589997</v>
      </c>
      <c r="I13650">
        <v>53.006019437281999</v>
      </c>
      <c r="J13650" t="s">
        <v>69335</v>
      </c>
    </row>
    <row r="13651" spans="1:10" x14ac:dyDescent="0.25">
      <c r="A13651" t="s">
        <v>6807</v>
      </c>
      <c r="B13651" t="s">
        <v>6808</v>
      </c>
      <c r="C13651" t="s">
        <v>6809</v>
      </c>
      <c r="D13651" t="s">
        <v>6506</v>
      </c>
      <c r="E13651" t="s">
        <v>13</v>
      </c>
      <c r="F13651">
        <v>431</v>
      </c>
      <c r="G13651" t="s">
        <v>6810</v>
      </c>
      <c r="H13651">
        <v>6.5121376827119999</v>
      </c>
      <c r="I13651">
        <v>53.003302794233001</v>
      </c>
      <c r="J13651" t="s">
        <v>69336</v>
      </c>
    </row>
    <row r="13652" spans="1:10" x14ac:dyDescent="0.25">
      <c r="A13652" t="s">
        <v>6803</v>
      </c>
      <c r="B13652" t="s">
        <v>6804</v>
      </c>
      <c r="C13652" t="s">
        <v>6805</v>
      </c>
      <c r="D13652" t="s">
        <v>6506</v>
      </c>
      <c r="E13652" t="s">
        <v>13</v>
      </c>
      <c r="F13652">
        <v>430</v>
      </c>
      <c r="G13652" t="s">
        <v>6806</v>
      </c>
      <c r="H13652">
        <v>6.5196460269129997</v>
      </c>
      <c r="I13652">
        <v>53.001507465951001</v>
      </c>
      <c r="J13652" t="s">
        <v>69337</v>
      </c>
    </row>
    <row r="13653" spans="1:10" x14ac:dyDescent="0.25">
      <c r="A13653" t="s">
        <v>6799</v>
      </c>
      <c r="B13653" t="s">
        <v>6800</v>
      </c>
      <c r="C13653" t="s">
        <v>6801</v>
      </c>
      <c r="D13653" t="s">
        <v>6506</v>
      </c>
      <c r="E13653" t="s">
        <v>13</v>
      </c>
      <c r="F13653">
        <v>429</v>
      </c>
      <c r="G13653" t="s">
        <v>6802</v>
      </c>
      <c r="H13653">
        <v>6.5154919880669997</v>
      </c>
      <c r="I13653">
        <v>52.997335624607999</v>
      </c>
      <c r="J13653" t="s">
        <v>69338</v>
      </c>
    </row>
    <row r="13654" spans="1:10" x14ac:dyDescent="0.25">
      <c r="A13654" t="s">
        <v>6795</v>
      </c>
      <c r="B13654" t="s">
        <v>6796</v>
      </c>
      <c r="C13654" t="s">
        <v>6797</v>
      </c>
      <c r="D13654" t="s">
        <v>6506</v>
      </c>
      <c r="E13654" t="s">
        <v>13</v>
      </c>
      <c r="F13654">
        <v>428</v>
      </c>
      <c r="G13654" t="s">
        <v>6798</v>
      </c>
      <c r="H13654">
        <v>6.5092113259989999</v>
      </c>
      <c r="I13654">
        <v>52.999720760769002</v>
      </c>
      <c r="J13654" t="s">
        <v>69339</v>
      </c>
    </row>
    <row r="13655" spans="1:10" x14ac:dyDescent="0.25">
      <c r="A13655" t="s">
        <v>6791</v>
      </c>
      <c r="B13655" t="s">
        <v>6792</v>
      </c>
      <c r="C13655" t="s">
        <v>6793</v>
      </c>
      <c r="D13655" t="s">
        <v>6506</v>
      </c>
      <c r="E13655" t="s">
        <v>13</v>
      </c>
      <c r="F13655">
        <v>427</v>
      </c>
      <c r="G13655" t="s">
        <v>6794</v>
      </c>
      <c r="H13655">
        <v>6.5142912523209997</v>
      </c>
      <c r="I13655">
        <v>53.000358327207003</v>
      </c>
      <c r="J13655" t="s">
        <v>69340</v>
      </c>
    </row>
    <row r="13656" spans="1:10" x14ac:dyDescent="0.25">
      <c r="A13656" t="s">
        <v>6787</v>
      </c>
      <c r="B13656" t="s">
        <v>6788</v>
      </c>
      <c r="C13656" t="s">
        <v>6789</v>
      </c>
      <c r="D13656" t="s">
        <v>6506</v>
      </c>
      <c r="E13656" t="s">
        <v>13</v>
      </c>
      <c r="F13656">
        <v>426</v>
      </c>
      <c r="G13656" t="s">
        <v>6790</v>
      </c>
      <c r="H13656">
        <v>6.5796915915799996</v>
      </c>
      <c r="I13656">
        <v>53.000962615966998</v>
      </c>
      <c r="J13656" t="s">
        <v>69341</v>
      </c>
    </row>
    <row r="13657" spans="1:10" x14ac:dyDescent="0.25">
      <c r="A13657" t="s">
        <v>6783</v>
      </c>
      <c r="B13657" t="s">
        <v>6784</v>
      </c>
      <c r="C13657" t="s">
        <v>6785</v>
      </c>
      <c r="D13657" t="s">
        <v>6506</v>
      </c>
      <c r="E13657" t="s">
        <v>13</v>
      </c>
      <c r="F13657">
        <v>425</v>
      </c>
      <c r="G13657" t="s">
        <v>6786</v>
      </c>
      <c r="H13657">
        <v>6.5784456083520002</v>
      </c>
      <c r="I13657">
        <v>53.003395696582999</v>
      </c>
      <c r="J13657" t="s">
        <v>69342</v>
      </c>
    </row>
    <row r="13658" spans="1:10" x14ac:dyDescent="0.25">
      <c r="A13658" t="s">
        <v>6779</v>
      </c>
      <c r="B13658" t="s">
        <v>6780</v>
      </c>
      <c r="C13658" t="s">
        <v>6781</v>
      </c>
      <c r="D13658" t="s">
        <v>6506</v>
      </c>
      <c r="E13658" t="s">
        <v>13</v>
      </c>
      <c r="F13658">
        <v>424</v>
      </c>
      <c r="G13658" t="s">
        <v>6782</v>
      </c>
      <c r="H13658">
        <v>6.5919604012260002</v>
      </c>
      <c r="I13658">
        <v>53.008896355112</v>
      </c>
      <c r="J13658" t="s">
        <v>69343</v>
      </c>
    </row>
    <row r="13659" spans="1:10" x14ac:dyDescent="0.25">
      <c r="A13659" t="s">
        <v>6775</v>
      </c>
      <c r="B13659" t="s">
        <v>6776</v>
      </c>
      <c r="C13659" t="s">
        <v>6777</v>
      </c>
      <c r="D13659" t="s">
        <v>6506</v>
      </c>
      <c r="E13659" t="s">
        <v>13</v>
      </c>
      <c r="F13659">
        <v>423</v>
      </c>
      <c r="G13659" t="s">
        <v>6778</v>
      </c>
      <c r="H13659">
        <v>6.5777259724660002</v>
      </c>
      <c r="I13659">
        <v>53.007534172545</v>
      </c>
      <c r="J13659" t="s">
        <v>69344</v>
      </c>
    </row>
    <row r="13660" spans="1:10" x14ac:dyDescent="0.25">
      <c r="A13660" t="s">
        <v>6771</v>
      </c>
      <c r="B13660" t="s">
        <v>6772</v>
      </c>
      <c r="C13660" t="s">
        <v>6773</v>
      </c>
      <c r="D13660" t="s">
        <v>6506</v>
      </c>
      <c r="E13660" t="s">
        <v>13</v>
      </c>
      <c r="F13660">
        <v>422</v>
      </c>
      <c r="G13660" t="s">
        <v>6774</v>
      </c>
      <c r="H13660">
        <v>6.5710454041090003</v>
      </c>
      <c r="I13660">
        <v>53.006864355600001</v>
      </c>
      <c r="J13660" t="s">
        <v>69345</v>
      </c>
    </row>
    <row r="13661" spans="1:10" x14ac:dyDescent="0.25">
      <c r="A13661" t="s">
        <v>6767</v>
      </c>
      <c r="B13661" t="s">
        <v>6768</v>
      </c>
      <c r="C13661" t="s">
        <v>6769</v>
      </c>
      <c r="D13661" t="s">
        <v>6506</v>
      </c>
      <c r="E13661" t="s">
        <v>13</v>
      </c>
      <c r="F13661">
        <v>421</v>
      </c>
      <c r="G13661" t="s">
        <v>6770</v>
      </c>
      <c r="H13661">
        <v>6.5778136950770003</v>
      </c>
      <c r="I13661">
        <v>53.012197391439997</v>
      </c>
      <c r="J13661" t="s">
        <v>69346</v>
      </c>
    </row>
    <row r="13662" spans="1:10" x14ac:dyDescent="0.25">
      <c r="A13662" t="s">
        <v>6763</v>
      </c>
      <c r="B13662" t="s">
        <v>6764</v>
      </c>
      <c r="C13662" t="s">
        <v>6765</v>
      </c>
      <c r="D13662" t="s">
        <v>6506</v>
      </c>
      <c r="E13662" t="s">
        <v>13</v>
      </c>
      <c r="F13662">
        <v>420</v>
      </c>
      <c r="G13662" t="s">
        <v>6766</v>
      </c>
      <c r="H13662">
        <v>6.5860928669219998</v>
      </c>
      <c r="I13662">
        <v>53.014645265887999</v>
      </c>
      <c r="J13662" t="s">
        <v>69347</v>
      </c>
    </row>
    <row r="13663" spans="1:10" x14ac:dyDescent="0.25">
      <c r="A13663" t="s">
        <v>6759</v>
      </c>
      <c r="B13663" t="s">
        <v>6760</v>
      </c>
      <c r="C13663" t="s">
        <v>6761</v>
      </c>
      <c r="D13663" t="s">
        <v>6506</v>
      </c>
      <c r="E13663" t="s">
        <v>13</v>
      </c>
      <c r="F13663">
        <v>419</v>
      </c>
      <c r="G13663" t="s">
        <v>6762</v>
      </c>
      <c r="H13663">
        <v>6.5957719537069996</v>
      </c>
      <c r="I13663">
        <v>53.015096450099001</v>
      </c>
      <c r="J13663" t="s">
        <v>69348</v>
      </c>
    </row>
    <row r="13664" spans="1:10" x14ac:dyDescent="0.25">
      <c r="A13664" t="s">
        <v>6755</v>
      </c>
      <c r="B13664" t="s">
        <v>6756</v>
      </c>
      <c r="C13664" t="s">
        <v>6757</v>
      </c>
      <c r="D13664" t="s">
        <v>6506</v>
      </c>
      <c r="E13664" t="s">
        <v>13</v>
      </c>
      <c r="F13664">
        <v>418</v>
      </c>
      <c r="G13664" t="s">
        <v>6758</v>
      </c>
      <c r="H13664">
        <v>6.5932368741429999</v>
      </c>
      <c r="I13664">
        <v>53.018751508314999</v>
      </c>
      <c r="J13664" t="s">
        <v>69349</v>
      </c>
    </row>
    <row r="13665" spans="1:10" x14ac:dyDescent="0.25">
      <c r="A13665" t="s">
        <v>6751</v>
      </c>
      <c r="B13665" t="s">
        <v>6752</v>
      </c>
      <c r="C13665" t="s">
        <v>6753</v>
      </c>
      <c r="D13665" t="s">
        <v>6506</v>
      </c>
      <c r="E13665" t="s">
        <v>13</v>
      </c>
      <c r="F13665">
        <v>417</v>
      </c>
      <c r="G13665" t="s">
        <v>6754</v>
      </c>
      <c r="H13665">
        <v>6.5881704641169998</v>
      </c>
      <c r="I13665">
        <v>53.017745151249002</v>
      </c>
      <c r="J13665" t="s">
        <v>69350</v>
      </c>
    </row>
    <row r="13666" spans="1:10" x14ac:dyDescent="0.25">
      <c r="A13666" t="s">
        <v>6747</v>
      </c>
      <c r="B13666" t="s">
        <v>6748</v>
      </c>
      <c r="C13666" t="s">
        <v>6749</v>
      </c>
      <c r="D13666" t="s">
        <v>6506</v>
      </c>
      <c r="E13666" t="s">
        <v>13</v>
      </c>
      <c r="F13666">
        <v>416</v>
      </c>
      <c r="G13666" t="s">
        <v>6750</v>
      </c>
      <c r="H13666">
        <v>6.5802463374949998</v>
      </c>
      <c r="I13666">
        <v>53.017914269089999</v>
      </c>
      <c r="J13666" t="s">
        <v>69351</v>
      </c>
    </row>
    <row r="13667" spans="1:10" x14ac:dyDescent="0.25">
      <c r="A13667" t="s">
        <v>6744</v>
      </c>
      <c r="B13667" t="s">
        <v>6745</v>
      </c>
      <c r="C13667" t="s">
        <v>703</v>
      </c>
      <c r="D13667" t="s">
        <v>6506</v>
      </c>
      <c r="E13667" t="s">
        <v>13</v>
      </c>
      <c r="F13667">
        <v>415</v>
      </c>
      <c r="G13667" t="s">
        <v>6746</v>
      </c>
      <c r="H13667">
        <v>6.5756994311349999</v>
      </c>
      <c r="I13667">
        <v>53.015473934467998</v>
      </c>
      <c r="J13667" t="s">
        <v>69352</v>
      </c>
    </row>
    <row r="13668" spans="1:10" x14ac:dyDescent="0.25">
      <c r="A13668" t="s">
        <v>6740</v>
      </c>
      <c r="B13668" t="s">
        <v>6741</v>
      </c>
      <c r="C13668" t="s">
        <v>6742</v>
      </c>
      <c r="D13668" t="s">
        <v>6506</v>
      </c>
      <c r="E13668" t="s">
        <v>13</v>
      </c>
      <c r="F13668">
        <v>414</v>
      </c>
      <c r="G13668" t="s">
        <v>6743</v>
      </c>
      <c r="H13668">
        <v>6.5775084942389999</v>
      </c>
      <c r="I13668">
        <v>53.020650811491997</v>
      </c>
      <c r="J13668" t="s">
        <v>69353</v>
      </c>
    </row>
    <row r="13669" spans="1:10" x14ac:dyDescent="0.25">
      <c r="A13669" t="s">
        <v>6737</v>
      </c>
      <c r="B13669" t="s">
        <v>6738</v>
      </c>
      <c r="C13669" t="s">
        <v>4875</v>
      </c>
      <c r="D13669" t="s">
        <v>6506</v>
      </c>
      <c r="E13669" t="s">
        <v>13</v>
      </c>
      <c r="F13669">
        <v>413</v>
      </c>
      <c r="G13669" t="s">
        <v>6739</v>
      </c>
      <c r="H13669">
        <v>6.5861342097630002</v>
      </c>
      <c r="I13669">
        <v>53.021661221046998</v>
      </c>
      <c r="J13669" t="s">
        <v>69354</v>
      </c>
    </row>
    <row r="13670" spans="1:10" x14ac:dyDescent="0.25">
      <c r="A13670" t="s">
        <v>6733</v>
      </c>
      <c r="B13670" t="s">
        <v>6734</v>
      </c>
      <c r="C13670" t="s">
        <v>6735</v>
      </c>
      <c r="D13670" t="s">
        <v>6506</v>
      </c>
      <c r="E13670" t="s">
        <v>13</v>
      </c>
      <c r="F13670">
        <v>412</v>
      </c>
      <c r="G13670" t="s">
        <v>6736</v>
      </c>
      <c r="H13670">
        <v>6.5922378475040002</v>
      </c>
      <c r="I13670">
        <v>53.022149315255</v>
      </c>
      <c r="J13670" t="s">
        <v>69355</v>
      </c>
    </row>
    <row r="13671" spans="1:10" x14ac:dyDescent="0.25">
      <c r="A13671" t="s">
        <v>6729</v>
      </c>
      <c r="B13671" t="s">
        <v>6730</v>
      </c>
      <c r="C13671" t="s">
        <v>6731</v>
      </c>
      <c r="D13671" t="s">
        <v>6506</v>
      </c>
      <c r="E13671" t="s">
        <v>13</v>
      </c>
      <c r="F13671">
        <v>411</v>
      </c>
      <c r="G13671" t="s">
        <v>6732</v>
      </c>
      <c r="H13671">
        <v>6.5984456777449996</v>
      </c>
      <c r="I13671">
        <v>53.021211369966998</v>
      </c>
      <c r="J13671" t="s">
        <v>69356</v>
      </c>
    </row>
    <row r="13672" spans="1:10" x14ac:dyDescent="0.25">
      <c r="A13672" t="s">
        <v>6725</v>
      </c>
      <c r="B13672" t="s">
        <v>6726</v>
      </c>
      <c r="C13672" t="s">
        <v>6727</v>
      </c>
      <c r="D13672" t="s">
        <v>6506</v>
      </c>
      <c r="E13672" t="s">
        <v>13</v>
      </c>
      <c r="F13672">
        <v>410</v>
      </c>
      <c r="G13672" t="s">
        <v>6728</v>
      </c>
      <c r="H13672">
        <v>6.5970706128560002</v>
      </c>
      <c r="I13672">
        <v>53.025716800361998</v>
      </c>
      <c r="J13672" t="s">
        <v>69357</v>
      </c>
    </row>
    <row r="13673" spans="1:10" x14ac:dyDescent="0.25">
      <c r="A13673" t="s">
        <v>6721</v>
      </c>
      <c r="B13673" t="s">
        <v>6722</v>
      </c>
      <c r="C13673" t="s">
        <v>6723</v>
      </c>
      <c r="D13673" t="s">
        <v>6506</v>
      </c>
      <c r="E13673" t="s">
        <v>13</v>
      </c>
      <c r="F13673">
        <v>409</v>
      </c>
      <c r="G13673" t="s">
        <v>6724</v>
      </c>
      <c r="H13673">
        <v>6.5790647979130004</v>
      </c>
      <c r="I13673">
        <v>53.026583071315002</v>
      </c>
      <c r="J13673" t="s">
        <v>69358</v>
      </c>
    </row>
    <row r="13674" spans="1:10" x14ac:dyDescent="0.25">
      <c r="A13674" t="s">
        <v>6717</v>
      </c>
      <c r="B13674" t="s">
        <v>6718</v>
      </c>
      <c r="C13674" t="s">
        <v>6719</v>
      </c>
      <c r="D13674" t="s">
        <v>6506</v>
      </c>
      <c r="E13674" t="s">
        <v>13</v>
      </c>
      <c r="F13674">
        <v>408</v>
      </c>
      <c r="G13674" t="s">
        <v>6720</v>
      </c>
      <c r="H13674">
        <v>6.5640850046940002</v>
      </c>
      <c r="I13674">
        <v>53.024280495451997</v>
      </c>
      <c r="J13674" t="s">
        <v>69359</v>
      </c>
    </row>
    <row r="13675" spans="1:10" x14ac:dyDescent="0.25">
      <c r="A13675" t="s">
        <v>6713</v>
      </c>
      <c r="B13675" t="s">
        <v>6714</v>
      </c>
      <c r="C13675" t="s">
        <v>6715</v>
      </c>
      <c r="D13675" t="s">
        <v>6506</v>
      </c>
      <c r="E13675" t="s">
        <v>13</v>
      </c>
      <c r="F13675">
        <v>407</v>
      </c>
      <c r="G13675" t="s">
        <v>6716</v>
      </c>
      <c r="H13675">
        <v>6.5684108881669996</v>
      </c>
      <c r="I13675">
        <v>53.016781095824001</v>
      </c>
      <c r="J13675" t="s">
        <v>69360</v>
      </c>
    </row>
    <row r="13676" spans="1:10" x14ac:dyDescent="0.25">
      <c r="A13676" t="s">
        <v>6709</v>
      </c>
      <c r="B13676" t="s">
        <v>6710</v>
      </c>
      <c r="C13676" t="s">
        <v>6711</v>
      </c>
      <c r="D13676" t="s">
        <v>6506</v>
      </c>
      <c r="E13676" t="s">
        <v>13</v>
      </c>
      <c r="F13676">
        <v>406</v>
      </c>
      <c r="G13676" t="s">
        <v>6712</v>
      </c>
      <c r="H13676">
        <v>6.5630437909939996</v>
      </c>
      <c r="I13676">
        <v>53.017575397610997</v>
      </c>
      <c r="J13676" t="s">
        <v>69361</v>
      </c>
    </row>
    <row r="13677" spans="1:10" x14ac:dyDescent="0.25">
      <c r="A13677" t="s">
        <v>6705</v>
      </c>
      <c r="B13677" t="s">
        <v>6706</v>
      </c>
      <c r="C13677" t="s">
        <v>6707</v>
      </c>
      <c r="D13677" t="s">
        <v>6506</v>
      </c>
      <c r="E13677" t="s">
        <v>13</v>
      </c>
      <c r="F13677">
        <v>405</v>
      </c>
      <c r="G13677" t="s">
        <v>6708</v>
      </c>
      <c r="H13677">
        <v>6.5551109401660002</v>
      </c>
      <c r="I13677">
        <v>53.018965994441999</v>
      </c>
      <c r="J13677" t="s">
        <v>69362</v>
      </c>
    </row>
    <row r="13678" spans="1:10" x14ac:dyDescent="0.25">
      <c r="A13678" t="s">
        <v>6701</v>
      </c>
      <c r="B13678" t="s">
        <v>6702</v>
      </c>
      <c r="C13678" t="s">
        <v>6703</v>
      </c>
      <c r="D13678" t="s">
        <v>6506</v>
      </c>
      <c r="E13678" t="s">
        <v>13</v>
      </c>
      <c r="F13678">
        <v>404</v>
      </c>
      <c r="G13678" t="s">
        <v>6704</v>
      </c>
      <c r="H13678">
        <v>6.5561637656040004</v>
      </c>
      <c r="I13678">
        <v>53.014689988881997</v>
      </c>
      <c r="J13678" t="s">
        <v>69363</v>
      </c>
    </row>
    <row r="13679" spans="1:10" x14ac:dyDescent="0.25">
      <c r="A13679" t="s">
        <v>6697</v>
      </c>
      <c r="B13679" t="s">
        <v>6698</v>
      </c>
      <c r="C13679" t="s">
        <v>6699</v>
      </c>
      <c r="D13679" t="s">
        <v>6506</v>
      </c>
      <c r="E13679" t="s">
        <v>13</v>
      </c>
      <c r="F13679">
        <v>403</v>
      </c>
      <c r="G13679" t="s">
        <v>6700</v>
      </c>
      <c r="H13679">
        <v>6.5448157646459997</v>
      </c>
      <c r="I13679">
        <v>52.982683222025003</v>
      </c>
      <c r="J13679" t="s">
        <v>69364</v>
      </c>
    </row>
    <row r="13680" spans="1:10" x14ac:dyDescent="0.25">
      <c r="A13680" t="s">
        <v>6693</v>
      </c>
      <c r="B13680" t="s">
        <v>6694</v>
      </c>
      <c r="C13680" t="s">
        <v>6695</v>
      </c>
      <c r="D13680" t="s">
        <v>6506</v>
      </c>
      <c r="E13680" t="s">
        <v>13</v>
      </c>
      <c r="F13680">
        <v>402</v>
      </c>
      <c r="G13680" t="s">
        <v>6696</v>
      </c>
      <c r="H13680">
        <v>6.5407861535369998</v>
      </c>
      <c r="I13680">
        <v>52.987824434347999</v>
      </c>
      <c r="J13680" t="s">
        <v>69365</v>
      </c>
    </row>
    <row r="13681" spans="1:10" x14ac:dyDescent="0.25">
      <c r="A13681" t="s">
        <v>6689</v>
      </c>
      <c r="B13681" t="s">
        <v>6690</v>
      </c>
      <c r="C13681" t="s">
        <v>6691</v>
      </c>
      <c r="D13681" t="s">
        <v>6506</v>
      </c>
      <c r="E13681" t="s">
        <v>13</v>
      </c>
      <c r="F13681">
        <v>401</v>
      </c>
      <c r="G13681" t="s">
        <v>6692</v>
      </c>
      <c r="H13681">
        <v>6.5376383728149996</v>
      </c>
      <c r="I13681">
        <v>52.991925815838002</v>
      </c>
      <c r="J13681" t="s">
        <v>69366</v>
      </c>
    </row>
    <row r="13682" spans="1:10" x14ac:dyDescent="0.25">
      <c r="A13682" t="s">
        <v>6685</v>
      </c>
      <c r="B13682" t="s">
        <v>6686</v>
      </c>
      <c r="C13682" t="s">
        <v>6687</v>
      </c>
      <c r="D13682" t="s">
        <v>6506</v>
      </c>
      <c r="E13682" t="s">
        <v>13</v>
      </c>
      <c r="F13682">
        <v>400</v>
      </c>
      <c r="G13682" t="s">
        <v>6688</v>
      </c>
      <c r="H13682">
        <v>6.5300717234269996</v>
      </c>
      <c r="I13682">
        <v>52.995759619475002</v>
      </c>
      <c r="J13682" t="s">
        <v>69367</v>
      </c>
    </row>
    <row r="13683" spans="1:10" x14ac:dyDescent="0.25">
      <c r="A13683" t="s">
        <v>6681</v>
      </c>
      <c r="B13683" t="s">
        <v>6682</v>
      </c>
      <c r="C13683" t="s">
        <v>6683</v>
      </c>
      <c r="D13683" t="s">
        <v>6506</v>
      </c>
      <c r="E13683" t="s">
        <v>13</v>
      </c>
      <c r="F13683">
        <v>399</v>
      </c>
      <c r="G13683" t="s">
        <v>6684</v>
      </c>
      <c r="H13683">
        <v>6.5280483425369997</v>
      </c>
      <c r="I13683">
        <v>52.990338494950997</v>
      </c>
      <c r="J13683" t="s">
        <v>69368</v>
      </c>
    </row>
    <row r="13684" spans="1:10" x14ac:dyDescent="0.25">
      <c r="A13684" t="s">
        <v>6677</v>
      </c>
      <c r="B13684" t="s">
        <v>6678</v>
      </c>
      <c r="C13684" t="s">
        <v>6679</v>
      </c>
      <c r="D13684" t="s">
        <v>6506</v>
      </c>
      <c r="E13684" t="s">
        <v>13</v>
      </c>
      <c r="F13684">
        <v>398</v>
      </c>
      <c r="G13684" t="s">
        <v>6680</v>
      </c>
      <c r="H13684">
        <v>6.5307599841619997</v>
      </c>
      <c r="I13684">
        <v>52.988924652031002</v>
      </c>
      <c r="J13684" t="s">
        <v>69369</v>
      </c>
    </row>
    <row r="13685" spans="1:10" x14ac:dyDescent="0.25">
      <c r="A13685" t="s">
        <v>6673</v>
      </c>
      <c r="B13685" t="s">
        <v>6674</v>
      </c>
      <c r="C13685" t="s">
        <v>6675</v>
      </c>
      <c r="D13685" t="s">
        <v>6506</v>
      </c>
      <c r="E13685" t="s">
        <v>13</v>
      </c>
      <c r="F13685">
        <v>397</v>
      </c>
      <c r="G13685" t="s">
        <v>6676</v>
      </c>
      <c r="H13685">
        <v>6.5319854808519997</v>
      </c>
      <c r="I13685">
        <v>52.984257754883998</v>
      </c>
      <c r="J13685" t="s">
        <v>69370</v>
      </c>
    </row>
    <row r="13686" spans="1:10" x14ac:dyDescent="0.25">
      <c r="A13686" t="s">
        <v>6669</v>
      </c>
      <c r="B13686" t="s">
        <v>6670</v>
      </c>
      <c r="C13686" t="s">
        <v>6671</v>
      </c>
      <c r="D13686" t="s">
        <v>6506</v>
      </c>
      <c r="E13686" t="s">
        <v>13</v>
      </c>
      <c r="F13686">
        <v>396</v>
      </c>
      <c r="G13686" t="s">
        <v>6672</v>
      </c>
      <c r="H13686">
        <v>6.5370215744070004</v>
      </c>
      <c r="I13686">
        <v>52.979459717471997</v>
      </c>
      <c r="J13686" t="s">
        <v>69371</v>
      </c>
    </row>
    <row r="13687" spans="1:10" x14ac:dyDescent="0.25">
      <c r="A13687" t="s">
        <v>6665</v>
      </c>
      <c r="B13687" t="s">
        <v>6666</v>
      </c>
      <c r="C13687" t="s">
        <v>6667</v>
      </c>
      <c r="D13687" t="s">
        <v>6506</v>
      </c>
      <c r="E13687" t="s">
        <v>13</v>
      </c>
      <c r="F13687">
        <v>395</v>
      </c>
      <c r="G13687" t="s">
        <v>6668</v>
      </c>
      <c r="H13687">
        <v>6.5484396497770003</v>
      </c>
      <c r="I13687">
        <v>52.975106493001</v>
      </c>
      <c r="J13687" t="s">
        <v>69372</v>
      </c>
    </row>
    <row r="13688" spans="1:10" x14ac:dyDescent="0.25">
      <c r="A13688" t="s">
        <v>6661</v>
      </c>
      <c r="B13688" t="s">
        <v>6662</v>
      </c>
      <c r="C13688" t="s">
        <v>6663</v>
      </c>
      <c r="D13688" t="s">
        <v>6506</v>
      </c>
      <c r="E13688" t="s">
        <v>13</v>
      </c>
      <c r="F13688">
        <v>394</v>
      </c>
      <c r="G13688" t="s">
        <v>6664</v>
      </c>
      <c r="H13688">
        <v>6.5606396463249999</v>
      </c>
      <c r="I13688">
        <v>52.974454152340002</v>
      </c>
      <c r="J13688" t="s">
        <v>69373</v>
      </c>
    </row>
    <row r="13689" spans="1:10" x14ac:dyDescent="0.25">
      <c r="A13689" t="s">
        <v>6657</v>
      </c>
      <c r="B13689" t="s">
        <v>6658</v>
      </c>
      <c r="C13689" t="s">
        <v>6659</v>
      </c>
      <c r="D13689" t="s">
        <v>6506</v>
      </c>
      <c r="E13689" t="s">
        <v>13</v>
      </c>
      <c r="F13689">
        <v>393</v>
      </c>
      <c r="G13689" t="s">
        <v>6660</v>
      </c>
      <c r="H13689">
        <v>6.5489997173859997</v>
      </c>
      <c r="I13689">
        <v>53.012956841673002</v>
      </c>
      <c r="J13689" t="s">
        <v>69374</v>
      </c>
    </row>
    <row r="13690" spans="1:10" x14ac:dyDescent="0.25">
      <c r="A13690" t="s">
        <v>6653</v>
      </c>
      <c r="B13690" t="s">
        <v>6654</v>
      </c>
      <c r="C13690" t="s">
        <v>6655</v>
      </c>
      <c r="D13690" t="s">
        <v>6506</v>
      </c>
      <c r="E13690" t="s">
        <v>13</v>
      </c>
      <c r="F13690">
        <v>392</v>
      </c>
      <c r="G13690" t="s">
        <v>6656</v>
      </c>
      <c r="H13690">
        <v>6.5439509388720003</v>
      </c>
      <c r="I13690">
        <v>53.009936200204997</v>
      </c>
      <c r="J13690" t="s">
        <v>69375</v>
      </c>
    </row>
    <row r="13691" spans="1:10" x14ac:dyDescent="0.25">
      <c r="A13691" t="s">
        <v>6649</v>
      </c>
      <c r="B13691" t="s">
        <v>6650</v>
      </c>
      <c r="C13691" t="s">
        <v>6651</v>
      </c>
      <c r="D13691" t="s">
        <v>6506</v>
      </c>
      <c r="E13691" t="s">
        <v>13</v>
      </c>
      <c r="F13691">
        <v>391</v>
      </c>
      <c r="G13691" t="s">
        <v>6652</v>
      </c>
      <c r="H13691">
        <v>6.54021403535</v>
      </c>
      <c r="I13691">
        <v>53.006164129995</v>
      </c>
      <c r="J13691" t="s">
        <v>69376</v>
      </c>
    </row>
    <row r="13692" spans="1:10" x14ac:dyDescent="0.25">
      <c r="A13692" t="s">
        <v>6645</v>
      </c>
      <c r="B13692" t="s">
        <v>6646</v>
      </c>
      <c r="C13692" t="s">
        <v>6647</v>
      </c>
      <c r="D13692" t="s">
        <v>6506</v>
      </c>
      <c r="E13692" t="s">
        <v>13</v>
      </c>
      <c r="F13692">
        <v>390</v>
      </c>
      <c r="G13692" t="s">
        <v>6648</v>
      </c>
      <c r="H13692">
        <v>6.5357396904570004</v>
      </c>
      <c r="I13692">
        <v>53.002050779008997</v>
      </c>
      <c r="J13692" t="s">
        <v>69377</v>
      </c>
    </row>
    <row r="13693" spans="1:10" x14ac:dyDescent="0.25">
      <c r="A13693" t="s">
        <v>6641</v>
      </c>
      <c r="B13693" t="s">
        <v>6642</v>
      </c>
      <c r="C13693" t="s">
        <v>6643</v>
      </c>
      <c r="D13693" t="s">
        <v>6506</v>
      </c>
      <c r="E13693" t="s">
        <v>13</v>
      </c>
      <c r="F13693">
        <v>389</v>
      </c>
      <c r="G13693" t="s">
        <v>6644</v>
      </c>
      <c r="H13693">
        <v>6.5704100288499996</v>
      </c>
      <c r="I13693">
        <v>52.974483906789999</v>
      </c>
      <c r="J13693" t="s">
        <v>69378</v>
      </c>
    </row>
    <row r="13694" spans="1:10" x14ac:dyDescent="0.25">
      <c r="A13694" t="s">
        <v>6637</v>
      </c>
      <c r="B13694" t="s">
        <v>6638</v>
      </c>
      <c r="C13694" t="s">
        <v>6639</v>
      </c>
      <c r="D13694" t="s">
        <v>6506</v>
      </c>
      <c r="E13694" t="s">
        <v>13</v>
      </c>
      <c r="F13694">
        <v>388</v>
      </c>
      <c r="G13694" t="s">
        <v>6640</v>
      </c>
      <c r="H13694">
        <v>6.5736310143879999</v>
      </c>
      <c r="I13694">
        <v>52.980842765921999</v>
      </c>
      <c r="J13694" t="s">
        <v>69379</v>
      </c>
    </row>
    <row r="13695" spans="1:10" x14ac:dyDescent="0.25">
      <c r="A13695" t="s">
        <v>6633</v>
      </c>
      <c r="B13695" t="s">
        <v>6634</v>
      </c>
      <c r="C13695" t="s">
        <v>6635</v>
      </c>
      <c r="D13695" t="s">
        <v>6506</v>
      </c>
      <c r="E13695" t="s">
        <v>13</v>
      </c>
      <c r="F13695">
        <v>387</v>
      </c>
      <c r="G13695" t="s">
        <v>6636</v>
      </c>
      <c r="H13695">
        <v>6.5719166648779996</v>
      </c>
      <c r="I13695">
        <v>52.988012431789002</v>
      </c>
      <c r="J13695" t="s">
        <v>69380</v>
      </c>
    </row>
    <row r="13696" spans="1:10" x14ac:dyDescent="0.25">
      <c r="A13696" t="s">
        <v>6629</v>
      </c>
      <c r="B13696" t="s">
        <v>6630</v>
      </c>
      <c r="C13696" t="s">
        <v>6631</v>
      </c>
      <c r="D13696" t="s">
        <v>6506</v>
      </c>
      <c r="E13696" t="s">
        <v>13</v>
      </c>
      <c r="F13696">
        <v>386</v>
      </c>
      <c r="G13696" t="s">
        <v>6632</v>
      </c>
      <c r="H13696">
        <v>6.5783208051380004</v>
      </c>
      <c r="I13696">
        <v>52.985912470702999</v>
      </c>
      <c r="J13696" t="s">
        <v>69381</v>
      </c>
    </row>
    <row r="13697" spans="1:10" x14ac:dyDescent="0.25">
      <c r="A13697" t="s">
        <v>6625</v>
      </c>
      <c r="B13697" t="s">
        <v>6626</v>
      </c>
      <c r="C13697" t="s">
        <v>6627</v>
      </c>
      <c r="D13697" t="s">
        <v>6506</v>
      </c>
      <c r="E13697" t="s">
        <v>13</v>
      </c>
      <c r="F13697">
        <v>385</v>
      </c>
      <c r="G13697" t="s">
        <v>6628</v>
      </c>
      <c r="H13697">
        <v>6.5856995256250004</v>
      </c>
      <c r="I13697">
        <v>52.990573964702001</v>
      </c>
      <c r="J13697" t="s">
        <v>69382</v>
      </c>
    </row>
    <row r="13698" spans="1:10" x14ac:dyDescent="0.25">
      <c r="A13698" t="s">
        <v>6621</v>
      </c>
      <c r="B13698" t="s">
        <v>6622</v>
      </c>
      <c r="C13698" t="s">
        <v>6623</v>
      </c>
      <c r="D13698" t="s">
        <v>6506</v>
      </c>
      <c r="E13698" t="s">
        <v>13</v>
      </c>
      <c r="F13698">
        <v>384</v>
      </c>
      <c r="G13698" t="s">
        <v>6624</v>
      </c>
      <c r="H13698">
        <v>6.5772666081680002</v>
      </c>
      <c r="I13698">
        <v>52.992789401438003</v>
      </c>
      <c r="J13698" t="s">
        <v>69383</v>
      </c>
    </row>
    <row r="13699" spans="1:10" x14ac:dyDescent="0.25">
      <c r="A13699" t="s">
        <v>6618</v>
      </c>
      <c r="B13699" t="s">
        <v>6619</v>
      </c>
      <c r="C13699" t="s">
        <v>85</v>
      </c>
      <c r="D13699" t="s">
        <v>6506</v>
      </c>
      <c r="E13699" t="s">
        <v>13</v>
      </c>
      <c r="F13699">
        <v>383</v>
      </c>
      <c r="G13699" t="s">
        <v>6620</v>
      </c>
      <c r="H13699">
        <v>6.5773459610279996</v>
      </c>
      <c r="I13699">
        <v>52.996835791645999</v>
      </c>
      <c r="J13699" t="s">
        <v>69384</v>
      </c>
    </row>
    <row r="13700" spans="1:10" x14ac:dyDescent="0.25">
      <c r="A13700" t="s">
        <v>6614</v>
      </c>
      <c r="B13700" t="s">
        <v>6615</v>
      </c>
      <c r="C13700" t="s">
        <v>6616</v>
      </c>
      <c r="D13700" t="s">
        <v>6506</v>
      </c>
      <c r="E13700" t="s">
        <v>13</v>
      </c>
      <c r="F13700">
        <v>382</v>
      </c>
      <c r="G13700" t="s">
        <v>6617</v>
      </c>
      <c r="H13700">
        <v>6.5822997413589999</v>
      </c>
      <c r="I13700">
        <v>52.998839430636998</v>
      </c>
      <c r="J13700" t="s">
        <v>69385</v>
      </c>
    </row>
    <row r="13701" spans="1:10" x14ac:dyDescent="0.25">
      <c r="A13701" t="s">
        <v>6610</v>
      </c>
      <c r="B13701" t="s">
        <v>6611</v>
      </c>
      <c r="C13701" t="s">
        <v>6612</v>
      </c>
      <c r="D13701" t="s">
        <v>6506</v>
      </c>
      <c r="E13701" t="s">
        <v>13</v>
      </c>
      <c r="F13701">
        <v>381</v>
      </c>
      <c r="G13701" t="s">
        <v>6613</v>
      </c>
      <c r="H13701">
        <v>6.5909218334080002</v>
      </c>
      <c r="I13701">
        <v>52.996991596770997</v>
      </c>
      <c r="J13701" t="s">
        <v>69386</v>
      </c>
    </row>
    <row r="13702" spans="1:10" x14ac:dyDescent="0.25">
      <c r="A13702" t="s">
        <v>6606</v>
      </c>
      <c r="B13702" t="s">
        <v>6607</v>
      </c>
      <c r="C13702" t="s">
        <v>6608</v>
      </c>
      <c r="D13702" t="s">
        <v>6506</v>
      </c>
      <c r="E13702" t="s">
        <v>13</v>
      </c>
      <c r="F13702">
        <v>380</v>
      </c>
      <c r="G13702" t="s">
        <v>6609</v>
      </c>
      <c r="H13702">
        <v>6.5853507475719999</v>
      </c>
      <c r="I13702">
        <v>53.000592737504</v>
      </c>
      <c r="J13702" t="s">
        <v>69387</v>
      </c>
    </row>
    <row r="13703" spans="1:10" x14ac:dyDescent="0.25">
      <c r="A13703" t="s">
        <v>6602</v>
      </c>
      <c r="B13703" t="s">
        <v>6603</v>
      </c>
      <c r="C13703" t="s">
        <v>6604</v>
      </c>
      <c r="D13703" t="s">
        <v>6506</v>
      </c>
      <c r="E13703" t="s">
        <v>13</v>
      </c>
      <c r="F13703">
        <v>379</v>
      </c>
      <c r="G13703" t="s">
        <v>6605</v>
      </c>
      <c r="H13703">
        <v>6.5978409725980001</v>
      </c>
      <c r="I13703">
        <v>53.002948196482997</v>
      </c>
      <c r="J13703" t="s">
        <v>69388</v>
      </c>
    </row>
    <row r="13704" spans="1:10" x14ac:dyDescent="0.25">
      <c r="A13704" t="s">
        <v>6598</v>
      </c>
      <c r="B13704" t="s">
        <v>6599</v>
      </c>
      <c r="C13704" t="s">
        <v>6600</v>
      </c>
      <c r="D13704" t="s">
        <v>6506</v>
      </c>
      <c r="E13704" t="s">
        <v>13</v>
      </c>
      <c r="F13704">
        <v>378</v>
      </c>
      <c r="G13704" t="s">
        <v>6601</v>
      </c>
      <c r="H13704">
        <v>6.5639835299860003</v>
      </c>
      <c r="I13704">
        <v>53.008980100180999</v>
      </c>
      <c r="J13704" t="s">
        <v>69389</v>
      </c>
    </row>
    <row r="13705" spans="1:10" x14ac:dyDescent="0.25">
      <c r="A13705" t="s">
        <v>6594</v>
      </c>
      <c r="B13705" t="s">
        <v>6595</v>
      </c>
      <c r="C13705" t="s">
        <v>6596</v>
      </c>
      <c r="D13705" t="s">
        <v>6506</v>
      </c>
      <c r="E13705" t="s">
        <v>13</v>
      </c>
      <c r="F13705">
        <v>377</v>
      </c>
      <c r="G13705" t="s">
        <v>6597</v>
      </c>
      <c r="H13705">
        <v>6.5563167640779998</v>
      </c>
      <c r="I13705">
        <v>53.009885316785002</v>
      </c>
      <c r="J13705" t="s">
        <v>69390</v>
      </c>
    </row>
    <row r="13706" spans="1:10" x14ac:dyDescent="0.25">
      <c r="A13706" t="s">
        <v>6590</v>
      </c>
      <c r="B13706" t="s">
        <v>6591</v>
      </c>
      <c r="C13706" t="s">
        <v>6592</v>
      </c>
      <c r="D13706" t="s">
        <v>6506</v>
      </c>
      <c r="E13706" t="s">
        <v>13</v>
      </c>
      <c r="F13706">
        <v>376</v>
      </c>
      <c r="G13706" t="s">
        <v>6593</v>
      </c>
      <c r="H13706">
        <v>6.559662968674</v>
      </c>
      <c r="I13706">
        <v>53.005306070842998</v>
      </c>
      <c r="J13706" t="s">
        <v>69391</v>
      </c>
    </row>
    <row r="13707" spans="1:10" x14ac:dyDescent="0.25">
      <c r="A13707" t="s">
        <v>6586</v>
      </c>
      <c r="B13707" t="s">
        <v>6587</v>
      </c>
      <c r="C13707" t="s">
        <v>6588</v>
      </c>
      <c r="D13707" t="s">
        <v>6506</v>
      </c>
      <c r="E13707" t="s">
        <v>13</v>
      </c>
      <c r="F13707">
        <v>375</v>
      </c>
      <c r="G13707" t="s">
        <v>6589</v>
      </c>
      <c r="H13707">
        <v>6.554546570706</v>
      </c>
      <c r="I13707">
        <v>53.002995242476999</v>
      </c>
      <c r="J13707" t="s">
        <v>69392</v>
      </c>
    </row>
    <row r="13708" spans="1:10" x14ac:dyDescent="0.25">
      <c r="A13708" t="s">
        <v>6582</v>
      </c>
      <c r="B13708" t="s">
        <v>6583</v>
      </c>
      <c r="C13708" t="s">
        <v>6584</v>
      </c>
      <c r="D13708" t="s">
        <v>6506</v>
      </c>
      <c r="E13708" t="s">
        <v>13</v>
      </c>
      <c r="F13708">
        <v>374</v>
      </c>
      <c r="G13708" t="s">
        <v>6585</v>
      </c>
      <c r="H13708">
        <v>6.5675723046799996</v>
      </c>
      <c r="I13708">
        <v>53.001851580325003</v>
      </c>
      <c r="J13708" t="s">
        <v>69393</v>
      </c>
    </row>
    <row r="13709" spans="1:10" x14ac:dyDescent="0.25">
      <c r="A13709" t="s">
        <v>6578</v>
      </c>
      <c r="B13709" t="s">
        <v>6579</v>
      </c>
      <c r="C13709" t="s">
        <v>6580</v>
      </c>
      <c r="D13709" t="s">
        <v>6506</v>
      </c>
      <c r="E13709" t="s">
        <v>13</v>
      </c>
      <c r="F13709">
        <v>373</v>
      </c>
      <c r="G13709" t="s">
        <v>6581</v>
      </c>
      <c r="H13709">
        <v>6.5590998579850002</v>
      </c>
      <c r="I13709">
        <v>52.999963145797999</v>
      </c>
      <c r="J13709" t="s">
        <v>69394</v>
      </c>
    </row>
    <row r="13710" spans="1:10" x14ac:dyDescent="0.25">
      <c r="A13710" t="s">
        <v>6574</v>
      </c>
      <c r="B13710" t="s">
        <v>6575</v>
      </c>
      <c r="C13710" t="s">
        <v>6576</v>
      </c>
      <c r="D13710" t="s">
        <v>6506</v>
      </c>
      <c r="E13710" t="s">
        <v>13</v>
      </c>
      <c r="F13710">
        <v>372</v>
      </c>
      <c r="G13710" t="s">
        <v>6577</v>
      </c>
      <c r="H13710">
        <v>6.5498467405470002</v>
      </c>
      <c r="I13710">
        <v>53.006781139986003</v>
      </c>
      <c r="J13710" t="s">
        <v>69395</v>
      </c>
    </row>
    <row r="13711" spans="1:10" x14ac:dyDescent="0.25">
      <c r="A13711" t="s">
        <v>6570</v>
      </c>
      <c r="B13711" t="s">
        <v>6571</v>
      </c>
      <c r="C13711" t="s">
        <v>6572</v>
      </c>
      <c r="D13711" t="s">
        <v>6506</v>
      </c>
      <c r="E13711" t="s">
        <v>13</v>
      </c>
      <c r="F13711">
        <v>371</v>
      </c>
      <c r="G13711" t="s">
        <v>6573</v>
      </c>
      <c r="H13711">
        <v>6.5460041248980003</v>
      </c>
      <c r="I13711">
        <v>53.004065509912998</v>
      </c>
      <c r="J13711" t="s">
        <v>69396</v>
      </c>
    </row>
    <row r="13712" spans="1:10" x14ac:dyDescent="0.25">
      <c r="A13712" t="s">
        <v>6566</v>
      </c>
      <c r="B13712" t="s">
        <v>6567</v>
      </c>
      <c r="C13712" t="s">
        <v>6568</v>
      </c>
      <c r="D13712" t="s">
        <v>6506</v>
      </c>
      <c r="E13712" t="s">
        <v>13</v>
      </c>
      <c r="F13712">
        <v>370</v>
      </c>
      <c r="G13712" t="s">
        <v>6569</v>
      </c>
      <c r="H13712">
        <v>6.5456840209439999</v>
      </c>
      <c r="I13712">
        <v>53.001536839568999</v>
      </c>
      <c r="J13712" t="s">
        <v>69397</v>
      </c>
    </row>
    <row r="13713" spans="1:10" x14ac:dyDescent="0.25">
      <c r="A13713" t="s">
        <v>6562</v>
      </c>
      <c r="B13713" t="s">
        <v>6563</v>
      </c>
      <c r="C13713" t="s">
        <v>6564</v>
      </c>
      <c r="D13713" t="s">
        <v>6506</v>
      </c>
      <c r="E13713" t="s">
        <v>13</v>
      </c>
      <c r="F13713">
        <v>369</v>
      </c>
      <c r="G13713" t="s">
        <v>6565</v>
      </c>
      <c r="H13713">
        <v>6.5374904470109998</v>
      </c>
      <c r="I13713">
        <v>52.998058938172001</v>
      </c>
      <c r="J13713" t="s">
        <v>69398</v>
      </c>
    </row>
    <row r="13714" spans="1:10" x14ac:dyDescent="0.25">
      <c r="A13714" t="s">
        <v>6558</v>
      </c>
      <c r="B13714" t="s">
        <v>6559</v>
      </c>
      <c r="C13714" t="s">
        <v>6560</v>
      </c>
      <c r="D13714" t="s">
        <v>6506</v>
      </c>
      <c r="E13714" t="s">
        <v>13</v>
      </c>
      <c r="F13714">
        <v>368</v>
      </c>
      <c r="G13714" t="s">
        <v>6561</v>
      </c>
      <c r="H13714">
        <v>6.5437503222469999</v>
      </c>
      <c r="I13714">
        <v>52.996762119716003</v>
      </c>
      <c r="J13714" t="s">
        <v>69399</v>
      </c>
    </row>
    <row r="13715" spans="1:10" x14ac:dyDescent="0.25">
      <c r="A13715" t="s">
        <v>6554</v>
      </c>
      <c r="B13715" t="s">
        <v>6555</v>
      </c>
      <c r="C13715" t="s">
        <v>6556</v>
      </c>
      <c r="D13715" t="s">
        <v>6506</v>
      </c>
      <c r="E13715" t="s">
        <v>13</v>
      </c>
      <c r="F13715">
        <v>367</v>
      </c>
      <c r="G13715" t="s">
        <v>6557</v>
      </c>
      <c r="H13715">
        <v>6.5502975650310002</v>
      </c>
      <c r="I13715">
        <v>52.996957609741997</v>
      </c>
      <c r="J13715" t="s">
        <v>69400</v>
      </c>
    </row>
    <row r="13716" spans="1:10" x14ac:dyDescent="0.25">
      <c r="A13716" t="s">
        <v>6550</v>
      </c>
      <c r="B13716" t="s">
        <v>6551</v>
      </c>
      <c r="C13716" t="s">
        <v>6552</v>
      </c>
      <c r="D13716" t="s">
        <v>6506</v>
      </c>
      <c r="E13716" t="s">
        <v>13</v>
      </c>
      <c r="F13716">
        <v>366</v>
      </c>
      <c r="G13716" t="s">
        <v>6553</v>
      </c>
      <c r="H13716">
        <v>6.5632090924859998</v>
      </c>
      <c r="I13716">
        <v>52.982092108300002</v>
      </c>
      <c r="J13716" t="s">
        <v>69401</v>
      </c>
    </row>
    <row r="13717" spans="1:10" x14ac:dyDescent="0.25">
      <c r="A13717" t="s">
        <v>6546</v>
      </c>
      <c r="B13717" t="s">
        <v>6547</v>
      </c>
      <c r="C13717" t="s">
        <v>6548</v>
      </c>
      <c r="D13717" t="s">
        <v>6506</v>
      </c>
      <c r="E13717" t="s">
        <v>13</v>
      </c>
      <c r="F13717">
        <v>365</v>
      </c>
      <c r="G13717" t="s">
        <v>6549</v>
      </c>
      <c r="H13717">
        <v>6.5653136106509997</v>
      </c>
      <c r="I13717">
        <v>52.987516436755001</v>
      </c>
      <c r="J13717" t="s">
        <v>69402</v>
      </c>
    </row>
    <row r="13718" spans="1:10" x14ac:dyDescent="0.25">
      <c r="A13718" t="s">
        <v>6543</v>
      </c>
      <c r="B13718" t="s">
        <v>6544</v>
      </c>
      <c r="C13718" t="s">
        <v>2115</v>
      </c>
      <c r="D13718" t="s">
        <v>6506</v>
      </c>
      <c r="E13718" t="s">
        <v>13</v>
      </c>
      <c r="F13718">
        <v>364</v>
      </c>
      <c r="G13718" t="s">
        <v>6545</v>
      </c>
      <c r="H13718">
        <v>6.561573215868</v>
      </c>
      <c r="I13718">
        <v>52.989255117041999</v>
      </c>
      <c r="J13718" t="s">
        <v>69403</v>
      </c>
    </row>
    <row r="13719" spans="1:10" x14ac:dyDescent="0.25">
      <c r="A13719" t="s">
        <v>6539</v>
      </c>
      <c r="B13719" t="s">
        <v>6540</v>
      </c>
      <c r="C13719" t="s">
        <v>6541</v>
      </c>
      <c r="D13719" t="s">
        <v>6506</v>
      </c>
      <c r="E13719" t="s">
        <v>13</v>
      </c>
      <c r="F13719">
        <v>363</v>
      </c>
      <c r="G13719" t="s">
        <v>6542</v>
      </c>
      <c r="H13719">
        <v>6.5535414922220001</v>
      </c>
      <c r="I13719">
        <v>52.984749345441003</v>
      </c>
      <c r="J13719" t="s">
        <v>69404</v>
      </c>
    </row>
    <row r="13720" spans="1:10" x14ac:dyDescent="0.25">
      <c r="A13720" t="s">
        <v>6535</v>
      </c>
      <c r="B13720" t="s">
        <v>6536</v>
      </c>
      <c r="C13720" t="s">
        <v>6537</v>
      </c>
      <c r="D13720" t="s">
        <v>6506</v>
      </c>
      <c r="E13720" t="s">
        <v>13</v>
      </c>
      <c r="F13720">
        <v>362</v>
      </c>
      <c r="G13720" t="s">
        <v>6538</v>
      </c>
      <c r="H13720">
        <v>6.5559586216939998</v>
      </c>
      <c r="I13720">
        <v>52.992185387341003</v>
      </c>
      <c r="J13720" t="s">
        <v>69405</v>
      </c>
    </row>
    <row r="13721" spans="1:10" x14ac:dyDescent="0.25">
      <c r="A13721" t="s">
        <v>6531</v>
      </c>
      <c r="B13721" t="s">
        <v>6532</v>
      </c>
      <c r="C13721" t="s">
        <v>6533</v>
      </c>
      <c r="D13721" t="s">
        <v>6506</v>
      </c>
      <c r="E13721" t="s">
        <v>13</v>
      </c>
      <c r="F13721">
        <v>361</v>
      </c>
      <c r="G13721" t="s">
        <v>6534</v>
      </c>
      <c r="H13721">
        <v>6.5480531783059996</v>
      </c>
      <c r="I13721">
        <v>52.992549092352</v>
      </c>
      <c r="J13721" t="s">
        <v>69406</v>
      </c>
    </row>
    <row r="13722" spans="1:10" x14ac:dyDescent="0.25">
      <c r="A13722" t="s">
        <v>6527</v>
      </c>
      <c r="B13722" t="s">
        <v>6528</v>
      </c>
      <c r="C13722" t="s">
        <v>6529</v>
      </c>
      <c r="D13722" t="s">
        <v>6506</v>
      </c>
      <c r="E13722" t="s">
        <v>13</v>
      </c>
      <c r="F13722">
        <v>360</v>
      </c>
      <c r="G13722" t="s">
        <v>6530</v>
      </c>
      <c r="H13722">
        <v>6.556177105563</v>
      </c>
      <c r="I13722">
        <v>52.994965546185</v>
      </c>
      <c r="J13722" t="s">
        <v>69407</v>
      </c>
    </row>
    <row r="13723" spans="1:10" x14ac:dyDescent="0.25">
      <c r="A13723" t="s">
        <v>6523</v>
      </c>
      <c r="B13723" t="s">
        <v>6524</v>
      </c>
      <c r="C13723" t="s">
        <v>6525</v>
      </c>
      <c r="D13723" t="s">
        <v>6506</v>
      </c>
      <c r="E13723" t="s">
        <v>13</v>
      </c>
      <c r="F13723">
        <v>359</v>
      </c>
      <c r="G13723" t="s">
        <v>6526</v>
      </c>
      <c r="H13723">
        <v>6.5608772986310004</v>
      </c>
      <c r="I13723">
        <v>52.996853534652999</v>
      </c>
      <c r="J13723" t="s">
        <v>69408</v>
      </c>
    </row>
    <row r="13724" spans="1:10" x14ac:dyDescent="0.25">
      <c r="A13724" t="s">
        <v>6519</v>
      </c>
      <c r="B13724" t="s">
        <v>6520</v>
      </c>
      <c r="C13724" t="s">
        <v>6521</v>
      </c>
      <c r="D13724" t="s">
        <v>6506</v>
      </c>
      <c r="E13724" t="s">
        <v>13</v>
      </c>
      <c r="F13724">
        <v>358</v>
      </c>
      <c r="G13724" t="s">
        <v>6522</v>
      </c>
      <c r="H13724">
        <v>6.5658487793660001</v>
      </c>
      <c r="I13724">
        <v>52.996576803312998</v>
      </c>
      <c r="J13724" t="s">
        <v>69409</v>
      </c>
    </row>
    <row r="13725" spans="1:10" x14ac:dyDescent="0.25">
      <c r="A13725" t="s">
        <v>6516</v>
      </c>
      <c r="B13725" t="s">
        <v>6517</v>
      </c>
      <c r="C13725" t="s">
        <v>97</v>
      </c>
      <c r="D13725" t="s">
        <v>6506</v>
      </c>
      <c r="E13725" t="s">
        <v>13</v>
      </c>
      <c r="F13725">
        <v>357</v>
      </c>
      <c r="G13725" t="s">
        <v>6518</v>
      </c>
      <c r="H13725">
        <v>6.5694254765359998</v>
      </c>
      <c r="I13725">
        <v>52.996058170984</v>
      </c>
      <c r="J13725" t="s">
        <v>69410</v>
      </c>
    </row>
    <row r="13726" spans="1:10" x14ac:dyDescent="0.25">
      <c r="A13726" t="s">
        <v>6512</v>
      </c>
      <c r="B13726" t="s">
        <v>6513</v>
      </c>
      <c r="C13726" t="s">
        <v>6514</v>
      </c>
      <c r="D13726" t="s">
        <v>6506</v>
      </c>
      <c r="E13726" t="s">
        <v>13</v>
      </c>
      <c r="F13726">
        <v>356</v>
      </c>
      <c r="G13726" t="s">
        <v>6515</v>
      </c>
      <c r="H13726">
        <v>6.5663071152240002</v>
      </c>
      <c r="I13726">
        <v>52.991328136939998</v>
      </c>
      <c r="J13726" t="s">
        <v>69411</v>
      </c>
    </row>
    <row r="13727" spans="1:10" x14ac:dyDescent="0.25">
      <c r="A13727" t="s">
        <v>6508</v>
      </c>
      <c r="B13727" t="s">
        <v>6509</v>
      </c>
      <c r="C13727" t="s">
        <v>6510</v>
      </c>
      <c r="D13727" t="s">
        <v>6506</v>
      </c>
      <c r="E13727" t="s">
        <v>13</v>
      </c>
      <c r="F13727">
        <v>355</v>
      </c>
      <c r="G13727" t="s">
        <v>6511</v>
      </c>
      <c r="H13727">
        <v>6.5637320502690004</v>
      </c>
      <c r="I13727">
        <v>52.992871237387</v>
      </c>
      <c r="J13727" t="s">
        <v>69412</v>
      </c>
    </row>
    <row r="13728" spans="1:10" x14ac:dyDescent="0.25">
      <c r="A13728" t="s">
        <v>6503</v>
      </c>
      <c r="B13728" t="s">
        <v>6504</v>
      </c>
      <c r="C13728" t="s">
        <v>6505</v>
      </c>
      <c r="D13728" t="s">
        <v>6506</v>
      </c>
      <c r="E13728" t="s">
        <v>13</v>
      </c>
      <c r="F13728">
        <v>354</v>
      </c>
      <c r="G13728" t="s">
        <v>6507</v>
      </c>
      <c r="H13728">
        <v>6.5620026776870004</v>
      </c>
      <c r="I13728">
        <v>52.993920095322999</v>
      </c>
      <c r="J13728" t="s">
        <v>69413</v>
      </c>
    </row>
    <row r="13729" spans="1:10" x14ac:dyDescent="0.25">
      <c r="A13729" t="s">
        <v>6499</v>
      </c>
      <c r="B13729" t="s">
        <v>6500</v>
      </c>
      <c r="C13729" t="s">
        <v>6501</v>
      </c>
      <c r="D13729" t="s">
        <v>6249</v>
      </c>
      <c r="E13729" t="s">
        <v>13</v>
      </c>
      <c r="F13729">
        <v>353</v>
      </c>
      <c r="G13729" t="s">
        <v>6502</v>
      </c>
      <c r="H13729">
        <v>6.0502255054300003</v>
      </c>
      <c r="I13729">
        <v>52.887849814357999</v>
      </c>
      <c r="J13729" t="s">
        <v>69414</v>
      </c>
    </row>
    <row r="13730" spans="1:10" x14ac:dyDescent="0.25">
      <c r="A13730" t="s">
        <v>6495</v>
      </c>
      <c r="B13730" t="s">
        <v>6496</v>
      </c>
      <c r="C13730" t="s">
        <v>6497</v>
      </c>
      <c r="D13730" t="s">
        <v>6249</v>
      </c>
      <c r="E13730" t="s">
        <v>13</v>
      </c>
      <c r="F13730">
        <v>352</v>
      </c>
      <c r="G13730" t="s">
        <v>6498</v>
      </c>
      <c r="H13730">
        <v>6.047382880762</v>
      </c>
      <c r="I13730">
        <v>52.892453704125003</v>
      </c>
      <c r="J13730" t="s">
        <v>69415</v>
      </c>
    </row>
    <row r="13731" spans="1:10" x14ac:dyDescent="0.25">
      <c r="A13731" t="s">
        <v>6491</v>
      </c>
      <c r="B13731" t="s">
        <v>6492</v>
      </c>
      <c r="C13731" t="s">
        <v>6493</v>
      </c>
      <c r="D13731" t="s">
        <v>6249</v>
      </c>
      <c r="E13731" t="s">
        <v>13</v>
      </c>
      <c r="F13731">
        <v>351</v>
      </c>
      <c r="G13731" t="s">
        <v>6494</v>
      </c>
      <c r="H13731">
        <v>6.0809403279380003</v>
      </c>
      <c r="I13731">
        <v>52.917297568069998</v>
      </c>
      <c r="J13731" t="s">
        <v>69416</v>
      </c>
    </row>
    <row r="13732" spans="1:10" x14ac:dyDescent="0.25">
      <c r="A13732" t="s">
        <v>6487</v>
      </c>
      <c r="B13732" t="s">
        <v>6488</v>
      </c>
      <c r="C13732" t="s">
        <v>6489</v>
      </c>
      <c r="D13732" t="s">
        <v>6249</v>
      </c>
      <c r="E13732" t="s">
        <v>13</v>
      </c>
      <c r="F13732">
        <v>350</v>
      </c>
      <c r="G13732" t="s">
        <v>6490</v>
      </c>
      <c r="H13732">
        <v>6.0770522801049998</v>
      </c>
      <c r="I13732">
        <v>52.912574046830997</v>
      </c>
      <c r="J13732" t="s">
        <v>69417</v>
      </c>
    </row>
    <row r="13733" spans="1:10" x14ac:dyDescent="0.25">
      <c r="A13733" t="s">
        <v>6483</v>
      </c>
      <c r="B13733" t="s">
        <v>6484</v>
      </c>
      <c r="C13733" t="s">
        <v>6485</v>
      </c>
      <c r="D13733" t="s">
        <v>6249</v>
      </c>
      <c r="E13733" t="s">
        <v>13</v>
      </c>
      <c r="F13733">
        <v>349</v>
      </c>
      <c r="G13733" t="s">
        <v>6486</v>
      </c>
      <c r="H13733">
        <v>6.1997619607269998</v>
      </c>
      <c r="I13733">
        <v>52.914855190711002</v>
      </c>
      <c r="J13733" t="s">
        <v>69418</v>
      </c>
    </row>
    <row r="13734" spans="1:10" x14ac:dyDescent="0.25">
      <c r="A13734" t="s">
        <v>6479</v>
      </c>
      <c r="B13734" t="s">
        <v>6480</v>
      </c>
      <c r="C13734" t="s">
        <v>6481</v>
      </c>
      <c r="D13734" t="s">
        <v>6249</v>
      </c>
      <c r="E13734" t="s">
        <v>13</v>
      </c>
      <c r="F13734">
        <v>348</v>
      </c>
      <c r="G13734" t="s">
        <v>6482</v>
      </c>
      <c r="H13734">
        <v>6.200595963394</v>
      </c>
      <c r="I13734">
        <v>52.909093270993999</v>
      </c>
      <c r="J13734" t="s">
        <v>69419</v>
      </c>
    </row>
    <row r="13735" spans="1:10" x14ac:dyDescent="0.25">
      <c r="A13735" t="s">
        <v>6475</v>
      </c>
      <c r="B13735" t="s">
        <v>6476</v>
      </c>
      <c r="C13735" t="s">
        <v>6477</v>
      </c>
      <c r="D13735" t="s">
        <v>6249</v>
      </c>
      <c r="E13735" t="s">
        <v>13</v>
      </c>
      <c r="F13735">
        <v>347</v>
      </c>
      <c r="G13735" t="s">
        <v>6478</v>
      </c>
      <c r="H13735">
        <v>6.1532277348989997</v>
      </c>
      <c r="I13735">
        <v>52.91650655099</v>
      </c>
      <c r="J13735" t="s">
        <v>69420</v>
      </c>
    </row>
    <row r="13736" spans="1:10" x14ac:dyDescent="0.25">
      <c r="A13736" t="s">
        <v>6471</v>
      </c>
      <c r="B13736" t="s">
        <v>6472</v>
      </c>
      <c r="C13736" t="s">
        <v>6473</v>
      </c>
      <c r="D13736" t="s">
        <v>6249</v>
      </c>
      <c r="E13736" t="s">
        <v>13</v>
      </c>
      <c r="F13736">
        <v>346</v>
      </c>
      <c r="G13736" t="s">
        <v>6474</v>
      </c>
      <c r="H13736">
        <v>6.1667750490889999</v>
      </c>
      <c r="I13736">
        <v>52.894920421050003</v>
      </c>
      <c r="J13736" t="s">
        <v>69421</v>
      </c>
    </row>
    <row r="13737" spans="1:10" x14ac:dyDescent="0.25">
      <c r="A13737" t="s">
        <v>6467</v>
      </c>
      <c r="B13737" t="s">
        <v>6468</v>
      </c>
      <c r="C13737" t="s">
        <v>6469</v>
      </c>
      <c r="D13737" t="s">
        <v>6249</v>
      </c>
      <c r="E13737" t="s">
        <v>13</v>
      </c>
      <c r="F13737">
        <v>345</v>
      </c>
      <c r="G13737" t="s">
        <v>6470</v>
      </c>
      <c r="H13737">
        <v>6.1685802855269998</v>
      </c>
      <c r="I13737">
        <v>52.899121488071998</v>
      </c>
      <c r="J13737" t="s">
        <v>69422</v>
      </c>
    </row>
    <row r="13738" spans="1:10" x14ac:dyDescent="0.25">
      <c r="A13738" t="s">
        <v>6463</v>
      </c>
      <c r="B13738" t="s">
        <v>6464</v>
      </c>
      <c r="C13738" t="s">
        <v>6465</v>
      </c>
      <c r="D13738" t="s">
        <v>6249</v>
      </c>
      <c r="E13738" t="s">
        <v>13</v>
      </c>
      <c r="F13738">
        <v>344</v>
      </c>
      <c r="G13738" t="s">
        <v>6466</v>
      </c>
      <c r="H13738">
        <v>6.1380314705180004</v>
      </c>
      <c r="I13738">
        <v>52.890620014303998</v>
      </c>
      <c r="J13738" t="s">
        <v>69423</v>
      </c>
    </row>
    <row r="13739" spans="1:10" x14ac:dyDescent="0.25">
      <c r="A13739" t="s">
        <v>6459</v>
      </c>
      <c r="B13739" t="s">
        <v>6460</v>
      </c>
      <c r="C13739" t="s">
        <v>6461</v>
      </c>
      <c r="D13739" t="s">
        <v>6249</v>
      </c>
      <c r="E13739" t="s">
        <v>13</v>
      </c>
      <c r="F13739">
        <v>343</v>
      </c>
      <c r="G13739" t="s">
        <v>6462</v>
      </c>
      <c r="H13739">
        <v>6.1489875183059999</v>
      </c>
      <c r="I13739">
        <v>52.876589022635997</v>
      </c>
      <c r="J13739" t="s">
        <v>69424</v>
      </c>
    </row>
    <row r="13740" spans="1:10" x14ac:dyDescent="0.25">
      <c r="A13740" t="s">
        <v>6455</v>
      </c>
      <c r="B13740" t="s">
        <v>6456</v>
      </c>
      <c r="C13740" t="s">
        <v>6457</v>
      </c>
      <c r="D13740" t="s">
        <v>6249</v>
      </c>
      <c r="E13740" t="s">
        <v>13</v>
      </c>
      <c r="F13740">
        <v>342</v>
      </c>
      <c r="G13740" t="s">
        <v>6458</v>
      </c>
      <c r="H13740">
        <v>6.1488374323389996</v>
      </c>
      <c r="I13740">
        <v>52.885733079829002</v>
      </c>
      <c r="J13740" t="s">
        <v>69425</v>
      </c>
    </row>
    <row r="13741" spans="1:10" x14ac:dyDescent="0.25">
      <c r="A13741" t="s">
        <v>6451</v>
      </c>
      <c r="B13741" t="s">
        <v>6452</v>
      </c>
      <c r="C13741" t="s">
        <v>6453</v>
      </c>
      <c r="D13741" t="s">
        <v>6249</v>
      </c>
      <c r="E13741" t="s">
        <v>13</v>
      </c>
      <c r="F13741">
        <v>341</v>
      </c>
      <c r="G13741" t="s">
        <v>6454</v>
      </c>
      <c r="H13741">
        <v>6.138700673082</v>
      </c>
      <c r="I13741">
        <v>52.883214349825998</v>
      </c>
      <c r="J13741" t="s">
        <v>69426</v>
      </c>
    </row>
    <row r="13742" spans="1:10" x14ac:dyDescent="0.25">
      <c r="A13742" t="s">
        <v>6447</v>
      </c>
      <c r="B13742" t="s">
        <v>6448</v>
      </c>
      <c r="C13742" t="s">
        <v>6449</v>
      </c>
      <c r="D13742" t="s">
        <v>6249</v>
      </c>
      <c r="E13742" t="s">
        <v>13</v>
      </c>
      <c r="F13742">
        <v>340</v>
      </c>
      <c r="G13742" t="s">
        <v>6450</v>
      </c>
      <c r="H13742">
        <v>6.1467032336780001</v>
      </c>
      <c r="I13742">
        <v>52.890156938010001</v>
      </c>
      <c r="J13742" t="s">
        <v>69427</v>
      </c>
    </row>
    <row r="13743" spans="1:10" x14ac:dyDescent="0.25">
      <c r="A13743" t="s">
        <v>6443</v>
      </c>
      <c r="B13743" t="s">
        <v>6444</v>
      </c>
      <c r="C13743" t="s">
        <v>6445</v>
      </c>
      <c r="D13743" t="s">
        <v>6249</v>
      </c>
      <c r="E13743" t="s">
        <v>13</v>
      </c>
      <c r="F13743">
        <v>339</v>
      </c>
      <c r="G13743" t="s">
        <v>6446</v>
      </c>
      <c r="H13743">
        <v>6.1396086798900003</v>
      </c>
      <c r="I13743">
        <v>52.887708628101002</v>
      </c>
      <c r="J13743" t="s">
        <v>69428</v>
      </c>
    </row>
    <row r="13744" spans="1:10" x14ac:dyDescent="0.25">
      <c r="A13744" t="s">
        <v>6439</v>
      </c>
      <c r="B13744" t="s">
        <v>6440</v>
      </c>
      <c r="C13744" t="s">
        <v>6441</v>
      </c>
      <c r="D13744" t="s">
        <v>6249</v>
      </c>
      <c r="E13744" t="s">
        <v>13</v>
      </c>
      <c r="F13744">
        <v>338</v>
      </c>
      <c r="G13744" t="s">
        <v>6442</v>
      </c>
      <c r="H13744">
        <v>6.1400076694800001</v>
      </c>
      <c r="I13744">
        <v>52.890190251953001</v>
      </c>
      <c r="J13744" t="s">
        <v>69429</v>
      </c>
    </row>
    <row r="13745" spans="1:10" x14ac:dyDescent="0.25">
      <c r="A13745" t="s">
        <v>6435</v>
      </c>
      <c r="B13745" t="s">
        <v>6436</v>
      </c>
      <c r="C13745" t="s">
        <v>6437</v>
      </c>
      <c r="D13745" t="s">
        <v>6249</v>
      </c>
      <c r="E13745" t="s">
        <v>13</v>
      </c>
      <c r="F13745">
        <v>337</v>
      </c>
      <c r="G13745" t="s">
        <v>6438</v>
      </c>
      <c r="H13745">
        <v>6.1434371591749999</v>
      </c>
      <c r="I13745">
        <v>52.894637142892996</v>
      </c>
      <c r="J13745" t="s">
        <v>69430</v>
      </c>
    </row>
    <row r="13746" spans="1:10" x14ac:dyDescent="0.25">
      <c r="A13746" t="s">
        <v>6431</v>
      </c>
      <c r="B13746" t="s">
        <v>6432</v>
      </c>
      <c r="C13746" t="s">
        <v>6433</v>
      </c>
      <c r="D13746" t="s">
        <v>6249</v>
      </c>
      <c r="E13746" t="s">
        <v>13</v>
      </c>
      <c r="F13746">
        <v>336</v>
      </c>
      <c r="G13746" t="s">
        <v>6434</v>
      </c>
      <c r="H13746">
        <v>6.1362866296379996</v>
      </c>
      <c r="I13746">
        <v>52.891286006477003</v>
      </c>
      <c r="J13746" t="s">
        <v>69431</v>
      </c>
    </row>
    <row r="13747" spans="1:10" x14ac:dyDescent="0.25">
      <c r="A13747" t="s">
        <v>6427</v>
      </c>
      <c r="B13747" t="s">
        <v>6428</v>
      </c>
      <c r="C13747" t="s">
        <v>6429</v>
      </c>
      <c r="D13747" t="s">
        <v>6249</v>
      </c>
      <c r="E13747" t="s">
        <v>13</v>
      </c>
      <c r="F13747">
        <v>335</v>
      </c>
      <c r="G13747" t="s">
        <v>6430</v>
      </c>
      <c r="H13747">
        <v>6.1201616582050002</v>
      </c>
      <c r="I13747">
        <v>52.872197890190002</v>
      </c>
      <c r="J13747" t="s">
        <v>69432</v>
      </c>
    </row>
    <row r="13748" spans="1:10" x14ac:dyDescent="0.25">
      <c r="A13748" t="s">
        <v>6423</v>
      </c>
      <c r="B13748" t="s">
        <v>6424</v>
      </c>
      <c r="C13748" t="s">
        <v>6425</v>
      </c>
      <c r="D13748" t="s">
        <v>6249</v>
      </c>
      <c r="E13748" t="s">
        <v>13</v>
      </c>
      <c r="F13748">
        <v>334</v>
      </c>
      <c r="G13748" t="s">
        <v>6426</v>
      </c>
      <c r="H13748">
        <v>6.0939543200269997</v>
      </c>
      <c r="I13748">
        <v>52.892072978823002</v>
      </c>
      <c r="J13748" t="s">
        <v>69433</v>
      </c>
    </row>
    <row r="13749" spans="1:10" x14ac:dyDescent="0.25">
      <c r="A13749" t="s">
        <v>6419</v>
      </c>
      <c r="B13749" t="s">
        <v>6420</v>
      </c>
      <c r="C13749" t="s">
        <v>6421</v>
      </c>
      <c r="D13749" t="s">
        <v>6249</v>
      </c>
      <c r="E13749" t="s">
        <v>13</v>
      </c>
      <c r="F13749">
        <v>333</v>
      </c>
      <c r="G13749" t="s">
        <v>6422</v>
      </c>
      <c r="H13749">
        <v>6.0877968687689998</v>
      </c>
      <c r="I13749">
        <v>52.887144711486002</v>
      </c>
      <c r="J13749" t="s">
        <v>69434</v>
      </c>
    </row>
    <row r="13750" spans="1:10" x14ac:dyDescent="0.25">
      <c r="A13750" t="s">
        <v>6415</v>
      </c>
      <c r="B13750" t="s">
        <v>6416</v>
      </c>
      <c r="C13750" t="s">
        <v>6417</v>
      </c>
      <c r="D13750" t="s">
        <v>6249</v>
      </c>
      <c r="E13750" t="s">
        <v>13</v>
      </c>
      <c r="F13750">
        <v>332</v>
      </c>
      <c r="G13750" t="s">
        <v>6418</v>
      </c>
      <c r="H13750">
        <v>6.0823160993130001</v>
      </c>
      <c r="I13750">
        <v>52.860420100119001</v>
      </c>
      <c r="J13750" t="s">
        <v>69435</v>
      </c>
    </row>
    <row r="13751" spans="1:10" x14ac:dyDescent="0.25">
      <c r="A13751" t="s">
        <v>6411</v>
      </c>
      <c r="B13751" t="s">
        <v>6412</v>
      </c>
      <c r="C13751" t="s">
        <v>6413</v>
      </c>
      <c r="D13751" t="s">
        <v>6249</v>
      </c>
      <c r="E13751" t="s">
        <v>13</v>
      </c>
      <c r="F13751">
        <v>331</v>
      </c>
      <c r="G13751" t="s">
        <v>6414</v>
      </c>
      <c r="H13751">
        <v>6.0664546522089999</v>
      </c>
      <c r="I13751">
        <v>52.853401381966997</v>
      </c>
      <c r="J13751" t="s">
        <v>69436</v>
      </c>
    </row>
    <row r="13752" spans="1:10" x14ac:dyDescent="0.25">
      <c r="A13752" t="s">
        <v>6407</v>
      </c>
      <c r="B13752" t="s">
        <v>6408</v>
      </c>
      <c r="C13752" t="s">
        <v>6409</v>
      </c>
      <c r="D13752" t="s">
        <v>6249</v>
      </c>
      <c r="E13752" t="s">
        <v>13</v>
      </c>
      <c r="F13752">
        <v>330</v>
      </c>
      <c r="G13752" t="s">
        <v>6410</v>
      </c>
      <c r="H13752">
        <v>6.0456362976399998</v>
      </c>
      <c r="I13752">
        <v>52.854074501364003</v>
      </c>
      <c r="J13752" t="s">
        <v>69437</v>
      </c>
    </row>
    <row r="13753" spans="1:10" x14ac:dyDescent="0.25">
      <c r="A13753" t="s">
        <v>6403</v>
      </c>
      <c r="B13753" t="s">
        <v>6404</v>
      </c>
      <c r="C13753" t="s">
        <v>6405</v>
      </c>
      <c r="D13753" t="s">
        <v>6249</v>
      </c>
      <c r="E13753" t="s">
        <v>13</v>
      </c>
      <c r="F13753">
        <v>329</v>
      </c>
      <c r="G13753" t="s">
        <v>6406</v>
      </c>
      <c r="H13753">
        <v>6.0398308459469998</v>
      </c>
      <c r="I13753">
        <v>52.845838705559999</v>
      </c>
      <c r="J13753" t="s">
        <v>69438</v>
      </c>
    </row>
    <row r="13754" spans="1:10" x14ac:dyDescent="0.25">
      <c r="A13754" t="s">
        <v>6399</v>
      </c>
      <c r="B13754" t="s">
        <v>6400</v>
      </c>
      <c r="C13754" t="s">
        <v>6401</v>
      </c>
      <c r="D13754" t="s">
        <v>6249</v>
      </c>
      <c r="E13754" t="s">
        <v>13</v>
      </c>
      <c r="F13754">
        <v>328</v>
      </c>
      <c r="G13754" t="s">
        <v>6402</v>
      </c>
      <c r="H13754">
        <v>6.0131432915680003</v>
      </c>
      <c r="I13754">
        <v>52.834844043323002</v>
      </c>
      <c r="J13754" t="s">
        <v>69439</v>
      </c>
    </row>
    <row r="13755" spans="1:10" x14ac:dyDescent="0.25">
      <c r="A13755" t="s">
        <v>6395</v>
      </c>
      <c r="B13755" t="s">
        <v>6396</v>
      </c>
      <c r="C13755" t="s">
        <v>6397</v>
      </c>
      <c r="D13755" t="s">
        <v>6249</v>
      </c>
      <c r="E13755" t="s">
        <v>13</v>
      </c>
      <c r="F13755">
        <v>327</v>
      </c>
      <c r="G13755" t="s">
        <v>6398</v>
      </c>
      <c r="H13755">
        <v>6.0138096958479998</v>
      </c>
      <c r="I13755">
        <v>52.830264543833003</v>
      </c>
      <c r="J13755" t="s">
        <v>69440</v>
      </c>
    </row>
    <row r="13756" spans="1:10" x14ac:dyDescent="0.25">
      <c r="A13756" t="s">
        <v>6391</v>
      </c>
      <c r="B13756" t="s">
        <v>6392</v>
      </c>
      <c r="C13756" t="s">
        <v>6393</v>
      </c>
      <c r="D13756" t="s">
        <v>6249</v>
      </c>
      <c r="E13756" t="s">
        <v>13</v>
      </c>
      <c r="F13756">
        <v>326</v>
      </c>
      <c r="G13756" t="s">
        <v>6394</v>
      </c>
      <c r="H13756">
        <v>5.973491273154</v>
      </c>
      <c r="I13756">
        <v>52.864522461966999</v>
      </c>
      <c r="J13756" t="s">
        <v>69441</v>
      </c>
    </row>
    <row r="13757" spans="1:10" x14ac:dyDescent="0.25">
      <c r="A13757" t="s">
        <v>6387</v>
      </c>
      <c r="B13757" t="s">
        <v>6388</v>
      </c>
      <c r="C13757" t="s">
        <v>6389</v>
      </c>
      <c r="D13757" t="s">
        <v>6249</v>
      </c>
      <c r="E13757" t="s">
        <v>13</v>
      </c>
      <c r="F13757">
        <v>325</v>
      </c>
      <c r="G13757" t="s">
        <v>6390</v>
      </c>
      <c r="H13757">
        <v>5.9463644516610001</v>
      </c>
      <c r="I13757">
        <v>52.852693578975</v>
      </c>
      <c r="J13757" t="s">
        <v>69442</v>
      </c>
    </row>
    <row r="13758" spans="1:10" x14ac:dyDescent="0.25">
      <c r="A13758" t="s">
        <v>6383</v>
      </c>
      <c r="B13758" t="s">
        <v>6384</v>
      </c>
      <c r="C13758" t="s">
        <v>6385</v>
      </c>
      <c r="D13758" t="s">
        <v>6249</v>
      </c>
      <c r="E13758" t="s">
        <v>13</v>
      </c>
      <c r="F13758">
        <v>324</v>
      </c>
      <c r="G13758" t="s">
        <v>6386</v>
      </c>
      <c r="H13758">
        <v>5.8721168585800001</v>
      </c>
      <c r="I13758">
        <v>52.814678691147002</v>
      </c>
      <c r="J13758" t="s">
        <v>69443</v>
      </c>
    </row>
    <row r="13759" spans="1:10" x14ac:dyDescent="0.25">
      <c r="A13759" t="s">
        <v>6379</v>
      </c>
      <c r="B13759" t="s">
        <v>6380</v>
      </c>
      <c r="C13759" t="s">
        <v>6381</v>
      </c>
      <c r="D13759" t="s">
        <v>6249</v>
      </c>
      <c r="E13759" t="s">
        <v>13</v>
      </c>
      <c r="F13759">
        <v>323</v>
      </c>
      <c r="G13759" t="s">
        <v>6382</v>
      </c>
      <c r="H13759">
        <v>5.8616871495730001</v>
      </c>
      <c r="I13759">
        <v>52.828070709979002</v>
      </c>
      <c r="J13759" t="s">
        <v>69444</v>
      </c>
    </row>
    <row r="13760" spans="1:10" x14ac:dyDescent="0.25">
      <c r="A13760" t="s">
        <v>6375</v>
      </c>
      <c r="B13760" t="s">
        <v>6376</v>
      </c>
      <c r="C13760" t="s">
        <v>6377</v>
      </c>
      <c r="D13760" t="s">
        <v>6249</v>
      </c>
      <c r="E13760" t="s">
        <v>13</v>
      </c>
      <c r="F13760">
        <v>322</v>
      </c>
      <c r="G13760" t="s">
        <v>6378</v>
      </c>
      <c r="H13760">
        <v>5.874613049083</v>
      </c>
      <c r="I13760">
        <v>52.829149936973998</v>
      </c>
      <c r="J13760" t="s">
        <v>69445</v>
      </c>
    </row>
    <row r="13761" spans="1:10" x14ac:dyDescent="0.25">
      <c r="A13761" t="s">
        <v>6371</v>
      </c>
      <c r="B13761" t="s">
        <v>6372</v>
      </c>
      <c r="C13761" t="s">
        <v>6373</v>
      </c>
      <c r="D13761" t="s">
        <v>6249</v>
      </c>
      <c r="E13761" t="s">
        <v>13</v>
      </c>
      <c r="F13761">
        <v>321</v>
      </c>
      <c r="G13761" t="s">
        <v>6374</v>
      </c>
      <c r="H13761">
        <v>5.9114332091890001</v>
      </c>
      <c r="I13761">
        <v>52.837049017993003</v>
      </c>
      <c r="J13761" t="s">
        <v>69446</v>
      </c>
    </row>
    <row r="13762" spans="1:10" x14ac:dyDescent="0.25">
      <c r="A13762" t="s">
        <v>6367</v>
      </c>
      <c r="B13762" t="s">
        <v>6368</v>
      </c>
      <c r="C13762" t="s">
        <v>6369</v>
      </c>
      <c r="D13762" t="s">
        <v>6249</v>
      </c>
      <c r="E13762" t="s">
        <v>13</v>
      </c>
      <c r="F13762">
        <v>320</v>
      </c>
      <c r="G13762" t="s">
        <v>6370</v>
      </c>
      <c r="H13762">
        <v>5.8768776050399998</v>
      </c>
      <c r="I13762">
        <v>52.848300320691003</v>
      </c>
      <c r="J13762" t="s">
        <v>69447</v>
      </c>
    </row>
    <row r="13763" spans="1:10" x14ac:dyDescent="0.25">
      <c r="A13763" t="s">
        <v>6363</v>
      </c>
      <c r="B13763" t="s">
        <v>6364</v>
      </c>
      <c r="C13763" t="s">
        <v>6365</v>
      </c>
      <c r="D13763" t="s">
        <v>6249</v>
      </c>
      <c r="E13763" t="s">
        <v>13</v>
      </c>
      <c r="F13763">
        <v>319</v>
      </c>
      <c r="G13763" t="s">
        <v>6366</v>
      </c>
      <c r="H13763">
        <v>5.8869341149560004</v>
      </c>
      <c r="I13763">
        <v>52.849643373625</v>
      </c>
      <c r="J13763" t="s">
        <v>69448</v>
      </c>
    </row>
    <row r="13764" spans="1:10" x14ac:dyDescent="0.25">
      <c r="A13764" t="s">
        <v>6359</v>
      </c>
      <c r="B13764" t="s">
        <v>6360</v>
      </c>
      <c r="C13764" t="s">
        <v>6361</v>
      </c>
      <c r="D13764" t="s">
        <v>6249</v>
      </c>
      <c r="E13764" t="s">
        <v>13</v>
      </c>
      <c r="F13764">
        <v>318</v>
      </c>
      <c r="G13764" t="s">
        <v>6362</v>
      </c>
      <c r="H13764">
        <v>5.8438360568589998</v>
      </c>
      <c r="I13764">
        <v>52.840797640700004</v>
      </c>
      <c r="J13764" t="s">
        <v>69449</v>
      </c>
    </row>
    <row r="13765" spans="1:10" x14ac:dyDescent="0.25">
      <c r="A13765" t="s">
        <v>6355</v>
      </c>
      <c r="B13765" t="s">
        <v>6356</v>
      </c>
      <c r="C13765" t="s">
        <v>6357</v>
      </c>
      <c r="D13765" t="s">
        <v>6249</v>
      </c>
      <c r="E13765" t="s">
        <v>13</v>
      </c>
      <c r="F13765">
        <v>317</v>
      </c>
      <c r="G13765" t="s">
        <v>6358</v>
      </c>
      <c r="H13765">
        <v>5.8441196597029998</v>
      </c>
      <c r="I13765">
        <v>52.842287081934998</v>
      </c>
      <c r="J13765" t="s">
        <v>69450</v>
      </c>
    </row>
    <row r="13766" spans="1:10" x14ac:dyDescent="0.25">
      <c r="A13766" t="s">
        <v>6351</v>
      </c>
      <c r="B13766" t="s">
        <v>6352</v>
      </c>
      <c r="C13766" t="s">
        <v>6353</v>
      </c>
      <c r="D13766" t="s">
        <v>6249</v>
      </c>
      <c r="E13766" t="s">
        <v>13</v>
      </c>
      <c r="F13766">
        <v>316</v>
      </c>
      <c r="G13766" t="s">
        <v>6354</v>
      </c>
      <c r="H13766">
        <v>5.9049514568400001</v>
      </c>
      <c r="I13766">
        <v>52.874866044748003</v>
      </c>
      <c r="J13766" t="s">
        <v>69451</v>
      </c>
    </row>
    <row r="13767" spans="1:10" x14ac:dyDescent="0.25">
      <c r="A13767" t="s">
        <v>6347</v>
      </c>
      <c r="B13767" t="s">
        <v>6348</v>
      </c>
      <c r="C13767" t="s">
        <v>6349</v>
      </c>
      <c r="D13767" t="s">
        <v>6249</v>
      </c>
      <c r="E13767" t="s">
        <v>13</v>
      </c>
      <c r="F13767">
        <v>315</v>
      </c>
      <c r="G13767" t="s">
        <v>6350</v>
      </c>
      <c r="H13767">
        <v>5.9438787332869998</v>
      </c>
      <c r="I13767">
        <v>52.891597627947</v>
      </c>
      <c r="J13767" t="s">
        <v>69452</v>
      </c>
    </row>
    <row r="13768" spans="1:10" x14ac:dyDescent="0.25">
      <c r="A13768" t="s">
        <v>6343</v>
      </c>
      <c r="B13768" t="s">
        <v>6344</v>
      </c>
      <c r="C13768" t="s">
        <v>6345</v>
      </c>
      <c r="D13768" t="s">
        <v>6249</v>
      </c>
      <c r="E13768" t="s">
        <v>13</v>
      </c>
      <c r="F13768">
        <v>314</v>
      </c>
      <c r="G13768" t="s">
        <v>6346</v>
      </c>
      <c r="H13768">
        <v>6.0309397637069999</v>
      </c>
      <c r="I13768">
        <v>52.911408899774003</v>
      </c>
      <c r="J13768" t="s">
        <v>69453</v>
      </c>
    </row>
    <row r="13769" spans="1:10" x14ac:dyDescent="0.25">
      <c r="A13769" t="s">
        <v>6339</v>
      </c>
      <c r="B13769" t="s">
        <v>6340</v>
      </c>
      <c r="C13769" t="s">
        <v>6341</v>
      </c>
      <c r="D13769" t="s">
        <v>6249</v>
      </c>
      <c r="E13769" t="s">
        <v>13</v>
      </c>
      <c r="F13769">
        <v>313</v>
      </c>
      <c r="G13769" t="s">
        <v>6342</v>
      </c>
      <c r="H13769">
        <v>6.0322963360730002</v>
      </c>
      <c r="I13769">
        <v>52.902797404190999</v>
      </c>
      <c r="J13769" t="s">
        <v>69454</v>
      </c>
    </row>
    <row r="13770" spans="1:10" x14ac:dyDescent="0.25">
      <c r="A13770" t="s">
        <v>6335</v>
      </c>
      <c r="B13770" t="s">
        <v>6336</v>
      </c>
      <c r="C13770" t="s">
        <v>6337</v>
      </c>
      <c r="D13770" t="s">
        <v>6249</v>
      </c>
      <c r="E13770" t="s">
        <v>13</v>
      </c>
      <c r="F13770">
        <v>312</v>
      </c>
      <c r="G13770" t="s">
        <v>6338</v>
      </c>
      <c r="H13770">
        <v>5.987078105818</v>
      </c>
      <c r="I13770">
        <v>52.916099274167998</v>
      </c>
      <c r="J13770" t="s">
        <v>69455</v>
      </c>
    </row>
    <row r="13771" spans="1:10" x14ac:dyDescent="0.25">
      <c r="A13771" t="s">
        <v>6331</v>
      </c>
      <c r="B13771" t="s">
        <v>6332</v>
      </c>
      <c r="C13771" t="s">
        <v>6333</v>
      </c>
      <c r="D13771" t="s">
        <v>6249</v>
      </c>
      <c r="E13771" t="s">
        <v>13</v>
      </c>
      <c r="F13771">
        <v>311</v>
      </c>
      <c r="G13771" t="s">
        <v>6334</v>
      </c>
      <c r="H13771">
        <v>5.9698062131220002</v>
      </c>
      <c r="I13771">
        <v>52.902293964637003</v>
      </c>
      <c r="J13771" t="s">
        <v>69456</v>
      </c>
    </row>
    <row r="13772" spans="1:10" x14ac:dyDescent="0.25">
      <c r="A13772" t="s">
        <v>6327</v>
      </c>
      <c r="B13772" t="s">
        <v>6328</v>
      </c>
      <c r="C13772" t="s">
        <v>6329</v>
      </c>
      <c r="D13772" t="s">
        <v>6249</v>
      </c>
      <c r="E13772" t="s">
        <v>13</v>
      </c>
      <c r="F13772">
        <v>310</v>
      </c>
      <c r="G13772" t="s">
        <v>6330</v>
      </c>
      <c r="H13772">
        <v>6.0141883782100001</v>
      </c>
      <c r="I13772">
        <v>52.866035129766999</v>
      </c>
      <c r="J13772" t="s">
        <v>69457</v>
      </c>
    </row>
    <row r="13773" spans="1:10" x14ac:dyDescent="0.25">
      <c r="A13773" t="s">
        <v>6323</v>
      </c>
      <c r="B13773" t="s">
        <v>6324</v>
      </c>
      <c r="C13773" t="s">
        <v>6325</v>
      </c>
      <c r="D13773" t="s">
        <v>6249</v>
      </c>
      <c r="E13773" t="s">
        <v>13</v>
      </c>
      <c r="F13773">
        <v>309</v>
      </c>
      <c r="G13773" t="s">
        <v>6326</v>
      </c>
      <c r="H13773">
        <v>6.0192275522749998</v>
      </c>
      <c r="I13773">
        <v>52.874078586019998</v>
      </c>
      <c r="J13773" t="s">
        <v>69458</v>
      </c>
    </row>
    <row r="13774" spans="1:10" x14ac:dyDescent="0.25">
      <c r="A13774" t="s">
        <v>6319</v>
      </c>
      <c r="B13774" t="s">
        <v>6320</v>
      </c>
      <c r="C13774" t="s">
        <v>6321</v>
      </c>
      <c r="D13774" t="s">
        <v>6249</v>
      </c>
      <c r="E13774" t="s">
        <v>13</v>
      </c>
      <c r="F13774">
        <v>308</v>
      </c>
      <c r="G13774" t="s">
        <v>6322</v>
      </c>
      <c r="H13774">
        <v>6.0141546712420002</v>
      </c>
      <c r="I13774">
        <v>52.878053053057997</v>
      </c>
      <c r="J13774" t="s">
        <v>69459</v>
      </c>
    </row>
    <row r="13775" spans="1:10" x14ac:dyDescent="0.25">
      <c r="A13775" t="s">
        <v>6315</v>
      </c>
      <c r="B13775" t="s">
        <v>6316</v>
      </c>
      <c r="C13775" t="s">
        <v>6317</v>
      </c>
      <c r="D13775" t="s">
        <v>6249</v>
      </c>
      <c r="E13775" t="s">
        <v>13</v>
      </c>
      <c r="F13775">
        <v>307</v>
      </c>
      <c r="G13775" t="s">
        <v>6318</v>
      </c>
      <c r="H13775">
        <v>6.0153150381360003</v>
      </c>
      <c r="I13775">
        <v>52.867774064974</v>
      </c>
      <c r="J13775" t="s">
        <v>69460</v>
      </c>
    </row>
    <row r="13776" spans="1:10" x14ac:dyDescent="0.25">
      <c r="A13776" t="s">
        <v>6311</v>
      </c>
      <c r="B13776" t="s">
        <v>6312</v>
      </c>
      <c r="C13776" t="s">
        <v>6313</v>
      </c>
      <c r="D13776" t="s">
        <v>6249</v>
      </c>
      <c r="E13776" t="s">
        <v>13</v>
      </c>
      <c r="F13776">
        <v>306</v>
      </c>
      <c r="G13776" t="s">
        <v>6314</v>
      </c>
      <c r="H13776">
        <v>6.0069655009830001</v>
      </c>
      <c r="I13776">
        <v>52.874918577008003</v>
      </c>
      <c r="J13776" t="s">
        <v>69461</v>
      </c>
    </row>
    <row r="13777" spans="1:10" x14ac:dyDescent="0.25">
      <c r="A13777" t="s">
        <v>6307</v>
      </c>
      <c r="B13777" t="s">
        <v>6308</v>
      </c>
      <c r="C13777" t="s">
        <v>6309</v>
      </c>
      <c r="D13777" t="s">
        <v>6249</v>
      </c>
      <c r="E13777" t="s">
        <v>13</v>
      </c>
      <c r="F13777">
        <v>305</v>
      </c>
      <c r="G13777" t="s">
        <v>6310</v>
      </c>
      <c r="H13777">
        <v>6.0045077405639997</v>
      </c>
      <c r="I13777">
        <v>52.871234160813998</v>
      </c>
      <c r="J13777" t="s">
        <v>69462</v>
      </c>
    </row>
    <row r="13778" spans="1:10" x14ac:dyDescent="0.25">
      <c r="A13778" t="s">
        <v>6303</v>
      </c>
      <c r="B13778" t="s">
        <v>6304</v>
      </c>
      <c r="C13778" t="s">
        <v>6305</v>
      </c>
      <c r="D13778" t="s">
        <v>6249</v>
      </c>
      <c r="E13778" t="s">
        <v>13</v>
      </c>
      <c r="F13778">
        <v>304</v>
      </c>
      <c r="G13778" t="s">
        <v>6306</v>
      </c>
      <c r="H13778">
        <v>6.0005630562509999</v>
      </c>
      <c r="I13778">
        <v>52.873622765038</v>
      </c>
      <c r="J13778" t="s">
        <v>69463</v>
      </c>
    </row>
    <row r="13779" spans="1:10" x14ac:dyDescent="0.25">
      <c r="A13779" t="s">
        <v>6299</v>
      </c>
      <c r="B13779" t="s">
        <v>6300</v>
      </c>
      <c r="C13779" t="s">
        <v>6301</v>
      </c>
      <c r="D13779" t="s">
        <v>6249</v>
      </c>
      <c r="E13779" t="s">
        <v>13</v>
      </c>
      <c r="F13779">
        <v>303</v>
      </c>
      <c r="G13779" t="s">
        <v>6302</v>
      </c>
      <c r="H13779">
        <v>6.0029687415749997</v>
      </c>
      <c r="I13779">
        <v>52.876355426408999</v>
      </c>
      <c r="J13779" t="s">
        <v>69464</v>
      </c>
    </row>
    <row r="13780" spans="1:10" x14ac:dyDescent="0.25">
      <c r="A13780" t="s">
        <v>6295</v>
      </c>
      <c r="B13780" t="s">
        <v>6296</v>
      </c>
      <c r="C13780" t="s">
        <v>6297</v>
      </c>
      <c r="D13780" t="s">
        <v>6249</v>
      </c>
      <c r="E13780" t="s">
        <v>13</v>
      </c>
      <c r="F13780">
        <v>302</v>
      </c>
      <c r="G13780" t="s">
        <v>6298</v>
      </c>
      <c r="H13780">
        <v>6.0025230614309999</v>
      </c>
      <c r="I13780">
        <v>52.868180548208997</v>
      </c>
      <c r="J13780" t="s">
        <v>69465</v>
      </c>
    </row>
    <row r="13781" spans="1:10" x14ac:dyDescent="0.25">
      <c r="A13781" t="s">
        <v>6291</v>
      </c>
      <c r="B13781" t="s">
        <v>6292</v>
      </c>
      <c r="C13781" t="s">
        <v>6293</v>
      </c>
      <c r="D13781" t="s">
        <v>6249</v>
      </c>
      <c r="E13781" t="s">
        <v>13</v>
      </c>
      <c r="F13781">
        <v>301</v>
      </c>
      <c r="G13781" t="s">
        <v>6294</v>
      </c>
      <c r="H13781">
        <v>5.9973785206669996</v>
      </c>
      <c r="I13781">
        <v>52.870897757260003</v>
      </c>
      <c r="J13781" t="s">
        <v>69466</v>
      </c>
    </row>
    <row r="13782" spans="1:10" x14ac:dyDescent="0.25">
      <c r="A13782" t="s">
        <v>6287</v>
      </c>
      <c r="B13782" t="s">
        <v>6288</v>
      </c>
      <c r="C13782" t="s">
        <v>6289</v>
      </c>
      <c r="D13782" t="s">
        <v>6249</v>
      </c>
      <c r="E13782" t="s">
        <v>13</v>
      </c>
      <c r="F13782">
        <v>300</v>
      </c>
      <c r="G13782" t="s">
        <v>6290</v>
      </c>
      <c r="H13782">
        <v>5.9919740989130004</v>
      </c>
      <c r="I13782">
        <v>52.866883266624001</v>
      </c>
      <c r="J13782" t="s">
        <v>69467</v>
      </c>
    </row>
    <row r="13783" spans="1:10" x14ac:dyDescent="0.25">
      <c r="A13783" t="s">
        <v>6283</v>
      </c>
      <c r="B13783" t="s">
        <v>6284</v>
      </c>
      <c r="C13783" t="s">
        <v>6285</v>
      </c>
      <c r="D13783" t="s">
        <v>6249</v>
      </c>
      <c r="E13783" t="s">
        <v>13</v>
      </c>
      <c r="F13783">
        <v>299</v>
      </c>
      <c r="G13783" t="s">
        <v>6286</v>
      </c>
      <c r="H13783">
        <v>5.9903371405380001</v>
      </c>
      <c r="I13783">
        <v>52.869849193373</v>
      </c>
      <c r="J13783" t="s">
        <v>69468</v>
      </c>
    </row>
    <row r="13784" spans="1:10" x14ac:dyDescent="0.25">
      <c r="A13784" t="s">
        <v>6279</v>
      </c>
      <c r="B13784" t="s">
        <v>6280</v>
      </c>
      <c r="C13784" t="s">
        <v>6281</v>
      </c>
      <c r="D13784" t="s">
        <v>6249</v>
      </c>
      <c r="E13784" t="s">
        <v>13</v>
      </c>
      <c r="F13784">
        <v>298</v>
      </c>
      <c r="G13784" t="s">
        <v>6282</v>
      </c>
      <c r="H13784">
        <v>6.0152087894199999</v>
      </c>
      <c r="I13784">
        <v>52.881043042085999</v>
      </c>
      <c r="J13784" t="s">
        <v>69469</v>
      </c>
    </row>
    <row r="13785" spans="1:10" x14ac:dyDescent="0.25">
      <c r="A13785" t="s">
        <v>6275</v>
      </c>
      <c r="B13785" t="s">
        <v>6276</v>
      </c>
      <c r="C13785" t="s">
        <v>6277</v>
      </c>
      <c r="D13785" t="s">
        <v>6249</v>
      </c>
      <c r="E13785" t="s">
        <v>13</v>
      </c>
      <c r="F13785">
        <v>297</v>
      </c>
      <c r="G13785" t="s">
        <v>6278</v>
      </c>
      <c r="H13785">
        <v>6.0067829867820004</v>
      </c>
      <c r="I13785">
        <v>52.880958898662001</v>
      </c>
      <c r="J13785" t="s">
        <v>69470</v>
      </c>
    </row>
    <row r="13786" spans="1:10" x14ac:dyDescent="0.25">
      <c r="A13786" t="s">
        <v>6271</v>
      </c>
      <c r="B13786" t="s">
        <v>6272</v>
      </c>
      <c r="C13786" t="s">
        <v>6273</v>
      </c>
      <c r="D13786" t="s">
        <v>6249</v>
      </c>
      <c r="E13786" t="s">
        <v>13</v>
      </c>
      <c r="F13786">
        <v>296</v>
      </c>
      <c r="G13786" t="s">
        <v>6274</v>
      </c>
      <c r="H13786">
        <v>6.0027302046409998</v>
      </c>
      <c r="I13786">
        <v>52.879870311418998</v>
      </c>
      <c r="J13786" t="s">
        <v>69471</v>
      </c>
    </row>
    <row r="13787" spans="1:10" x14ac:dyDescent="0.25">
      <c r="A13787" t="s">
        <v>6267</v>
      </c>
      <c r="B13787" t="s">
        <v>6268</v>
      </c>
      <c r="C13787" t="s">
        <v>6269</v>
      </c>
      <c r="D13787" t="s">
        <v>6249</v>
      </c>
      <c r="E13787" t="s">
        <v>13</v>
      </c>
      <c r="F13787">
        <v>295</v>
      </c>
      <c r="G13787" t="s">
        <v>6270</v>
      </c>
      <c r="H13787">
        <v>5.9976343461179997</v>
      </c>
      <c r="I13787">
        <v>52.878618823764</v>
      </c>
      <c r="J13787" t="s">
        <v>69472</v>
      </c>
    </row>
    <row r="13788" spans="1:10" x14ac:dyDescent="0.25">
      <c r="A13788" t="s">
        <v>6263</v>
      </c>
      <c r="B13788" t="s">
        <v>6264</v>
      </c>
      <c r="C13788" t="s">
        <v>6265</v>
      </c>
      <c r="D13788" t="s">
        <v>6249</v>
      </c>
      <c r="E13788" t="s">
        <v>13</v>
      </c>
      <c r="F13788">
        <v>294</v>
      </c>
      <c r="G13788" t="s">
        <v>6266</v>
      </c>
      <c r="H13788">
        <v>5.9921530634359996</v>
      </c>
      <c r="I13788">
        <v>52.876168076524003</v>
      </c>
      <c r="J13788" t="s">
        <v>69473</v>
      </c>
    </row>
    <row r="13789" spans="1:10" x14ac:dyDescent="0.25">
      <c r="A13789" t="s">
        <v>6259</v>
      </c>
      <c r="B13789" t="s">
        <v>6260</v>
      </c>
      <c r="C13789" t="s">
        <v>6261</v>
      </c>
      <c r="D13789" t="s">
        <v>6249</v>
      </c>
      <c r="E13789" t="s">
        <v>13</v>
      </c>
      <c r="F13789">
        <v>293</v>
      </c>
      <c r="G13789" t="s">
        <v>6262</v>
      </c>
      <c r="H13789">
        <v>5.9866610326789997</v>
      </c>
      <c r="I13789">
        <v>52.873945920243997</v>
      </c>
      <c r="J13789" t="s">
        <v>69474</v>
      </c>
    </row>
    <row r="13790" spans="1:10" x14ac:dyDescent="0.25">
      <c r="A13790" t="s">
        <v>6255</v>
      </c>
      <c r="B13790" t="s">
        <v>6256</v>
      </c>
      <c r="C13790" t="s">
        <v>6257</v>
      </c>
      <c r="D13790" t="s">
        <v>6249</v>
      </c>
      <c r="E13790" t="s">
        <v>13</v>
      </c>
      <c r="F13790">
        <v>292</v>
      </c>
      <c r="G13790" t="s">
        <v>6258</v>
      </c>
      <c r="H13790">
        <v>6.0061855027100002</v>
      </c>
      <c r="I13790">
        <v>52.887053982611</v>
      </c>
      <c r="J13790" t="s">
        <v>69475</v>
      </c>
    </row>
    <row r="13791" spans="1:10" x14ac:dyDescent="0.25">
      <c r="A13791" t="s">
        <v>6251</v>
      </c>
      <c r="B13791" t="s">
        <v>6252</v>
      </c>
      <c r="C13791" t="s">
        <v>6253</v>
      </c>
      <c r="D13791" t="s">
        <v>6249</v>
      </c>
      <c r="E13791" t="s">
        <v>13</v>
      </c>
      <c r="F13791">
        <v>291</v>
      </c>
      <c r="G13791" t="s">
        <v>6254</v>
      </c>
      <c r="H13791">
        <v>5.9877861908609997</v>
      </c>
      <c r="I13791">
        <v>52.880466583655</v>
      </c>
      <c r="J13791" t="s">
        <v>69476</v>
      </c>
    </row>
    <row r="13792" spans="1:10" x14ac:dyDescent="0.25">
      <c r="A13792" t="s">
        <v>6246</v>
      </c>
      <c r="B13792" t="s">
        <v>6247</v>
      </c>
      <c r="C13792" t="s">
        <v>6248</v>
      </c>
      <c r="D13792" t="s">
        <v>6249</v>
      </c>
      <c r="E13792" t="s">
        <v>13</v>
      </c>
      <c r="F13792">
        <v>290</v>
      </c>
      <c r="G13792" t="s">
        <v>6250</v>
      </c>
      <c r="H13792">
        <v>5.985179150535</v>
      </c>
      <c r="I13792">
        <v>52.883826522863998</v>
      </c>
      <c r="J13792" t="s">
        <v>69477</v>
      </c>
    </row>
    <row r="13793" spans="1:10" x14ac:dyDescent="0.25">
      <c r="A13793" t="s">
        <v>6242</v>
      </c>
      <c r="B13793" t="s">
        <v>6243</v>
      </c>
      <c r="C13793" t="s">
        <v>6244</v>
      </c>
      <c r="D13793" t="s">
        <v>6240</v>
      </c>
      <c r="E13793" t="s">
        <v>13</v>
      </c>
      <c r="F13793">
        <v>289</v>
      </c>
      <c r="G13793" t="s">
        <v>6245</v>
      </c>
      <c r="H13793">
        <v>4.9713718771290001</v>
      </c>
      <c r="I13793">
        <v>53.258406224848002</v>
      </c>
      <c r="J13793" t="s">
        <v>69478</v>
      </c>
    </row>
    <row r="13794" spans="1:10" x14ac:dyDescent="0.25">
      <c r="A13794" t="s">
        <v>6237</v>
      </c>
      <c r="B13794" t="s">
        <v>6238</v>
      </c>
      <c r="C13794" t="s">
        <v>6239</v>
      </c>
      <c r="D13794" t="s">
        <v>6240</v>
      </c>
      <c r="E13794" t="s">
        <v>13</v>
      </c>
      <c r="F13794">
        <v>288</v>
      </c>
      <c r="G13794" t="s">
        <v>6241</v>
      </c>
      <c r="H13794">
        <v>5.074869940388</v>
      </c>
      <c r="I13794">
        <v>53.297129120401003</v>
      </c>
      <c r="J13794" t="s">
        <v>69479</v>
      </c>
    </row>
    <row r="13795" spans="1:10" x14ac:dyDescent="0.25">
      <c r="A13795" t="s">
        <v>6233</v>
      </c>
      <c r="B13795" t="s">
        <v>6234</v>
      </c>
      <c r="C13795" t="s">
        <v>6235</v>
      </c>
      <c r="D13795" t="s">
        <v>6175</v>
      </c>
      <c r="E13795" t="s">
        <v>13</v>
      </c>
      <c r="F13795">
        <v>287</v>
      </c>
      <c r="G13795" t="s">
        <v>6236</v>
      </c>
      <c r="H13795">
        <v>5.4517018675699997</v>
      </c>
      <c r="I13795">
        <v>53.424010615363997</v>
      </c>
      <c r="J13795" t="s">
        <v>69480</v>
      </c>
    </row>
    <row r="13796" spans="1:10" x14ac:dyDescent="0.25">
      <c r="A13796" t="s">
        <v>6229</v>
      </c>
      <c r="B13796" t="s">
        <v>6230</v>
      </c>
      <c r="C13796" t="s">
        <v>6231</v>
      </c>
      <c r="D13796" t="s">
        <v>6175</v>
      </c>
      <c r="E13796" t="s">
        <v>13</v>
      </c>
      <c r="F13796">
        <v>286</v>
      </c>
      <c r="G13796" t="s">
        <v>6232</v>
      </c>
      <c r="H13796">
        <v>5.3961565621209999</v>
      </c>
      <c r="I13796">
        <v>53.404689478746</v>
      </c>
      <c r="J13796" t="s">
        <v>69481</v>
      </c>
    </row>
    <row r="13797" spans="1:10" x14ac:dyDescent="0.25">
      <c r="A13797" t="s">
        <v>6225</v>
      </c>
      <c r="B13797" t="s">
        <v>6226</v>
      </c>
      <c r="C13797" t="s">
        <v>6227</v>
      </c>
      <c r="D13797" t="s">
        <v>6175</v>
      </c>
      <c r="E13797" t="s">
        <v>13</v>
      </c>
      <c r="F13797">
        <v>285</v>
      </c>
      <c r="G13797" t="s">
        <v>6228</v>
      </c>
      <c r="H13797">
        <v>5.3793656465730004</v>
      </c>
      <c r="I13797">
        <v>53.404226821512999</v>
      </c>
      <c r="J13797" t="s">
        <v>69482</v>
      </c>
    </row>
    <row r="13798" spans="1:10" x14ac:dyDescent="0.25">
      <c r="A13798" t="s">
        <v>6221</v>
      </c>
      <c r="B13798" t="s">
        <v>6222</v>
      </c>
      <c r="C13798" t="s">
        <v>6223</v>
      </c>
      <c r="D13798" t="s">
        <v>6175</v>
      </c>
      <c r="E13798" t="s">
        <v>13</v>
      </c>
      <c r="F13798">
        <v>284</v>
      </c>
      <c r="G13798" t="s">
        <v>6224</v>
      </c>
      <c r="H13798">
        <v>5.3528882862170004</v>
      </c>
      <c r="I13798">
        <v>53.394178351462003</v>
      </c>
      <c r="J13798" t="s">
        <v>69483</v>
      </c>
    </row>
    <row r="13799" spans="1:10" x14ac:dyDescent="0.25">
      <c r="A13799" t="s">
        <v>6217</v>
      </c>
      <c r="B13799" t="s">
        <v>6218</v>
      </c>
      <c r="C13799" t="s">
        <v>6219</v>
      </c>
      <c r="D13799" t="s">
        <v>6175</v>
      </c>
      <c r="E13799" t="s">
        <v>13</v>
      </c>
      <c r="F13799">
        <v>283</v>
      </c>
      <c r="G13799" t="s">
        <v>6220</v>
      </c>
      <c r="H13799">
        <v>5.3436083487800001</v>
      </c>
      <c r="I13799">
        <v>53.396941841712</v>
      </c>
      <c r="J13799" t="s">
        <v>69484</v>
      </c>
    </row>
    <row r="13800" spans="1:10" x14ac:dyDescent="0.25">
      <c r="A13800" t="s">
        <v>6213</v>
      </c>
      <c r="B13800" t="s">
        <v>6214</v>
      </c>
      <c r="C13800" t="s">
        <v>6215</v>
      </c>
      <c r="D13800" t="s">
        <v>6175</v>
      </c>
      <c r="E13800" t="s">
        <v>13</v>
      </c>
      <c r="F13800">
        <v>282</v>
      </c>
      <c r="G13800" t="s">
        <v>6216</v>
      </c>
      <c r="H13800">
        <v>5.3419925477600003</v>
      </c>
      <c r="I13800">
        <v>53.408910516180001</v>
      </c>
      <c r="J13800" t="s">
        <v>69485</v>
      </c>
    </row>
    <row r="13801" spans="1:10" x14ac:dyDescent="0.25">
      <c r="A13801" t="s">
        <v>6209</v>
      </c>
      <c r="B13801" t="s">
        <v>6210</v>
      </c>
      <c r="C13801" t="s">
        <v>6211</v>
      </c>
      <c r="D13801" t="s">
        <v>6175</v>
      </c>
      <c r="E13801" t="s">
        <v>13</v>
      </c>
      <c r="F13801">
        <v>281</v>
      </c>
      <c r="G13801" t="s">
        <v>6212</v>
      </c>
      <c r="H13801">
        <v>5.332009557258</v>
      </c>
      <c r="I13801">
        <v>53.387225021553</v>
      </c>
      <c r="J13801" t="s">
        <v>69486</v>
      </c>
    </row>
    <row r="13802" spans="1:10" x14ac:dyDescent="0.25">
      <c r="A13802" t="s">
        <v>6205</v>
      </c>
      <c r="B13802" t="s">
        <v>6206</v>
      </c>
      <c r="C13802" t="s">
        <v>6207</v>
      </c>
      <c r="D13802" t="s">
        <v>6175</v>
      </c>
      <c r="E13802" t="s">
        <v>13</v>
      </c>
      <c r="F13802">
        <v>280</v>
      </c>
      <c r="G13802" t="s">
        <v>6208</v>
      </c>
      <c r="H13802">
        <v>5.3265099086539998</v>
      </c>
      <c r="I13802">
        <v>53.39437577879</v>
      </c>
      <c r="J13802" t="s">
        <v>69487</v>
      </c>
    </row>
    <row r="13803" spans="1:10" x14ac:dyDescent="0.25">
      <c r="A13803" t="s">
        <v>6201</v>
      </c>
      <c r="B13803" t="s">
        <v>6202</v>
      </c>
      <c r="C13803" t="s">
        <v>6203</v>
      </c>
      <c r="D13803" t="s">
        <v>6175</v>
      </c>
      <c r="E13803" t="s">
        <v>13</v>
      </c>
      <c r="F13803">
        <v>279</v>
      </c>
      <c r="G13803" t="s">
        <v>6204</v>
      </c>
      <c r="H13803">
        <v>5.3093031774229997</v>
      </c>
      <c r="I13803">
        <v>53.403570214261997</v>
      </c>
      <c r="J13803" t="s">
        <v>69488</v>
      </c>
    </row>
    <row r="13804" spans="1:10" x14ac:dyDescent="0.25">
      <c r="A13804" t="s">
        <v>6197</v>
      </c>
      <c r="B13804" t="s">
        <v>6198</v>
      </c>
      <c r="C13804" t="s">
        <v>6199</v>
      </c>
      <c r="D13804" t="s">
        <v>6175</v>
      </c>
      <c r="E13804" t="s">
        <v>13</v>
      </c>
      <c r="F13804">
        <v>278</v>
      </c>
      <c r="G13804" t="s">
        <v>6200</v>
      </c>
      <c r="H13804">
        <v>5.311550032395</v>
      </c>
      <c r="I13804">
        <v>53.384601977932</v>
      </c>
      <c r="J13804" t="s">
        <v>69489</v>
      </c>
    </row>
    <row r="13805" spans="1:10" x14ac:dyDescent="0.25">
      <c r="A13805" t="s">
        <v>6193</v>
      </c>
      <c r="B13805" t="s">
        <v>6194</v>
      </c>
      <c r="C13805" t="s">
        <v>6195</v>
      </c>
      <c r="D13805" t="s">
        <v>6175</v>
      </c>
      <c r="E13805" t="s">
        <v>13</v>
      </c>
      <c r="F13805">
        <v>277</v>
      </c>
      <c r="G13805" t="s">
        <v>6196</v>
      </c>
      <c r="H13805">
        <v>5.3105410122160004</v>
      </c>
      <c r="I13805">
        <v>53.389565302150999</v>
      </c>
      <c r="J13805" t="s">
        <v>69490</v>
      </c>
    </row>
    <row r="13806" spans="1:10" x14ac:dyDescent="0.25">
      <c r="A13806" t="s">
        <v>6189</v>
      </c>
      <c r="B13806" t="s">
        <v>6190</v>
      </c>
      <c r="C13806" t="s">
        <v>6191</v>
      </c>
      <c r="D13806" t="s">
        <v>6175</v>
      </c>
      <c r="E13806" t="s">
        <v>13</v>
      </c>
      <c r="F13806">
        <v>276</v>
      </c>
      <c r="G13806" t="s">
        <v>6192</v>
      </c>
      <c r="H13806">
        <v>5.2755650966810004</v>
      </c>
      <c r="I13806">
        <v>53.398899393793997</v>
      </c>
      <c r="J13806" t="s">
        <v>69491</v>
      </c>
    </row>
    <row r="13807" spans="1:10" x14ac:dyDescent="0.25">
      <c r="A13807" t="s">
        <v>6185</v>
      </c>
      <c r="B13807" t="s">
        <v>6186</v>
      </c>
      <c r="C13807" t="s">
        <v>6187</v>
      </c>
      <c r="D13807" t="s">
        <v>6175</v>
      </c>
      <c r="E13807" t="s">
        <v>13</v>
      </c>
      <c r="F13807">
        <v>275</v>
      </c>
      <c r="G13807" t="s">
        <v>6188</v>
      </c>
      <c r="H13807">
        <v>5.277230541822</v>
      </c>
      <c r="I13807">
        <v>53.381493964712</v>
      </c>
      <c r="J13807" t="s">
        <v>69492</v>
      </c>
    </row>
    <row r="13808" spans="1:10" x14ac:dyDescent="0.25">
      <c r="A13808" t="s">
        <v>6181</v>
      </c>
      <c r="B13808" t="s">
        <v>6182</v>
      </c>
      <c r="C13808" t="s">
        <v>6183</v>
      </c>
      <c r="D13808" t="s">
        <v>6175</v>
      </c>
      <c r="E13808" t="s">
        <v>13</v>
      </c>
      <c r="F13808">
        <v>274</v>
      </c>
      <c r="G13808" t="s">
        <v>6184</v>
      </c>
      <c r="H13808">
        <v>5.2858111479180003</v>
      </c>
      <c r="I13808">
        <v>53.38290978101</v>
      </c>
      <c r="J13808" t="s">
        <v>69493</v>
      </c>
    </row>
    <row r="13809" spans="1:10" x14ac:dyDescent="0.25">
      <c r="A13809" t="s">
        <v>6177</v>
      </c>
      <c r="B13809" t="s">
        <v>6178</v>
      </c>
      <c r="C13809" t="s">
        <v>6179</v>
      </c>
      <c r="D13809" t="s">
        <v>6175</v>
      </c>
      <c r="E13809" t="s">
        <v>13</v>
      </c>
      <c r="F13809">
        <v>273</v>
      </c>
      <c r="G13809" t="s">
        <v>6180</v>
      </c>
      <c r="H13809">
        <v>5.2084912853010001</v>
      </c>
      <c r="I13809">
        <v>53.372695786950999</v>
      </c>
      <c r="J13809" t="s">
        <v>69494</v>
      </c>
    </row>
    <row r="13810" spans="1:10" x14ac:dyDescent="0.25">
      <c r="A13810" t="s">
        <v>6172</v>
      </c>
      <c r="B13810" t="s">
        <v>6173</v>
      </c>
      <c r="C13810" t="s">
        <v>6174</v>
      </c>
      <c r="D13810" t="s">
        <v>6175</v>
      </c>
      <c r="E13810" t="s">
        <v>13</v>
      </c>
      <c r="F13810">
        <v>272</v>
      </c>
      <c r="G13810" t="s">
        <v>6176</v>
      </c>
      <c r="H13810">
        <v>5.2182987799699996</v>
      </c>
      <c r="I13810">
        <v>53.364708031493997</v>
      </c>
      <c r="J13810" t="s">
        <v>69495</v>
      </c>
    </row>
    <row r="13811" spans="1:10" x14ac:dyDescent="0.25">
      <c r="A13811" t="s">
        <v>6168</v>
      </c>
      <c r="B13811" t="s">
        <v>6169</v>
      </c>
      <c r="C13811" t="s">
        <v>6170</v>
      </c>
      <c r="D13811" t="s">
        <v>6052</v>
      </c>
      <c r="E13811" t="s">
        <v>13</v>
      </c>
      <c r="F13811">
        <v>271</v>
      </c>
      <c r="G13811" t="s">
        <v>6171</v>
      </c>
      <c r="H13811">
        <v>6.0310679244600003</v>
      </c>
      <c r="I13811">
        <v>53.150935905144003</v>
      </c>
      <c r="J13811" t="s">
        <v>69496</v>
      </c>
    </row>
    <row r="13812" spans="1:10" x14ac:dyDescent="0.25">
      <c r="A13812" t="s">
        <v>6164</v>
      </c>
      <c r="B13812" t="s">
        <v>6165</v>
      </c>
      <c r="C13812" t="s">
        <v>6166</v>
      </c>
      <c r="D13812" t="s">
        <v>6052</v>
      </c>
      <c r="E13812" t="s">
        <v>13</v>
      </c>
      <c r="F13812">
        <v>270</v>
      </c>
      <c r="G13812" t="s">
        <v>6167</v>
      </c>
      <c r="H13812">
        <v>6.0283791128489996</v>
      </c>
      <c r="I13812">
        <v>53.128141504463002</v>
      </c>
      <c r="J13812" t="s">
        <v>69497</v>
      </c>
    </row>
    <row r="13813" spans="1:10" x14ac:dyDescent="0.25">
      <c r="A13813" t="s">
        <v>6160</v>
      </c>
      <c r="B13813" t="s">
        <v>6161</v>
      </c>
      <c r="C13813" t="s">
        <v>6162</v>
      </c>
      <c r="D13813" t="s">
        <v>6052</v>
      </c>
      <c r="E13813" t="s">
        <v>13</v>
      </c>
      <c r="F13813">
        <v>269</v>
      </c>
      <c r="G13813" t="s">
        <v>6163</v>
      </c>
      <c r="H13813">
        <v>5.9687108675119998</v>
      </c>
      <c r="I13813">
        <v>53.118083553197003</v>
      </c>
      <c r="J13813" t="s">
        <v>69498</v>
      </c>
    </row>
    <row r="13814" spans="1:10" x14ac:dyDescent="0.25">
      <c r="A13814" t="s">
        <v>6156</v>
      </c>
      <c r="B13814" t="s">
        <v>6157</v>
      </c>
      <c r="C13814" t="s">
        <v>6158</v>
      </c>
      <c r="D13814" t="s">
        <v>6052</v>
      </c>
      <c r="E13814" t="s">
        <v>13</v>
      </c>
      <c r="F13814">
        <v>268</v>
      </c>
      <c r="G13814" t="s">
        <v>6159</v>
      </c>
      <c r="H13814">
        <v>5.9025024594089999</v>
      </c>
      <c r="I13814">
        <v>53.087475304126997</v>
      </c>
      <c r="J13814" t="s">
        <v>69499</v>
      </c>
    </row>
    <row r="13815" spans="1:10" x14ac:dyDescent="0.25">
      <c r="A13815" t="s">
        <v>6152</v>
      </c>
      <c r="B13815" t="s">
        <v>6153</v>
      </c>
      <c r="C13815" t="s">
        <v>6154</v>
      </c>
      <c r="D13815" t="s">
        <v>6052</v>
      </c>
      <c r="E13815" t="s">
        <v>13</v>
      </c>
      <c r="F13815">
        <v>267</v>
      </c>
      <c r="G13815" t="s">
        <v>6155</v>
      </c>
      <c r="H13815">
        <v>5.9633490645489999</v>
      </c>
      <c r="I13815">
        <v>53.090813040626003</v>
      </c>
      <c r="J13815" t="s">
        <v>69500</v>
      </c>
    </row>
    <row r="13816" spans="1:10" x14ac:dyDescent="0.25">
      <c r="A13816" t="s">
        <v>6148</v>
      </c>
      <c r="B13816" t="s">
        <v>6149</v>
      </c>
      <c r="C13816" t="s">
        <v>6150</v>
      </c>
      <c r="D13816" t="s">
        <v>6052</v>
      </c>
      <c r="E13816" t="s">
        <v>13</v>
      </c>
      <c r="F13816">
        <v>266</v>
      </c>
      <c r="G13816" t="s">
        <v>6151</v>
      </c>
      <c r="H13816">
        <v>6.0034801170519998</v>
      </c>
      <c r="I13816">
        <v>53.102983777782001</v>
      </c>
      <c r="J13816" t="s">
        <v>69501</v>
      </c>
    </row>
    <row r="13817" spans="1:10" x14ac:dyDescent="0.25">
      <c r="A13817" t="s">
        <v>6144</v>
      </c>
      <c r="B13817" t="s">
        <v>6145</v>
      </c>
      <c r="C13817" t="s">
        <v>6146</v>
      </c>
      <c r="D13817" t="s">
        <v>6052</v>
      </c>
      <c r="E13817" t="s">
        <v>13</v>
      </c>
      <c r="F13817">
        <v>265</v>
      </c>
      <c r="G13817" t="s">
        <v>6147</v>
      </c>
      <c r="H13817">
        <v>6.0233215497529997</v>
      </c>
      <c r="I13817">
        <v>53.096973574361002</v>
      </c>
      <c r="J13817" t="s">
        <v>69502</v>
      </c>
    </row>
    <row r="13818" spans="1:10" x14ac:dyDescent="0.25">
      <c r="A13818" t="s">
        <v>6140</v>
      </c>
      <c r="B13818" t="s">
        <v>6141</v>
      </c>
      <c r="C13818" t="s">
        <v>6142</v>
      </c>
      <c r="D13818" t="s">
        <v>6052</v>
      </c>
      <c r="E13818" t="s">
        <v>13</v>
      </c>
      <c r="F13818">
        <v>264</v>
      </c>
      <c r="G13818" t="s">
        <v>6143</v>
      </c>
      <c r="H13818">
        <v>6.0315328322940003</v>
      </c>
      <c r="I13818">
        <v>53.082925500191003</v>
      </c>
      <c r="J13818" t="s">
        <v>69503</v>
      </c>
    </row>
    <row r="13819" spans="1:10" x14ac:dyDescent="0.25">
      <c r="A13819" t="s">
        <v>6136</v>
      </c>
      <c r="B13819" t="s">
        <v>6137</v>
      </c>
      <c r="C13819" t="s">
        <v>6138</v>
      </c>
      <c r="D13819" t="s">
        <v>6052</v>
      </c>
      <c r="E13819" t="s">
        <v>13</v>
      </c>
      <c r="F13819">
        <v>263</v>
      </c>
      <c r="G13819" t="s">
        <v>6139</v>
      </c>
      <c r="H13819">
        <v>6.0763504466020004</v>
      </c>
      <c r="I13819">
        <v>53.078366026090997</v>
      </c>
      <c r="J13819" t="s">
        <v>69504</v>
      </c>
    </row>
    <row r="13820" spans="1:10" x14ac:dyDescent="0.25">
      <c r="A13820" t="s">
        <v>6132</v>
      </c>
      <c r="B13820" t="s">
        <v>6133</v>
      </c>
      <c r="C13820" t="s">
        <v>6134</v>
      </c>
      <c r="D13820" t="s">
        <v>6052</v>
      </c>
      <c r="E13820" t="s">
        <v>13</v>
      </c>
      <c r="F13820">
        <v>262</v>
      </c>
      <c r="G13820" t="s">
        <v>6135</v>
      </c>
      <c r="H13820">
        <v>6.147870495886</v>
      </c>
      <c r="I13820">
        <v>53.129409781455003</v>
      </c>
      <c r="J13820" t="s">
        <v>69505</v>
      </c>
    </row>
    <row r="13821" spans="1:10" x14ac:dyDescent="0.25">
      <c r="A13821" t="s">
        <v>6128</v>
      </c>
      <c r="B13821" t="s">
        <v>6129</v>
      </c>
      <c r="C13821" t="s">
        <v>6130</v>
      </c>
      <c r="D13821" t="s">
        <v>6052</v>
      </c>
      <c r="E13821" t="s">
        <v>13</v>
      </c>
      <c r="F13821">
        <v>261</v>
      </c>
      <c r="G13821" t="s">
        <v>6131</v>
      </c>
      <c r="H13821">
        <v>6.1446363285379997</v>
      </c>
      <c r="I13821">
        <v>53.148214217080003</v>
      </c>
      <c r="J13821" t="s">
        <v>69506</v>
      </c>
    </row>
    <row r="13822" spans="1:10" x14ac:dyDescent="0.25">
      <c r="A13822" t="s">
        <v>6124</v>
      </c>
      <c r="B13822" t="s">
        <v>6125</v>
      </c>
      <c r="C13822" t="s">
        <v>6126</v>
      </c>
      <c r="D13822" t="s">
        <v>6052</v>
      </c>
      <c r="E13822" t="s">
        <v>13</v>
      </c>
      <c r="F13822">
        <v>260</v>
      </c>
      <c r="G13822" t="s">
        <v>6127</v>
      </c>
      <c r="H13822">
        <v>6.0963352414649998</v>
      </c>
      <c r="I13822">
        <v>53.145083572700003</v>
      </c>
      <c r="J13822" t="s">
        <v>69507</v>
      </c>
    </row>
    <row r="13823" spans="1:10" x14ac:dyDescent="0.25">
      <c r="A13823" t="s">
        <v>6120</v>
      </c>
      <c r="B13823" t="s">
        <v>6121</v>
      </c>
      <c r="C13823" t="s">
        <v>6122</v>
      </c>
      <c r="D13823" t="s">
        <v>6052</v>
      </c>
      <c r="E13823" t="s">
        <v>13</v>
      </c>
      <c r="F13823">
        <v>259</v>
      </c>
      <c r="G13823" t="s">
        <v>6123</v>
      </c>
      <c r="H13823">
        <v>6.0624560760320003</v>
      </c>
      <c r="I13823">
        <v>53.134465531907999</v>
      </c>
      <c r="J13823" t="s">
        <v>69508</v>
      </c>
    </row>
    <row r="13824" spans="1:10" x14ac:dyDescent="0.25">
      <c r="A13824" t="s">
        <v>6116</v>
      </c>
      <c r="B13824" t="s">
        <v>6117</v>
      </c>
      <c r="C13824" t="s">
        <v>6118</v>
      </c>
      <c r="D13824" t="s">
        <v>6052</v>
      </c>
      <c r="E13824" t="s">
        <v>13</v>
      </c>
      <c r="F13824">
        <v>258</v>
      </c>
      <c r="G13824" t="s">
        <v>6119</v>
      </c>
      <c r="H13824">
        <v>6.0815597120640001</v>
      </c>
      <c r="I13824">
        <v>53.125869024762999</v>
      </c>
      <c r="J13824" t="s">
        <v>69509</v>
      </c>
    </row>
    <row r="13825" spans="1:10" x14ac:dyDescent="0.25">
      <c r="A13825" t="s">
        <v>6112</v>
      </c>
      <c r="B13825" t="s">
        <v>6113</v>
      </c>
      <c r="C13825" t="s">
        <v>6114</v>
      </c>
      <c r="D13825" t="s">
        <v>6052</v>
      </c>
      <c r="E13825" t="s">
        <v>13</v>
      </c>
      <c r="F13825">
        <v>257</v>
      </c>
      <c r="G13825" t="s">
        <v>6115</v>
      </c>
      <c r="H13825">
        <v>6.0888171794000003</v>
      </c>
      <c r="I13825">
        <v>53.130089316945998</v>
      </c>
      <c r="J13825" t="s">
        <v>69510</v>
      </c>
    </row>
    <row r="13826" spans="1:10" x14ac:dyDescent="0.25">
      <c r="A13826" t="s">
        <v>6108</v>
      </c>
      <c r="B13826" t="s">
        <v>6109</v>
      </c>
      <c r="C13826" t="s">
        <v>6110</v>
      </c>
      <c r="D13826" t="s">
        <v>6052</v>
      </c>
      <c r="E13826" t="s">
        <v>13</v>
      </c>
      <c r="F13826">
        <v>256</v>
      </c>
      <c r="G13826" t="s">
        <v>6111</v>
      </c>
      <c r="H13826">
        <v>6.1353497732589997</v>
      </c>
      <c r="I13826">
        <v>53.107638655937002</v>
      </c>
      <c r="J13826" t="s">
        <v>69511</v>
      </c>
    </row>
    <row r="13827" spans="1:10" x14ac:dyDescent="0.25">
      <c r="A13827" t="s">
        <v>6104</v>
      </c>
      <c r="B13827" t="s">
        <v>6105</v>
      </c>
      <c r="C13827" t="s">
        <v>6106</v>
      </c>
      <c r="D13827" t="s">
        <v>6052</v>
      </c>
      <c r="E13827" t="s">
        <v>13</v>
      </c>
      <c r="F13827">
        <v>255</v>
      </c>
      <c r="G13827" t="s">
        <v>6107</v>
      </c>
      <c r="H13827">
        <v>6.0679434653169997</v>
      </c>
      <c r="I13827">
        <v>53.088051312300998</v>
      </c>
      <c r="J13827" t="s">
        <v>69512</v>
      </c>
    </row>
    <row r="13828" spans="1:10" x14ac:dyDescent="0.25">
      <c r="A13828" t="s">
        <v>6100</v>
      </c>
      <c r="B13828" t="s">
        <v>6101</v>
      </c>
      <c r="C13828" t="s">
        <v>6102</v>
      </c>
      <c r="D13828" t="s">
        <v>6052</v>
      </c>
      <c r="E13828" t="s">
        <v>13</v>
      </c>
      <c r="F13828">
        <v>254</v>
      </c>
      <c r="G13828" t="s">
        <v>6103</v>
      </c>
      <c r="H13828">
        <v>6.0982520545960002</v>
      </c>
      <c r="I13828">
        <v>53.123208281990003</v>
      </c>
      <c r="J13828" t="s">
        <v>69513</v>
      </c>
    </row>
    <row r="13829" spans="1:10" x14ac:dyDescent="0.25">
      <c r="A13829" t="s">
        <v>6096</v>
      </c>
      <c r="B13829" t="s">
        <v>6097</v>
      </c>
      <c r="C13829" t="s">
        <v>6098</v>
      </c>
      <c r="D13829" t="s">
        <v>6052</v>
      </c>
      <c r="E13829" t="s">
        <v>13</v>
      </c>
      <c r="F13829">
        <v>253</v>
      </c>
      <c r="G13829" t="s">
        <v>6099</v>
      </c>
      <c r="H13829">
        <v>6.0550753190059998</v>
      </c>
      <c r="I13829">
        <v>53.09473903912</v>
      </c>
      <c r="J13829" t="s">
        <v>69514</v>
      </c>
    </row>
    <row r="13830" spans="1:10" x14ac:dyDescent="0.25">
      <c r="A13830" t="s">
        <v>6092</v>
      </c>
      <c r="B13830" t="s">
        <v>6093</v>
      </c>
      <c r="C13830" t="s">
        <v>6094</v>
      </c>
      <c r="D13830" t="s">
        <v>6052</v>
      </c>
      <c r="E13830" t="s">
        <v>13</v>
      </c>
      <c r="F13830">
        <v>252</v>
      </c>
      <c r="G13830" t="s">
        <v>6095</v>
      </c>
      <c r="H13830">
        <v>6.0944665879939999</v>
      </c>
      <c r="I13830">
        <v>53.097586356511002</v>
      </c>
      <c r="J13830" t="s">
        <v>69515</v>
      </c>
    </row>
    <row r="13831" spans="1:10" x14ac:dyDescent="0.25">
      <c r="A13831" t="s">
        <v>6089</v>
      </c>
      <c r="B13831" t="s">
        <v>6090</v>
      </c>
      <c r="C13831" t="s">
        <v>2879</v>
      </c>
      <c r="D13831" t="s">
        <v>6052</v>
      </c>
      <c r="E13831" t="s">
        <v>13</v>
      </c>
      <c r="F13831">
        <v>251</v>
      </c>
      <c r="G13831" t="s">
        <v>6091</v>
      </c>
      <c r="H13831">
        <v>6.0641543795870003</v>
      </c>
      <c r="I13831">
        <v>53.111428180011004</v>
      </c>
      <c r="J13831" t="s">
        <v>69516</v>
      </c>
    </row>
    <row r="13832" spans="1:10" x14ac:dyDescent="0.25">
      <c r="A13832" t="s">
        <v>6085</v>
      </c>
      <c r="B13832" t="s">
        <v>6086</v>
      </c>
      <c r="C13832" t="s">
        <v>6087</v>
      </c>
      <c r="D13832" t="s">
        <v>6052</v>
      </c>
      <c r="E13832" t="s">
        <v>13</v>
      </c>
      <c r="F13832">
        <v>250</v>
      </c>
      <c r="G13832" t="s">
        <v>6088</v>
      </c>
      <c r="H13832">
        <v>6.1027597981000001</v>
      </c>
      <c r="I13832">
        <v>53.113594648491997</v>
      </c>
      <c r="J13832" t="s">
        <v>69517</v>
      </c>
    </row>
    <row r="13833" spans="1:10" x14ac:dyDescent="0.25">
      <c r="A13833" t="s">
        <v>6081</v>
      </c>
      <c r="B13833" t="s">
        <v>6082</v>
      </c>
      <c r="C13833" t="s">
        <v>6083</v>
      </c>
      <c r="D13833" t="s">
        <v>6052</v>
      </c>
      <c r="E13833" t="s">
        <v>13</v>
      </c>
      <c r="F13833">
        <v>249</v>
      </c>
      <c r="G13833" t="s">
        <v>6084</v>
      </c>
      <c r="H13833">
        <v>6.1041829638729999</v>
      </c>
      <c r="I13833">
        <v>53.100693339228002</v>
      </c>
      <c r="J13833" t="s">
        <v>69518</v>
      </c>
    </row>
    <row r="13834" spans="1:10" x14ac:dyDescent="0.25">
      <c r="A13834" t="s">
        <v>6077</v>
      </c>
      <c r="B13834" t="s">
        <v>6078</v>
      </c>
      <c r="C13834" t="s">
        <v>6079</v>
      </c>
      <c r="D13834" t="s">
        <v>6052</v>
      </c>
      <c r="E13834" t="s">
        <v>13</v>
      </c>
      <c r="F13834">
        <v>248</v>
      </c>
      <c r="G13834" t="s">
        <v>6080</v>
      </c>
      <c r="H13834">
        <v>6.0886714210530002</v>
      </c>
      <c r="I13834">
        <v>53.111829451288997</v>
      </c>
      <c r="J13834" t="s">
        <v>69519</v>
      </c>
    </row>
    <row r="13835" spans="1:10" x14ac:dyDescent="0.25">
      <c r="A13835" t="s">
        <v>6073</v>
      </c>
      <c r="B13835" t="s">
        <v>6074</v>
      </c>
      <c r="C13835" t="s">
        <v>6075</v>
      </c>
      <c r="D13835" t="s">
        <v>6052</v>
      </c>
      <c r="E13835" t="s">
        <v>13</v>
      </c>
      <c r="F13835">
        <v>247</v>
      </c>
      <c r="G13835" t="s">
        <v>6076</v>
      </c>
      <c r="H13835">
        <v>6.085842346453</v>
      </c>
      <c r="I13835">
        <v>53.120044407263002</v>
      </c>
      <c r="J13835" t="s">
        <v>69520</v>
      </c>
    </row>
    <row r="13836" spans="1:10" x14ac:dyDescent="0.25">
      <c r="A13836" t="s">
        <v>6069</v>
      </c>
      <c r="B13836" t="s">
        <v>6070</v>
      </c>
      <c r="C13836" t="s">
        <v>6071</v>
      </c>
      <c r="D13836" t="s">
        <v>6052</v>
      </c>
      <c r="E13836" t="s">
        <v>13</v>
      </c>
      <c r="F13836">
        <v>246</v>
      </c>
      <c r="G13836" t="s">
        <v>6072</v>
      </c>
      <c r="H13836">
        <v>6.1150533227689996</v>
      </c>
      <c r="I13836">
        <v>53.102312757261998</v>
      </c>
      <c r="J13836" t="s">
        <v>69521</v>
      </c>
    </row>
    <row r="13837" spans="1:10" x14ac:dyDescent="0.25">
      <c r="A13837" t="s">
        <v>6065</v>
      </c>
      <c r="B13837" t="s">
        <v>6066</v>
      </c>
      <c r="C13837" t="s">
        <v>6067</v>
      </c>
      <c r="D13837" t="s">
        <v>6052</v>
      </c>
      <c r="E13837" t="s">
        <v>13</v>
      </c>
      <c r="F13837">
        <v>245</v>
      </c>
      <c r="G13837" t="s">
        <v>6068</v>
      </c>
      <c r="H13837">
        <v>6.1247670382550004</v>
      </c>
      <c r="I13837">
        <v>53.106179098189003</v>
      </c>
      <c r="J13837" t="s">
        <v>69522</v>
      </c>
    </row>
    <row r="13838" spans="1:10" x14ac:dyDescent="0.25">
      <c r="A13838" t="s">
        <v>6061</v>
      </c>
      <c r="B13838" t="s">
        <v>6062</v>
      </c>
      <c r="C13838" t="s">
        <v>6063</v>
      </c>
      <c r="D13838" t="s">
        <v>6052</v>
      </c>
      <c r="E13838" t="s">
        <v>13</v>
      </c>
      <c r="F13838">
        <v>244</v>
      </c>
      <c r="G13838" t="s">
        <v>6064</v>
      </c>
      <c r="H13838">
        <v>6.0714738934910004</v>
      </c>
      <c r="I13838">
        <v>53.099375086998002</v>
      </c>
      <c r="J13838" t="s">
        <v>69523</v>
      </c>
    </row>
    <row r="13839" spans="1:10" x14ac:dyDescent="0.25">
      <c r="A13839" t="s">
        <v>6058</v>
      </c>
      <c r="B13839" t="s">
        <v>6059</v>
      </c>
      <c r="C13839" t="s">
        <v>4879</v>
      </c>
      <c r="D13839" t="s">
        <v>6052</v>
      </c>
      <c r="E13839" t="s">
        <v>13</v>
      </c>
      <c r="F13839">
        <v>243</v>
      </c>
      <c r="G13839" t="s">
        <v>6060</v>
      </c>
      <c r="H13839">
        <v>6.0900261769109996</v>
      </c>
      <c r="I13839">
        <v>53.099052811603002</v>
      </c>
      <c r="J13839" t="s">
        <v>69524</v>
      </c>
    </row>
    <row r="13840" spans="1:10" x14ac:dyDescent="0.25">
      <c r="A13840" t="s">
        <v>6054</v>
      </c>
      <c r="B13840" t="s">
        <v>6055</v>
      </c>
      <c r="C13840" t="s">
        <v>6056</v>
      </c>
      <c r="D13840" t="s">
        <v>6052</v>
      </c>
      <c r="E13840" t="s">
        <v>13</v>
      </c>
      <c r="F13840">
        <v>242</v>
      </c>
      <c r="G13840" t="s">
        <v>6057</v>
      </c>
      <c r="H13840">
        <v>6.1132527064550004</v>
      </c>
      <c r="I13840">
        <v>53.112660563070001</v>
      </c>
      <c r="J13840" t="s">
        <v>69525</v>
      </c>
    </row>
    <row r="13841" spans="1:10" x14ac:dyDescent="0.25">
      <c r="A13841" t="s">
        <v>6050</v>
      </c>
      <c r="B13841" t="s">
        <v>6051</v>
      </c>
      <c r="C13841" t="s">
        <v>129</v>
      </c>
      <c r="D13841" t="s">
        <v>6052</v>
      </c>
      <c r="E13841" t="s">
        <v>13</v>
      </c>
      <c r="F13841">
        <v>241</v>
      </c>
      <c r="G13841" t="s">
        <v>6053</v>
      </c>
      <c r="H13841">
        <v>6.0973379198669999</v>
      </c>
      <c r="I13841">
        <v>53.106214929102997</v>
      </c>
      <c r="J13841" t="s">
        <v>69526</v>
      </c>
    </row>
    <row r="13842" spans="1:10" x14ac:dyDescent="0.25">
      <c r="A13842" t="s">
        <v>6046</v>
      </c>
      <c r="B13842" t="s">
        <v>6047</v>
      </c>
      <c r="C13842" t="s">
        <v>6048</v>
      </c>
      <c r="D13842" t="s">
        <v>6044</v>
      </c>
      <c r="E13842" t="s">
        <v>13</v>
      </c>
      <c r="F13842">
        <v>240</v>
      </c>
      <c r="G13842" t="s">
        <v>6049</v>
      </c>
      <c r="H13842">
        <v>6.2340145532640001</v>
      </c>
      <c r="I13842">
        <v>53.492898240220001</v>
      </c>
      <c r="J13842" t="s">
        <v>69527</v>
      </c>
    </row>
    <row r="13843" spans="1:10" x14ac:dyDescent="0.25">
      <c r="A13843" t="s">
        <v>6041</v>
      </c>
      <c r="B13843" t="s">
        <v>6042</v>
      </c>
      <c r="C13843" t="s">
        <v>6043</v>
      </c>
      <c r="D13843" t="s">
        <v>6044</v>
      </c>
      <c r="E13843" t="s">
        <v>13</v>
      </c>
      <c r="F13843">
        <v>239</v>
      </c>
      <c r="G13843" t="s">
        <v>6045</v>
      </c>
      <c r="H13843">
        <v>6.1618998411280002</v>
      </c>
      <c r="I13843">
        <v>53.479896216302997</v>
      </c>
      <c r="J13843" t="s">
        <v>69528</v>
      </c>
    </row>
    <row r="13844" spans="1:10" x14ac:dyDescent="0.25">
      <c r="A13844" t="s">
        <v>6037</v>
      </c>
      <c r="B13844" t="s">
        <v>6038</v>
      </c>
      <c r="C13844" t="s">
        <v>6039</v>
      </c>
      <c r="D13844" t="s">
        <v>5843</v>
      </c>
      <c r="E13844" t="s">
        <v>13</v>
      </c>
      <c r="F13844">
        <v>238</v>
      </c>
      <c r="G13844" t="s">
        <v>6040</v>
      </c>
      <c r="H13844">
        <v>6.1940420533999996</v>
      </c>
      <c r="I13844">
        <v>53.051998704027</v>
      </c>
      <c r="J13844" t="s">
        <v>69529</v>
      </c>
    </row>
    <row r="13845" spans="1:10" x14ac:dyDescent="0.25">
      <c r="A13845" t="s">
        <v>6033</v>
      </c>
      <c r="B13845" t="s">
        <v>6034</v>
      </c>
      <c r="C13845" t="s">
        <v>6035</v>
      </c>
      <c r="D13845" t="s">
        <v>5843</v>
      </c>
      <c r="E13845" t="s">
        <v>13</v>
      </c>
      <c r="F13845">
        <v>237</v>
      </c>
      <c r="G13845" t="s">
        <v>6036</v>
      </c>
      <c r="H13845">
        <v>6.2074272042940004</v>
      </c>
      <c r="I13845">
        <v>53.056275002568</v>
      </c>
      <c r="J13845" t="s">
        <v>69530</v>
      </c>
    </row>
    <row r="13846" spans="1:10" x14ac:dyDescent="0.25">
      <c r="A13846" t="s">
        <v>6029</v>
      </c>
      <c r="B13846" t="s">
        <v>6030</v>
      </c>
      <c r="C13846" t="s">
        <v>6031</v>
      </c>
      <c r="D13846" t="s">
        <v>5843</v>
      </c>
      <c r="E13846" t="s">
        <v>13</v>
      </c>
      <c r="F13846">
        <v>236</v>
      </c>
      <c r="G13846" t="s">
        <v>6032</v>
      </c>
      <c r="H13846">
        <v>6.202686641074</v>
      </c>
      <c r="I13846">
        <v>53.057059205841</v>
      </c>
      <c r="J13846" t="s">
        <v>69531</v>
      </c>
    </row>
    <row r="13847" spans="1:10" x14ac:dyDescent="0.25">
      <c r="A13847" t="s">
        <v>6025</v>
      </c>
      <c r="B13847" t="s">
        <v>6026</v>
      </c>
      <c r="C13847" t="s">
        <v>6027</v>
      </c>
      <c r="D13847" t="s">
        <v>5843</v>
      </c>
      <c r="E13847" t="s">
        <v>13</v>
      </c>
      <c r="F13847">
        <v>235</v>
      </c>
      <c r="G13847" t="s">
        <v>6028</v>
      </c>
      <c r="H13847">
        <v>6.1610281994680003</v>
      </c>
      <c r="I13847">
        <v>53.091651385309</v>
      </c>
      <c r="J13847" t="s">
        <v>69532</v>
      </c>
    </row>
    <row r="13848" spans="1:10" x14ac:dyDescent="0.25">
      <c r="A13848" t="s">
        <v>6021</v>
      </c>
      <c r="B13848" t="s">
        <v>6022</v>
      </c>
      <c r="C13848" t="s">
        <v>6023</v>
      </c>
      <c r="D13848" t="s">
        <v>5843</v>
      </c>
      <c r="E13848" t="s">
        <v>13</v>
      </c>
      <c r="F13848">
        <v>234</v>
      </c>
      <c r="G13848" t="s">
        <v>6024</v>
      </c>
      <c r="H13848">
        <v>6.1333752234279997</v>
      </c>
      <c r="I13848">
        <v>53.097813721294003</v>
      </c>
      <c r="J13848" t="s">
        <v>69533</v>
      </c>
    </row>
    <row r="13849" spans="1:10" x14ac:dyDescent="0.25">
      <c r="A13849" t="s">
        <v>6017</v>
      </c>
      <c r="B13849" t="s">
        <v>6018</v>
      </c>
      <c r="C13849" t="s">
        <v>6019</v>
      </c>
      <c r="D13849" t="s">
        <v>5843</v>
      </c>
      <c r="E13849" t="s">
        <v>13</v>
      </c>
      <c r="F13849">
        <v>233</v>
      </c>
      <c r="G13849" t="s">
        <v>6020</v>
      </c>
      <c r="H13849">
        <v>6.1712019970679997</v>
      </c>
      <c r="I13849">
        <v>53.098964799967</v>
      </c>
      <c r="J13849" t="s">
        <v>69534</v>
      </c>
    </row>
    <row r="13850" spans="1:10" x14ac:dyDescent="0.25">
      <c r="A13850" t="s">
        <v>6013</v>
      </c>
      <c r="B13850" t="s">
        <v>6014</v>
      </c>
      <c r="C13850" t="s">
        <v>6015</v>
      </c>
      <c r="D13850" t="s">
        <v>5843</v>
      </c>
      <c r="E13850" t="s">
        <v>13</v>
      </c>
      <c r="F13850">
        <v>232</v>
      </c>
      <c r="G13850" t="s">
        <v>6016</v>
      </c>
      <c r="H13850">
        <v>6.1699076956510002</v>
      </c>
      <c r="I13850">
        <v>53.096860923720001</v>
      </c>
      <c r="J13850" t="s">
        <v>69535</v>
      </c>
    </row>
    <row r="13851" spans="1:10" x14ac:dyDescent="0.25">
      <c r="A13851" t="s">
        <v>6009</v>
      </c>
      <c r="B13851" t="s">
        <v>6010</v>
      </c>
      <c r="C13851" t="s">
        <v>6011</v>
      </c>
      <c r="D13851" t="s">
        <v>5843</v>
      </c>
      <c r="E13851" t="s">
        <v>13</v>
      </c>
      <c r="F13851">
        <v>231</v>
      </c>
      <c r="G13851" t="s">
        <v>6012</v>
      </c>
      <c r="H13851">
        <v>6.1770389197759998</v>
      </c>
      <c r="I13851">
        <v>53.093838462683003</v>
      </c>
      <c r="J13851" t="s">
        <v>69536</v>
      </c>
    </row>
    <row r="13852" spans="1:10" x14ac:dyDescent="0.25">
      <c r="A13852" t="s">
        <v>6005</v>
      </c>
      <c r="B13852" t="s">
        <v>6006</v>
      </c>
      <c r="C13852" t="s">
        <v>6007</v>
      </c>
      <c r="D13852" t="s">
        <v>5843</v>
      </c>
      <c r="E13852" t="s">
        <v>13</v>
      </c>
      <c r="F13852">
        <v>230</v>
      </c>
      <c r="G13852" t="s">
        <v>6008</v>
      </c>
      <c r="H13852">
        <v>6.1674755583070002</v>
      </c>
      <c r="I13852">
        <v>53.091324820685003</v>
      </c>
      <c r="J13852" t="s">
        <v>69537</v>
      </c>
    </row>
    <row r="13853" spans="1:10" x14ac:dyDescent="0.25">
      <c r="A13853" t="s">
        <v>6001</v>
      </c>
      <c r="B13853" t="s">
        <v>6002</v>
      </c>
      <c r="C13853" t="s">
        <v>6003</v>
      </c>
      <c r="D13853" t="s">
        <v>5843</v>
      </c>
      <c r="E13853" t="s">
        <v>13</v>
      </c>
      <c r="F13853">
        <v>229</v>
      </c>
      <c r="G13853" t="s">
        <v>6004</v>
      </c>
      <c r="H13853">
        <v>6.16919774564</v>
      </c>
      <c r="I13853">
        <v>53.095474248803001</v>
      </c>
      <c r="J13853" t="s">
        <v>69538</v>
      </c>
    </row>
    <row r="13854" spans="1:10" x14ac:dyDescent="0.25">
      <c r="A13854" t="s">
        <v>5997</v>
      </c>
      <c r="B13854" t="s">
        <v>5998</v>
      </c>
      <c r="C13854" t="s">
        <v>5999</v>
      </c>
      <c r="D13854" t="s">
        <v>5843</v>
      </c>
      <c r="E13854" t="s">
        <v>13</v>
      </c>
      <c r="F13854">
        <v>228</v>
      </c>
      <c r="G13854" t="s">
        <v>6000</v>
      </c>
      <c r="H13854">
        <v>5.9829049756010004</v>
      </c>
      <c r="I13854">
        <v>53.037164799525002</v>
      </c>
      <c r="J13854" t="s">
        <v>69539</v>
      </c>
    </row>
    <row r="13855" spans="1:10" x14ac:dyDescent="0.25">
      <c r="A13855" t="s">
        <v>5993</v>
      </c>
      <c r="B13855" t="s">
        <v>5994</v>
      </c>
      <c r="C13855" t="s">
        <v>5995</v>
      </c>
      <c r="D13855" t="s">
        <v>5843</v>
      </c>
      <c r="E13855" t="s">
        <v>13</v>
      </c>
      <c r="F13855">
        <v>227</v>
      </c>
      <c r="G13855" t="s">
        <v>5996</v>
      </c>
      <c r="H13855">
        <v>5.9912346315029996</v>
      </c>
      <c r="I13855">
        <v>53.030058824020003</v>
      </c>
      <c r="J13855" t="s">
        <v>69540</v>
      </c>
    </row>
    <row r="13856" spans="1:10" x14ac:dyDescent="0.25">
      <c r="A13856" t="s">
        <v>5989</v>
      </c>
      <c r="B13856" t="s">
        <v>5990</v>
      </c>
      <c r="C13856" t="s">
        <v>5991</v>
      </c>
      <c r="D13856" t="s">
        <v>5843</v>
      </c>
      <c r="E13856" t="s">
        <v>13</v>
      </c>
      <c r="F13856">
        <v>226</v>
      </c>
      <c r="G13856" t="s">
        <v>5992</v>
      </c>
      <c r="H13856">
        <v>6.0332128305939996</v>
      </c>
      <c r="I13856">
        <v>53.027832962178003</v>
      </c>
      <c r="J13856" t="s">
        <v>69541</v>
      </c>
    </row>
    <row r="13857" spans="1:10" x14ac:dyDescent="0.25">
      <c r="A13857" t="s">
        <v>5985</v>
      </c>
      <c r="B13857" t="s">
        <v>5986</v>
      </c>
      <c r="C13857" t="s">
        <v>5987</v>
      </c>
      <c r="D13857" t="s">
        <v>5843</v>
      </c>
      <c r="E13857" t="s">
        <v>13</v>
      </c>
      <c r="F13857">
        <v>225</v>
      </c>
      <c r="G13857" t="s">
        <v>5988</v>
      </c>
      <c r="H13857">
        <v>6.0464800014789999</v>
      </c>
      <c r="I13857">
        <v>53.019415307865998</v>
      </c>
      <c r="J13857" t="s">
        <v>69542</v>
      </c>
    </row>
    <row r="13858" spans="1:10" x14ac:dyDescent="0.25">
      <c r="A13858" t="s">
        <v>5981</v>
      </c>
      <c r="B13858" t="s">
        <v>5982</v>
      </c>
      <c r="C13858" t="s">
        <v>5983</v>
      </c>
      <c r="D13858" t="s">
        <v>5843</v>
      </c>
      <c r="E13858" t="s">
        <v>13</v>
      </c>
      <c r="F13858">
        <v>224</v>
      </c>
      <c r="G13858" t="s">
        <v>5984</v>
      </c>
      <c r="H13858">
        <v>6.2361938445760003</v>
      </c>
      <c r="I13858">
        <v>53.096772293840999</v>
      </c>
      <c r="J13858" t="s">
        <v>69543</v>
      </c>
    </row>
    <row r="13859" spans="1:10" x14ac:dyDescent="0.25">
      <c r="A13859" t="s">
        <v>5977</v>
      </c>
      <c r="B13859" t="s">
        <v>5978</v>
      </c>
      <c r="C13859" t="s">
        <v>5979</v>
      </c>
      <c r="D13859" t="s">
        <v>5843</v>
      </c>
      <c r="E13859" t="s">
        <v>13</v>
      </c>
      <c r="F13859">
        <v>223</v>
      </c>
      <c r="G13859" t="s">
        <v>5980</v>
      </c>
      <c r="H13859">
        <v>6.2500823903349998</v>
      </c>
      <c r="I13859">
        <v>53.104661489214998</v>
      </c>
      <c r="J13859" t="s">
        <v>69544</v>
      </c>
    </row>
    <row r="13860" spans="1:10" x14ac:dyDescent="0.25">
      <c r="A13860" t="s">
        <v>5973</v>
      </c>
      <c r="B13860" t="s">
        <v>5974</v>
      </c>
      <c r="C13860" t="s">
        <v>5975</v>
      </c>
      <c r="D13860" t="s">
        <v>5843</v>
      </c>
      <c r="E13860" t="s">
        <v>13</v>
      </c>
      <c r="F13860">
        <v>222</v>
      </c>
      <c r="G13860" t="s">
        <v>5976</v>
      </c>
      <c r="H13860">
        <v>5.9873210777830002</v>
      </c>
      <c r="I13860">
        <v>53.066214938347002</v>
      </c>
      <c r="J13860" t="s">
        <v>69545</v>
      </c>
    </row>
    <row r="13861" spans="1:10" x14ac:dyDescent="0.25">
      <c r="A13861" t="s">
        <v>5969</v>
      </c>
      <c r="B13861" t="s">
        <v>5970</v>
      </c>
      <c r="C13861" t="s">
        <v>5971</v>
      </c>
      <c r="D13861" t="s">
        <v>5843</v>
      </c>
      <c r="E13861" t="s">
        <v>13</v>
      </c>
      <c r="F13861">
        <v>221</v>
      </c>
      <c r="G13861" t="s">
        <v>5972</v>
      </c>
      <c r="H13861">
        <v>6.0053233827190002</v>
      </c>
      <c r="I13861">
        <v>53.069191591094999</v>
      </c>
      <c r="J13861" t="s">
        <v>69546</v>
      </c>
    </row>
    <row r="13862" spans="1:10" x14ac:dyDescent="0.25">
      <c r="A13862" t="s">
        <v>5965</v>
      </c>
      <c r="B13862" t="s">
        <v>5966</v>
      </c>
      <c r="C13862" t="s">
        <v>5967</v>
      </c>
      <c r="D13862" t="s">
        <v>5843</v>
      </c>
      <c r="E13862" t="s">
        <v>13</v>
      </c>
      <c r="F13862">
        <v>220</v>
      </c>
      <c r="G13862" t="s">
        <v>5968</v>
      </c>
      <c r="H13862">
        <v>5.9823951107840001</v>
      </c>
      <c r="I13862">
        <v>52.996244134618998</v>
      </c>
      <c r="J13862" t="s">
        <v>69547</v>
      </c>
    </row>
    <row r="13863" spans="1:10" x14ac:dyDescent="0.25">
      <c r="A13863" t="s">
        <v>5961</v>
      </c>
      <c r="B13863" t="s">
        <v>5962</v>
      </c>
      <c r="C13863" t="s">
        <v>5963</v>
      </c>
      <c r="D13863" t="s">
        <v>5843</v>
      </c>
      <c r="E13863" t="s">
        <v>13</v>
      </c>
      <c r="F13863">
        <v>219</v>
      </c>
      <c r="G13863" t="s">
        <v>5964</v>
      </c>
      <c r="H13863">
        <v>5.981715941269</v>
      </c>
      <c r="I13863">
        <v>52.99648033047</v>
      </c>
      <c r="J13863" t="s">
        <v>69548</v>
      </c>
    </row>
    <row r="13864" spans="1:10" x14ac:dyDescent="0.25">
      <c r="A13864" t="s">
        <v>5957</v>
      </c>
      <c r="B13864" t="s">
        <v>5958</v>
      </c>
      <c r="C13864" t="s">
        <v>5959</v>
      </c>
      <c r="D13864" t="s">
        <v>5843</v>
      </c>
      <c r="E13864" t="s">
        <v>13</v>
      </c>
      <c r="F13864">
        <v>218</v>
      </c>
      <c r="G13864" t="s">
        <v>5960</v>
      </c>
      <c r="H13864">
        <v>6.0997596473220002</v>
      </c>
      <c r="I13864">
        <v>53.021098535924999</v>
      </c>
      <c r="J13864" t="s">
        <v>69549</v>
      </c>
    </row>
    <row r="13865" spans="1:10" x14ac:dyDescent="0.25">
      <c r="A13865" t="s">
        <v>5953</v>
      </c>
      <c r="B13865" t="s">
        <v>5954</v>
      </c>
      <c r="C13865" t="s">
        <v>5955</v>
      </c>
      <c r="D13865" t="s">
        <v>5843</v>
      </c>
      <c r="E13865" t="s">
        <v>13</v>
      </c>
      <c r="F13865">
        <v>217</v>
      </c>
      <c r="G13865" t="s">
        <v>5956</v>
      </c>
      <c r="H13865">
        <v>6.0905892142339999</v>
      </c>
      <c r="I13865">
        <v>53.016971990922002</v>
      </c>
      <c r="J13865" t="s">
        <v>69550</v>
      </c>
    </row>
    <row r="13866" spans="1:10" x14ac:dyDescent="0.25">
      <c r="A13866" t="s">
        <v>5949</v>
      </c>
      <c r="B13866" t="s">
        <v>5950</v>
      </c>
      <c r="C13866" t="s">
        <v>5951</v>
      </c>
      <c r="D13866" t="s">
        <v>5843</v>
      </c>
      <c r="E13866" t="s">
        <v>13</v>
      </c>
      <c r="F13866">
        <v>216</v>
      </c>
      <c r="G13866" t="s">
        <v>5952</v>
      </c>
      <c r="H13866">
        <v>6.0074794905019999</v>
      </c>
      <c r="I13866">
        <v>52.987202483776002</v>
      </c>
      <c r="J13866" t="s">
        <v>69551</v>
      </c>
    </row>
    <row r="13867" spans="1:10" x14ac:dyDescent="0.25">
      <c r="A13867" t="s">
        <v>5945</v>
      </c>
      <c r="B13867" t="s">
        <v>5946</v>
      </c>
      <c r="C13867" t="s">
        <v>5947</v>
      </c>
      <c r="D13867" t="s">
        <v>5843</v>
      </c>
      <c r="E13867" t="s">
        <v>13</v>
      </c>
      <c r="F13867">
        <v>215</v>
      </c>
      <c r="G13867" t="s">
        <v>5948</v>
      </c>
      <c r="H13867">
        <v>6.0070684098929998</v>
      </c>
      <c r="I13867">
        <v>52.983819355051999</v>
      </c>
      <c r="J13867" t="s">
        <v>69552</v>
      </c>
    </row>
    <row r="13868" spans="1:10" x14ac:dyDescent="0.25">
      <c r="A13868" t="s">
        <v>5941</v>
      </c>
      <c r="B13868" t="s">
        <v>5942</v>
      </c>
      <c r="C13868" t="s">
        <v>5943</v>
      </c>
      <c r="D13868" t="s">
        <v>5843</v>
      </c>
      <c r="E13868" t="s">
        <v>13</v>
      </c>
      <c r="F13868">
        <v>214</v>
      </c>
      <c r="G13868" t="s">
        <v>5944</v>
      </c>
      <c r="H13868">
        <v>6.0361083664580004</v>
      </c>
      <c r="I13868">
        <v>52.974766583765003</v>
      </c>
      <c r="J13868" t="s">
        <v>69553</v>
      </c>
    </row>
    <row r="13869" spans="1:10" x14ac:dyDescent="0.25">
      <c r="A13869" t="s">
        <v>5937</v>
      </c>
      <c r="B13869" t="s">
        <v>5938</v>
      </c>
      <c r="C13869" t="s">
        <v>5939</v>
      </c>
      <c r="D13869" t="s">
        <v>5843</v>
      </c>
      <c r="E13869" t="s">
        <v>13</v>
      </c>
      <c r="F13869">
        <v>213</v>
      </c>
      <c r="G13869" t="s">
        <v>5940</v>
      </c>
      <c r="H13869">
        <v>6.0395226886389999</v>
      </c>
      <c r="I13869">
        <v>52.979876322597001</v>
      </c>
      <c r="J13869" t="s">
        <v>69554</v>
      </c>
    </row>
    <row r="13870" spans="1:10" x14ac:dyDescent="0.25">
      <c r="A13870" t="s">
        <v>5933</v>
      </c>
      <c r="B13870" t="s">
        <v>5934</v>
      </c>
      <c r="C13870" t="s">
        <v>5935</v>
      </c>
      <c r="D13870" t="s">
        <v>5843</v>
      </c>
      <c r="E13870" t="s">
        <v>13</v>
      </c>
      <c r="F13870">
        <v>212</v>
      </c>
      <c r="G13870" t="s">
        <v>5936</v>
      </c>
      <c r="H13870">
        <v>6.1367067063410001</v>
      </c>
      <c r="I13870">
        <v>53.034872859137003</v>
      </c>
      <c r="J13870" t="s">
        <v>69555</v>
      </c>
    </row>
    <row r="13871" spans="1:10" x14ac:dyDescent="0.25">
      <c r="A13871" t="s">
        <v>5929</v>
      </c>
      <c r="B13871" t="s">
        <v>5930</v>
      </c>
      <c r="C13871" t="s">
        <v>5931</v>
      </c>
      <c r="D13871" t="s">
        <v>5843</v>
      </c>
      <c r="E13871" t="s">
        <v>13</v>
      </c>
      <c r="F13871">
        <v>211</v>
      </c>
      <c r="G13871" t="s">
        <v>5932</v>
      </c>
      <c r="H13871">
        <v>6.1372697766190001</v>
      </c>
      <c r="I13871">
        <v>53.033172926344001</v>
      </c>
      <c r="J13871" t="s">
        <v>69556</v>
      </c>
    </row>
    <row r="13872" spans="1:10" x14ac:dyDescent="0.25">
      <c r="A13872" t="s">
        <v>5925</v>
      </c>
      <c r="B13872" t="s">
        <v>5926</v>
      </c>
      <c r="C13872" t="s">
        <v>5927</v>
      </c>
      <c r="D13872" t="s">
        <v>5843</v>
      </c>
      <c r="E13872" t="s">
        <v>13</v>
      </c>
      <c r="F13872">
        <v>210</v>
      </c>
      <c r="G13872" t="s">
        <v>5928</v>
      </c>
      <c r="H13872">
        <v>6.0645996355109997</v>
      </c>
      <c r="I13872">
        <v>52.99085430321</v>
      </c>
      <c r="J13872" t="s">
        <v>69557</v>
      </c>
    </row>
    <row r="13873" spans="1:10" x14ac:dyDescent="0.25">
      <c r="A13873" t="s">
        <v>5921</v>
      </c>
      <c r="B13873" t="s">
        <v>5922</v>
      </c>
      <c r="C13873" t="s">
        <v>5923</v>
      </c>
      <c r="D13873" t="s">
        <v>5843</v>
      </c>
      <c r="E13873" t="s">
        <v>13</v>
      </c>
      <c r="F13873">
        <v>209</v>
      </c>
      <c r="G13873" t="s">
        <v>5924</v>
      </c>
      <c r="H13873">
        <v>6.0648303464179998</v>
      </c>
      <c r="I13873">
        <v>52.998053779281001</v>
      </c>
      <c r="J13873" t="s">
        <v>69558</v>
      </c>
    </row>
    <row r="13874" spans="1:10" x14ac:dyDescent="0.25">
      <c r="A13874" t="s">
        <v>5917</v>
      </c>
      <c r="B13874" t="s">
        <v>5918</v>
      </c>
      <c r="C13874" t="s">
        <v>5919</v>
      </c>
      <c r="D13874" t="s">
        <v>5843</v>
      </c>
      <c r="E13874" t="s">
        <v>13</v>
      </c>
      <c r="F13874">
        <v>208</v>
      </c>
      <c r="G13874" t="s">
        <v>5920</v>
      </c>
      <c r="H13874">
        <v>6.0706544159469997</v>
      </c>
      <c r="I13874">
        <v>53.003334253532003</v>
      </c>
      <c r="J13874" t="s">
        <v>69559</v>
      </c>
    </row>
    <row r="13875" spans="1:10" x14ac:dyDescent="0.25">
      <c r="A13875" t="s">
        <v>5913</v>
      </c>
      <c r="B13875" t="s">
        <v>5914</v>
      </c>
      <c r="C13875" t="s">
        <v>5915</v>
      </c>
      <c r="D13875" t="s">
        <v>5843</v>
      </c>
      <c r="E13875" t="s">
        <v>13</v>
      </c>
      <c r="F13875">
        <v>207</v>
      </c>
      <c r="G13875" t="s">
        <v>5916</v>
      </c>
      <c r="H13875">
        <v>6.0791575346139997</v>
      </c>
      <c r="I13875">
        <v>53.004739140330997</v>
      </c>
      <c r="J13875" t="s">
        <v>69560</v>
      </c>
    </row>
    <row r="13876" spans="1:10" x14ac:dyDescent="0.25">
      <c r="A13876" t="s">
        <v>5909</v>
      </c>
      <c r="B13876" t="s">
        <v>5910</v>
      </c>
      <c r="C13876" t="s">
        <v>5911</v>
      </c>
      <c r="D13876" t="s">
        <v>5843</v>
      </c>
      <c r="E13876" t="s">
        <v>13</v>
      </c>
      <c r="F13876">
        <v>206</v>
      </c>
      <c r="G13876" t="s">
        <v>5912</v>
      </c>
      <c r="H13876">
        <v>6.0742448319899998</v>
      </c>
      <c r="I13876">
        <v>53.010626852462003</v>
      </c>
      <c r="J13876" t="s">
        <v>69561</v>
      </c>
    </row>
    <row r="13877" spans="1:10" x14ac:dyDescent="0.25">
      <c r="A13877" t="s">
        <v>5905</v>
      </c>
      <c r="B13877" t="s">
        <v>5906</v>
      </c>
      <c r="C13877" t="s">
        <v>5907</v>
      </c>
      <c r="D13877" t="s">
        <v>5843</v>
      </c>
      <c r="E13877" t="s">
        <v>13</v>
      </c>
      <c r="F13877">
        <v>205</v>
      </c>
      <c r="G13877" t="s">
        <v>5908</v>
      </c>
      <c r="H13877">
        <v>6.0677612923610003</v>
      </c>
      <c r="I13877">
        <v>53.009476504473</v>
      </c>
      <c r="J13877" t="s">
        <v>69562</v>
      </c>
    </row>
    <row r="13878" spans="1:10" x14ac:dyDescent="0.25">
      <c r="A13878" t="s">
        <v>5901</v>
      </c>
      <c r="B13878" t="s">
        <v>5902</v>
      </c>
      <c r="C13878" t="s">
        <v>5903</v>
      </c>
      <c r="D13878" t="s">
        <v>5843</v>
      </c>
      <c r="E13878" t="s">
        <v>13</v>
      </c>
      <c r="F13878">
        <v>204</v>
      </c>
      <c r="G13878" t="s">
        <v>5904</v>
      </c>
      <c r="H13878">
        <v>6.0558930202320003</v>
      </c>
      <c r="I13878">
        <v>53.009380126781998</v>
      </c>
      <c r="J13878" t="s">
        <v>69563</v>
      </c>
    </row>
    <row r="13879" spans="1:10" x14ac:dyDescent="0.25">
      <c r="A13879" t="s">
        <v>5897</v>
      </c>
      <c r="B13879" t="s">
        <v>5898</v>
      </c>
      <c r="C13879" t="s">
        <v>5899</v>
      </c>
      <c r="D13879" t="s">
        <v>5843</v>
      </c>
      <c r="E13879" t="s">
        <v>13</v>
      </c>
      <c r="F13879">
        <v>203</v>
      </c>
      <c r="G13879" t="s">
        <v>5900</v>
      </c>
      <c r="H13879">
        <v>6.0653291348560003</v>
      </c>
      <c r="I13879">
        <v>53.001941079947997</v>
      </c>
      <c r="J13879" t="s">
        <v>69564</v>
      </c>
    </row>
    <row r="13880" spans="1:10" x14ac:dyDescent="0.25">
      <c r="A13880" t="s">
        <v>5893</v>
      </c>
      <c r="B13880" t="s">
        <v>5894</v>
      </c>
      <c r="C13880" t="s">
        <v>5895</v>
      </c>
      <c r="D13880" t="s">
        <v>5843</v>
      </c>
      <c r="E13880" t="s">
        <v>13</v>
      </c>
      <c r="F13880">
        <v>202</v>
      </c>
      <c r="G13880" t="s">
        <v>5896</v>
      </c>
      <c r="H13880">
        <v>6.205406919653</v>
      </c>
      <c r="I13880">
        <v>53.107146117128998</v>
      </c>
      <c r="J13880" t="s">
        <v>69565</v>
      </c>
    </row>
    <row r="13881" spans="1:10" x14ac:dyDescent="0.25">
      <c r="A13881" t="s">
        <v>5889</v>
      </c>
      <c r="B13881" t="s">
        <v>5890</v>
      </c>
      <c r="C13881" t="s">
        <v>5891</v>
      </c>
      <c r="D13881" t="s">
        <v>5843</v>
      </c>
      <c r="E13881" t="s">
        <v>13</v>
      </c>
      <c r="F13881">
        <v>201</v>
      </c>
      <c r="G13881" t="s">
        <v>5892</v>
      </c>
      <c r="H13881">
        <v>6.2052999908880002</v>
      </c>
      <c r="I13881">
        <v>53.107225801946001</v>
      </c>
      <c r="J13881" t="s">
        <v>69566</v>
      </c>
    </row>
    <row r="13882" spans="1:10" x14ac:dyDescent="0.25">
      <c r="A13882" t="s">
        <v>5885</v>
      </c>
      <c r="B13882" t="s">
        <v>5886</v>
      </c>
      <c r="C13882" t="s">
        <v>5887</v>
      </c>
      <c r="D13882" t="s">
        <v>5843</v>
      </c>
      <c r="E13882" t="s">
        <v>13</v>
      </c>
      <c r="F13882">
        <v>200</v>
      </c>
      <c r="G13882" t="s">
        <v>5888</v>
      </c>
      <c r="H13882">
        <v>6.0699921916399999</v>
      </c>
      <c r="I13882">
        <v>53.054381340950997</v>
      </c>
      <c r="J13882" t="s">
        <v>69567</v>
      </c>
    </row>
    <row r="13883" spans="1:10" x14ac:dyDescent="0.25">
      <c r="A13883" t="s">
        <v>5881</v>
      </c>
      <c r="B13883" t="s">
        <v>5882</v>
      </c>
      <c r="C13883" t="s">
        <v>5883</v>
      </c>
      <c r="D13883" t="s">
        <v>5843</v>
      </c>
      <c r="E13883" t="s">
        <v>13</v>
      </c>
      <c r="F13883">
        <v>199</v>
      </c>
      <c r="G13883" t="s">
        <v>5884</v>
      </c>
      <c r="H13883">
        <v>6.1132440649220001</v>
      </c>
      <c r="I13883">
        <v>53.067980783933997</v>
      </c>
      <c r="J13883" t="s">
        <v>69568</v>
      </c>
    </row>
    <row r="13884" spans="1:10" x14ac:dyDescent="0.25">
      <c r="A13884" t="s">
        <v>5877</v>
      </c>
      <c r="B13884" t="s">
        <v>5878</v>
      </c>
      <c r="C13884" t="s">
        <v>5879</v>
      </c>
      <c r="D13884" t="s">
        <v>5843</v>
      </c>
      <c r="E13884" t="s">
        <v>13</v>
      </c>
      <c r="F13884">
        <v>198</v>
      </c>
      <c r="G13884" t="s">
        <v>5880</v>
      </c>
      <c r="H13884">
        <v>6.0812849543420002</v>
      </c>
      <c r="I13884">
        <v>53.068810841759998</v>
      </c>
      <c r="J13884" t="s">
        <v>69569</v>
      </c>
    </row>
    <row r="13885" spans="1:10" x14ac:dyDescent="0.25">
      <c r="A13885" t="s">
        <v>5873</v>
      </c>
      <c r="B13885" t="s">
        <v>5874</v>
      </c>
      <c r="C13885" t="s">
        <v>5875</v>
      </c>
      <c r="D13885" t="s">
        <v>5843</v>
      </c>
      <c r="E13885" t="s">
        <v>13</v>
      </c>
      <c r="F13885">
        <v>197</v>
      </c>
      <c r="G13885" t="s">
        <v>5876</v>
      </c>
      <c r="H13885">
        <v>6.0784744717330002</v>
      </c>
      <c r="I13885">
        <v>53.068033819119002</v>
      </c>
      <c r="J13885" t="s">
        <v>69570</v>
      </c>
    </row>
    <row r="13886" spans="1:10" x14ac:dyDescent="0.25">
      <c r="A13886" t="s">
        <v>5869</v>
      </c>
      <c r="B13886" t="s">
        <v>5870</v>
      </c>
      <c r="C13886" t="s">
        <v>5871</v>
      </c>
      <c r="D13886" t="s">
        <v>5843</v>
      </c>
      <c r="E13886" t="s">
        <v>13</v>
      </c>
      <c r="F13886">
        <v>196</v>
      </c>
      <c r="G13886" t="s">
        <v>5872</v>
      </c>
      <c r="H13886">
        <v>6.074161250815</v>
      </c>
      <c r="I13886">
        <v>53.053481498849997</v>
      </c>
      <c r="J13886" t="s">
        <v>69571</v>
      </c>
    </row>
    <row r="13887" spans="1:10" x14ac:dyDescent="0.25">
      <c r="A13887" t="s">
        <v>5865</v>
      </c>
      <c r="B13887" t="s">
        <v>5866</v>
      </c>
      <c r="C13887" t="s">
        <v>5867</v>
      </c>
      <c r="D13887" t="s">
        <v>5843</v>
      </c>
      <c r="E13887" t="s">
        <v>13</v>
      </c>
      <c r="F13887">
        <v>195</v>
      </c>
      <c r="G13887" t="s">
        <v>5868</v>
      </c>
      <c r="H13887">
        <v>6.0802889214129996</v>
      </c>
      <c r="I13887">
        <v>53.053793012447002</v>
      </c>
      <c r="J13887" t="s">
        <v>69572</v>
      </c>
    </row>
    <row r="13888" spans="1:10" x14ac:dyDescent="0.25">
      <c r="A13888" t="s">
        <v>5861</v>
      </c>
      <c r="B13888" t="s">
        <v>5862</v>
      </c>
      <c r="C13888" t="s">
        <v>5863</v>
      </c>
      <c r="D13888" t="s">
        <v>5843</v>
      </c>
      <c r="E13888" t="s">
        <v>13</v>
      </c>
      <c r="F13888">
        <v>194</v>
      </c>
      <c r="G13888" t="s">
        <v>5864</v>
      </c>
      <c r="H13888">
        <v>6.0778103264630001</v>
      </c>
      <c r="I13888">
        <v>53.062336288116001</v>
      </c>
      <c r="J13888" t="s">
        <v>69573</v>
      </c>
    </row>
    <row r="13889" spans="1:10" x14ac:dyDescent="0.25">
      <c r="A13889" t="s">
        <v>5857</v>
      </c>
      <c r="B13889" t="s">
        <v>5858</v>
      </c>
      <c r="C13889" t="s">
        <v>5859</v>
      </c>
      <c r="D13889" t="s">
        <v>5843</v>
      </c>
      <c r="E13889" t="s">
        <v>13</v>
      </c>
      <c r="F13889">
        <v>193</v>
      </c>
      <c r="G13889" t="s">
        <v>5860</v>
      </c>
      <c r="H13889">
        <v>6.0777746747029999</v>
      </c>
      <c r="I13889">
        <v>53.056916554791002</v>
      </c>
      <c r="J13889" t="s">
        <v>69574</v>
      </c>
    </row>
    <row r="13890" spans="1:10" x14ac:dyDescent="0.25">
      <c r="A13890" t="s">
        <v>5853</v>
      </c>
      <c r="B13890" t="s">
        <v>5854</v>
      </c>
      <c r="C13890" t="s">
        <v>5855</v>
      </c>
      <c r="D13890" t="s">
        <v>5843</v>
      </c>
      <c r="E13890" t="s">
        <v>13</v>
      </c>
      <c r="F13890">
        <v>192</v>
      </c>
      <c r="G13890" t="s">
        <v>5856</v>
      </c>
      <c r="H13890">
        <v>6.0783117489640004</v>
      </c>
      <c r="I13890">
        <v>53.058650772623999</v>
      </c>
      <c r="J13890" t="s">
        <v>69575</v>
      </c>
    </row>
    <row r="13891" spans="1:10" x14ac:dyDescent="0.25">
      <c r="A13891" t="s">
        <v>5849</v>
      </c>
      <c r="B13891" t="s">
        <v>5850</v>
      </c>
      <c r="C13891" t="s">
        <v>5851</v>
      </c>
      <c r="D13891" t="s">
        <v>5843</v>
      </c>
      <c r="E13891" t="s">
        <v>13</v>
      </c>
      <c r="F13891">
        <v>191</v>
      </c>
      <c r="G13891" t="s">
        <v>5852</v>
      </c>
      <c r="H13891">
        <v>6.2727346149100001</v>
      </c>
      <c r="I13891">
        <v>53.077576870774003</v>
      </c>
      <c r="J13891" t="s">
        <v>69576</v>
      </c>
    </row>
    <row r="13892" spans="1:10" x14ac:dyDescent="0.25">
      <c r="A13892" t="s">
        <v>5845</v>
      </c>
      <c r="B13892" t="s">
        <v>5846</v>
      </c>
      <c r="C13892" t="s">
        <v>5847</v>
      </c>
      <c r="D13892" t="s">
        <v>5843</v>
      </c>
      <c r="E13892" t="s">
        <v>13</v>
      </c>
      <c r="F13892">
        <v>190</v>
      </c>
      <c r="G13892" t="s">
        <v>5848</v>
      </c>
      <c r="H13892">
        <v>6.2601559712319998</v>
      </c>
      <c r="I13892">
        <v>53.082512383420998</v>
      </c>
      <c r="J13892" t="s">
        <v>69577</v>
      </c>
    </row>
    <row r="13893" spans="1:10" x14ac:dyDescent="0.25">
      <c r="A13893" t="s">
        <v>5840</v>
      </c>
      <c r="B13893" t="s">
        <v>5841</v>
      </c>
      <c r="C13893" t="s">
        <v>5842</v>
      </c>
      <c r="D13893" t="s">
        <v>5843</v>
      </c>
      <c r="E13893" t="s">
        <v>13</v>
      </c>
      <c r="F13893">
        <v>189</v>
      </c>
      <c r="G13893" t="s">
        <v>5844</v>
      </c>
      <c r="H13893">
        <v>6.2564641361359996</v>
      </c>
      <c r="I13893">
        <v>53.080851707114</v>
      </c>
      <c r="J13893" t="s">
        <v>69578</v>
      </c>
    </row>
    <row r="13894" spans="1:10" x14ac:dyDescent="0.25">
      <c r="A13894" t="s">
        <v>5836</v>
      </c>
      <c r="B13894" t="s">
        <v>5837</v>
      </c>
      <c r="C13894" t="s">
        <v>5838</v>
      </c>
      <c r="D13894" t="s">
        <v>5421</v>
      </c>
      <c r="E13894" t="s">
        <v>13</v>
      </c>
      <c r="F13894">
        <v>188</v>
      </c>
      <c r="G13894" t="s">
        <v>5839</v>
      </c>
      <c r="H13894">
        <v>6.2778522051790002</v>
      </c>
      <c r="I13894">
        <v>53.050929292749998</v>
      </c>
      <c r="J13894" t="s">
        <v>69579</v>
      </c>
    </row>
    <row r="13895" spans="1:10" x14ac:dyDescent="0.25">
      <c r="A13895" t="s">
        <v>5832</v>
      </c>
      <c r="B13895" t="s">
        <v>5833</v>
      </c>
      <c r="C13895" t="s">
        <v>5834</v>
      </c>
      <c r="D13895" t="s">
        <v>5421</v>
      </c>
      <c r="E13895" t="s">
        <v>13</v>
      </c>
      <c r="F13895">
        <v>187</v>
      </c>
      <c r="G13895" t="s">
        <v>5835</v>
      </c>
      <c r="H13895">
        <v>6.2782885788389997</v>
      </c>
      <c r="I13895">
        <v>53.055681236186999</v>
      </c>
      <c r="J13895" t="s">
        <v>69580</v>
      </c>
    </row>
    <row r="13896" spans="1:10" x14ac:dyDescent="0.25">
      <c r="A13896" t="s">
        <v>5828</v>
      </c>
      <c r="B13896" t="s">
        <v>5829</v>
      </c>
      <c r="C13896" t="s">
        <v>5830</v>
      </c>
      <c r="D13896" t="s">
        <v>5421</v>
      </c>
      <c r="E13896" t="s">
        <v>13</v>
      </c>
      <c r="F13896">
        <v>186</v>
      </c>
      <c r="G13896" t="s">
        <v>5831</v>
      </c>
      <c r="H13896">
        <v>6.3905261861879996</v>
      </c>
      <c r="I13896">
        <v>52.973542524622999</v>
      </c>
      <c r="J13896" t="s">
        <v>69581</v>
      </c>
    </row>
    <row r="13897" spans="1:10" x14ac:dyDescent="0.25">
      <c r="A13897" t="s">
        <v>5824</v>
      </c>
      <c r="B13897" t="s">
        <v>5825</v>
      </c>
      <c r="C13897" t="s">
        <v>5826</v>
      </c>
      <c r="D13897" t="s">
        <v>5421</v>
      </c>
      <c r="E13897" t="s">
        <v>13</v>
      </c>
      <c r="F13897">
        <v>185</v>
      </c>
      <c r="G13897" t="s">
        <v>5827</v>
      </c>
      <c r="H13897">
        <v>6.3797629378160003</v>
      </c>
      <c r="I13897">
        <v>52.965324189771998</v>
      </c>
      <c r="J13897" t="s">
        <v>69582</v>
      </c>
    </row>
    <row r="13898" spans="1:10" x14ac:dyDescent="0.25">
      <c r="A13898" t="s">
        <v>5820</v>
      </c>
      <c r="B13898" t="s">
        <v>5821</v>
      </c>
      <c r="C13898" t="s">
        <v>5822</v>
      </c>
      <c r="D13898" t="s">
        <v>5421</v>
      </c>
      <c r="E13898" t="s">
        <v>13</v>
      </c>
      <c r="F13898">
        <v>184</v>
      </c>
      <c r="G13898" t="s">
        <v>5823</v>
      </c>
      <c r="H13898">
        <v>6.3075582628840001</v>
      </c>
      <c r="I13898">
        <v>53.004093378233001</v>
      </c>
      <c r="J13898" t="s">
        <v>69583</v>
      </c>
    </row>
    <row r="13899" spans="1:10" x14ac:dyDescent="0.25">
      <c r="A13899" t="s">
        <v>5816</v>
      </c>
      <c r="B13899" t="s">
        <v>5817</v>
      </c>
      <c r="C13899" t="s">
        <v>5818</v>
      </c>
      <c r="D13899" t="s">
        <v>5421</v>
      </c>
      <c r="E13899" t="s">
        <v>13</v>
      </c>
      <c r="F13899">
        <v>183</v>
      </c>
      <c r="G13899" t="s">
        <v>5819</v>
      </c>
      <c r="H13899">
        <v>6.3006472166189997</v>
      </c>
      <c r="I13899">
        <v>52.980725787380997</v>
      </c>
      <c r="J13899" t="s">
        <v>69584</v>
      </c>
    </row>
    <row r="13900" spans="1:10" x14ac:dyDescent="0.25">
      <c r="A13900" t="s">
        <v>5812</v>
      </c>
      <c r="B13900" t="s">
        <v>5813</v>
      </c>
      <c r="C13900" t="s">
        <v>5814</v>
      </c>
      <c r="D13900" t="s">
        <v>5421</v>
      </c>
      <c r="E13900" t="s">
        <v>13</v>
      </c>
      <c r="F13900">
        <v>182</v>
      </c>
      <c r="G13900" t="s">
        <v>5815</v>
      </c>
      <c r="H13900">
        <v>6.2972966944879998</v>
      </c>
      <c r="I13900">
        <v>52.984858342039999</v>
      </c>
      <c r="J13900" t="s">
        <v>69585</v>
      </c>
    </row>
    <row r="13901" spans="1:10" x14ac:dyDescent="0.25">
      <c r="A13901" t="s">
        <v>5808</v>
      </c>
      <c r="B13901" t="s">
        <v>5809</v>
      </c>
      <c r="C13901" t="s">
        <v>5810</v>
      </c>
      <c r="D13901" t="s">
        <v>5421</v>
      </c>
      <c r="E13901" t="s">
        <v>13</v>
      </c>
      <c r="F13901">
        <v>181</v>
      </c>
      <c r="G13901" t="s">
        <v>5811</v>
      </c>
      <c r="H13901">
        <v>6.291839480298</v>
      </c>
      <c r="I13901">
        <v>52.981033273961998</v>
      </c>
      <c r="J13901" t="s">
        <v>69586</v>
      </c>
    </row>
    <row r="13902" spans="1:10" x14ac:dyDescent="0.25">
      <c r="A13902" t="s">
        <v>5804</v>
      </c>
      <c r="B13902" t="s">
        <v>5805</v>
      </c>
      <c r="C13902" t="s">
        <v>5806</v>
      </c>
      <c r="D13902" t="s">
        <v>5421</v>
      </c>
      <c r="E13902" t="s">
        <v>13</v>
      </c>
      <c r="F13902">
        <v>180</v>
      </c>
      <c r="G13902" t="s">
        <v>5807</v>
      </c>
      <c r="H13902">
        <v>6.2942761574170003</v>
      </c>
      <c r="I13902">
        <v>52.984899399207002</v>
      </c>
      <c r="J13902" t="s">
        <v>69587</v>
      </c>
    </row>
    <row r="13903" spans="1:10" x14ac:dyDescent="0.25">
      <c r="A13903" t="s">
        <v>5800</v>
      </c>
      <c r="B13903" t="s">
        <v>5801</v>
      </c>
      <c r="C13903" t="s">
        <v>5802</v>
      </c>
      <c r="D13903" t="s">
        <v>5421</v>
      </c>
      <c r="E13903" t="s">
        <v>13</v>
      </c>
      <c r="F13903">
        <v>179</v>
      </c>
      <c r="G13903" t="s">
        <v>5803</v>
      </c>
      <c r="H13903">
        <v>6.2934373349849997</v>
      </c>
      <c r="I13903">
        <v>52.988879577111</v>
      </c>
      <c r="J13903" t="s">
        <v>69588</v>
      </c>
    </row>
    <row r="13904" spans="1:10" x14ac:dyDescent="0.25">
      <c r="A13904" t="s">
        <v>5796</v>
      </c>
      <c r="B13904" t="s">
        <v>5797</v>
      </c>
      <c r="C13904" t="s">
        <v>5798</v>
      </c>
      <c r="D13904" t="s">
        <v>5421</v>
      </c>
      <c r="E13904" t="s">
        <v>13</v>
      </c>
      <c r="F13904">
        <v>178</v>
      </c>
      <c r="G13904" t="s">
        <v>5799</v>
      </c>
      <c r="H13904">
        <v>6.2884032920779998</v>
      </c>
      <c r="I13904">
        <v>52.983896346759998</v>
      </c>
      <c r="J13904" t="s">
        <v>69589</v>
      </c>
    </row>
    <row r="13905" spans="1:10" x14ac:dyDescent="0.25">
      <c r="A13905" t="s">
        <v>5792</v>
      </c>
      <c r="B13905" t="s">
        <v>5793</v>
      </c>
      <c r="C13905" t="s">
        <v>5794</v>
      </c>
      <c r="D13905" t="s">
        <v>5421</v>
      </c>
      <c r="E13905" t="s">
        <v>13</v>
      </c>
      <c r="F13905">
        <v>177</v>
      </c>
      <c r="G13905" t="s">
        <v>5795</v>
      </c>
      <c r="H13905">
        <v>6.2823598574449999</v>
      </c>
      <c r="I13905">
        <v>52.985553507105003</v>
      </c>
      <c r="J13905" t="s">
        <v>69590</v>
      </c>
    </row>
    <row r="13906" spans="1:10" x14ac:dyDescent="0.25">
      <c r="A13906" t="s">
        <v>5788</v>
      </c>
      <c r="B13906" t="s">
        <v>5789</v>
      </c>
      <c r="C13906" t="s">
        <v>5790</v>
      </c>
      <c r="D13906" t="s">
        <v>5421</v>
      </c>
      <c r="E13906" t="s">
        <v>13</v>
      </c>
      <c r="F13906">
        <v>176</v>
      </c>
      <c r="G13906" t="s">
        <v>5791</v>
      </c>
      <c r="H13906">
        <v>6.2854425099890001</v>
      </c>
      <c r="I13906">
        <v>52.989792113851998</v>
      </c>
      <c r="J13906" t="s">
        <v>69591</v>
      </c>
    </row>
    <row r="13907" spans="1:10" x14ac:dyDescent="0.25">
      <c r="A13907" t="s">
        <v>5784</v>
      </c>
      <c r="B13907" t="s">
        <v>5785</v>
      </c>
      <c r="C13907" t="s">
        <v>5786</v>
      </c>
      <c r="D13907" t="s">
        <v>5421</v>
      </c>
      <c r="E13907" t="s">
        <v>13</v>
      </c>
      <c r="F13907">
        <v>175</v>
      </c>
      <c r="G13907" t="s">
        <v>5787</v>
      </c>
      <c r="H13907">
        <v>6.3043774225310001</v>
      </c>
      <c r="I13907">
        <v>52.989812823683998</v>
      </c>
      <c r="J13907" t="s">
        <v>69592</v>
      </c>
    </row>
    <row r="13908" spans="1:10" x14ac:dyDescent="0.25">
      <c r="A13908" t="s">
        <v>5780</v>
      </c>
      <c r="B13908" t="s">
        <v>5781</v>
      </c>
      <c r="C13908" t="s">
        <v>5782</v>
      </c>
      <c r="D13908" t="s">
        <v>5421</v>
      </c>
      <c r="E13908" t="s">
        <v>13</v>
      </c>
      <c r="F13908">
        <v>174</v>
      </c>
      <c r="G13908" t="s">
        <v>5783</v>
      </c>
      <c r="H13908">
        <v>6.3014592770690001</v>
      </c>
      <c r="I13908">
        <v>52.990967811152998</v>
      </c>
      <c r="J13908" t="s">
        <v>69593</v>
      </c>
    </row>
    <row r="13909" spans="1:10" x14ac:dyDescent="0.25">
      <c r="A13909" t="s">
        <v>5776</v>
      </c>
      <c r="B13909" t="s">
        <v>5777</v>
      </c>
      <c r="C13909" t="s">
        <v>5778</v>
      </c>
      <c r="D13909" t="s">
        <v>5421</v>
      </c>
      <c r="E13909" t="s">
        <v>13</v>
      </c>
      <c r="F13909">
        <v>173</v>
      </c>
      <c r="G13909" t="s">
        <v>5779</v>
      </c>
      <c r="H13909">
        <v>6.3014918918529998</v>
      </c>
      <c r="I13909">
        <v>52.995254467922997</v>
      </c>
      <c r="J13909" t="s">
        <v>69594</v>
      </c>
    </row>
    <row r="13910" spans="1:10" x14ac:dyDescent="0.25">
      <c r="A13910" t="s">
        <v>5772</v>
      </c>
      <c r="B13910" t="s">
        <v>5773</v>
      </c>
      <c r="C13910" t="s">
        <v>5774</v>
      </c>
      <c r="D13910" t="s">
        <v>5421</v>
      </c>
      <c r="E13910" t="s">
        <v>13</v>
      </c>
      <c r="F13910">
        <v>172</v>
      </c>
      <c r="G13910" t="s">
        <v>5775</v>
      </c>
      <c r="H13910">
        <v>6.2965028818229998</v>
      </c>
      <c r="I13910">
        <v>52.991495682851998</v>
      </c>
      <c r="J13910" t="s">
        <v>69595</v>
      </c>
    </row>
    <row r="13911" spans="1:10" x14ac:dyDescent="0.25">
      <c r="A13911" t="s">
        <v>5768</v>
      </c>
      <c r="B13911" t="s">
        <v>5769</v>
      </c>
      <c r="C13911" t="s">
        <v>5770</v>
      </c>
      <c r="D13911" t="s">
        <v>5421</v>
      </c>
      <c r="E13911" t="s">
        <v>13</v>
      </c>
      <c r="F13911">
        <v>171</v>
      </c>
      <c r="G13911" t="s">
        <v>5771</v>
      </c>
      <c r="H13911">
        <v>6.2945250751449997</v>
      </c>
      <c r="I13911">
        <v>52.995936888583998</v>
      </c>
      <c r="J13911" t="s">
        <v>69596</v>
      </c>
    </row>
    <row r="13912" spans="1:10" x14ac:dyDescent="0.25">
      <c r="A13912" t="s">
        <v>5764</v>
      </c>
      <c r="B13912" t="s">
        <v>5765</v>
      </c>
      <c r="C13912" t="s">
        <v>5766</v>
      </c>
      <c r="D13912" t="s">
        <v>5421</v>
      </c>
      <c r="E13912" t="s">
        <v>13</v>
      </c>
      <c r="F13912">
        <v>170</v>
      </c>
      <c r="G13912" t="s">
        <v>5767</v>
      </c>
      <c r="H13912">
        <v>6.2894400559730004</v>
      </c>
      <c r="I13912">
        <v>52.994273841129001</v>
      </c>
      <c r="J13912" t="s">
        <v>69597</v>
      </c>
    </row>
    <row r="13913" spans="1:10" x14ac:dyDescent="0.25">
      <c r="A13913" t="s">
        <v>5760</v>
      </c>
      <c r="B13913" t="s">
        <v>5761</v>
      </c>
      <c r="C13913" t="s">
        <v>5762</v>
      </c>
      <c r="D13913" t="s">
        <v>5421</v>
      </c>
      <c r="E13913" t="s">
        <v>13</v>
      </c>
      <c r="F13913">
        <v>169</v>
      </c>
      <c r="G13913" t="s">
        <v>5763</v>
      </c>
      <c r="H13913">
        <v>6.2828698881539999</v>
      </c>
      <c r="I13913">
        <v>52.994211971443001</v>
      </c>
      <c r="J13913" t="s">
        <v>69598</v>
      </c>
    </row>
    <row r="13914" spans="1:10" x14ac:dyDescent="0.25">
      <c r="A13914" t="s">
        <v>5756</v>
      </c>
      <c r="B13914" t="s">
        <v>5757</v>
      </c>
      <c r="C13914" t="s">
        <v>5758</v>
      </c>
      <c r="D13914" t="s">
        <v>5421</v>
      </c>
      <c r="E13914" t="s">
        <v>13</v>
      </c>
      <c r="F13914">
        <v>168</v>
      </c>
      <c r="G13914" t="s">
        <v>5759</v>
      </c>
      <c r="H13914">
        <v>6.2772407792290004</v>
      </c>
      <c r="I13914">
        <v>52.994761957366002</v>
      </c>
      <c r="J13914" t="s">
        <v>69599</v>
      </c>
    </row>
    <row r="13915" spans="1:10" x14ac:dyDescent="0.25">
      <c r="A13915" t="s">
        <v>5752</v>
      </c>
      <c r="B13915" t="s">
        <v>5753</v>
      </c>
      <c r="C13915" t="s">
        <v>5754</v>
      </c>
      <c r="D13915" t="s">
        <v>5421</v>
      </c>
      <c r="E13915" t="s">
        <v>13</v>
      </c>
      <c r="F13915">
        <v>167</v>
      </c>
      <c r="G13915" t="s">
        <v>5755</v>
      </c>
      <c r="H13915">
        <v>6.2826339470279997</v>
      </c>
      <c r="I13915">
        <v>52.998424594383003</v>
      </c>
      <c r="J13915" t="s">
        <v>69600</v>
      </c>
    </row>
    <row r="13916" spans="1:10" x14ac:dyDescent="0.25">
      <c r="A13916" t="s">
        <v>5748</v>
      </c>
      <c r="B13916" t="s">
        <v>5749</v>
      </c>
      <c r="C13916" t="s">
        <v>5750</v>
      </c>
      <c r="D13916" t="s">
        <v>5421</v>
      </c>
      <c r="E13916" t="s">
        <v>13</v>
      </c>
      <c r="F13916">
        <v>166</v>
      </c>
      <c r="G13916" t="s">
        <v>5751</v>
      </c>
      <c r="H13916">
        <v>6.13195775266</v>
      </c>
      <c r="I13916">
        <v>52.939501299774001</v>
      </c>
      <c r="J13916" t="s">
        <v>69601</v>
      </c>
    </row>
    <row r="13917" spans="1:10" x14ac:dyDescent="0.25">
      <c r="A13917" t="s">
        <v>5744</v>
      </c>
      <c r="B13917" t="s">
        <v>5745</v>
      </c>
      <c r="C13917" t="s">
        <v>5746</v>
      </c>
      <c r="D13917" t="s">
        <v>5421</v>
      </c>
      <c r="E13917" t="s">
        <v>13</v>
      </c>
      <c r="F13917">
        <v>165</v>
      </c>
      <c r="G13917" t="s">
        <v>5747</v>
      </c>
      <c r="H13917">
        <v>6.1213788546719998</v>
      </c>
      <c r="I13917">
        <v>52.939130578136997</v>
      </c>
      <c r="J13917" t="s">
        <v>69602</v>
      </c>
    </row>
    <row r="13918" spans="1:10" x14ac:dyDescent="0.25">
      <c r="A13918" t="s">
        <v>5740</v>
      </c>
      <c r="B13918" t="s">
        <v>5741</v>
      </c>
      <c r="C13918" t="s">
        <v>5742</v>
      </c>
      <c r="D13918" t="s">
        <v>5421</v>
      </c>
      <c r="E13918" t="s">
        <v>13</v>
      </c>
      <c r="F13918">
        <v>164</v>
      </c>
      <c r="G13918" t="s">
        <v>5743</v>
      </c>
      <c r="H13918">
        <v>6.1317498686630003</v>
      </c>
      <c r="I13918">
        <v>52.939522925539002</v>
      </c>
      <c r="J13918" t="s">
        <v>69603</v>
      </c>
    </row>
    <row r="13919" spans="1:10" x14ac:dyDescent="0.25">
      <c r="A13919" t="s">
        <v>5736</v>
      </c>
      <c r="B13919" t="s">
        <v>5737</v>
      </c>
      <c r="C13919" t="s">
        <v>5738</v>
      </c>
      <c r="D13919" t="s">
        <v>5421</v>
      </c>
      <c r="E13919" t="s">
        <v>13</v>
      </c>
      <c r="F13919">
        <v>163</v>
      </c>
      <c r="G13919" t="s">
        <v>5739</v>
      </c>
      <c r="H13919">
        <v>6.181086414238</v>
      </c>
      <c r="I13919">
        <v>52.958836719287</v>
      </c>
      <c r="J13919" t="s">
        <v>69604</v>
      </c>
    </row>
    <row r="13920" spans="1:10" x14ac:dyDescent="0.25">
      <c r="A13920" t="s">
        <v>5732</v>
      </c>
      <c r="B13920" t="s">
        <v>5733</v>
      </c>
      <c r="C13920" t="s">
        <v>5734</v>
      </c>
      <c r="D13920" t="s">
        <v>5421</v>
      </c>
      <c r="E13920" t="s">
        <v>13</v>
      </c>
      <c r="F13920">
        <v>162</v>
      </c>
      <c r="G13920" t="s">
        <v>5735</v>
      </c>
      <c r="H13920">
        <v>6.1856467273710001</v>
      </c>
      <c r="I13920">
        <v>52.956001141382004</v>
      </c>
      <c r="J13920" t="s">
        <v>69605</v>
      </c>
    </row>
    <row r="13921" spans="1:10" x14ac:dyDescent="0.25">
      <c r="A13921" t="s">
        <v>5728</v>
      </c>
      <c r="B13921" t="s">
        <v>5729</v>
      </c>
      <c r="C13921" t="s">
        <v>5730</v>
      </c>
      <c r="D13921" t="s">
        <v>5421</v>
      </c>
      <c r="E13921" t="s">
        <v>13</v>
      </c>
      <c r="F13921">
        <v>161</v>
      </c>
      <c r="G13921" t="s">
        <v>5731</v>
      </c>
      <c r="H13921">
        <v>6.2258290956089999</v>
      </c>
      <c r="I13921">
        <v>52.977027143465001</v>
      </c>
      <c r="J13921" t="s">
        <v>69606</v>
      </c>
    </row>
    <row r="13922" spans="1:10" x14ac:dyDescent="0.25">
      <c r="A13922" t="s">
        <v>5724</v>
      </c>
      <c r="B13922" t="s">
        <v>5725</v>
      </c>
      <c r="C13922" t="s">
        <v>5726</v>
      </c>
      <c r="D13922" t="s">
        <v>5421</v>
      </c>
      <c r="E13922" t="s">
        <v>13</v>
      </c>
      <c r="F13922">
        <v>160</v>
      </c>
      <c r="G13922" t="s">
        <v>5727</v>
      </c>
      <c r="H13922">
        <v>6.2167252640440003</v>
      </c>
      <c r="I13922">
        <v>52.979919677562002</v>
      </c>
      <c r="J13922" t="s">
        <v>69607</v>
      </c>
    </row>
    <row r="13923" spans="1:10" x14ac:dyDescent="0.25">
      <c r="A13923" t="s">
        <v>5720</v>
      </c>
      <c r="B13923" t="s">
        <v>5721</v>
      </c>
      <c r="C13923" t="s">
        <v>5722</v>
      </c>
      <c r="D13923" t="s">
        <v>5421</v>
      </c>
      <c r="E13923" t="s">
        <v>13</v>
      </c>
      <c r="F13923">
        <v>159</v>
      </c>
      <c r="G13923" t="s">
        <v>5723</v>
      </c>
      <c r="H13923">
        <v>6.2752106684189997</v>
      </c>
      <c r="I13923">
        <v>52.962824595614002</v>
      </c>
      <c r="J13923" t="s">
        <v>69608</v>
      </c>
    </row>
    <row r="13924" spans="1:10" x14ac:dyDescent="0.25">
      <c r="A13924" t="s">
        <v>5716</v>
      </c>
      <c r="B13924" t="s">
        <v>5717</v>
      </c>
      <c r="C13924" t="s">
        <v>5718</v>
      </c>
      <c r="D13924" t="s">
        <v>5421</v>
      </c>
      <c r="E13924" t="s">
        <v>13</v>
      </c>
      <c r="F13924">
        <v>158</v>
      </c>
      <c r="G13924" t="s">
        <v>5719</v>
      </c>
      <c r="H13924">
        <v>6.2849924100910002</v>
      </c>
      <c r="I13924">
        <v>52.964107416719997</v>
      </c>
      <c r="J13924" t="s">
        <v>69609</v>
      </c>
    </row>
    <row r="13925" spans="1:10" x14ac:dyDescent="0.25">
      <c r="A13925" t="s">
        <v>5712</v>
      </c>
      <c r="B13925" t="s">
        <v>5713</v>
      </c>
      <c r="C13925" t="s">
        <v>5714</v>
      </c>
      <c r="D13925" t="s">
        <v>5421</v>
      </c>
      <c r="E13925" t="s">
        <v>13</v>
      </c>
      <c r="F13925">
        <v>157</v>
      </c>
      <c r="G13925" t="s">
        <v>5715</v>
      </c>
      <c r="H13925">
        <v>6.3403378400269998</v>
      </c>
      <c r="I13925">
        <v>53.057204338188001</v>
      </c>
      <c r="J13925" t="s">
        <v>69610</v>
      </c>
    </row>
    <row r="13926" spans="1:10" x14ac:dyDescent="0.25">
      <c r="A13926" t="s">
        <v>5708</v>
      </c>
      <c r="B13926" t="s">
        <v>5709</v>
      </c>
      <c r="C13926" t="s">
        <v>5710</v>
      </c>
      <c r="D13926" t="s">
        <v>5421</v>
      </c>
      <c r="E13926" t="s">
        <v>13</v>
      </c>
      <c r="F13926">
        <v>156</v>
      </c>
      <c r="G13926" t="s">
        <v>5711</v>
      </c>
      <c r="H13926">
        <v>6.3285897800180004</v>
      </c>
      <c r="I13926">
        <v>53.070991739626997</v>
      </c>
      <c r="J13926" t="s">
        <v>69611</v>
      </c>
    </row>
    <row r="13927" spans="1:10" x14ac:dyDescent="0.25">
      <c r="A13927" t="s">
        <v>5704</v>
      </c>
      <c r="B13927" t="s">
        <v>5705</v>
      </c>
      <c r="C13927" t="s">
        <v>5706</v>
      </c>
      <c r="D13927" t="s">
        <v>5421</v>
      </c>
      <c r="E13927" t="s">
        <v>13</v>
      </c>
      <c r="F13927">
        <v>155</v>
      </c>
      <c r="G13927" t="s">
        <v>5707</v>
      </c>
      <c r="H13927">
        <v>6.3338128929839996</v>
      </c>
      <c r="I13927">
        <v>53.063257609375</v>
      </c>
      <c r="J13927" t="s">
        <v>69612</v>
      </c>
    </row>
    <row r="13928" spans="1:10" x14ac:dyDescent="0.25">
      <c r="A13928" t="s">
        <v>5700</v>
      </c>
      <c r="B13928" t="s">
        <v>5701</v>
      </c>
      <c r="C13928" t="s">
        <v>5702</v>
      </c>
      <c r="D13928" t="s">
        <v>5421</v>
      </c>
      <c r="E13928" t="s">
        <v>13</v>
      </c>
      <c r="F13928">
        <v>154</v>
      </c>
      <c r="G13928" t="s">
        <v>5703</v>
      </c>
      <c r="H13928">
        <v>6.329777608223</v>
      </c>
      <c r="I13928">
        <v>53.061584621900998</v>
      </c>
      <c r="J13928" t="s">
        <v>69613</v>
      </c>
    </row>
    <row r="13929" spans="1:10" x14ac:dyDescent="0.25">
      <c r="A13929" t="s">
        <v>5696</v>
      </c>
      <c r="B13929" t="s">
        <v>5697</v>
      </c>
      <c r="C13929" t="s">
        <v>5698</v>
      </c>
      <c r="D13929" t="s">
        <v>5421</v>
      </c>
      <c r="E13929" t="s">
        <v>13</v>
      </c>
      <c r="F13929">
        <v>153</v>
      </c>
      <c r="G13929" t="s">
        <v>5699</v>
      </c>
      <c r="H13929">
        <v>6.3286626349619999</v>
      </c>
      <c r="I13929">
        <v>53.067226232678998</v>
      </c>
      <c r="J13929" t="s">
        <v>69614</v>
      </c>
    </row>
    <row r="13930" spans="1:10" x14ac:dyDescent="0.25">
      <c r="A13930" t="s">
        <v>5692</v>
      </c>
      <c r="B13930" t="s">
        <v>5693</v>
      </c>
      <c r="C13930" t="s">
        <v>5694</v>
      </c>
      <c r="D13930" t="s">
        <v>5421</v>
      </c>
      <c r="E13930" t="s">
        <v>13</v>
      </c>
      <c r="F13930">
        <v>152</v>
      </c>
      <c r="G13930" t="s">
        <v>5695</v>
      </c>
      <c r="H13930">
        <v>6.3352577211929999</v>
      </c>
      <c r="I13930">
        <v>53.068117281113999</v>
      </c>
      <c r="J13930" t="s">
        <v>69615</v>
      </c>
    </row>
    <row r="13931" spans="1:10" x14ac:dyDescent="0.25">
      <c r="A13931" t="s">
        <v>5503</v>
      </c>
      <c r="B13931" t="s">
        <v>5504</v>
      </c>
      <c r="C13931" t="s">
        <v>5505</v>
      </c>
      <c r="D13931" t="s">
        <v>5421</v>
      </c>
      <c r="E13931" t="s">
        <v>13</v>
      </c>
      <c r="F13931">
        <v>151</v>
      </c>
      <c r="G13931" t="s">
        <v>5506</v>
      </c>
      <c r="H13931">
        <v>6.329146357171</v>
      </c>
      <c r="I13931">
        <v>53.064407843281998</v>
      </c>
      <c r="J13931" t="s">
        <v>69616</v>
      </c>
    </row>
    <row r="13932" spans="1:10" x14ac:dyDescent="0.25">
      <c r="A13932" t="s">
        <v>5499</v>
      </c>
      <c r="B13932" t="s">
        <v>5500</v>
      </c>
      <c r="C13932" t="s">
        <v>5501</v>
      </c>
      <c r="D13932" t="s">
        <v>5421</v>
      </c>
      <c r="E13932" t="s">
        <v>13</v>
      </c>
      <c r="F13932">
        <v>150</v>
      </c>
      <c r="G13932" t="s">
        <v>5502</v>
      </c>
      <c r="H13932">
        <v>6.336049928834</v>
      </c>
      <c r="I13932">
        <v>53.064588707963999</v>
      </c>
      <c r="J13932" t="s">
        <v>69617</v>
      </c>
    </row>
    <row r="13933" spans="1:10" x14ac:dyDescent="0.25">
      <c r="A13933" t="s">
        <v>5495</v>
      </c>
      <c r="B13933" t="s">
        <v>5496</v>
      </c>
      <c r="C13933" t="s">
        <v>5497</v>
      </c>
      <c r="D13933" t="s">
        <v>5421</v>
      </c>
      <c r="E13933" t="s">
        <v>13</v>
      </c>
      <c r="F13933">
        <v>149</v>
      </c>
      <c r="G13933" t="s">
        <v>5498</v>
      </c>
      <c r="H13933">
        <v>6.3084150431810002</v>
      </c>
      <c r="I13933">
        <v>53.039658283542998</v>
      </c>
      <c r="J13933" t="s">
        <v>69618</v>
      </c>
    </row>
    <row r="13934" spans="1:10" x14ac:dyDescent="0.25">
      <c r="A13934" t="s">
        <v>5491</v>
      </c>
      <c r="B13934" t="s">
        <v>5492</v>
      </c>
      <c r="C13934" t="s">
        <v>5493</v>
      </c>
      <c r="D13934" t="s">
        <v>5421</v>
      </c>
      <c r="E13934" t="s">
        <v>13</v>
      </c>
      <c r="F13934">
        <v>148</v>
      </c>
      <c r="G13934" t="s">
        <v>5494</v>
      </c>
      <c r="H13934">
        <v>6.3047510629839998</v>
      </c>
      <c r="I13934">
        <v>53.036388016143</v>
      </c>
      <c r="J13934" t="s">
        <v>69619</v>
      </c>
    </row>
    <row r="13935" spans="1:10" x14ac:dyDescent="0.25">
      <c r="A13935" t="s">
        <v>5487</v>
      </c>
      <c r="B13935" t="s">
        <v>5488</v>
      </c>
      <c r="C13935" t="s">
        <v>5489</v>
      </c>
      <c r="D13935" t="s">
        <v>5421</v>
      </c>
      <c r="E13935" t="s">
        <v>13</v>
      </c>
      <c r="F13935">
        <v>147</v>
      </c>
      <c r="G13935" t="s">
        <v>5490</v>
      </c>
      <c r="H13935">
        <v>6.3557701391599997</v>
      </c>
      <c r="I13935">
        <v>52.993892102472998</v>
      </c>
      <c r="J13935" t="s">
        <v>69620</v>
      </c>
    </row>
    <row r="13936" spans="1:10" x14ac:dyDescent="0.25">
      <c r="A13936" t="s">
        <v>5483</v>
      </c>
      <c r="B13936" t="s">
        <v>5484</v>
      </c>
      <c r="C13936" t="s">
        <v>5485</v>
      </c>
      <c r="D13936" t="s">
        <v>5421</v>
      </c>
      <c r="E13936" t="s">
        <v>13</v>
      </c>
      <c r="F13936">
        <v>146</v>
      </c>
      <c r="G13936" t="s">
        <v>5486</v>
      </c>
      <c r="H13936">
        <v>6.3353440020429996</v>
      </c>
      <c r="I13936">
        <v>52.992251846472001</v>
      </c>
      <c r="J13936" t="s">
        <v>69621</v>
      </c>
    </row>
    <row r="13937" spans="1:10" x14ac:dyDescent="0.25">
      <c r="A13937" t="s">
        <v>5479</v>
      </c>
      <c r="B13937" t="s">
        <v>5480</v>
      </c>
      <c r="C13937" t="s">
        <v>5481</v>
      </c>
      <c r="D13937" t="s">
        <v>5421</v>
      </c>
      <c r="E13937" t="s">
        <v>13</v>
      </c>
      <c r="F13937">
        <v>145</v>
      </c>
      <c r="G13937" t="s">
        <v>5482</v>
      </c>
      <c r="H13937">
        <v>6.2432349217179999</v>
      </c>
      <c r="I13937">
        <v>52.941271319374998</v>
      </c>
      <c r="J13937" t="s">
        <v>69622</v>
      </c>
    </row>
    <row r="13938" spans="1:10" x14ac:dyDescent="0.25">
      <c r="A13938" t="s">
        <v>5475</v>
      </c>
      <c r="B13938" t="s">
        <v>5476</v>
      </c>
      <c r="C13938" t="s">
        <v>5477</v>
      </c>
      <c r="D13938" t="s">
        <v>5421</v>
      </c>
      <c r="E13938" t="s">
        <v>13</v>
      </c>
      <c r="F13938">
        <v>144</v>
      </c>
      <c r="G13938" t="s">
        <v>5478</v>
      </c>
      <c r="H13938">
        <v>6.2382376759140001</v>
      </c>
      <c r="I13938">
        <v>52.943758806981002</v>
      </c>
      <c r="J13938" t="s">
        <v>69623</v>
      </c>
    </row>
    <row r="13939" spans="1:10" x14ac:dyDescent="0.25">
      <c r="A13939" t="s">
        <v>5471</v>
      </c>
      <c r="B13939" t="s">
        <v>5472</v>
      </c>
      <c r="C13939" t="s">
        <v>5473</v>
      </c>
      <c r="D13939" t="s">
        <v>5421</v>
      </c>
      <c r="E13939" t="s">
        <v>13</v>
      </c>
      <c r="F13939">
        <v>143</v>
      </c>
      <c r="G13939" t="s">
        <v>5474</v>
      </c>
      <c r="H13939">
        <v>6.2363785199099997</v>
      </c>
      <c r="I13939">
        <v>53.018338352972997</v>
      </c>
      <c r="J13939" t="s">
        <v>69624</v>
      </c>
    </row>
    <row r="13940" spans="1:10" x14ac:dyDescent="0.25">
      <c r="A13940" t="s">
        <v>5467</v>
      </c>
      <c r="B13940" t="s">
        <v>5468</v>
      </c>
      <c r="C13940" t="s">
        <v>5469</v>
      </c>
      <c r="D13940" t="s">
        <v>5421</v>
      </c>
      <c r="E13940" t="s">
        <v>13</v>
      </c>
      <c r="F13940">
        <v>142</v>
      </c>
      <c r="G13940" t="s">
        <v>5470</v>
      </c>
      <c r="H13940">
        <v>6.2380423377680003</v>
      </c>
      <c r="I13940">
        <v>53.016048555547997</v>
      </c>
      <c r="J13940" t="s">
        <v>69625</v>
      </c>
    </row>
    <row r="13941" spans="1:10" x14ac:dyDescent="0.25">
      <c r="A13941" t="s">
        <v>5463</v>
      </c>
      <c r="B13941" t="s">
        <v>5464</v>
      </c>
      <c r="C13941" t="s">
        <v>5465</v>
      </c>
      <c r="D13941" t="s">
        <v>5421</v>
      </c>
      <c r="E13941" t="s">
        <v>13</v>
      </c>
      <c r="F13941">
        <v>141</v>
      </c>
      <c r="G13941" t="s">
        <v>5466</v>
      </c>
      <c r="H13941">
        <v>6.2375987731649998</v>
      </c>
      <c r="I13941">
        <v>53.019140058746999</v>
      </c>
      <c r="J13941" t="s">
        <v>69626</v>
      </c>
    </row>
    <row r="13942" spans="1:10" x14ac:dyDescent="0.25">
      <c r="A13942" t="s">
        <v>5459</v>
      </c>
      <c r="B13942" t="s">
        <v>5460</v>
      </c>
      <c r="C13942" t="s">
        <v>5461</v>
      </c>
      <c r="D13942" t="s">
        <v>5421</v>
      </c>
      <c r="E13942" t="s">
        <v>13</v>
      </c>
      <c r="F13942">
        <v>140</v>
      </c>
      <c r="G13942" t="s">
        <v>5462</v>
      </c>
      <c r="H13942">
        <v>6.3403197276969996</v>
      </c>
      <c r="I13942">
        <v>52.942128414941998</v>
      </c>
      <c r="J13942" t="s">
        <v>69627</v>
      </c>
    </row>
    <row r="13943" spans="1:10" x14ac:dyDescent="0.25">
      <c r="A13943" t="s">
        <v>5455</v>
      </c>
      <c r="B13943" t="s">
        <v>5456</v>
      </c>
      <c r="C13943" t="s">
        <v>5457</v>
      </c>
      <c r="D13943" t="s">
        <v>5421</v>
      </c>
      <c r="E13943" t="s">
        <v>13</v>
      </c>
      <c r="F13943">
        <v>139</v>
      </c>
      <c r="G13943" t="s">
        <v>5458</v>
      </c>
      <c r="H13943">
        <v>6.3469926475690004</v>
      </c>
      <c r="I13943">
        <v>52.953870170995003</v>
      </c>
      <c r="J13943" t="s">
        <v>69628</v>
      </c>
    </row>
    <row r="13944" spans="1:10" x14ac:dyDescent="0.25">
      <c r="A13944" t="s">
        <v>5451</v>
      </c>
      <c r="B13944" t="s">
        <v>5452</v>
      </c>
      <c r="C13944" t="s">
        <v>5453</v>
      </c>
      <c r="D13944" t="s">
        <v>5421</v>
      </c>
      <c r="E13944" t="s">
        <v>13</v>
      </c>
      <c r="F13944">
        <v>138</v>
      </c>
      <c r="G13944" t="s">
        <v>5454</v>
      </c>
      <c r="H13944">
        <v>6.3498097062319996</v>
      </c>
      <c r="I13944">
        <v>52.957906937558</v>
      </c>
      <c r="J13944" t="s">
        <v>69629</v>
      </c>
    </row>
    <row r="13945" spans="1:10" x14ac:dyDescent="0.25">
      <c r="A13945" t="s">
        <v>5447</v>
      </c>
      <c r="B13945" t="s">
        <v>5448</v>
      </c>
      <c r="C13945" t="s">
        <v>5449</v>
      </c>
      <c r="D13945" t="s">
        <v>5421</v>
      </c>
      <c r="E13945" t="s">
        <v>13</v>
      </c>
      <c r="F13945">
        <v>137</v>
      </c>
      <c r="G13945" t="s">
        <v>5450</v>
      </c>
      <c r="H13945">
        <v>6.3648090760180001</v>
      </c>
      <c r="I13945">
        <v>52.953323622977003</v>
      </c>
      <c r="J13945" t="s">
        <v>69630</v>
      </c>
    </row>
    <row r="13946" spans="1:10" x14ac:dyDescent="0.25">
      <c r="A13946" t="s">
        <v>5443</v>
      </c>
      <c r="B13946" t="s">
        <v>5444</v>
      </c>
      <c r="C13946" t="s">
        <v>5445</v>
      </c>
      <c r="D13946" t="s">
        <v>5421</v>
      </c>
      <c r="E13946" t="s">
        <v>13</v>
      </c>
      <c r="F13946">
        <v>136</v>
      </c>
      <c r="G13946" t="s">
        <v>5446</v>
      </c>
      <c r="H13946">
        <v>6.3428351867600004</v>
      </c>
      <c r="I13946">
        <v>52.955338642911002</v>
      </c>
      <c r="J13946" t="s">
        <v>69631</v>
      </c>
    </row>
    <row r="13947" spans="1:10" x14ac:dyDescent="0.25">
      <c r="A13947" t="s">
        <v>5439</v>
      </c>
      <c r="B13947" t="s">
        <v>5440</v>
      </c>
      <c r="C13947" t="s">
        <v>5441</v>
      </c>
      <c r="D13947" t="s">
        <v>5421</v>
      </c>
      <c r="E13947" t="s">
        <v>13</v>
      </c>
      <c r="F13947">
        <v>135</v>
      </c>
      <c r="G13947" t="s">
        <v>5442</v>
      </c>
      <c r="H13947">
        <v>6.3606264972010003</v>
      </c>
      <c r="I13947">
        <v>52.955935256535</v>
      </c>
      <c r="J13947" t="s">
        <v>69632</v>
      </c>
    </row>
    <row r="13948" spans="1:10" x14ac:dyDescent="0.25">
      <c r="A13948" t="s">
        <v>5435</v>
      </c>
      <c r="B13948" t="s">
        <v>5436</v>
      </c>
      <c r="C13948" t="s">
        <v>5437</v>
      </c>
      <c r="D13948" t="s">
        <v>5421</v>
      </c>
      <c r="E13948" t="s">
        <v>13</v>
      </c>
      <c r="F13948">
        <v>134</v>
      </c>
      <c r="G13948" t="s">
        <v>5438</v>
      </c>
      <c r="H13948">
        <v>6.3471422060549996</v>
      </c>
      <c r="I13948">
        <v>52.956728760895999</v>
      </c>
      <c r="J13948" t="s">
        <v>69633</v>
      </c>
    </row>
    <row r="13949" spans="1:10" x14ac:dyDescent="0.25">
      <c r="A13949" t="s">
        <v>5431</v>
      </c>
      <c r="B13949" t="s">
        <v>5432</v>
      </c>
      <c r="C13949" t="s">
        <v>5433</v>
      </c>
      <c r="D13949" t="s">
        <v>5421</v>
      </c>
      <c r="E13949" t="s">
        <v>13</v>
      </c>
      <c r="F13949">
        <v>133</v>
      </c>
      <c r="G13949" t="s">
        <v>5434</v>
      </c>
      <c r="H13949">
        <v>6.3535664500709998</v>
      </c>
      <c r="I13949">
        <v>52.952903740255998</v>
      </c>
      <c r="J13949" t="s">
        <v>69634</v>
      </c>
    </row>
    <row r="13950" spans="1:10" x14ac:dyDescent="0.25">
      <c r="A13950" t="s">
        <v>5427</v>
      </c>
      <c r="B13950" t="s">
        <v>5428</v>
      </c>
      <c r="C13950" t="s">
        <v>5429</v>
      </c>
      <c r="D13950" t="s">
        <v>5421</v>
      </c>
      <c r="E13950" t="s">
        <v>13</v>
      </c>
      <c r="F13950">
        <v>132</v>
      </c>
      <c r="G13950" t="s">
        <v>5430</v>
      </c>
      <c r="H13950">
        <v>6.3554633026160001</v>
      </c>
      <c r="I13950">
        <v>52.949832770641002</v>
      </c>
      <c r="J13950" t="s">
        <v>69635</v>
      </c>
    </row>
    <row r="13951" spans="1:10" x14ac:dyDescent="0.25">
      <c r="A13951" t="s">
        <v>5423</v>
      </c>
      <c r="B13951" t="s">
        <v>5424</v>
      </c>
      <c r="C13951" t="s">
        <v>5425</v>
      </c>
      <c r="D13951" t="s">
        <v>5421</v>
      </c>
      <c r="E13951" t="s">
        <v>13</v>
      </c>
      <c r="F13951">
        <v>131</v>
      </c>
      <c r="G13951" t="s">
        <v>5426</v>
      </c>
      <c r="H13951">
        <v>6.349862460043</v>
      </c>
      <c r="I13951">
        <v>52.946798769113002</v>
      </c>
      <c r="J13951" t="s">
        <v>69636</v>
      </c>
    </row>
    <row r="13952" spans="1:10" x14ac:dyDescent="0.25">
      <c r="A13952" t="s">
        <v>5418</v>
      </c>
      <c r="B13952" t="s">
        <v>5419</v>
      </c>
      <c r="C13952" t="s">
        <v>5420</v>
      </c>
      <c r="D13952" t="s">
        <v>5421</v>
      </c>
      <c r="E13952" t="s">
        <v>13</v>
      </c>
      <c r="F13952">
        <v>130</v>
      </c>
      <c r="G13952" t="s">
        <v>5422</v>
      </c>
      <c r="H13952">
        <v>6.3396362888829998</v>
      </c>
      <c r="I13952">
        <v>52.954933325425003</v>
      </c>
      <c r="J13952" t="s">
        <v>69637</v>
      </c>
    </row>
    <row r="13953" spans="1:10" x14ac:dyDescent="0.25">
      <c r="A13953" t="s">
        <v>5414</v>
      </c>
      <c r="B13953" t="s">
        <v>5415</v>
      </c>
      <c r="C13953" t="s">
        <v>5416</v>
      </c>
      <c r="D13953" t="s">
        <v>5297</v>
      </c>
      <c r="E13953" t="s">
        <v>13</v>
      </c>
      <c r="F13953">
        <v>129</v>
      </c>
      <c r="G13953" t="s">
        <v>5417</v>
      </c>
      <c r="H13953">
        <v>5.9020554190730001</v>
      </c>
      <c r="I13953">
        <v>53.050585331453</v>
      </c>
      <c r="J13953" t="s">
        <v>69638</v>
      </c>
    </row>
    <row r="13954" spans="1:10" x14ac:dyDescent="0.25">
      <c r="A13954" t="s">
        <v>5410</v>
      </c>
      <c r="B13954" t="s">
        <v>5411</v>
      </c>
      <c r="C13954" t="s">
        <v>5412</v>
      </c>
      <c r="D13954" t="s">
        <v>5297</v>
      </c>
      <c r="E13954" t="s">
        <v>13</v>
      </c>
      <c r="F13954">
        <v>128</v>
      </c>
      <c r="G13954" t="s">
        <v>5413</v>
      </c>
      <c r="H13954">
        <v>5.8553302399630001</v>
      </c>
      <c r="I13954">
        <v>53.067468358367002</v>
      </c>
      <c r="J13954" t="s">
        <v>69639</v>
      </c>
    </row>
    <row r="13955" spans="1:10" x14ac:dyDescent="0.25">
      <c r="A13955" t="s">
        <v>5406</v>
      </c>
      <c r="B13955" t="s">
        <v>5407</v>
      </c>
      <c r="C13955" t="s">
        <v>5408</v>
      </c>
      <c r="D13955" t="s">
        <v>5297</v>
      </c>
      <c r="E13955" t="s">
        <v>13</v>
      </c>
      <c r="F13955">
        <v>127</v>
      </c>
      <c r="G13955" t="s">
        <v>5409</v>
      </c>
      <c r="H13955">
        <v>5.8272710697169998</v>
      </c>
      <c r="I13955">
        <v>53.053068771088</v>
      </c>
      <c r="J13955" t="s">
        <v>69640</v>
      </c>
    </row>
    <row r="13956" spans="1:10" x14ac:dyDescent="0.25">
      <c r="A13956" t="s">
        <v>5402</v>
      </c>
      <c r="B13956" t="s">
        <v>5403</v>
      </c>
      <c r="C13956" t="s">
        <v>5404</v>
      </c>
      <c r="D13956" t="s">
        <v>5297</v>
      </c>
      <c r="E13956" t="s">
        <v>13</v>
      </c>
      <c r="F13956">
        <v>126</v>
      </c>
      <c r="G13956" t="s">
        <v>5405</v>
      </c>
      <c r="H13956">
        <v>5.8867035728939996</v>
      </c>
      <c r="I13956">
        <v>52.988473413153002</v>
      </c>
      <c r="J13956" t="s">
        <v>69641</v>
      </c>
    </row>
    <row r="13957" spans="1:10" x14ac:dyDescent="0.25">
      <c r="A13957" t="s">
        <v>5398</v>
      </c>
      <c r="B13957" t="s">
        <v>5399</v>
      </c>
      <c r="C13957" t="s">
        <v>5400</v>
      </c>
      <c r="D13957" t="s">
        <v>5297</v>
      </c>
      <c r="E13957" t="s">
        <v>13</v>
      </c>
      <c r="F13957">
        <v>125</v>
      </c>
      <c r="G13957" t="s">
        <v>5401</v>
      </c>
      <c r="H13957">
        <v>5.8685643396589997</v>
      </c>
      <c r="I13957">
        <v>53.015155838035</v>
      </c>
      <c r="J13957" t="s">
        <v>69642</v>
      </c>
    </row>
    <row r="13958" spans="1:10" x14ac:dyDescent="0.25">
      <c r="A13958" t="s">
        <v>5394</v>
      </c>
      <c r="B13958" t="s">
        <v>5395</v>
      </c>
      <c r="C13958" t="s">
        <v>5396</v>
      </c>
      <c r="D13958" t="s">
        <v>5297</v>
      </c>
      <c r="E13958" t="s">
        <v>13</v>
      </c>
      <c r="F13958">
        <v>124</v>
      </c>
      <c r="G13958" t="s">
        <v>5397</v>
      </c>
      <c r="H13958">
        <v>5.9700911517510002</v>
      </c>
      <c r="I13958">
        <v>52.948625420048998</v>
      </c>
      <c r="J13958" t="s">
        <v>69643</v>
      </c>
    </row>
    <row r="13959" spans="1:10" x14ac:dyDescent="0.25">
      <c r="A13959" t="s">
        <v>5390</v>
      </c>
      <c r="B13959" t="s">
        <v>5391</v>
      </c>
      <c r="C13959" t="s">
        <v>5392</v>
      </c>
      <c r="D13959" t="s">
        <v>5297</v>
      </c>
      <c r="E13959" t="s">
        <v>13</v>
      </c>
      <c r="F13959">
        <v>123</v>
      </c>
      <c r="G13959" t="s">
        <v>5393</v>
      </c>
      <c r="H13959">
        <v>6.1725918326729996</v>
      </c>
      <c r="I13959">
        <v>53.002648997245998</v>
      </c>
      <c r="J13959" t="s">
        <v>69644</v>
      </c>
    </row>
    <row r="13960" spans="1:10" x14ac:dyDescent="0.25">
      <c r="A13960" t="s">
        <v>5386</v>
      </c>
      <c r="B13960" t="s">
        <v>5387</v>
      </c>
      <c r="C13960" t="s">
        <v>5388</v>
      </c>
      <c r="D13960" t="s">
        <v>5297</v>
      </c>
      <c r="E13960" t="s">
        <v>13</v>
      </c>
      <c r="F13960">
        <v>122</v>
      </c>
      <c r="G13960" t="s">
        <v>5389</v>
      </c>
      <c r="H13960">
        <v>6.1193198640719997</v>
      </c>
      <c r="I13960">
        <v>52.979300575921997</v>
      </c>
      <c r="J13960" t="s">
        <v>69645</v>
      </c>
    </row>
    <row r="13961" spans="1:10" x14ac:dyDescent="0.25">
      <c r="A13961" t="s">
        <v>5382</v>
      </c>
      <c r="B13961" t="s">
        <v>5383</v>
      </c>
      <c r="C13961" t="s">
        <v>5384</v>
      </c>
      <c r="D13961" t="s">
        <v>5297</v>
      </c>
      <c r="E13961" t="s">
        <v>13</v>
      </c>
      <c r="F13961">
        <v>121</v>
      </c>
      <c r="G13961" t="s">
        <v>5385</v>
      </c>
      <c r="H13961">
        <v>6.0846769953470004</v>
      </c>
      <c r="I13961">
        <v>52.958072569762997</v>
      </c>
      <c r="J13961" t="s">
        <v>69646</v>
      </c>
    </row>
    <row r="13962" spans="1:10" x14ac:dyDescent="0.25">
      <c r="A13962" t="s">
        <v>5378</v>
      </c>
      <c r="B13962" t="s">
        <v>5379</v>
      </c>
      <c r="C13962" t="s">
        <v>5380</v>
      </c>
      <c r="D13962" t="s">
        <v>5297</v>
      </c>
      <c r="E13962" t="s">
        <v>13</v>
      </c>
      <c r="F13962">
        <v>120</v>
      </c>
      <c r="G13962" t="s">
        <v>5381</v>
      </c>
      <c r="H13962">
        <v>6.0614358132859998</v>
      </c>
      <c r="I13962">
        <v>52.942873408472003</v>
      </c>
      <c r="J13962" t="s">
        <v>69647</v>
      </c>
    </row>
    <row r="13963" spans="1:10" x14ac:dyDescent="0.25">
      <c r="A13963" t="s">
        <v>5374</v>
      </c>
      <c r="B13963" t="s">
        <v>5375</v>
      </c>
      <c r="C13963" t="s">
        <v>5376</v>
      </c>
      <c r="D13963" t="s">
        <v>5297</v>
      </c>
      <c r="E13963" t="s">
        <v>13</v>
      </c>
      <c r="F13963">
        <v>119</v>
      </c>
      <c r="G13963" t="s">
        <v>5377</v>
      </c>
      <c r="H13963">
        <v>6.0262445674849996</v>
      </c>
      <c r="I13963">
        <v>52.939143700205001</v>
      </c>
      <c r="J13963" t="s">
        <v>69648</v>
      </c>
    </row>
    <row r="13964" spans="1:10" x14ac:dyDescent="0.25">
      <c r="A13964" t="s">
        <v>5370</v>
      </c>
      <c r="B13964" t="s">
        <v>5371</v>
      </c>
      <c r="C13964" t="s">
        <v>5372</v>
      </c>
      <c r="D13964" t="s">
        <v>5297</v>
      </c>
      <c r="E13964" t="s">
        <v>13</v>
      </c>
      <c r="F13964">
        <v>118</v>
      </c>
      <c r="G13964" t="s">
        <v>5373</v>
      </c>
      <c r="H13964">
        <v>5.9956572047060002</v>
      </c>
      <c r="I13964">
        <v>52.938481866986997</v>
      </c>
      <c r="J13964" t="s">
        <v>69649</v>
      </c>
    </row>
    <row r="13965" spans="1:10" x14ac:dyDescent="0.25">
      <c r="A13965" t="s">
        <v>5366</v>
      </c>
      <c r="B13965" t="s">
        <v>5367</v>
      </c>
      <c r="C13965" t="s">
        <v>5368</v>
      </c>
      <c r="D13965" t="s">
        <v>5297</v>
      </c>
      <c r="E13965" t="s">
        <v>13</v>
      </c>
      <c r="F13965">
        <v>117</v>
      </c>
      <c r="G13965" t="s">
        <v>5369</v>
      </c>
      <c r="H13965">
        <v>5.9647840374610004</v>
      </c>
      <c r="I13965">
        <v>52.934521165706997</v>
      </c>
      <c r="J13965" t="s">
        <v>69650</v>
      </c>
    </row>
    <row r="13966" spans="1:10" x14ac:dyDescent="0.25">
      <c r="A13966" t="s">
        <v>5362</v>
      </c>
      <c r="B13966" t="s">
        <v>5363</v>
      </c>
      <c r="C13966" t="s">
        <v>5364</v>
      </c>
      <c r="D13966" t="s">
        <v>5297</v>
      </c>
      <c r="E13966" t="s">
        <v>13</v>
      </c>
      <c r="F13966">
        <v>116</v>
      </c>
      <c r="G13966" t="s">
        <v>5365</v>
      </c>
      <c r="H13966">
        <v>6.0410484835179998</v>
      </c>
      <c r="I13966">
        <v>52.961274722707003</v>
      </c>
      <c r="J13966" t="s">
        <v>69651</v>
      </c>
    </row>
    <row r="13967" spans="1:10" x14ac:dyDescent="0.25">
      <c r="A13967" t="s">
        <v>5358</v>
      </c>
      <c r="B13967" t="s">
        <v>5359</v>
      </c>
      <c r="C13967" t="s">
        <v>5360</v>
      </c>
      <c r="D13967" t="s">
        <v>5297</v>
      </c>
      <c r="E13967" t="s">
        <v>13</v>
      </c>
      <c r="F13967">
        <v>115</v>
      </c>
      <c r="G13967" t="s">
        <v>5361</v>
      </c>
      <c r="H13967">
        <v>5.9885715377809996</v>
      </c>
      <c r="I13967">
        <v>52.963703377384</v>
      </c>
      <c r="J13967" t="s">
        <v>69652</v>
      </c>
    </row>
    <row r="13968" spans="1:10" x14ac:dyDescent="0.25">
      <c r="A13968" t="s">
        <v>5354</v>
      </c>
      <c r="B13968" t="s">
        <v>5355</v>
      </c>
      <c r="C13968" t="s">
        <v>5356</v>
      </c>
      <c r="D13968" t="s">
        <v>5297</v>
      </c>
      <c r="E13968" t="s">
        <v>13</v>
      </c>
      <c r="F13968">
        <v>114</v>
      </c>
      <c r="G13968" t="s">
        <v>5357</v>
      </c>
      <c r="H13968">
        <v>5.9565955723380002</v>
      </c>
      <c r="I13968">
        <v>53.024231927891002</v>
      </c>
      <c r="J13968" t="s">
        <v>69653</v>
      </c>
    </row>
    <row r="13969" spans="1:10" x14ac:dyDescent="0.25">
      <c r="A13969" t="s">
        <v>5350</v>
      </c>
      <c r="B13969" t="s">
        <v>5351</v>
      </c>
      <c r="C13969" t="s">
        <v>5352</v>
      </c>
      <c r="D13969" t="s">
        <v>5297</v>
      </c>
      <c r="E13969" t="s">
        <v>13</v>
      </c>
      <c r="F13969">
        <v>113</v>
      </c>
      <c r="G13969" t="s">
        <v>5353</v>
      </c>
      <c r="H13969">
        <v>5.9693810350199996</v>
      </c>
      <c r="I13969">
        <v>53.001191404526999</v>
      </c>
      <c r="J13969" t="s">
        <v>69654</v>
      </c>
    </row>
    <row r="13970" spans="1:10" x14ac:dyDescent="0.25">
      <c r="A13970" t="s">
        <v>5346</v>
      </c>
      <c r="B13970" t="s">
        <v>5347</v>
      </c>
      <c r="C13970" t="s">
        <v>5348</v>
      </c>
      <c r="D13970" t="s">
        <v>5297</v>
      </c>
      <c r="E13970" t="s">
        <v>13</v>
      </c>
      <c r="F13970">
        <v>112</v>
      </c>
      <c r="G13970" t="s">
        <v>5349</v>
      </c>
      <c r="H13970">
        <v>5.9419707389219996</v>
      </c>
      <c r="I13970">
        <v>53.005817825666</v>
      </c>
      <c r="J13970" t="s">
        <v>69655</v>
      </c>
    </row>
    <row r="13971" spans="1:10" x14ac:dyDescent="0.25">
      <c r="A13971" t="s">
        <v>5342</v>
      </c>
      <c r="B13971" t="s">
        <v>5343</v>
      </c>
      <c r="C13971" t="s">
        <v>5344</v>
      </c>
      <c r="D13971" t="s">
        <v>5297</v>
      </c>
      <c r="E13971" t="s">
        <v>13</v>
      </c>
      <c r="F13971">
        <v>111</v>
      </c>
      <c r="G13971" t="s">
        <v>5345</v>
      </c>
      <c r="H13971">
        <v>5.9198024772829996</v>
      </c>
      <c r="I13971">
        <v>53.005063991850001</v>
      </c>
      <c r="J13971" t="s">
        <v>69656</v>
      </c>
    </row>
    <row r="13972" spans="1:10" x14ac:dyDescent="0.25">
      <c r="A13972" t="s">
        <v>5338</v>
      </c>
      <c r="B13972" t="s">
        <v>5339</v>
      </c>
      <c r="C13972" t="s">
        <v>5340</v>
      </c>
      <c r="D13972" t="s">
        <v>5297</v>
      </c>
      <c r="E13972" t="s">
        <v>13</v>
      </c>
      <c r="F13972">
        <v>110</v>
      </c>
      <c r="G13972" t="s">
        <v>5341</v>
      </c>
      <c r="H13972">
        <v>5.9029866933299999</v>
      </c>
      <c r="I13972">
        <v>52.997749014847997</v>
      </c>
      <c r="J13972" t="s">
        <v>69657</v>
      </c>
    </row>
    <row r="13973" spans="1:10" x14ac:dyDescent="0.25">
      <c r="A13973" t="s">
        <v>5334</v>
      </c>
      <c r="B13973" t="s">
        <v>5335</v>
      </c>
      <c r="C13973" t="s">
        <v>5336</v>
      </c>
      <c r="D13973" t="s">
        <v>5297</v>
      </c>
      <c r="E13973" t="s">
        <v>13</v>
      </c>
      <c r="F13973">
        <v>109</v>
      </c>
      <c r="G13973" t="s">
        <v>5337</v>
      </c>
      <c r="H13973">
        <v>5.886586822241</v>
      </c>
      <c r="I13973">
        <v>52.971720893323003</v>
      </c>
      <c r="J13973" t="s">
        <v>69658</v>
      </c>
    </row>
    <row r="13974" spans="1:10" x14ac:dyDescent="0.25">
      <c r="A13974" t="s">
        <v>5330</v>
      </c>
      <c r="B13974" t="s">
        <v>5331</v>
      </c>
      <c r="C13974" t="s">
        <v>5332</v>
      </c>
      <c r="D13974" t="s">
        <v>5297</v>
      </c>
      <c r="E13974" t="s">
        <v>13</v>
      </c>
      <c r="F13974">
        <v>108</v>
      </c>
      <c r="G13974" t="s">
        <v>5333</v>
      </c>
      <c r="H13974">
        <v>5.937444715462</v>
      </c>
      <c r="I13974">
        <v>52.925663793096</v>
      </c>
      <c r="J13974" t="s">
        <v>69659</v>
      </c>
    </row>
    <row r="13975" spans="1:10" x14ac:dyDescent="0.25">
      <c r="A13975" t="s">
        <v>5326</v>
      </c>
      <c r="B13975" t="s">
        <v>5327</v>
      </c>
      <c r="C13975" t="s">
        <v>5328</v>
      </c>
      <c r="D13975" t="s">
        <v>5297</v>
      </c>
      <c r="E13975" t="s">
        <v>13</v>
      </c>
      <c r="F13975">
        <v>107</v>
      </c>
      <c r="G13975" t="s">
        <v>5329</v>
      </c>
      <c r="H13975">
        <v>5.9445138239280002</v>
      </c>
      <c r="I13975">
        <v>52.975186603799003</v>
      </c>
      <c r="J13975" t="s">
        <v>69660</v>
      </c>
    </row>
    <row r="13976" spans="1:10" x14ac:dyDescent="0.25">
      <c r="A13976" t="s">
        <v>5322</v>
      </c>
      <c r="B13976" t="s">
        <v>5323</v>
      </c>
      <c r="C13976" t="s">
        <v>5324</v>
      </c>
      <c r="D13976" t="s">
        <v>5297</v>
      </c>
      <c r="E13976" t="s">
        <v>13</v>
      </c>
      <c r="F13976">
        <v>106</v>
      </c>
      <c r="G13976" t="s">
        <v>5325</v>
      </c>
      <c r="H13976">
        <v>5.9514488754980004</v>
      </c>
      <c r="I13976">
        <v>52.958696454139002</v>
      </c>
      <c r="J13976" t="s">
        <v>69661</v>
      </c>
    </row>
    <row r="13977" spans="1:10" x14ac:dyDescent="0.25">
      <c r="A13977" t="s">
        <v>5318</v>
      </c>
      <c r="B13977" t="s">
        <v>5319</v>
      </c>
      <c r="C13977" t="s">
        <v>5320</v>
      </c>
      <c r="D13977" t="s">
        <v>5297</v>
      </c>
      <c r="E13977" t="s">
        <v>13</v>
      </c>
      <c r="F13977">
        <v>105</v>
      </c>
      <c r="G13977" t="s">
        <v>5321</v>
      </c>
      <c r="H13977">
        <v>5.9399467357360001</v>
      </c>
      <c r="I13977">
        <v>52.944458004936003</v>
      </c>
      <c r="J13977" t="s">
        <v>69662</v>
      </c>
    </row>
    <row r="13978" spans="1:10" x14ac:dyDescent="0.25">
      <c r="A13978" t="s">
        <v>5314</v>
      </c>
      <c r="B13978" t="s">
        <v>5315</v>
      </c>
      <c r="C13978" t="s">
        <v>5316</v>
      </c>
      <c r="D13978" t="s">
        <v>5297</v>
      </c>
      <c r="E13978" t="s">
        <v>13</v>
      </c>
      <c r="F13978">
        <v>104</v>
      </c>
      <c r="G13978" t="s">
        <v>5317</v>
      </c>
      <c r="H13978">
        <v>5.9271320335339999</v>
      </c>
      <c r="I13978">
        <v>52.939588492859002</v>
      </c>
      <c r="J13978" t="s">
        <v>69663</v>
      </c>
    </row>
    <row r="13979" spans="1:10" x14ac:dyDescent="0.25">
      <c r="A13979" t="s">
        <v>5310</v>
      </c>
      <c r="B13979" t="s">
        <v>5311</v>
      </c>
      <c r="C13979" t="s">
        <v>5312</v>
      </c>
      <c r="D13979" t="s">
        <v>5297</v>
      </c>
      <c r="E13979" t="s">
        <v>13</v>
      </c>
      <c r="F13979">
        <v>103</v>
      </c>
      <c r="G13979" t="s">
        <v>5313</v>
      </c>
      <c r="H13979">
        <v>5.9166791099580003</v>
      </c>
      <c r="I13979">
        <v>52.950937085665998</v>
      </c>
      <c r="J13979" t="s">
        <v>69664</v>
      </c>
    </row>
    <row r="13980" spans="1:10" x14ac:dyDescent="0.25">
      <c r="A13980" t="s">
        <v>5306</v>
      </c>
      <c r="B13980" t="s">
        <v>5307</v>
      </c>
      <c r="C13980" t="s">
        <v>5308</v>
      </c>
      <c r="D13980" t="s">
        <v>5297</v>
      </c>
      <c r="E13980" t="s">
        <v>13</v>
      </c>
      <c r="F13980">
        <v>102</v>
      </c>
      <c r="G13980" t="s">
        <v>5309</v>
      </c>
      <c r="H13980">
        <v>5.9077139504989997</v>
      </c>
      <c r="I13980">
        <v>52.960397808335003</v>
      </c>
      <c r="J13980" t="s">
        <v>69665</v>
      </c>
    </row>
    <row r="13981" spans="1:10" x14ac:dyDescent="0.25">
      <c r="A13981" t="s">
        <v>5302</v>
      </c>
      <c r="B13981" t="s">
        <v>5303</v>
      </c>
      <c r="C13981" t="s">
        <v>5304</v>
      </c>
      <c r="D13981" t="s">
        <v>5297</v>
      </c>
      <c r="E13981" t="s">
        <v>13</v>
      </c>
      <c r="F13981">
        <v>101</v>
      </c>
      <c r="G13981" t="s">
        <v>5305</v>
      </c>
      <c r="H13981">
        <v>5.9325874688819997</v>
      </c>
      <c r="I13981">
        <v>52.954278641663997</v>
      </c>
      <c r="J13981" t="s">
        <v>69666</v>
      </c>
    </row>
    <row r="13982" spans="1:10" x14ac:dyDescent="0.25">
      <c r="A13982" t="s">
        <v>5299</v>
      </c>
      <c r="B13982" t="s">
        <v>5300</v>
      </c>
      <c r="C13982" t="s">
        <v>129</v>
      </c>
      <c r="D13982" t="s">
        <v>5297</v>
      </c>
      <c r="E13982" t="s">
        <v>13</v>
      </c>
      <c r="F13982">
        <v>100</v>
      </c>
      <c r="G13982" t="s">
        <v>5301</v>
      </c>
      <c r="H13982">
        <v>5.9266986476429997</v>
      </c>
      <c r="I13982">
        <v>52.960208455790003</v>
      </c>
      <c r="J13982" t="s">
        <v>69667</v>
      </c>
    </row>
    <row r="13983" spans="1:10" x14ac:dyDescent="0.25">
      <c r="A13983" t="s">
        <v>5295</v>
      </c>
      <c r="B13983" t="s">
        <v>5296</v>
      </c>
      <c r="C13983" t="s">
        <v>4740</v>
      </c>
      <c r="D13983" t="s">
        <v>5297</v>
      </c>
      <c r="E13983" t="s">
        <v>13</v>
      </c>
      <c r="F13983">
        <v>99</v>
      </c>
      <c r="G13983" t="s">
        <v>5298</v>
      </c>
      <c r="H13983">
        <v>5.9104283982780004</v>
      </c>
      <c r="I13983">
        <v>52.972829861648002</v>
      </c>
      <c r="J13983" t="s">
        <v>69668</v>
      </c>
    </row>
    <row r="13984" spans="1:10" x14ac:dyDescent="0.25">
      <c r="A13984" t="s">
        <v>5688</v>
      </c>
      <c r="B13984" t="s">
        <v>5689</v>
      </c>
      <c r="C13984" t="s">
        <v>5690</v>
      </c>
      <c r="D13984" t="s">
        <v>5647</v>
      </c>
      <c r="E13984" t="s">
        <v>13</v>
      </c>
      <c r="F13984">
        <v>98</v>
      </c>
      <c r="G13984" t="s">
        <v>5691</v>
      </c>
      <c r="H13984">
        <v>5.4590083056229997</v>
      </c>
      <c r="I13984">
        <v>53.196145453699998</v>
      </c>
      <c r="J13984" t="s">
        <v>69669</v>
      </c>
    </row>
    <row r="13985" spans="1:10" x14ac:dyDescent="0.25">
      <c r="A13985" t="s">
        <v>5684</v>
      </c>
      <c r="B13985" t="s">
        <v>5685</v>
      </c>
      <c r="C13985" t="s">
        <v>5686</v>
      </c>
      <c r="D13985" t="s">
        <v>5647</v>
      </c>
      <c r="E13985" t="s">
        <v>13</v>
      </c>
      <c r="F13985">
        <v>97</v>
      </c>
      <c r="G13985" t="s">
        <v>5687</v>
      </c>
      <c r="H13985">
        <v>5.4606209772570002</v>
      </c>
      <c r="I13985">
        <v>53.195720959620999</v>
      </c>
      <c r="J13985" t="s">
        <v>69670</v>
      </c>
    </row>
    <row r="13986" spans="1:10" x14ac:dyDescent="0.25">
      <c r="A13986" t="s">
        <v>5680</v>
      </c>
      <c r="B13986" t="s">
        <v>5681</v>
      </c>
      <c r="C13986" t="s">
        <v>5682</v>
      </c>
      <c r="D13986" t="s">
        <v>5647</v>
      </c>
      <c r="E13986" t="s">
        <v>13</v>
      </c>
      <c r="F13986">
        <v>96</v>
      </c>
      <c r="G13986" t="s">
        <v>5683</v>
      </c>
      <c r="H13986">
        <v>5.4546007189639996</v>
      </c>
      <c r="I13986">
        <v>53.183330065828002</v>
      </c>
      <c r="J13986" t="s">
        <v>69671</v>
      </c>
    </row>
    <row r="13987" spans="1:10" x14ac:dyDescent="0.25">
      <c r="A13987" t="s">
        <v>5676</v>
      </c>
      <c r="B13987" t="s">
        <v>5677</v>
      </c>
      <c r="C13987" t="s">
        <v>5678</v>
      </c>
      <c r="D13987" t="s">
        <v>5647</v>
      </c>
      <c r="E13987" t="s">
        <v>13</v>
      </c>
      <c r="F13987">
        <v>95</v>
      </c>
      <c r="G13987" t="s">
        <v>5679</v>
      </c>
      <c r="H13987">
        <v>5.447554135801</v>
      </c>
      <c r="I13987">
        <v>53.182153587530998</v>
      </c>
      <c r="J13987" t="s">
        <v>69672</v>
      </c>
    </row>
    <row r="13988" spans="1:10" x14ac:dyDescent="0.25">
      <c r="A13988" t="s">
        <v>5672</v>
      </c>
      <c r="B13988" t="s">
        <v>5673</v>
      </c>
      <c r="C13988" t="s">
        <v>5674</v>
      </c>
      <c r="D13988" t="s">
        <v>5647</v>
      </c>
      <c r="E13988" t="s">
        <v>13</v>
      </c>
      <c r="F13988">
        <v>94</v>
      </c>
      <c r="G13988" t="s">
        <v>5675</v>
      </c>
      <c r="H13988">
        <v>5.4619872099520004</v>
      </c>
      <c r="I13988">
        <v>53.161510967707002</v>
      </c>
      <c r="J13988" t="s">
        <v>69673</v>
      </c>
    </row>
    <row r="13989" spans="1:10" x14ac:dyDescent="0.25">
      <c r="A13989" t="s">
        <v>5668</v>
      </c>
      <c r="B13989" t="s">
        <v>5669</v>
      </c>
      <c r="C13989" t="s">
        <v>5670</v>
      </c>
      <c r="D13989" t="s">
        <v>5647</v>
      </c>
      <c r="E13989" t="s">
        <v>13</v>
      </c>
      <c r="F13989">
        <v>93</v>
      </c>
      <c r="G13989" t="s">
        <v>5671</v>
      </c>
      <c r="H13989">
        <v>5.4228623413239996</v>
      </c>
      <c r="I13989">
        <v>53.185871047424001</v>
      </c>
      <c r="J13989" t="s">
        <v>69674</v>
      </c>
    </row>
    <row r="13990" spans="1:10" x14ac:dyDescent="0.25">
      <c r="A13990" t="s">
        <v>5665</v>
      </c>
      <c r="B13990" t="s">
        <v>5666</v>
      </c>
      <c r="C13990" t="s">
        <v>2874</v>
      </c>
      <c r="D13990" t="s">
        <v>5647</v>
      </c>
      <c r="E13990" t="s">
        <v>13</v>
      </c>
      <c r="F13990">
        <v>92</v>
      </c>
      <c r="G13990" t="s">
        <v>5667</v>
      </c>
      <c r="H13990">
        <v>5.4214461784539996</v>
      </c>
      <c r="I13990">
        <v>53.177685739688002</v>
      </c>
      <c r="J13990" t="s">
        <v>69675</v>
      </c>
    </row>
    <row r="13991" spans="1:10" x14ac:dyDescent="0.25">
      <c r="A13991" t="s">
        <v>5661</v>
      </c>
      <c r="B13991" t="s">
        <v>5662</v>
      </c>
      <c r="C13991" t="s">
        <v>5663</v>
      </c>
      <c r="D13991" t="s">
        <v>5647</v>
      </c>
      <c r="E13991" t="s">
        <v>13</v>
      </c>
      <c r="F13991">
        <v>91</v>
      </c>
      <c r="G13991" t="s">
        <v>5664</v>
      </c>
      <c r="H13991">
        <v>5.4447087557030001</v>
      </c>
      <c r="I13991">
        <v>53.173601505739001</v>
      </c>
      <c r="J13991" t="s">
        <v>69676</v>
      </c>
    </row>
    <row r="13992" spans="1:10" x14ac:dyDescent="0.25">
      <c r="A13992" t="s">
        <v>5657</v>
      </c>
      <c r="B13992" t="s">
        <v>5658</v>
      </c>
      <c r="C13992" t="s">
        <v>5659</v>
      </c>
      <c r="D13992" t="s">
        <v>5647</v>
      </c>
      <c r="E13992" t="s">
        <v>13</v>
      </c>
      <c r="F13992">
        <v>90</v>
      </c>
      <c r="G13992" t="s">
        <v>5660</v>
      </c>
      <c r="H13992">
        <v>5.4355415956539996</v>
      </c>
      <c r="I13992">
        <v>53.163340185579003</v>
      </c>
      <c r="J13992" t="s">
        <v>69677</v>
      </c>
    </row>
    <row r="13993" spans="1:10" x14ac:dyDescent="0.25">
      <c r="A13993" t="s">
        <v>5653</v>
      </c>
      <c r="B13993" t="s">
        <v>5654</v>
      </c>
      <c r="C13993" t="s">
        <v>5655</v>
      </c>
      <c r="D13993" t="s">
        <v>5647</v>
      </c>
      <c r="E13993" t="s">
        <v>13</v>
      </c>
      <c r="F13993">
        <v>89</v>
      </c>
      <c r="G13993" t="s">
        <v>5656</v>
      </c>
      <c r="H13993">
        <v>5.4189775417929997</v>
      </c>
      <c r="I13993">
        <v>53.164637686780999</v>
      </c>
      <c r="J13993" t="s">
        <v>69678</v>
      </c>
    </row>
    <row r="13994" spans="1:10" x14ac:dyDescent="0.25">
      <c r="A13994" t="s">
        <v>5649</v>
      </c>
      <c r="B13994" t="s">
        <v>5650</v>
      </c>
      <c r="C13994" t="s">
        <v>5651</v>
      </c>
      <c r="D13994" t="s">
        <v>5647</v>
      </c>
      <c r="E13994" t="s">
        <v>13</v>
      </c>
      <c r="F13994">
        <v>88</v>
      </c>
      <c r="G13994" t="s">
        <v>5652</v>
      </c>
      <c r="H13994">
        <v>5.4290460892920001</v>
      </c>
      <c r="I13994">
        <v>53.172487407695002</v>
      </c>
      <c r="J13994" t="s">
        <v>69679</v>
      </c>
    </row>
    <row r="13995" spans="1:10" x14ac:dyDescent="0.25">
      <c r="A13995" t="s">
        <v>5644</v>
      </c>
      <c r="B13995" t="s">
        <v>5645</v>
      </c>
      <c r="C13995" t="s">
        <v>5646</v>
      </c>
      <c r="D13995" t="s">
        <v>5647</v>
      </c>
      <c r="E13995" t="s">
        <v>13</v>
      </c>
      <c r="F13995">
        <v>87</v>
      </c>
      <c r="G13995" t="s">
        <v>5648</v>
      </c>
      <c r="H13995">
        <v>5.4313810796790003</v>
      </c>
      <c r="I13995">
        <v>53.177597475082997</v>
      </c>
      <c r="J13995" t="s">
        <v>69680</v>
      </c>
    </row>
    <row r="13996" spans="1:10" x14ac:dyDescent="0.25">
      <c r="A13996" t="s">
        <v>5640</v>
      </c>
      <c r="B13996" t="s">
        <v>5641</v>
      </c>
      <c r="C13996" t="s">
        <v>5642</v>
      </c>
      <c r="D13996" t="s">
        <v>5618</v>
      </c>
      <c r="E13996" t="s">
        <v>13</v>
      </c>
      <c r="F13996">
        <v>86</v>
      </c>
      <c r="G13996" t="s">
        <v>5643</v>
      </c>
      <c r="H13996">
        <v>5.6429693683020004</v>
      </c>
      <c r="I13996">
        <v>53.447267991775</v>
      </c>
      <c r="J13996" t="s">
        <v>69681</v>
      </c>
    </row>
    <row r="13997" spans="1:10" x14ac:dyDescent="0.25">
      <c r="A13997" t="s">
        <v>5636</v>
      </c>
      <c r="B13997" t="s">
        <v>5637</v>
      </c>
      <c r="C13997" t="s">
        <v>5638</v>
      </c>
      <c r="D13997" t="s">
        <v>5618</v>
      </c>
      <c r="E13997" t="s">
        <v>13</v>
      </c>
      <c r="F13997">
        <v>85</v>
      </c>
      <c r="G13997" t="s">
        <v>5639</v>
      </c>
      <c r="H13997">
        <v>5.7597188355959998</v>
      </c>
      <c r="I13997">
        <v>53.45087364023</v>
      </c>
      <c r="J13997" t="s">
        <v>69682</v>
      </c>
    </row>
    <row r="13998" spans="1:10" x14ac:dyDescent="0.25">
      <c r="A13998" t="s">
        <v>5632</v>
      </c>
      <c r="B13998" t="s">
        <v>5633</v>
      </c>
      <c r="C13998" t="s">
        <v>5634</v>
      </c>
      <c r="D13998" t="s">
        <v>5618</v>
      </c>
      <c r="E13998" t="s">
        <v>13</v>
      </c>
      <c r="F13998">
        <v>84</v>
      </c>
      <c r="G13998" t="s">
        <v>5635</v>
      </c>
      <c r="H13998">
        <v>5.6925743761929999</v>
      </c>
      <c r="I13998">
        <v>53.447806435747999</v>
      </c>
      <c r="J13998" t="s">
        <v>69683</v>
      </c>
    </row>
    <row r="13999" spans="1:10" x14ac:dyDescent="0.25">
      <c r="A13999" t="s">
        <v>5628</v>
      </c>
      <c r="B13999" t="s">
        <v>5629</v>
      </c>
      <c r="C13999" t="s">
        <v>5630</v>
      </c>
      <c r="D13999" t="s">
        <v>5618</v>
      </c>
      <c r="E13999" t="s">
        <v>13</v>
      </c>
      <c r="F13999">
        <v>83</v>
      </c>
      <c r="G13999" t="s">
        <v>5631</v>
      </c>
      <c r="H13999">
        <v>5.6412248839850001</v>
      </c>
      <c r="I13999">
        <v>53.440009855362</v>
      </c>
      <c r="J13999" t="s">
        <v>69684</v>
      </c>
    </row>
    <row r="14000" spans="1:10" x14ac:dyDescent="0.25">
      <c r="A14000" t="s">
        <v>5624</v>
      </c>
      <c r="B14000" t="s">
        <v>5625</v>
      </c>
      <c r="C14000" t="s">
        <v>5626</v>
      </c>
      <c r="D14000" t="s">
        <v>5618</v>
      </c>
      <c r="E14000" t="s">
        <v>13</v>
      </c>
      <c r="F14000">
        <v>82</v>
      </c>
      <c r="G14000" t="s">
        <v>5627</v>
      </c>
      <c r="H14000">
        <v>5.68983167816</v>
      </c>
      <c r="I14000">
        <v>53.444133582536999</v>
      </c>
      <c r="J14000" t="s">
        <v>69685</v>
      </c>
    </row>
    <row r="14001" spans="1:10" x14ac:dyDescent="0.25">
      <c r="A14001" t="s">
        <v>5620</v>
      </c>
      <c r="B14001" t="s">
        <v>5621</v>
      </c>
      <c r="C14001" t="s">
        <v>5622</v>
      </c>
      <c r="D14001" t="s">
        <v>5618</v>
      </c>
      <c r="E14001" t="s">
        <v>13</v>
      </c>
      <c r="F14001">
        <v>81</v>
      </c>
      <c r="G14001" t="s">
        <v>5623</v>
      </c>
      <c r="H14001">
        <v>5.8592329128180003</v>
      </c>
      <c r="I14001">
        <v>53.455976569595997</v>
      </c>
      <c r="J14001" t="s">
        <v>69686</v>
      </c>
    </row>
    <row r="14002" spans="1:10" x14ac:dyDescent="0.25">
      <c r="A14002" t="s">
        <v>5616</v>
      </c>
      <c r="B14002" t="s">
        <v>5617</v>
      </c>
      <c r="C14002" t="s">
        <v>5412</v>
      </c>
      <c r="D14002" t="s">
        <v>5618</v>
      </c>
      <c r="E14002" t="s">
        <v>13</v>
      </c>
      <c r="F14002">
        <v>80</v>
      </c>
      <c r="G14002" t="s">
        <v>5619</v>
      </c>
      <c r="H14002">
        <v>5.7722582012080004</v>
      </c>
      <c r="I14002">
        <v>53.444952440706999</v>
      </c>
      <c r="J14002" t="s">
        <v>69687</v>
      </c>
    </row>
    <row r="14003" spans="1:10" x14ac:dyDescent="0.25">
      <c r="A14003" t="s">
        <v>5612</v>
      </c>
      <c r="B14003" t="s">
        <v>5613</v>
      </c>
      <c r="C14003" t="s">
        <v>5614</v>
      </c>
      <c r="D14003" t="s">
        <v>5522</v>
      </c>
      <c r="E14003" t="s">
        <v>13</v>
      </c>
      <c r="F14003">
        <v>79</v>
      </c>
      <c r="G14003" t="s">
        <v>5615</v>
      </c>
      <c r="H14003">
        <v>6.1330893632269996</v>
      </c>
      <c r="I14003">
        <v>53.159493675507001</v>
      </c>
      <c r="J14003" t="s">
        <v>69688</v>
      </c>
    </row>
    <row r="14004" spans="1:10" x14ac:dyDescent="0.25">
      <c r="A14004" t="s">
        <v>5608</v>
      </c>
      <c r="B14004" t="s">
        <v>5609</v>
      </c>
      <c r="C14004" t="s">
        <v>5610</v>
      </c>
      <c r="D14004" t="s">
        <v>5522</v>
      </c>
      <c r="E14004" t="s">
        <v>13</v>
      </c>
      <c r="F14004">
        <v>78</v>
      </c>
      <c r="G14004" t="s">
        <v>5611</v>
      </c>
      <c r="H14004">
        <v>6.1908863433120001</v>
      </c>
      <c r="I14004">
        <v>53.206273615020002</v>
      </c>
      <c r="J14004" t="s">
        <v>69689</v>
      </c>
    </row>
    <row r="14005" spans="1:10" x14ac:dyDescent="0.25">
      <c r="A14005" t="s">
        <v>5604</v>
      </c>
      <c r="B14005" t="s">
        <v>5605</v>
      </c>
      <c r="C14005" t="s">
        <v>5606</v>
      </c>
      <c r="D14005" t="s">
        <v>5522</v>
      </c>
      <c r="E14005" t="s">
        <v>13</v>
      </c>
      <c r="F14005">
        <v>77</v>
      </c>
      <c r="G14005" t="s">
        <v>5607</v>
      </c>
      <c r="H14005">
        <v>6.128459815826</v>
      </c>
      <c r="I14005">
        <v>53.186108265731001</v>
      </c>
      <c r="J14005" t="s">
        <v>69690</v>
      </c>
    </row>
    <row r="14006" spans="1:10" x14ac:dyDescent="0.25">
      <c r="A14006" t="s">
        <v>5600</v>
      </c>
      <c r="B14006" t="s">
        <v>5601</v>
      </c>
      <c r="C14006" t="s">
        <v>5602</v>
      </c>
      <c r="D14006" t="s">
        <v>5522</v>
      </c>
      <c r="E14006" t="s">
        <v>13</v>
      </c>
      <c r="F14006">
        <v>76</v>
      </c>
      <c r="G14006" t="s">
        <v>5603</v>
      </c>
      <c r="H14006">
        <v>6.1545452416230004</v>
      </c>
      <c r="I14006">
        <v>53.170132139259998</v>
      </c>
      <c r="J14006" t="s">
        <v>69691</v>
      </c>
    </row>
    <row r="14007" spans="1:10" x14ac:dyDescent="0.25">
      <c r="A14007" t="s">
        <v>5596</v>
      </c>
      <c r="B14007" t="s">
        <v>5597</v>
      </c>
      <c r="C14007" t="s">
        <v>5598</v>
      </c>
      <c r="D14007" t="s">
        <v>5522</v>
      </c>
      <c r="E14007" t="s">
        <v>13</v>
      </c>
      <c r="F14007">
        <v>75</v>
      </c>
      <c r="G14007" t="s">
        <v>5599</v>
      </c>
      <c r="H14007">
        <v>6.1440861938199998</v>
      </c>
      <c r="I14007">
        <v>53.160975664013002</v>
      </c>
      <c r="J14007" t="s">
        <v>69692</v>
      </c>
    </row>
    <row r="14008" spans="1:10" x14ac:dyDescent="0.25">
      <c r="A14008" t="s">
        <v>5592</v>
      </c>
      <c r="B14008" t="s">
        <v>5593</v>
      </c>
      <c r="C14008" t="s">
        <v>5594</v>
      </c>
      <c r="D14008" t="s">
        <v>5522</v>
      </c>
      <c r="E14008" t="s">
        <v>13</v>
      </c>
      <c r="F14008">
        <v>74</v>
      </c>
      <c r="G14008" t="s">
        <v>5595</v>
      </c>
      <c r="H14008">
        <v>6.1781652962580003</v>
      </c>
      <c r="I14008">
        <v>53.205191091185</v>
      </c>
      <c r="J14008" t="s">
        <v>69693</v>
      </c>
    </row>
    <row r="14009" spans="1:10" x14ac:dyDescent="0.25">
      <c r="A14009" t="s">
        <v>5588</v>
      </c>
      <c r="B14009" t="s">
        <v>5589</v>
      </c>
      <c r="C14009" t="s">
        <v>5590</v>
      </c>
      <c r="D14009" t="s">
        <v>5522</v>
      </c>
      <c r="E14009" t="s">
        <v>13</v>
      </c>
      <c r="F14009">
        <v>73</v>
      </c>
      <c r="G14009" t="s">
        <v>5591</v>
      </c>
      <c r="H14009">
        <v>6.1318333540890002</v>
      </c>
      <c r="I14009">
        <v>53.185512199133001</v>
      </c>
      <c r="J14009" t="s">
        <v>69694</v>
      </c>
    </row>
    <row r="14010" spans="1:10" x14ac:dyDescent="0.25">
      <c r="A14010" t="s">
        <v>5584</v>
      </c>
      <c r="B14010" t="s">
        <v>5585</v>
      </c>
      <c r="C14010" t="s">
        <v>5586</v>
      </c>
      <c r="D14010" t="s">
        <v>5522</v>
      </c>
      <c r="E14010" t="s">
        <v>13</v>
      </c>
      <c r="F14010">
        <v>72</v>
      </c>
      <c r="G14010" t="s">
        <v>5587</v>
      </c>
      <c r="H14010">
        <v>6.1674853909660001</v>
      </c>
      <c r="I14010">
        <v>53.179874816790999</v>
      </c>
      <c r="J14010" t="s">
        <v>69695</v>
      </c>
    </row>
    <row r="14011" spans="1:10" x14ac:dyDescent="0.25">
      <c r="A14011" t="s">
        <v>5580</v>
      </c>
      <c r="B14011" t="s">
        <v>5581</v>
      </c>
      <c r="C14011" t="s">
        <v>5582</v>
      </c>
      <c r="D14011" t="s">
        <v>5522</v>
      </c>
      <c r="E14011" t="s">
        <v>13</v>
      </c>
      <c r="F14011">
        <v>71</v>
      </c>
      <c r="G14011" t="s">
        <v>5583</v>
      </c>
      <c r="H14011">
        <v>6.1629586791430002</v>
      </c>
      <c r="I14011">
        <v>53.219749636134999</v>
      </c>
      <c r="J14011" t="s">
        <v>69696</v>
      </c>
    </row>
    <row r="14012" spans="1:10" x14ac:dyDescent="0.25">
      <c r="A14012" t="s">
        <v>5576</v>
      </c>
      <c r="B14012" t="s">
        <v>5577</v>
      </c>
      <c r="C14012" t="s">
        <v>5578</v>
      </c>
      <c r="D14012" t="s">
        <v>5522</v>
      </c>
      <c r="E14012" t="s">
        <v>13</v>
      </c>
      <c r="F14012">
        <v>70</v>
      </c>
      <c r="G14012" t="s">
        <v>5579</v>
      </c>
      <c r="H14012">
        <v>6.1162759262620003</v>
      </c>
      <c r="I14012">
        <v>53.204680958848002</v>
      </c>
      <c r="J14012" t="s">
        <v>69697</v>
      </c>
    </row>
    <row r="14013" spans="1:10" x14ac:dyDescent="0.25">
      <c r="A14013" t="s">
        <v>5572</v>
      </c>
      <c r="B14013" t="s">
        <v>5573</v>
      </c>
      <c r="C14013" t="s">
        <v>5574</v>
      </c>
      <c r="D14013" t="s">
        <v>5522</v>
      </c>
      <c r="E14013" t="s">
        <v>13</v>
      </c>
      <c r="F14013">
        <v>69</v>
      </c>
      <c r="G14013" t="s">
        <v>5575</v>
      </c>
      <c r="H14013">
        <v>6.2013568967130004</v>
      </c>
      <c r="I14013">
        <v>53.231326531104003</v>
      </c>
      <c r="J14013" t="s">
        <v>69698</v>
      </c>
    </row>
    <row r="14014" spans="1:10" x14ac:dyDescent="0.25">
      <c r="A14014" t="s">
        <v>5568</v>
      </c>
      <c r="B14014" t="s">
        <v>5569</v>
      </c>
      <c r="C14014" t="s">
        <v>5570</v>
      </c>
      <c r="D14014" t="s">
        <v>5522</v>
      </c>
      <c r="E14014" t="s">
        <v>13</v>
      </c>
      <c r="F14014">
        <v>68</v>
      </c>
      <c r="G14014" t="s">
        <v>5571</v>
      </c>
      <c r="H14014">
        <v>6.1596288102479999</v>
      </c>
      <c r="I14014">
        <v>53.216517960521003</v>
      </c>
      <c r="J14014" t="s">
        <v>69699</v>
      </c>
    </row>
    <row r="14015" spans="1:10" x14ac:dyDescent="0.25">
      <c r="A14015" t="s">
        <v>5564</v>
      </c>
      <c r="B14015" t="s">
        <v>5565</v>
      </c>
      <c r="C14015" t="s">
        <v>5566</v>
      </c>
      <c r="D14015" t="s">
        <v>5522</v>
      </c>
      <c r="E14015" t="s">
        <v>13</v>
      </c>
      <c r="F14015">
        <v>67</v>
      </c>
      <c r="G14015" t="s">
        <v>5567</v>
      </c>
      <c r="H14015">
        <v>6.1146897336270003</v>
      </c>
      <c r="I14015">
        <v>53.201977475475999</v>
      </c>
      <c r="J14015" t="s">
        <v>69700</v>
      </c>
    </row>
    <row r="14016" spans="1:10" x14ac:dyDescent="0.25">
      <c r="A14016" t="s">
        <v>5560</v>
      </c>
      <c r="B14016" t="s">
        <v>5561</v>
      </c>
      <c r="C14016" t="s">
        <v>5562</v>
      </c>
      <c r="D14016" t="s">
        <v>5522</v>
      </c>
      <c r="E14016" t="s">
        <v>13</v>
      </c>
      <c r="F14016">
        <v>66</v>
      </c>
      <c r="G14016" t="s">
        <v>5563</v>
      </c>
      <c r="H14016">
        <v>6.214340810495</v>
      </c>
      <c r="I14016">
        <v>53.238129554914003</v>
      </c>
      <c r="J14016" t="s">
        <v>69701</v>
      </c>
    </row>
    <row r="14017" spans="1:10" x14ac:dyDescent="0.25">
      <c r="A14017" t="s">
        <v>5556</v>
      </c>
      <c r="B14017" t="s">
        <v>5557</v>
      </c>
      <c r="C14017" t="s">
        <v>5558</v>
      </c>
      <c r="D14017" t="s">
        <v>5522</v>
      </c>
      <c r="E14017" t="s">
        <v>13</v>
      </c>
      <c r="F14017">
        <v>65</v>
      </c>
      <c r="G14017" t="s">
        <v>5559</v>
      </c>
      <c r="H14017">
        <v>6.2073767738730004</v>
      </c>
      <c r="I14017">
        <v>53.247938356505998</v>
      </c>
      <c r="J14017" t="s">
        <v>69702</v>
      </c>
    </row>
    <row r="14018" spans="1:10" x14ac:dyDescent="0.25">
      <c r="A14018" t="s">
        <v>5552</v>
      </c>
      <c r="B14018" t="s">
        <v>5553</v>
      </c>
      <c r="C14018" t="s">
        <v>5554</v>
      </c>
      <c r="D14018" t="s">
        <v>5522</v>
      </c>
      <c r="E14018" t="s">
        <v>13</v>
      </c>
      <c r="F14018">
        <v>64</v>
      </c>
      <c r="G14018" t="s">
        <v>5555</v>
      </c>
      <c r="H14018">
        <v>6.0507285104530002</v>
      </c>
      <c r="I14018">
        <v>53.236501251158998</v>
      </c>
      <c r="J14018" t="s">
        <v>69703</v>
      </c>
    </row>
    <row r="14019" spans="1:10" x14ac:dyDescent="0.25">
      <c r="A14019" t="s">
        <v>5548</v>
      </c>
      <c r="B14019" t="s">
        <v>5549</v>
      </c>
      <c r="C14019" t="s">
        <v>5550</v>
      </c>
      <c r="D14019" t="s">
        <v>5522</v>
      </c>
      <c r="E14019" t="s">
        <v>13</v>
      </c>
      <c r="F14019">
        <v>63</v>
      </c>
      <c r="G14019" t="s">
        <v>5551</v>
      </c>
      <c r="H14019">
        <v>6.0926870407980003</v>
      </c>
      <c r="I14019">
        <v>53.222351507059997</v>
      </c>
      <c r="J14019" t="s">
        <v>69704</v>
      </c>
    </row>
    <row r="14020" spans="1:10" x14ac:dyDescent="0.25">
      <c r="A14020" t="s">
        <v>5544</v>
      </c>
      <c r="B14020" t="s">
        <v>5545</v>
      </c>
      <c r="C14020" t="s">
        <v>5546</v>
      </c>
      <c r="D14020" t="s">
        <v>5522</v>
      </c>
      <c r="E14020" t="s">
        <v>13</v>
      </c>
      <c r="F14020">
        <v>62</v>
      </c>
      <c r="G14020" t="s">
        <v>5547</v>
      </c>
      <c r="H14020">
        <v>6.0987426419790003</v>
      </c>
      <c r="I14020">
        <v>53.238718642689001</v>
      </c>
      <c r="J14020" t="s">
        <v>69705</v>
      </c>
    </row>
    <row r="14021" spans="1:10" x14ac:dyDescent="0.25">
      <c r="A14021" t="s">
        <v>5540</v>
      </c>
      <c r="B14021" t="s">
        <v>5541</v>
      </c>
      <c r="C14021" t="s">
        <v>5542</v>
      </c>
      <c r="D14021" t="s">
        <v>5522</v>
      </c>
      <c r="E14021" t="s">
        <v>13</v>
      </c>
      <c r="F14021">
        <v>61</v>
      </c>
      <c r="G14021" t="s">
        <v>5543</v>
      </c>
      <c r="H14021">
        <v>6.1595690564250001</v>
      </c>
      <c r="I14021">
        <v>53.249536470151</v>
      </c>
      <c r="J14021" t="s">
        <v>69706</v>
      </c>
    </row>
    <row r="14022" spans="1:10" x14ac:dyDescent="0.25">
      <c r="A14022" t="s">
        <v>5536</v>
      </c>
      <c r="B14022" t="s">
        <v>5537</v>
      </c>
      <c r="C14022" t="s">
        <v>5538</v>
      </c>
      <c r="D14022" t="s">
        <v>5522</v>
      </c>
      <c r="E14022" t="s">
        <v>13</v>
      </c>
      <c r="F14022">
        <v>60</v>
      </c>
      <c r="G14022" t="s">
        <v>5539</v>
      </c>
      <c r="H14022">
        <v>6.2039890367119996</v>
      </c>
      <c r="I14022">
        <v>53.240969465512997</v>
      </c>
      <c r="J14022" t="s">
        <v>69707</v>
      </c>
    </row>
    <row r="14023" spans="1:10" x14ac:dyDescent="0.25">
      <c r="A14023" t="s">
        <v>5532</v>
      </c>
      <c r="B14023" t="s">
        <v>5533</v>
      </c>
      <c r="C14023" t="s">
        <v>5534</v>
      </c>
      <c r="D14023" t="s">
        <v>5522</v>
      </c>
      <c r="E14023" t="s">
        <v>13</v>
      </c>
      <c r="F14023">
        <v>59</v>
      </c>
      <c r="G14023" t="s">
        <v>5535</v>
      </c>
      <c r="H14023">
        <v>6.0468766238300002</v>
      </c>
      <c r="I14023">
        <v>53.240510180803</v>
      </c>
      <c r="J14023" t="s">
        <v>69708</v>
      </c>
    </row>
    <row r="14024" spans="1:10" x14ac:dyDescent="0.25">
      <c r="A14024" t="s">
        <v>5528</v>
      </c>
      <c r="B14024" t="s">
        <v>5529</v>
      </c>
      <c r="C14024" t="s">
        <v>5530</v>
      </c>
      <c r="D14024" t="s">
        <v>5522</v>
      </c>
      <c r="E14024" t="s">
        <v>13</v>
      </c>
      <c r="F14024">
        <v>58</v>
      </c>
      <c r="G14024" t="s">
        <v>5531</v>
      </c>
      <c r="H14024">
        <v>6.0959861530220003</v>
      </c>
      <c r="I14024">
        <v>53.212934940690999</v>
      </c>
      <c r="J14024" t="s">
        <v>69709</v>
      </c>
    </row>
    <row r="14025" spans="1:10" x14ac:dyDescent="0.25">
      <c r="A14025" t="s">
        <v>5524</v>
      </c>
      <c r="B14025" t="s">
        <v>5525</v>
      </c>
      <c r="C14025" t="s">
        <v>5526</v>
      </c>
      <c r="D14025" t="s">
        <v>5522</v>
      </c>
      <c r="E14025" t="s">
        <v>13</v>
      </c>
      <c r="F14025">
        <v>57</v>
      </c>
      <c r="G14025" t="s">
        <v>5527</v>
      </c>
      <c r="H14025">
        <v>6.0995666631210002</v>
      </c>
      <c r="I14025">
        <v>53.237577791310997</v>
      </c>
      <c r="J14025" t="s">
        <v>69710</v>
      </c>
    </row>
    <row r="14026" spans="1:10" x14ac:dyDescent="0.25">
      <c r="A14026" t="s">
        <v>5519</v>
      </c>
      <c r="B14026" t="s">
        <v>5520</v>
      </c>
      <c r="C14026" t="s">
        <v>5521</v>
      </c>
      <c r="D14026" t="s">
        <v>5522</v>
      </c>
      <c r="E14026" t="s">
        <v>13</v>
      </c>
      <c r="F14026">
        <v>56</v>
      </c>
      <c r="G14026" t="s">
        <v>5523</v>
      </c>
      <c r="H14026">
        <v>6.1448926098490002</v>
      </c>
      <c r="I14026">
        <v>53.251646537616999</v>
      </c>
      <c r="J14026" t="s">
        <v>69711</v>
      </c>
    </row>
    <row r="14027" spans="1:10" x14ac:dyDescent="0.25">
      <c r="A14027" t="s">
        <v>2298</v>
      </c>
      <c r="B14027" t="s">
        <v>2299</v>
      </c>
      <c r="C14027" t="s">
        <v>2300</v>
      </c>
      <c r="D14027" t="s">
        <v>2260</v>
      </c>
      <c r="E14027" t="s">
        <v>13</v>
      </c>
      <c r="F14027">
        <v>55</v>
      </c>
      <c r="G14027" t="s">
        <v>2301</v>
      </c>
      <c r="H14027">
        <v>5.4930404870589999</v>
      </c>
      <c r="I14027">
        <v>52.349694750654997</v>
      </c>
      <c r="J14027" t="s">
        <v>69712</v>
      </c>
    </row>
    <row r="14028" spans="1:10" x14ac:dyDescent="0.25">
      <c r="A14028" t="s">
        <v>2294</v>
      </c>
      <c r="B14028" t="s">
        <v>2295</v>
      </c>
      <c r="C14028" t="s">
        <v>2296</v>
      </c>
      <c r="D14028" t="s">
        <v>2260</v>
      </c>
      <c r="E14028" t="s">
        <v>13</v>
      </c>
      <c r="F14028">
        <v>54</v>
      </c>
      <c r="G14028" t="s">
        <v>2297</v>
      </c>
      <c r="H14028">
        <v>5.5046530307549997</v>
      </c>
      <c r="I14028">
        <v>52.356985396096</v>
      </c>
      <c r="J14028" t="s">
        <v>69713</v>
      </c>
    </row>
    <row r="14029" spans="1:10" x14ac:dyDescent="0.25">
      <c r="A14029" t="s">
        <v>2290</v>
      </c>
      <c r="B14029" t="s">
        <v>2291</v>
      </c>
      <c r="C14029" t="s">
        <v>2292</v>
      </c>
      <c r="D14029" t="s">
        <v>2260</v>
      </c>
      <c r="E14029" t="s">
        <v>13</v>
      </c>
      <c r="F14029">
        <v>53</v>
      </c>
      <c r="G14029" t="s">
        <v>2293</v>
      </c>
      <c r="H14029">
        <v>5.5725025157520003</v>
      </c>
      <c r="I14029">
        <v>52.382079665020001</v>
      </c>
      <c r="J14029" t="s">
        <v>69714</v>
      </c>
    </row>
    <row r="14030" spans="1:10" x14ac:dyDescent="0.25">
      <c r="A14030" t="s">
        <v>2286</v>
      </c>
      <c r="B14030" t="s">
        <v>2287</v>
      </c>
      <c r="C14030" t="s">
        <v>2288</v>
      </c>
      <c r="D14030" t="s">
        <v>2260</v>
      </c>
      <c r="E14030" t="s">
        <v>13</v>
      </c>
      <c r="F14030">
        <v>52</v>
      </c>
      <c r="G14030" t="s">
        <v>2289</v>
      </c>
      <c r="H14030">
        <v>5.4173451894170004</v>
      </c>
      <c r="I14030">
        <v>52.377310220321</v>
      </c>
      <c r="J14030" t="s">
        <v>69715</v>
      </c>
    </row>
    <row r="14031" spans="1:10" x14ac:dyDescent="0.25">
      <c r="A14031" t="s">
        <v>2282</v>
      </c>
      <c r="B14031" t="s">
        <v>2283</v>
      </c>
      <c r="C14031" t="s">
        <v>2284</v>
      </c>
      <c r="D14031" t="s">
        <v>2260</v>
      </c>
      <c r="E14031" t="s">
        <v>13</v>
      </c>
      <c r="F14031">
        <v>51</v>
      </c>
      <c r="G14031" t="s">
        <v>2285</v>
      </c>
      <c r="H14031">
        <v>5.4452767419079997</v>
      </c>
      <c r="I14031">
        <v>52.298911296791999</v>
      </c>
      <c r="J14031" t="s">
        <v>69716</v>
      </c>
    </row>
    <row r="14032" spans="1:10" x14ac:dyDescent="0.25">
      <c r="A14032" t="s">
        <v>2278</v>
      </c>
      <c r="B14032" t="s">
        <v>2279</v>
      </c>
      <c r="C14032" t="s">
        <v>2280</v>
      </c>
      <c r="D14032" t="s">
        <v>2260</v>
      </c>
      <c r="E14032" t="s">
        <v>13</v>
      </c>
      <c r="F14032">
        <v>50</v>
      </c>
      <c r="G14032" t="s">
        <v>2281</v>
      </c>
      <c r="H14032">
        <v>5.511918206292</v>
      </c>
      <c r="I14032">
        <v>52.349097217808001</v>
      </c>
      <c r="J14032" t="s">
        <v>69717</v>
      </c>
    </row>
    <row r="14033" spans="1:10" x14ac:dyDescent="0.25">
      <c r="A14033" t="s">
        <v>2274</v>
      </c>
      <c r="B14033" t="s">
        <v>2275</v>
      </c>
      <c r="C14033" t="s">
        <v>2276</v>
      </c>
      <c r="D14033" t="s">
        <v>2260</v>
      </c>
      <c r="E14033" t="s">
        <v>13</v>
      </c>
      <c r="F14033">
        <v>49</v>
      </c>
      <c r="G14033" t="s">
        <v>2277</v>
      </c>
      <c r="H14033">
        <v>5.5304451532590004</v>
      </c>
      <c r="I14033">
        <v>52.346807258357998</v>
      </c>
      <c r="J14033" t="s">
        <v>69718</v>
      </c>
    </row>
    <row r="14034" spans="1:10" x14ac:dyDescent="0.25">
      <c r="A14034" t="s">
        <v>2270</v>
      </c>
      <c r="B14034" t="s">
        <v>2271</v>
      </c>
      <c r="C14034" t="s">
        <v>2272</v>
      </c>
      <c r="D14034" t="s">
        <v>2260</v>
      </c>
      <c r="E14034" t="s">
        <v>13</v>
      </c>
      <c r="F14034">
        <v>48</v>
      </c>
      <c r="G14034" t="s">
        <v>2273</v>
      </c>
      <c r="H14034">
        <v>5.5190188689030002</v>
      </c>
      <c r="I14034">
        <v>52.334966680891</v>
      </c>
      <c r="J14034" t="s">
        <v>69719</v>
      </c>
    </row>
    <row r="14035" spans="1:10" x14ac:dyDescent="0.25">
      <c r="A14035" t="s">
        <v>2266</v>
      </c>
      <c r="B14035" t="s">
        <v>2267</v>
      </c>
      <c r="C14035" t="s">
        <v>2268</v>
      </c>
      <c r="D14035" t="s">
        <v>2260</v>
      </c>
      <c r="E14035" t="s">
        <v>13</v>
      </c>
      <c r="F14035">
        <v>47</v>
      </c>
      <c r="G14035" t="s">
        <v>2269</v>
      </c>
      <c r="H14035">
        <v>5.5363393578420004</v>
      </c>
      <c r="I14035">
        <v>52.321777951915003</v>
      </c>
      <c r="J14035" t="s">
        <v>69720</v>
      </c>
    </row>
    <row r="14036" spans="1:10" x14ac:dyDescent="0.25">
      <c r="A14036" t="s">
        <v>2262</v>
      </c>
      <c r="B14036" t="s">
        <v>2263</v>
      </c>
      <c r="C14036" t="s">
        <v>2264</v>
      </c>
      <c r="D14036" t="s">
        <v>2260</v>
      </c>
      <c r="E14036" t="s">
        <v>13</v>
      </c>
      <c r="F14036">
        <v>46</v>
      </c>
      <c r="G14036" t="s">
        <v>2265</v>
      </c>
      <c r="H14036">
        <v>5.5341135485770003</v>
      </c>
      <c r="I14036">
        <v>52.333292682382996</v>
      </c>
      <c r="J14036" t="s">
        <v>69721</v>
      </c>
    </row>
    <row r="14037" spans="1:10" x14ac:dyDescent="0.25">
      <c r="A14037" t="s">
        <v>2258</v>
      </c>
      <c r="B14037" t="s">
        <v>2259</v>
      </c>
      <c r="C14037" t="s">
        <v>129</v>
      </c>
      <c r="D14037" t="s">
        <v>2260</v>
      </c>
      <c r="E14037" t="s">
        <v>13</v>
      </c>
      <c r="F14037">
        <v>45</v>
      </c>
      <c r="G14037" t="s">
        <v>2261</v>
      </c>
      <c r="H14037">
        <v>5.5446827961779999</v>
      </c>
      <c r="I14037">
        <v>52.331475372377</v>
      </c>
      <c r="J14037" t="s">
        <v>69722</v>
      </c>
    </row>
    <row r="14038" spans="1:10" x14ac:dyDescent="0.25">
      <c r="A14038" t="s">
        <v>5292</v>
      </c>
      <c r="B14038" t="s">
        <v>5293</v>
      </c>
      <c r="C14038" t="s">
        <v>5274</v>
      </c>
      <c r="D14038" t="s">
        <v>5242</v>
      </c>
      <c r="E14038" t="s">
        <v>13</v>
      </c>
      <c r="F14038">
        <v>44</v>
      </c>
      <c r="G14038" t="s">
        <v>5294</v>
      </c>
      <c r="H14038">
        <v>6.857714800418</v>
      </c>
      <c r="I14038">
        <v>53.068391407317002</v>
      </c>
      <c r="J14038" t="s">
        <v>69723</v>
      </c>
    </row>
    <row r="14039" spans="1:10" x14ac:dyDescent="0.25">
      <c r="A14039" t="s">
        <v>5288</v>
      </c>
      <c r="B14039" t="s">
        <v>5289</v>
      </c>
      <c r="C14039" t="s">
        <v>5290</v>
      </c>
      <c r="D14039" t="s">
        <v>5242</v>
      </c>
      <c r="E14039" t="s">
        <v>13</v>
      </c>
      <c r="F14039">
        <v>43</v>
      </c>
      <c r="G14039" t="s">
        <v>5291</v>
      </c>
      <c r="H14039">
        <v>6.8889979968409998</v>
      </c>
      <c r="I14039">
        <v>53.060526326811001</v>
      </c>
      <c r="J14039" t="s">
        <v>69724</v>
      </c>
    </row>
    <row r="14040" spans="1:10" x14ac:dyDescent="0.25">
      <c r="A14040" t="s">
        <v>5284</v>
      </c>
      <c r="B14040" t="s">
        <v>5285</v>
      </c>
      <c r="C14040" t="s">
        <v>5286</v>
      </c>
      <c r="D14040" t="s">
        <v>5242</v>
      </c>
      <c r="E14040" t="s">
        <v>13</v>
      </c>
      <c r="F14040">
        <v>42</v>
      </c>
      <c r="G14040" t="s">
        <v>5287</v>
      </c>
      <c r="H14040">
        <v>6.853388261578</v>
      </c>
      <c r="I14040">
        <v>53.048553556027997</v>
      </c>
      <c r="J14040" t="s">
        <v>69725</v>
      </c>
    </row>
    <row r="14041" spans="1:10" x14ac:dyDescent="0.25">
      <c r="A14041" t="s">
        <v>5280</v>
      </c>
      <c r="B14041" t="s">
        <v>5281</v>
      </c>
      <c r="C14041" t="s">
        <v>5282</v>
      </c>
      <c r="D14041" t="s">
        <v>5242</v>
      </c>
      <c r="E14041" t="s">
        <v>13</v>
      </c>
      <c r="F14041">
        <v>41</v>
      </c>
      <c r="G14041" t="s">
        <v>5283</v>
      </c>
      <c r="H14041">
        <v>6.8583949113670002</v>
      </c>
      <c r="I14041">
        <v>53.065521029995999</v>
      </c>
      <c r="J14041" t="s">
        <v>69726</v>
      </c>
    </row>
    <row r="14042" spans="1:10" x14ac:dyDescent="0.25">
      <c r="A14042" t="s">
        <v>5276</v>
      </c>
      <c r="B14042" t="s">
        <v>5277</v>
      </c>
      <c r="C14042" t="s">
        <v>5278</v>
      </c>
      <c r="D14042" t="s">
        <v>5242</v>
      </c>
      <c r="E14042" t="s">
        <v>13</v>
      </c>
      <c r="F14042">
        <v>40</v>
      </c>
      <c r="G14042" t="s">
        <v>5279</v>
      </c>
      <c r="H14042">
        <v>6.8716583492570003</v>
      </c>
      <c r="I14042">
        <v>53.083480677308998</v>
      </c>
      <c r="J14042" t="s">
        <v>69727</v>
      </c>
    </row>
    <row r="14043" spans="1:10" x14ac:dyDescent="0.25">
      <c r="A14043" t="s">
        <v>5272</v>
      </c>
      <c r="B14043" t="s">
        <v>5273</v>
      </c>
      <c r="C14043" t="s">
        <v>5274</v>
      </c>
      <c r="D14043" t="s">
        <v>5242</v>
      </c>
      <c r="E14043" t="s">
        <v>13</v>
      </c>
      <c r="F14043">
        <v>39</v>
      </c>
      <c r="G14043" t="s">
        <v>5275</v>
      </c>
      <c r="H14043">
        <v>6.9092047056960002</v>
      </c>
      <c r="I14043">
        <v>53.096683943397998</v>
      </c>
      <c r="J14043" t="s">
        <v>69728</v>
      </c>
    </row>
    <row r="14044" spans="1:10" x14ac:dyDescent="0.25">
      <c r="A14044" t="s">
        <v>5268</v>
      </c>
      <c r="B14044" t="s">
        <v>5269</v>
      </c>
      <c r="C14044" t="s">
        <v>5270</v>
      </c>
      <c r="D14044" t="s">
        <v>5242</v>
      </c>
      <c r="E14044" t="s">
        <v>13</v>
      </c>
      <c r="F14044">
        <v>38</v>
      </c>
      <c r="G14044" t="s">
        <v>5271</v>
      </c>
      <c r="H14044">
        <v>6.9349163130509996</v>
      </c>
      <c r="I14044">
        <v>53.096408863655</v>
      </c>
      <c r="J14044" t="s">
        <v>69729</v>
      </c>
    </row>
    <row r="14045" spans="1:10" x14ac:dyDescent="0.25">
      <c r="A14045" t="s">
        <v>5264</v>
      </c>
      <c r="B14045" t="s">
        <v>5265</v>
      </c>
      <c r="C14045" t="s">
        <v>5266</v>
      </c>
      <c r="D14045" t="s">
        <v>5242</v>
      </c>
      <c r="E14045" t="s">
        <v>13</v>
      </c>
      <c r="F14045">
        <v>37</v>
      </c>
      <c r="G14045" t="s">
        <v>5267</v>
      </c>
      <c r="H14045">
        <v>6.9140593298719999</v>
      </c>
      <c r="I14045">
        <v>53.085503813751998</v>
      </c>
      <c r="J14045" t="s">
        <v>69730</v>
      </c>
    </row>
    <row r="14046" spans="1:10" x14ac:dyDescent="0.25">
      <c r="A14046" t="s">
        <v>5260</v>
      </c>
      <c r="B14046" t="s">
        <v>5261</v>
      </c>
      <c r="C14046" t="s">
        <v>5262</v>
      </c>
      <c r="D14046" t="s">
        <v>5242</v>
      </c>
      <c r="E14046" t="s">
        <v>13</v>
      </c>
      <c r="F14046">
        <v>36</v>
      </c>
      <c r="G14046" t="s">
        <v>5263</v>
      </c>
      <c r="H14046">
        <v>6.8194220711269997</v>
      </c>
      <c r="I14046">
        <v>53.107753687898999</v>
      </c>
      <c r="J14046" t="s">
        <v>69731</v>
      </c>
    </row>
    <row r="14047" spans="1:10" x14ac:dyDescent="0.25">
      <c r="A14047" t="s">
        <v>5515</v>
      </c>
      <c r="B14047" t="s">
        <v>5516</v>
      </c>
      <c r="C14047" t="s">
        <v>5517</v>
      </c>
      <c r="D14047" t="s">
        <v>5242</v>
      </c>
      <c r="E14047" t="s">
        <v>13</v>
      </c>
      <c r="F14047">
        <v>35</v>
      </c>
      <c r="G14047" t="s">
        <v>5518</v>
      </c>
      <c r="H14047">
        <v>6.8566676133210001</v>
      </c>
      <c r="I14047">
        <v>53.115446580536997</v>
      </c>
      <c r="J14047" t="s">
        <v>69732</v>
      </c>
    </row>
    <row r="14048" spans="1:10" x14ac:dyDescent="0.25">
      <c r="A14048" t="s">
        <v>5256</v>
      </c>
      <c r="B14048" t="s">
        <v>5257</v>
      </c>
      <c r="C14048" t="s">
        <v>5258</v>
      </c>
      <c r="D14048" t="s">
        <v>5242</v>
      </c>
      <c r="E14048" t="s">
        <v>13</v>
      </c>
      <c r="F14048">
        <v>34</v>
      </c>
      <c r="G14048" t="s">
        <v>5259</v>
      </c>
      <c r="H14048">
        <v>6.8905190106849998</v>
      </c>
      <c r="I14048">
        <v>53.103435229851002</v>
      </c>
      <c r="J14048" t="s">
        <v>69733</v>
      </c>
    </row>
    <row r="14049" spans="1:10" x14ac:dyDescent="0.25">
      <c r="A14049" t="s">
        <v>5252</v>
      </c>
      <c r="B14049" t="s">
        <v>5253</v>
      </c>
      <c r="C14049" t="s">
        <v>5254</v>
      </c>
      <c r="D14049" t="s">
        <v>5242</v>
      </c>
      <c r="E14049" t="s">
        <v>13</v>
      </c>
      <c r="F14049">
        <v>33</v>
      </c>
      <c r="G14049" t="s">
        <v>5255</v>
      </c>
      <c r="H14049">
        <v>6.8589411405040002</v>
      </c>
      <c r="I14049">
        <v>53.097448094741999</v>
      </c>
      <c r="J14049" t="s">
        <v>69734</v>
      </c>
    </row>
    <row r="14050" spans="1:10" x14ac:dyDescent="0.25">
      <c r="A14050" t="s">
        <v>5248</v>
      </c>
      <c r="B14050" t="s">
        <v>5249</v>
      </c>
      <c r="C14050" t="s">
        <v>5250</v>
      </c>
      <c r="D14050" t="s">
        <v>5242</v>
      </c>
      <c r="E14050" t="s">
        <v>13</v>
      </c>
      <c r="F14050">
        <v>32</v>
      </c>
      <c r="G14050" t="s">
        <v>5251</v>
      </c>
      <c r="H14050">
        <v>6.8735404420929997</v>
      </c>
      <c r="I14050">
        <v>53.101472043068</v>
      </c>
      <c r="J14050" t="s">
        <v>69735</v>
      </c>
    </row>
    <row r="14051" spans="1:10" x14ac:dyDescent="0.25">
      <c r="A14051" t="s">
        <v>5244</v>
      </c>
      <c r="B14051" t="s">
        <v>5245</v>
      </c>
      <c r="C14051" t="s">
        <v>5246</v>
      </c>
      <c r="D14051" t="s">
        <v>5242</v>
      </c>
      <c r="E14051" t="s">
        <v>13</v>
      </c>
      <c r="F14051">
        <v>31</v>
      </c>
      <c r="G14051" t="s">
        <v>5247</v>
      </c>
      <c r="H14051">
        <v>6.8807273244899996</v>
      </c>
      <c r="I14051">
        <v>53.101534092481998</v>
      </c>
      <c r="J14051" t="s">
        <v>69736</v>
      </c>
    </row>
    <row r="14052" spans="1:10" x14ac:dyDescent="0.25">
      <c r="A14052" t="s">
        <v>5511</v>
      </c>
      <c r="B14052" t="s">
        <v>5512</v>
      </c>
      <c r="C14052" t="s">
        <v>5513</v>
      </c>
      <c r="D14052" t="s">
        <v>5242</v>
      </c>
      <c r="E14052" t="s">
        <v>13</v>
      </c>
      <c r="F14052">
        <v>30</v>
      </c>
      <c r="G14052" t="s">
        <v>5514</v>
      </c>
      <c r="H14052">
        <v>6.881986475503</v>
      </c>
      <c r="I14052">
        <v>53.122393766225002</v>
      </c>
      <c r="J14052" t="s">
        <v>69737</v>
      </c>
    </row>
    <row r="14053" spans="1:10" x14ac:dyDescent="0.25">
      <c r="A14053" t="s">
        <v>5507</v>
      </c>
      <c r="B14053" t="s">
        <v>5508</v>
      </c>
      <c r="C14053" t="s">
        <v>5509</v>
      </c>
      <c r="D14053" t="s">
        <v>5242</v>
      </c>
      <c r="E14053" t="s">
        <v>13</v>
      </c>
      <c r="F14053">
        <v>29</v>
      </c>
      <c r="G14053" t="s">
        <v>5510</v>
      </c>
      <c r="H14053">
        <v>6.8819580125000002</v>
      </c>
      <c r="I14053">
        <v>53.114461130163001</v>
      </c>
      <c r="J14053" t="s">
        <v>69738</v>
      </c>
    </row>
    <row r="14054" spans="1:10" x14ac:dyDescent="0.25">
      <c r="A14054" t="s">
        <v>5239</v>
      </c>
      <c r="B14054" t="s">
        <v>5240</v>
      </c>
      <c r="C14054" t="s">
        <v>5241</v>
      </c>
      <c r="D14054" t="s">
        <v>5242</v>
      </c>
      <c r="E14054" t="s">
        <v>13</v>
      </c>
      <c r="F14054">
        <v>28</v>
      </c>
      <c r="G14054" t="s">
        <v>5243</v>
      </c>
      <c r="H14054">
        <v>6.8626667445759999</v>
      </c>
      <c r="I14054">
        <v>53.108152880170998</v>
      </c>
      <c r="J14054" t="s">
        <v>69739</v>
      </c>
    </row>
    <row r="14055" spans="1:10" x14ac:dyDescent="0.25">
      <c r="A14055" t="s">
        <v>5235</v>
      </c>
      <c r="B14055" t="s">
        <v>5236</v>
      </c>
      <c r="C14055" t="s">
        <v>5237</v>
      </c>
      <c r="D14055" t="s">
        <v>5134</v>
      </c>
      <c r="E14055" t="s">
        <v>13</v>
      </c>
      <c r="F14055">
        <v>27</v>
      </c>
      <c r="G14055" t="s">
        <v>5238</v>
      </c>
      <c r="H14055">
        <v>6.9980277137720002</v>
      </c>
      <c r="I14055">
        <v>53.041457300687</v>
      </c>
      <c r="J14055" t="s">
        <v>69740</v>
      </c>
    </row>
    <row r="14056" spans="1:10" x14ac:dyDescent="0.25">
      <c r="A14056" t="s">
        <v>5231</v>
      </c>
      <c r="B14056" t="s">
        <v>5232</v>
      </c>
      <c r="C14056" t="s">
        <v>5233</v>
      </c>
      <c r="D14056" t="s">
        <v>5134</v>
      </c>
      <c r="E14056" t="s">
        <v>13</v>
      </c>
      <c r="F14056">
        <v>26</v>
      </c>
      <c r="G14056" t="s">
        <v>5234</v>
      </c>
      <c r="H14056">
        <v>7.0027506300219997</v>
      </c>
      <c r="I14056">
        <v>53.048683765461</v>
      </c>
      <c r="J14056" t="s">
        <v>69741</v>
      </c>
    </row>
    <row r="14057" spans="1:10" x14ac:dyDescent="0.25">
      <c r="A14057" t="s">
        <v>5227</v>
      </c>
      <c r="B14057" t="s">
        <v>5228</v>
      </c>
      <c r="C14057" t="s">
        <v>5229</v>
      </c>
      <c r="D14057" t="s">
        <v>5134</v>
      </c>
      <c r="E14057" t="s">
        <v>13</v>
      </c>
      <c r="F14057">
        <v>25</v>
      </c>
      <c r="G14057" t="s">
        <v>5230</v>
      </c>
      <c r="H14057">
        <v>7.0357502483849998</v>
      </c>
      <c r="I14057">
        <v>52.969103347447998</v>
      </c>
      <c r="J14057" t="s">
        <v>69742</v>
      </c>
    </row>
    <row r="14058" spans="1:10" x14ac:dyDescent="0.25">
      <c r="A14058" t="s">
        <v>5223</v>
      </c>
      <c r="B14058" t="s">
        <v>5224</v>
      </c>
      <c r="C14058" t="s">
        <v>5225</v>
      </c>
      <c r="D14058" t="s">
        <v>5134</v>
      </c>
      <c r="E14058" t="s">
        <v>13</v>
      </c>
      <c r="F14058">
        <v>24</v>
      </c>
      <c r="G14058" t="s">
        <v>5226</v>
      </c>
      <c r="H14058">
        <v>7.0130383059600003</v>
      </c>
      <c r="I14058">
        <v>52.980079110048003</v>
      </c>
      <c r="J14058" t="s">
        <v>69743</v>
      </c>
    </row>
    <row r="14059" spans="1:10" x14ac:dyDescent="0.25">
      <c r="A14059" t="s">
        <v>5219</v>
      </c>
      <c r="B14059" t="s">
        <v>5220</v>
      </c>
      <c r="C14059" t="s">
        <v>5221</v>
      </c>
      <c r="D14059" t="s">
        <v>5134</v>
      </c>
      <c r="E14059" t="s">
        <v>13</v>
      </c>
      <c r="F14059">
        <v>23</v>
      </c>
      <c r="G14059" t="s">
        <v>5222</v>
      </c>
      <c r="H14059">
        <v>7.0608588518279998</v>
      </c>
      <c r="I14059">
        <v>52.960329428575001</v>
      </c>
      <c r="J14059" t="s">
        <v>69744</v>
      </c>
    </row>
    <row r="14060" spans="1:10" x14ac:dyDescent="0.25">
      <c r="A14060" t="s">
        <v>5215</v>
      </c>
      <c r="B14060" t="s">
        <v>5216</v>
      </c>
      <c r="C14060" t="s">
        <v>5217</v>
      </c>
      <c r="D14060" t="s">
        <v>5134</v>
      </c>
      <c r="E14060" t="s">
        <v>13</v>
      </c>
      <c r="F14060">
        <v>22</v>
      </c>
      <c r="G14060" t="s">
        <v>5218</v>
      </c>
      <c r="H14060">
        <v>7.0394727492079996</v>
      </c>
      <c r="I14060">
        <v>52.959667963709002</v>
      </c>
      <c r="J14060" t="s">
        <v>69745</v>
      </c>
    </row>
    <row r="14061" spans="1:10" x14ac:dyDescent="0.25">
      <c r="A14061" t="s">
        <v>5211</v>
      </c>
      <c r="B14061" t="s">
        <v>5212</v>
      </c>
      <c r="C14061" t="s">
        <v>5213</v>
      </c>
      <c r="D14061" t="s">
        <v>5134</v>
      </c>
      <c r="E14061" t="s">
        <v>13</v>
      </c>
      <c r="F14061">
        <v>21</v>
      </c>
      <c r="G14061" t="s">
        <v>5214</v>
      </c>
      <c r="H14061">
        <v>7.033460777248</v>
      </c>
      <c r="I14061">
        <v>53.012873521960998</v>
      </c>
      <c r="J14061" t="s">
        <v>69746</v>
      </c>
    </row>
    <row r="14062" spans="1:10" x14ac:dyDescent="0.25">
      <c r="A14062" t="s">
        <v>5207</v>
      </c>
      <c r="B14062" t="s">
        <v>5208</v>
      </c>
      <c r="C14062" t="s">
        <v>5209</v>
      </c>
      <c r="D14062" t="s">
        <v>5134</v>
      </c>
      <c r="E14062" t="s">
        <v>13</v>
      </c>
      <c r="F14062">
        <v>20</v>
      </c>
      <c r="G14062" t="s">
        <v>5210</v>
      </c>
      <c r="H14062">
        <v>7.0617491736740003</v>
      </c>
      <c r="I14062">
        <v>53.045094999360998</v>
      </c>
      <c r="J14062" t="s">
        <v>69747</v>
      </c>
    </row>
    <row r="14063" spans="1:10" x14ac:dyDescent="0.25">
      <c r="A14063" t="s">
        <v>5203</v>
      </c>
      <c r="B14063" t="s">
        <v>5204</v>
      </c>
      <c r="C14063" t="s">
        <v>5205</v>
      </c>
      <c r="D14063" t="s">
        <v>5134</v>
      </c>
      <c r="E14063" t="s">
        <v>13</v>
      </c>
      <c r="F14063">
        <v>19</v>
      </c>
      <c r="G14063" t="s">
        <v>5206</v>
      </c>
      <c r="H14063">
        <v>7.0493583276420004</v>
      </c>
      <c r="I14063">
        <v>53.056348032510002</v>
      </c>
      <c r="J14063" t="s">
        <v>69748</v>
      </c>
    </row>
    <row r="14064" spans="1:10" x14ac:dyDescent="0.25">
      <c r="A14064" t="s">
        <v>5199</v>
      </c>
      <c r="B14064" t="s">
        <v>5200</v>
      </c>
      <c r="C14064" t="s">
        <v>5201</v>
      </c>
      <c r="D14064" t="s">
        <v>5134</v>
      </c>
      <c r="E14064" t="s">
        <v>13</v>
      </c>
      <c r="F14064">
        <v>18</v>
      </c>
      <c r="G14064" t="s">
        <v>5202</v>
      </c>
      <c r="H14064">
        <v>7.0372265096440003</v>
      </c>
      <c r="I14064">
        <v>53.037476397973997</v>
      </c>
      <c r="J14064" t="s">
        <v>69749</v>
      </c>
    </row>
    <row r="14065" spans="1:10" x14ac:dyDescent="0.25">
      <c r="A14065" t="s">
        <v>5195</v>
      </c>
      <c r="B14065" t="s">
        <v>5196</v>
      </c>
      <c r="C14065" t="s">
        <v>5197</v>
      </c>
      <c r="D14065" t="s">
        <v>5134</v>
      </c>
      <c r="E14065" t="s">
        <v>13</v>
      </c>
      <c r="F14065">
        <v>17</v>
      </c>
      <c r="G14065" t="s">
        <v>5198</v>
      </c>
      <c r="H14065">
        <v>6.9910234207039998</v>
      </c>
      <c r="I14065">
        <v>52.965268073524001</v>
      </c>
      <c r="J14065" t="s">
        <v>69750</v>
      </c>
    </row>
    <row r="14066" spans="1:10" x14ac:dyDescent="0.25">
      <c r="A14066" t="s">
        <v>5191</v>
      </c>
      <c r="B14066" t="s">
        <v>5192</v>
      </c>
      <c r="C14066" t="s">
        <v>5193</v>
      </c>
      <c r="D14066" t="s">
        <v>5134</v>
      </c>
      <c r="E14066" t="s">
        <v>13</v>
      </c>
      <c r="F14066">
        <v>16</v>
      </c>
      <c r="G14066" t="s">
        <v>5194</v>
      </c>
      <c r="H14066">
        <v>7.0037378730439999</v>
      </c>
      <c r="I14066">
        <v>52.949237455652003</v>
      </c>
      <c r="J14066" t="s">
        <v>69751</v>
      </c>
    </row>
    <row r="14067" spans="1:10" x14ac:dyDescent="0.25">
      <c r="A14067" t="s">
        <v>5187</v>
      </c>
      <c r="B14067" t="s">
        <v>5188</v>
      </c>
      <c r="C14067" t="s">
        <v>5189</v>
      </c>
      <c r="D14067" t="s">
        <v>5134</v>
      </c>
      <c r="E14067" t="s">
        <v>13</v>
      </c>
      <c r="F14067">
        <v>15</v>
      </c>
      <c r="G14067" t="s">
        <v>5190</v>
      </c>
      <c r="H14067">
        <v>7.0257850290289996</v>
      </c>
      <c r="I14067">
        <v>52.927396789131002</v>
      </c>
      <c r="J14067" t="s">
        <v>69752</v>
      </c>
    </row>
    <row r="14068" spans="1:10" x14ac:dyDescent="0.25">
      <c r="A14068" t="s">
        <v>5183</v>
      </c>
      <c r="B14068" t="s">
        <v>5184</v>
      </c>
      <c r="C14068" t="s">
        <v>5185</v>
      </c>
      <c r="D14068" t="s">
        <v>5134</v>
      </c>
      <c r="E14068" t="s">
        <v>13</v>
      </c>
      <c r="F14068">
        <v>14</v>
      </c>
      <c r="G14068" t="s">
        <v>5186</v>
      </c>
      <c r="H14068">
        <v>7.0169934767540001</v>
      </c>
      <c r="I14068">
        <v>52.934973500509997</v>
      </c>
      <c r="J14068" t="s">
        <v>69753</v>
      </c>
    </row>
    <row r="14069" spans="1:10" x14ac:dyDescent="0.25">
      <c r="A14069" t="s">
        <v>5180</v>
      </c>
      <c r="B14069" t="s">
        <v>5181</v>
      </c>
      <c r="C14069" t="s">
        <v>41</v>
      </c>
      <c r="D14069" t="s">
        <v>5134</v>
      </c>
      <c r="E14069" t="s">
        <v>13</v>
      </c>
      <c r="F14069">
        <v>13</v>
      </c>
      <c r="G14069" t="s">
        <v>5182</v>
      </c>
      <c r="H14069">
        <v>6.9497341478869998</v>
      </c>
      <c r="I14069">
        <v>52.997792340493</v>
      </c>
      <c r="J14069" t="s">
        <v>69754</v>
      </c>
    </row>
    <row r="14070" spans="1:10" x14ac:dyDescent="0.25">
      <c r="A14070" t="s">
        <v>5176</v>
      </c>
      <c r="B14070" t="s">
        <v>5177</v>
      </c>
      <c r="C14070" t="s">
        <v>5178</v>
      </c>
      <c r="D14070" t="s">
        <v>5134</v>
      </c>
      <c r="E14070" t="s">
        <v>13</v>
      </c>
      <c r="F14070">
        <v>12</v>
      </c>
      <c r="G14070" t="s">
        <v>5179</v>
      </c>
      <c r="H14070">
        <v>6.9113080760869998</v>
      </c>
      <c r="I14070">
        <v>53.023915366882001</v>
      </c>
      <c r="J14070" t="s">
        <v>69755</v>
      </c>
    </row>
    <row r="14071" spans="1:10" x14ac:dyDescent="0.25">
      <c r="A14071" t="s">
        <v>5172</v>
      </c>
      <c r="B14071" t="s">
        <v>5173</v>
      </c>
      <c r="C14071" t="s">
        <v>5174</v>
      </c>
      <c r="D14071" t="s">
        <v>5134</v>
      </c>
      <c r="E14071" t="s">
        <v>13</v>
      </c>
      <c r="F14071">
        <v>11</v>
      </c>
      <c r="G14071" t="s">
        <v>5175</v>
      </c>
      <c r="H14071">
        <v>6.952569568345</v>
      </c>
      <c r="I14071">
        <v>53.004915892268997</v>
      </c>
      <c r="J14071" t="s">
        <v>69756</v>
      </c>
    </row>
    <row r="14072" spans="1:10" x14ac:dyDescent="0.25">
      <c r="A14072" t="s">
        <v>5168</v>
      </c>
      <c r="B14072" t="s">
        <v>5169</v>
      </c>
      <c r="C14072" t="s">
        <v>5170</v>
      </c>
      <c r="D14072" t="s">
        <v>5134</v>
      </c>
      <c r="E14072" t="s">
        <v>13</v>
      </c>
      <c r="F14072">
        <v>10</v>
      </c>
      <c r="G14072" t="s">
        <v>5171</v>
      </c>
      <c r="H14072">
        <v>6.9002035360320004</v>
      </c>
      <c r="I14072">
        <v>53.018234476480004</v>
      </c>
      <c r="J14072" t="s">
        <v>69757</v>
      </c>
    </row>
    <row r="14073" spans="1:10" x14ac:dyDescent="0.25">
      <c r="A14073" t="s">
        <v>5164</v>
      </c>
      <c r="B14073" t="s">
        <v>5165</v>
      </c>
      <c r="C14073" t="s">
        <v>5166</v>
      </c>
      <c r="D14073" t="s">
        <v>5134</v>
      </c>
      <c r="E14073" t="s">
        <v>13</v>
      </c>
      <c r="F14073">
        <v>9</v>
      </c>
      <c r="G14073" t="s">
        <v>5167</v>
      </c>
      <c r="H14073">
        <v>6.9500927312630001</v>
      </c>
      <c r="I14073">
        <v>52.985160065770003</v>
      </c>
      <c r="J14073" t="s">
        <v>69758</v>
      </c>
    </row>
    <row r="14074" spans="1:10" x14ac:dyDescent="0.25">
      <c r="A14074" t="s">
        <v>5160</v>
      </c>
      <c r="B14074" t="s">
        <v>5161</v>
      </c>
      <c r="C14074" t="s">
        <v>5162</v>
      </c>
      <c r="D14074" t="s">
        <v>5134</v>
      </c>
      <c r="E14074" t="s">
        <v>13</v>
      </c>
      <c r="F14074">
        <v>8</v>
      </c>
      <c r="G14074" t="s">
        <v>5163</v>
      </c>
      <c r="H14074">
        <v>6.9661603469899998</v>
      </c>
      <c r="I14074">
        <v>52.972802873874002</v>
      </c>
      <c r="J14074" t="s">
        <v>69759</v>
      </c>
    </row>
    <row r="14075" spans="1:10" x14ac:dyDescent="0.25">
      <c r="A14075" t="s">
        <v>5156</v>
      </c>
      <c r="B14075" t="s">
        <v>5157</v>
      </c>
      <c r="C14075" t="s">
        <v>5158</v>
      </c>
      <c r="D14075" t="s">
        <v>5134</v>
      </c>
      <c r="E14075" t="s">
        <v>13</v>
      </c>
      <c r="F14075">
        <v>7</v>
      </c>
      <c r="G14075" t="s">
        <v>5159</v>
      </c>
      <c r="H14075">
        <v>6.9818357637690003</v>
      </c>
      <c r="I14075">
        <v>52.978301019031001</v>
      </c>
      <c r="J14075" t="s">
        <v>69760</v>
      </c>
    </row>
    <row r="14076" spans="1:10" x14ac:dyDescent="0.25">
      <c r="A14076" t="s">
        <v>5152</v>
      </c>
      <c r="B14076" t="s">
        <v>5153</v>
      </c>
      <c r="C14076" t="s">
        <v>5154</v>
      </c>
      <c r="D14076" t="s">
        <v>5134</v>
      </c>
      <c r="E14076" t="s">
        <v>13</v>
      </c>
      <c r="F14076">
        <v>6</v>
      </c>
      <c r="G14076" t="s">
        <v>5155</v>
      </c>
      <c r="H14076">
        <v>6.9766170009600001</v>
      </c>
      <c r="I14076">
        <v>52.987623199635998</v>
      </c>
      <c r="J14076" t="s">
        <v>69761</v>
      </c>
    </row>
    <row r="14077" spans="1:10" x14ac:dyDescent="0.25">
      <c r="A14077" t="s">
        <v>5148</v>
      </c>
      <c r="B14077" t="s">
        <v>5149</v>
      </c>
      <c r="C14077" t="s">
        <v>5150</v>
      </c>
      <c r="D14077" t="s">
        <v>5134</v>
      </c>
      <c r="E14077" t="s">
        <v>13</v>
      </c>
      <c r="F14077">
        <v>5</v>
      </c>
      <c r="G14077" t="s">
        <v>5151</v>
      </c>
      <c r="H14077">
        <v>6.9658979505719998</v>
      </c>
      <c r="I14077">
        <v>52.984020546609997</v>
      </c>
      <c r="J14077" t="s">
        <v>69762</v>
      </c>
    </row>
    <row r="14078" spans="1:10" x14ac:dyDescent="0.25">
      <c r="A14078" t="s">
        <v>5144</v>
      </c>
      <c r="B14078" t="s">
        <v>5145</v>
      </c>
      <c r="C14078" t="s">
        <v>5146</v>
      </c>
      <c r="D14078" t="s">
        <v>5134</v>
      </c>
      <c r="E14078" t="s">
        <v>13</v>
      </c>
      <c r="F14078">
        <v>4</v>
      </c>
      <c r="G14078" t="s">
        <v>5147</v>
      </c>
      <c r="H14078">
        <v>6.9736169636570002</v>
      </c>
      <c r="I14078">
        <v>52.995782496198999</v>
      </c>
      <c r="J14078" t="s">
        <v>69763</v>
      </c>
    </row>
    <row r="14079" spans="1:10" x14ac:dyDescent="0.25">
      <c r="A14079" t="s">
        <v>5140</v>
      </c>
      <c r="B14079" t="s">
        <v>5141</v>
      </c>
      <c r="C14079" t="s">
        <v>5142</v>
      </c>
      <c r="D14079" t="s">
        <v>5134</v>
      </c>
      <c r="E14079" t="s">
        <v>13</v>
      </c>
      <c r="F14079">
        <v>3</v>
      </c>
      <c r="G14079" t="s">
        <v>5143</v>
      </c>
      <c r="H14079">
        <v>6.9554470982909997</v>
      </c>
      <c r="I14079">
        <v>52.993716403553002</v>
      </c>
      <c r="J14079" t="s">
        <v>69764</v>
      </c>
    </row>
    <row r="14080" spans="1:10" x14ac:dyDescent="0.25">
      <c r="A14080" t="s">
        <v>5136</v>
      </c>
      <c r="B14080" t="s">
        <v>5137</v>
      </c>
      <c r="C14080" t="s">
        <v>5138</v>
      </c>
      <c r="D14080" t="s">
        <v>5134</v>
      </c>
      <c r="E14080" t="s">
        <v>13</v>
      </c>
      <c r="F14080">
        <v>2</v>
      </c>
      <c r="G14080" t="s">
        <v>5139</v>
      </c>
      <c r="H14080">
        <v>6.9618785531949996</v>
      </c>
      <c r="I14080">
        <v>52.988580854056998</v>
      </c>
      <c r="J14080" t="s">
        <v>69765</v>
      </c>
    </row>
    <row r="14081" spans="1:10" x14ac:dyDescent="0.25">
      <c r="A14081" t="s">
        <v>5131</v>
      </c>
      <c r="B14081" t="s">
        <v>5132</v>
      </c>
      <c r="C14081" t="s">
        <v>5133</v>
      </c>
      <c r="D14081" t="s">
        <v>5134</v>
      </c>
      <c r="E14081" t="s">
        <v>13</v>
      </c>
      <c r="F14081">
        <v>1</v>
      </c>
      <c r="G14081" t="s">
        <v>5135</v>
      </c>
      <c r="H14081">
        <v>6.9540438208599999</v>
      </c>
      <c r="I14081">
        <v>52.988146748608003</v>
      </c>
      <c r="J14081" t="s">
        <v>69766</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erkbladen</vt:lpstr>
      </vt:variant>
      <vt:variant>
        <vt:i4>1</vt:i4>
      </vt:variant>
    </vt:vector>
  </HeadingPairs>
  <TitlesOfParts>
    <vt:vector size="1" baseType="lpstr">
      <vt:lpstr>neighborhoods_netherland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Loomans, Naud</cp:lastModifiedBy>
  <cp:revision>0</cp:revision>
  <dcterms:modified xsi:type="dcterms:W3CDTF">2024-07-18T20:46:22Z</dcterms:modified>
</cp:coreProperties>
</file>